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2228"/>
  <workbookPr defaultThemeVersion="166925"/>
  <mc:AlternateContent xmlns:mc="http://schemas.openxmlformats.org/markup-compatibility/2006">
    <mc:Choice Requires="x15">
      <x15ac:absPath xmlns:x15ac="http://schemas.microsoft.com/office/spreadsheetml/2010/11/ac" url="H:\TI Corporativa\07 - SGSI\51 - Sentinella\DLP\"/>
    </mc:Choice>
  </mc:AlternateContent>
  <xr:revisionPtr revIDLastSave="0" documentId="8_{1C69F83F-A33F-4F04-B4D0-20FF78CE9E17}" xr6:coauthVersionLast="45" xr6:coauthVersionMax="45" xr10:uidLastSave="{00000000-0000-0000-0000-000000000000}"/>
  <bookViews>
    <workbookView xWindow="-16995" yWindow="1560" windowWidth="16830" windowHeight="12600"/>
  </bookViews>
  <sheets>
    <sheet name="12202019_AdHoc_ce247460-ecf3-41" sheetId="1" r:id="rId1"/>
  </sheets>
  <calcPr calcId="0"/>
</workbook>
</file>

<file path=xl/calcChain.xml><?xml version="1.0" encoding="utf-8"?>
<calcChain xmlns="http://schemas.openxmlformats.org/spreadsheetml/2006/main">
  <c r="U15354" i="1" l="1"/>
  <c r="U15356" i="1"/>
  <c r="U16838" i="1"/>
  <c r="U16839" i="1"/>
  <c r="T22501" i="1"/>
  <c r="U22501" i="1"/>
</calcChain>
</file>

<file path=xl/sharedStrings.xml><?xml version="1.0" encoding="utf-8"?>
<sst xmlns="http://schemas.openxmlformats.org/spreadsheetml/2006/main" count="2666641" uniqueCount="128155">
  <si>
    <t>#</t>
  </si>
  <si>
    <t>Generated</t>
  </si>
  <si>
    <t>Received</t>
  </si>
  <si>
    <t>Severity</t>
  </si>
  <si>
    <t>Status</t>
  </si>
  <si>
    <t>Manager</t>
  </si>
  <si>
    <t>Department</t>
  </si>
  <si>
    <t>Policy</t>
  </si>
  <si>
    <t>Product Entity/Endpoint</t>
  </si>
  <si>
    <t>Product</t>
  </si>
  <si>
    <t>Product/Endpoint IP</t>
  </si>
  <si>
    <t>Product/Endpoint MAC</t>
  </si>
  <si>
    <t>Managing Server</t>
  </si>
  <si>
    <t>Endpoint</t>
  </si>
  <si>
    <t>Incident Source (AD Account)</t>
  </si>
  <si>
    <t>Incident Source (Sender)</t>
  </si>
  <si>
    <t>WebSite</t>
  </si>
  <si>
    <t>Recipient</t>
  </si>
  <si>
    <t>Subject</t>
  </si>
  <si>
    <t>File Location</t>
  </si>
  <si>
    <t>File</t>
  </si>
  <si>
    <t>File/Data Size</t>
  </si>
  <si>
    <t>Rule</t>
  </si>
  <si>
    <t>Template</t>
  </si>
  <si>
    <t>Channel</t>
  </si>
  <si>
    <t>Destination</t>
  </si>
  <si>
    <t>Action</t>
  </si>
  <si>
    <t>Incidents</t>
  </si>
  <si>
    <t>Cloud Service Vendor</t>
  </si>
  <si>
    <t>09/22/2019 18:23:31</t>
  </si>
  <si>
    <t>09/23/2019 07:20:30</t>
  </si>
  <si>
    <t>Undefined</t>
  </si>
  <si>
    <t>New</t>
  </si>
  <si>
    <t>N/A</t>
  </si>
  <si>
    <t>UDPAVAP04</t>
  </si>
  <si>
    <t>OfficeScan</t>
  </si>
  <si>
    <t>10.200.57.209</t>
  </si>
  <si>
    <t>64-1C-67-9C-32-46</t>
  </si>
  <si>
    <t>UDPTCMAP01</t>
  </si>
  <si>
    <t>NB-DENISEVC</t>
  </si>
  <si>
    <t>denisevca</t>
  </si>
  <si>
    <t>DENISE VIEIRA CARDOSO</t>
  </si>
  <si>
    <t>wayner_oliver@hotmail.com;</t>
  </si>
  <si>
    <t>PIF - GFC10 - Empresa - ISBE - Uberlandia - MG_v220919</t>
  </si>
  <si>
    <t>PIF - GFC10 - Empresa - ISBE - Uberlandia - MG_v220919.docx\</t>
  </si>
  <si>
    <t>Microsoft_Excel_Worksheet.xlsx</t>
  </si>
  <si>
    <t>DLP_Excel_Notebook</t>
  </si>
  <si>
    <t>DLP_Notebooks</t>
  </si>
  <si>
    <t>Exchange Client Mail</t>
  </si>
  <si>
    <t>wayner_oliver@hotmail.com</t>
  </si>
  <si>
    <t>Logged</t>
  </si>
  <si>
    <t>Microsoft Exchange Online</t>
  </si>
  <si>
    <t>09/22/2019 18:24:49</t>
  </si>
  <si>
    <t>PIF - GFC10 - Empresa - ISBE - Uberlandia - MG_DENISE</t>
  </si>
  <si>
    <t>PIF - GFC10 - Empresa - ISBE - Uberlandia - MG_DENISE.docx\</t>
  </si>
  <si>
    <t>09/22/2019 18:30:03</t>
  </si>
  <si>
    <t>09/22/2019 18:31:59</t>
  </si>
  <si>
    <t>eb6bae3b-d07b-444e-8467-8f32a1828712;</t>
  </si>
  <si>
    <t>outlook.live.com/owa/service.svc/CreateAttachmentFromLocalFile</t>
  </si>
  <si>
    <t>C:\Users\denisevca\Desktop\PIF - GFC10 - Empresa - ISBE - Uberlandia - MG_DENISE.docx\</t>
  </si>
  <si>
    <t>Webmail(Hotmail)</t>
  </si>
  <si>
    <t>09/22/2019 18:32:22</t>
  </si>
  <si>
    <t>09/22/2019 18:33:26</t>
  </si>
  <si>
    <t>09/20/2019 15:08:36</t>
  </si>
  <si>
    <t>09/23/2019 07:22:30</t>
  </si>
  <si>
    <t>CBB COORD FIELD SERVICE</t>
  </si>
  <si>
    <t>10.213.2.1</t>
  </si>
  <si>
    <t>A0-88-69-CC-C4-5F</t>
  </si>
  <si>
    <t>BRSPCLAB1912NT</t>
  </si>
  <si>
    <t>flaviom</t>
  </si>
  <si>
    <t>F:\</t>
  </si>
  <si>
    <t>Cronograma de atividade_@projeto257.xlsx</t>
  </si>
  <si>
    <t>DLP_USB</t>
  </si>
  <si>
    <t>Removable Storage</t>
  </si>
  <si>
    <t>F:\Cronograma de atividade_@projeto257.xlsx</t>
  </si>
  <si>
    <t>09/20/2019 15:33:40</t>
  </si>
  <si>
    <t>09/20/2019 18:16:06</t>
  </si>
  <si>
    <t>09/20/2019 18:45:41</t>
  </si>
  <si>
    <t>09/20/2019 18:48:55</t>
  </si>
  <si>
    <t>09/20/2019 19:03:22</t>
  </si>
  <si>
    <t>09/20/2019 15:13:45</t>
  </si>
  <si>
    <t>09/23/2019 07:27:30</t>
  </si>
  <si>
    <t>DIRETORIA ADMINISTRATIVA FINANCEIRA</t>
  </si>
  <si>
    <t>10.219.100.16</t>
  </si>
  <si>
    <t>64-1C-67-9C-32-4C</t>
  </si>
  <si>
    <t>NB-PAULOHSS</t>
  </si>
  <si>
    <t>fellypcsj</t>
  </si>
  <si>
    <t>C:\Users\fellypcsj\OneDrive - Grupo Algar\Engeset\ARQUIVOS DIVERSOS\Compras Engeset\</t>
  </si>
  <si>
    <t>032019 - ITENS OEBS.xlsb</t>
  </si>
  <si>
    <t>Cloud Storage (OneDrive)</t>
  </si>
  <si>
    <t>Microsoft OneDrive</t>
  </si>
  <si>
    <t>09/20/2019 15:22:25</t>
  </si>
  <si>
    <t>https://cscatende.algarnet.com.br/html/hd/hdscriptresposta/request/uploadincidentattachment.php?cdclassificacao=7&amp;action=1&amp;lastpositionattachement=undefined&amp;cdquestao=10813&amp;idmaisanexos=t</t>
  </si>
  <si>
    <t>8667;</t>
  </si>
  <si>
    <t>C:\Users\fellypcsj\OneDrive - Grupo Algar\Engeset\CADASTRO DE ITEM\</t>
  </si>
  <si>
    <t>Cadastro Notbook CILINDRO GÁS FM 200.xlsm</t>
  </si>
  <si>
    <t>HTTPS</t>
  </si>
  <si>
    <t>https://8667</t>
  </si>
  <si>
    <t>09/20/2019 15:22:50</t>
  </si>
  <si>
    <t>09/20/2019 15:36:30</t>
  </si>
  <si>
    <t>Fellyp Crosgnac Santos de Jesus</t>
  </si>
  <si>
    <t>/o=exchangelabs/ou=exchange administrative group (fydibohf23spdlt)/cn=recipients/cn=35600680776041e0b2e3612c7a4448ea-laura venan;</t>
  </si>
  <si>
    <t>Cadastro Digisensor</t>
  </si>
  <si>
    <t>CADASTRO CLIENTE DIGISENSOR.xlsx</t>
  </si>
  <si>
    <t>/o=exchangelabs/ou=exchange administrative group (fydibohf23spdlt)/cn=recipients/cn=35600680776041e0b2e3612c7a4448ea-laura venan</t>
  </si>
  <si>
    <t>09/21/2019 12:18:39</t>
  </si>
  <si>
    <t>https://cscatende.algarnet.com.br/html/hd/hdscriptresposta/request/uploadincidentattachment.php?cdclassificacao=7&amp;action=1&amp;lastpositionattachement=undefined&amp;cdquestao=9616&amp;idmaisanexos=t</t>
  </si>
  <si>
    <t>C:\Users\fellypcsj\OneDrive - Grupo Algar\Engeset\ADMINISTRATIVO FINANCEIRO\GEO GOVERNANÇA\GESTÃO DE CUSTOS\</t>
  </si>
  <si>
    <t>CR's diretoria.xls</t>
  </si>
  <si>
    <t>09/21/2019 17:39:32</t>
  </si>
  <si>
    <t>09/23/2019 07:55:30</t>
  </si>
  <si>
    <t>10.200.57.88</t>
  </si>
  <si>
    <t>64-1C-67-9C-54-27</t>
  </si>
  <si>
    <t>NB-LUCIANAFDA</t>
  </si>
  <si>
    <t>lucianafaa</t>
  </si>
  <si>
    <t>C:\Users\lucianafaa\OneDrive - Grupo Algar\2019\PROJETOS\WFM\CONTROLE\STATUS REPORT\2019\SETEMBRO\Programa Staff Digital - 2309.pptx\</t>
  </si>
  <si>
    <t>Microsoft_Excel_Worksheet1.xlsx</t>
  </si>
  <si>
    <t>Microsoft_Excel_Worksheet10.xlsx</t>
  </si>
  <si>
    <t>Microsoft_Excel_Worksheet11.xlsx</t>
  </si>
  <si>
    <t>Microsoft_Excel_Worksheet12.xlsx</t>
  </si>
  <si>
    <t>Microsoft_Excel_Worksheet13.xlsx</t>
  </si>
  <si>
    <t>Microsoft_Excel_Worksheet14.xlsx</t>
  </si>
  <si>
    <t>Microsoft_Excel_Worksheet15.xlsx</t>
  </si>
  <si>
    <t>Microsoft_Excel_Worksheet16.xlsx</t>
  </si>
  <si>
    <t>Microsoft_Excel_Worksheet17.xlsx</t>
  </si>
  <si>
    <t>Microsoft_Excel_Worksheet18.xlsx</t>
  </si>
  <si>
    <t>Microsoft_Excel_Worksheet2.xlsx</t>
  </si>
  <si>
    <t>Microsoft_Excel_Worksheet3.xlsx</t>
  </si>
  <si>
    <t>Microsoft_Excel_Worksheet4.xlsx</t>
  </si>
  <si>
    <t>Microsoft_Excel_Worksheet5.xlsx</t>
  </si>
  <si>
    <t>Microsoft_Excel_Worksheet6.xlsx</t>
  </si>
  <si>
    <t>Microsoft_Excel_Worksheet7.xlsx</t>
  </si>
  <si>
    <t>Microsoft_Excel_Worksheet8.xlsx</t>
  </si>
  <si>
    <t>Microsoft_Excel_Worksheet9.xlsx</t>
  </si>
  <si>
    <t>09/21/2019 17:41:25</t>
  </si>
  <si>
    <t>09/21/2019 17:42:03</t>
  </si>
  <si>
    <t>Luciana Ferreira de Almeida Araujo</t>
  </si>
  <si>
    <t>/o=exchangelabs/ou=exchange administrative group (fydibohf23spdlt)/cn=recipients/cn=a78f7dae304e472e9f75bd537683f6e5-hugo de oli;/o=exchangelabs/ou=exchange administrative group (fydibohf23spdlt)/cn=recipients/cn=fd4a47c4d251414eb48a57376a49e773-marco tulio;/o=exchangelabs/ou=exchange administrative group (fydibohf23spdlt)/cn=recipients/cn=feeccbeb32424ad09b049c1a1ba68bda-patricia ma;</t>
  </si>
  <si>
    <t>RES: staff digital</t>
  </si>
  <si>
    <t>Programa Staff Digital - 2309.pptx\</t>
  </si>
  <si>
    <t>/o=exchangelabs/ou=exchange administrative group (fydibohf23spdlt)/cn=recipients/cn=a78f7dae304e472e9f75bd537683f6e5-hugo de oli,/o=exchangelabs/ou=exchange administrative group (fydibohf23spdlt)/cn=recipients/cn=fd4a47c4d251414eb48a57376a49e773-marco tulio,/o=exchangelabs/ou=exchange administrative group (fydibohf23spdlt)/cn=recipients/cn=feeccbeb32424ad09b049c1a1ba68bda-patricia ma</t>
  </si>
  <si>
    <t>09/19/2019 10:37:29</t>
  </si>
  <si>
    <t>10.207.12.107</t>
  </si>
  <si>
    <t>64-1C-67-9D-34-87</t>
  </si>
  <si>
    <t>NB-LUCIANASSA</t>
  </si>
  <si>
    <t>lucianassa</t>
  </si>
  <si>
    <t>LUCIANA SILVA SAVI</t>
  </si>
  <si>
    <t>/o=exchangelabs/ou=exchange administrative group (fydibohf23spdlt)/cn=recipients/cn=027c2da1ea5a42378a892f895ed29947-andressa tu;</t>
  </si>
  <si>
    <t>It Forum</t>
  </si>
  <si>
    <t>It Forum X - Luciana Savi V3.xlsx</t>
  </si>
  <si>
    <t>/o=exchangelabs/ou=exchange administrative group (fydibohf23spdlt)/cn=recipients/cn=027c2da1ea5a42378a892f895ed29947-andressa tu</t>
  </si>
  <si>
    <t>09/19/2019 10:45:20</t>
  </si>
  <si>
    <t>/o=exchangelabs/ou=exchange administrative group (fydibohf23spdlt)/cn=recipients/cn=f167860e3f1940cc81730e5f24d2f0bb-alexandre f;</t>
  </si>
  <si>
    <t>ENC: RFP PwC | Avaliação Comercial - Algar Tech</t>
  </si>
  <si>
    <t>Avaliação_Comercial_Sistemas.xlsx</t>
  </si>
  <si>
    <t>/o=exchangelabs/ou=exchange administrative group (fydibohf23spdlt)/cn=recipients/cn=f167860e3f1940cc81730e5f24d2f0bb-alexandre f</t>
  </si>
  <si>
    <t>09/20/2019 15:37:55</t>
  </si>
  <si>
    <t>09/23/2019 08:02:30</t>
  </si>
  <si>
    <t>COORD PLANEJAMENTO E CONTROLE</t>
  </si>
  <si>
    <t>10.200.58.163</t>
  </si>
  <si>
    <t>FC-01-7C-B3-56-3D</t>
  </si>
  <si>
    <t>NB-RODRIGOMBU</t>
  </si>
  <si>
    <t>rodrigombu</t>
  </si>
  <si>
    <t>Rodrigo Mendonca Buso</t>
  </si>
  <si>
    <t>/o=exchangelabs/ou=exchange administrative group (fydibohf23spdlt)/cn=recipients/cn=0ca6cc8d100949a7866a928f62ef5778-rosilene de;/o=exchangelabs/ou=exchange administrative group (fydibohf23spdlt)/cn=recipients/cn=1023d5718cf74aad8f1f7f0d507959c2-michel ribe;/o=exchangelabs/ou=exchange administrative group (fydibohf23spdlt)/cn=recipients/cn=3a10c1d788234688b257ab253389ec06-mateus mala;/o=exchangelabs/ou=exchange administrative group (fydibohf23spdlt)/cn=recipients/cn=a9a1fe1d51ef4ee29617a1c11aa10050-marinalva i;/o=exchangelabs/ou=exchange administrative group (fydibohf23spdlt)/cn=recipients/cn=ca1f2dadbd0542a8ad075275acf52ff3-rondinele s;/o=exchangelabs/ou=exchange administrative group (fydibohf23spdlt)/cn=recipients/cn=cbea44aca4fb41a1aba289a0475041a1-daiane cris;guilherme_andrade@whirlpool.com;luanda_s_almeida@whirlpool.com;</t>
  </si>
  <si>
    <t>Dashboard Pa Digital - Parcial Set/2019</t>
  </si>
  <si>
    <t>Dashboard PA Digital - 201909.xlsx</t>
  </si>
  <si>
    <t>/o=exchangelabs/ou=exchange administrative group (fydibohf23spdlt)/cn=recipients/cn=0ca6cc8d100949a7866a928f62ef5778-rosilene de,/o=exchangelabs/ou=exchange administrative group (fydibohf23spdlt)/cn=recipients/cn=1023d5718cf74aad8f1f7f0d507959c2-michel ribe,/o=exchangelabs/ou=exchange administrative group (fydibohf23spdlt)/cn=recipients/cn=3a10c1d788234688b257ab253389ec06-mateus mala,/o=exchangelabs/ou=exchange administrative group (fydibohf23spdlt)/cn=recipients/cn=a9a1fe1d51ef4ee29617a1c11aa10050-marinalva i,/o=exchangelabs/ou=exchange administrative group (fydibohf23spdlt)/cn=recipients/cn=ca1f2dadbd0542a8ad075275acf52ff3-rondinele s,/o=exchangelabs/ou=exchange administrative group (fydibohf23spdlt)/cn=recipients/cn=cbea44aca4fb41a1aba289a0475041a1-daiane cris,guilherme_andrade@whirlpool.com,luanda_s_almeida@whirlpool.com</t>
  </si>
  <si>
    <t>09/23/2019 08:15:51</t>
  </si>
  <si>
    <t>09/23/2019 08:18:30</t>
  </si>
  <si>
    <t>GESTÃO POR PROCESSOS - UDI</t>
  </si>
  <si>
    <t>10.200.57.75</t>
  </si>
  <si>
    <t>FC-01-7C-C0-2A-99</t>
  </si>
  <si>
    <t>NB-MARIANNACSM</t>
  </si>
  <si>
    <t>mariannacsm</t>
  </si>
  <si>
    <t>C:\Users\mariannacsm\OneDrive - Grupo Algar\0- PMO-POOL\POOL\02 - Volumes CCC 2020\</t>
  </si>
  <si>
    <t>Base Distribuição 2019 Agostov2.xlsx</t>
  </si>
  <si>
    <t>09/19/2019 10:51:54</t>
  </si>
  <si>
    <t>09/23/2019 08:20:30</t>
  </si>
  <si>
    <t>10.16.76.51</t>
  </si>
  <si>
    <t>10-1F-74-EC-0F-EB</t>
  </si>
  <si>
    <t>NB-MARCOSPEREIR</t>
  </si>
  <si>
    <t>marcos.pereira</t>
  </si>
  <si>
    <t>Marcos Pereira dos Santos</t>
  </si>
  <si>
    <t>/o=exchangelabs/ou=exchange administrative group (fydibohf23spdlt)/cn=recipients/cn=4097402e2d3e4073b597d33928140586-paulo sergi;</t>
  </si>
  <si>
    <t>ENC: ACEITAÇÕES DE SITES JULHO 2019</t>
  </si>
  <si>
    <t>PO para emissão de FS - ALGAR 20190919.xlsx</t>
  </si>
  <si>
    <t>/o=exchangelabs/ou=exchange administrative group (fydibohf23spdlt)/cn=recipients/cn=4097402e2d3e4073b597d33928140586-paulo sergi</t>
  </si>
  <si>
    <t>09/19/2019 11:02:50</t>
  </si>
  <si>
    <t>/o=exchangelabs/ou=exchange administrative group (fydibohf23spdlt)/cn=recipients/cn=002ec1cd4de64cd68f3e33ca3518cc0b-fernando ro;/o=exchangelabs/ou=exchange administrative group (fydibohf23spdlt)/cn=recipients/cn=1e45e12566d4418ba0325de92fea64a4-akassia bez;/o=exchangelabs/ou=exchange administrative group (fydibohf23spdlt)/cn=recipients/cn=3bff4ffb267e4ea2a4a3347f6a4c5cf8-tatiane mag;/o=exchangelabs/ou=exchange administrative group (fydibohf23spdlt)/cn=recipients/cn=42aadbe8775e4c2cb37c145f9d092a4e-carlos west;/o=exchangelabs/ou=exchange administrative group (fydibohf23spdlt)/cn=recipients/cn=53c2e22be453412dbf889859836f4501-luana regin;/o=exchangelabs/ou=exchange administrative group (fydibohf23spdlt)/cn=recipients/cn=55124587bb9148f5887830eedfe99a77-marilia men;/o=exchangelabs/ou=exchange administrative group (fydibohf23spdlt)/cn=recipients/cn=9e20ba3b6afd447db98f75fb7bdc7037-francisco e;</t>
  </si>
  <si>
    <t>/o=exchangelabs/ou=exchange administrative group (fydibohf23spdlt)/cn=recipients/cn=002ec1cd4de64cd68f3e33ca3518cc0b-fernando ro,/o=exchangelabs/ou=exchange administrative group (fydibohf23spdlt)/cn=recipients/cn=1e45e12566d4418ba0325de92fea64a4-akassia bez,/o=exchangelabs/ou=exchange administrative group (fydibohf23spdlt)/cn=recipients/cn=3bff4ffb267e4ea2a4a3347f6a4c5cf8-tatiane mag,/o=exchangelabs/ou=exchange administrative group (fydibohf23spdlt)/cn=recipients/cn=42aadbe8775e4c2cb37c145f9d092a4e-carlos west,/o=exchangelabs/ou=exchange administrative group (fydibohf23spdlt)/cn=recipients/cn=53c2e22be453412dbf889859836f4501-luana regin,/o=exchangelabs/ou=exchange administrative group (fydibohf23spdlt)/cn=recipients/cn=55124587bb9148f5887830eedfe99a77-marilia men,/o=exchangelabs/ou=exchange administrative group (fydibohf23spdlt)/cn=recipients/cn=9e20ba3b6afd447db98f75fb7bdc7037-francisco e</t>
  </si>
  <si>
    <t>09/19/2019 13:38:47</t>
  </si>
  <si>
    <t>09/23/2019 08:21:30</t>
  </si>
  <si>
    <t>/o=exchangelabs/ou=exchange administrative group (fydibohf23spdlt)/cn=recipients/cn=002ec1cd4de64cd68f3e33ca3518cc0b-fernando ro;</t>
  </si>
  <si>
    <t>ENC: ORÇAMENTOS EXECUTADOS</t>
  </si>
  <si>
    <t>ORÇAMENTOS-EXECUTADOS TIM.xlsx</t>
  </si>
  <si>
    <t>/o=exchangelabs/ou=exchange administrative group (fydibohf23spdlt)/cn=recipients/cn=002ec1cd4de64cd68f3e33ca3518cc0b-fernando ro</t>
  </si>
  <si>
    <t>09/20/2019 11:55:53</t>
  </si>
  <si>
    <t>sufsilva@timbrasil.com.br;vcoelho_act@timbrasil.com.br;</t>
  </si>
  <si>
    <t>Orçamentos executados TIM</t>
  </si>
  <si>
    <t>sufsilva@timbrasil.com.br,vcoelho_act@timbrasil.com.br</t>
  </si>
  <si>
    <t>09/20/2019 12:21:39</t>
  </si>
  <si>
    <t>ORÇAMENTOS CIRITCOS</t>
  </si>
  <si>
    <t>ORÇAMENTOS CRITICOS TIM.xlsx</t>
  </si>
  <si>
    <t>09/20/2019 14:45:32</t>
  </si>
  <si>
    <t>ENC: Prioridades de Orçamentos - SUL</t>
  </si>
  <si>
    <t>ORÇAMENTO TIM - SUL - 11-09-19.xlsx</t>
  </si>
  <si>
    <t>09/21/2019 12:38:11</t>
  </si>
  <si>
    <t>E:\LOTERIA\</t>
  </si>
  <si>
    <t>PLANILHA 25 DEZENAS EM 24 JOGOS.xlsx</t>
  </si>
  <si>
    <t>E:\LOTERIA\PLANILHA 25 DEZENAS EM 24 JOGOS.xlsx</t>
  </si>
  <si>
    <t>09/21/2019 12:42:04</t>
  </si>
  <si>
    <t>PLANILHA 25 DEZENAS EM 36 JOGOS.xlsx</t>
  </si>
  <si>
    <t>E:\LOTERIA\PLANILHA 25 DEZENAS EM 36 JOGOS.xlsx</t>
  </si>
  <si>
    <t>09/21/2019 12:54:53</t>
  </si>
  <si>
    <t>09/23/2019 08:22:10</t>
  </si>
  <si>
    <t>09/23/2019 08:24:30</t>
  </si>
  <si>
    <t>PROJETO TRANSFORMACAO</t>
  </si>
  <si>
    <t>10.200.60.165</t>
  </si>
  <si>
    <t>5C-EA-1D-CF-BE-F7</t>
  </si>
  <si>
    <t>NB-DIEGOR</t>
  </si>
  <si>
    <t>diegorg</t>
  </si>
  <si>
    <t>Diego Ribeiro Garcia</t>
  </si>
  <si>
    <t>/o=exchangelabs/ou=exchange administrative group (fydibohf23spdlt)/cn=recipients/cn=f0723cfec25d44359e10a3afabfe3d5f-ederlei rod;</t>
  </si>
  <si>
    <t>capex x receita.xlsx</t>
  </si>
  <si>
    <t>/o=exchangelabs/ou=exchange administrative group (fydibohf23spdlt)/cn=recipients/cn=f0723cfec25d44359e10a3afabfe3d5f-ederlei rod</t>
  </si>
  <si>
    <t>09/23/2019 08:22:41</t>
  </si>
  <si>
    <t>09/23/2019 08:27:30</t>
  </si>
  <si>
    <t>DTH SAUDE, SEGURANÇA E MEIO AMBIENTE</t>
  </si>
  <si>
    <t>10.200.61.111</t>
  </si>
  <si>
    <t>54-BF-64-F5-7F-8C</t>
  </si>
  <si>
    <t>NB-LEANDROJBE</t>
  </si>
  <si>
    <t>leandrojbe</t>
  </si>
  <si>
    <t>E:\CBM\</t>
  </si>
  <si>
    <t>067D9640</t>
  </si>
  <si>
    <t>E:\CBM\067D9640</t>
  </si>
  <si>
    <t>09/23/2019 08:25:06</t>
  </si>
  <si>
    <t>09/23/2019 08:28:31</t>
  </si>
  <si>
    <t>CTIC COORDENACAO PROJETOS DE TI</t>
  </si>
  <si>
    <t>10.200.33.12</t>
  </si>
  <si>
    <t>20-04-0F-FD-35-AC</t>
  </si>
  <si>
    <t>NB-KARLOSGC</t>
  </si>
  <si>
    <t>karlosgc</t>
  </si>
  <si>
    <t>C:\Users\karlosgc\Dropbox\NB-AlgarTech\BIG_DATA\</t>
  </si>
  <si>
    <t>2019_09_22-1132 - Demandas da Equipe - revisao flroencio V5.xlsx</t>
  </si>
  <si>
    <t>Cloud Storage (DropBox)</t>
  </si>
  <si>
    <t>Cloud Storage (Dropbox)</t>
  </si>
  <si>
    <t>Dropbox</t>
  </si>
  <si>
    <t>09/23/2019 08:28:17</t>
  </si>
  <si>
    <t>09/23/2019 08:25:19</t>
  </si>
  <si>
    <t>Compras 2020.xlsx</t>
  </si>
  <si>
    <t>09/23/2019 08:28:50</t>
  </si>
  <si>
    <t>09/23/2019 08:33:30</t>
  </si>
  <si>
    <t>AMEX MR BRAND</t>
  </si>
  <si>
    <t>10.200.35.117</t>
  </si>
  <si>
    <t>20-04-0F-FE-49-32</t>
  </si>
  <si>
    <t>NB-PATRICIAARS</t>
  </si>
  <si>
    <t>patriciaars</t>
  </si>
  <si>
    <t>Patricia Araujo Silva</t>
  </si>
  <si>
    <t>/o=exchangelabs/ou=exchange administrative group (fydibohf23spdlt)/cn=recipients/cn=54861e79125f48cc952d00cf8160b9a8-jeferson fe;/o=exchangelabs/ou=exchange administrative group (fydibohf23spdlt)/cn=recipients/cn=f00c439d0d474c0586a503a0209ed1f2-bruno wande;marcotb@algartech.com;</t>
  </si>
  <si>
    <t>ENC: Estrutura Boticário</t>
  </si>
  <si>
    <t>Volume Boticário.xlsx</t>
  </si>
  <si>
    <t>/o=exchangelabs/ou=exchange administrative group (fydibohf23spdlt)/cn=recipients/cn=54861e79125f48cc952d00cf8160b9a8-jeferson fe,/o=exchangelabs/ou=exchange administrative group (fydibohf23spdlt)/cn=recipients/cn=f00c439d0d474c0586a503a0209ed1f2-bruno wande,marcotb@algartech.com</t>
  </si>
  <si>
    <t>09/23/2019 08:29:09</t>
  </si>
  <si>
    <t>09/23/2019 08:30:18</t>
  </si>
  <si>
    <t>C:\Users\karlosgc\Dropbox\NB-AlgarTech\BIG_DATA\Projetos em Andamento.zip\Projetos em Andamento\</t>
  </si>
  <si>
    <t>2019_09_21-1132 - Demandas da Equipe (Priorizadas e NÆo Priorizadas).xlsx</t>
  </si>
  <si>
    <t>09/23/2019 08:30:27</t>
  </si>
  <si>
    <t>C:\Users\karlosgc\Dropbox\NB-AlgarTech\BIG_DATA\Projetos em Andamento\</t>
  </si>
  <si>
    <t>2019_09_21-1132 - Demandas da Equipe (Priorizadas e Não Priorizadas).xlsx</t>
  </si>
  <si>
    <t>09/23/2019 08:30:36</t>
  </si>
  <si>
    <t>09/23/2019 08:30:19</t>
  </si>
  <si>
    <t>Marianna Costa Silva Mota</t>
  </si>
  <si>
    <t>/o=exchangelabs/ou=exchange administrative group (fydibohf23spdlt)/cn=recipients/cn=65d35bc38c6743d7a55b3ae9726a5893-diego ribei;</t>
  </si>
  <si>
    <t>Compras 2020</t>
  </si>
  <si>
    <t>/o=exchangelabs/ou=exchange administrative group (fydibohf23spdlt)/cn=recipients/cn=65d35bc38c6743d7a55b3ae9726a5893-diego ribei</t>
  </si>
  <si>
    <t>09/23/2019 08:35:30</t>
  </si>
  <si>
    <t>OPERACAO WHIRLPOOL</t>
  </si>
  <si>
    <t>10.200.200.32</t>
  </si>
  <si>
    <t>EC-F4-BB-F7-2C-F8</t>
  </si>
  <si>
    <t>NB-LUCIANARBA</t>
  </si>
  <si>
    <t>lucianarba</t>
  </si>
  <si>
    <t>Luciana Ribeiro Barbosa de Almeida</t>
  </si>
  <si>
    <t>/o=exchangelabs/ou=exchange administrative group (fydibohf23spdlt)/cn=recipients/cn=5dc660c055e14f5ab5647ab38237cbdc-eduardo aug;/o=exchangelabs/ou=exchange administrative group (fydibohf23spdlt)/cn=recipients/cn=8f4e3aa524514f919832da77d1e13730-giselle nar;/o=exchangelabs/ou=exchange administrative group (fydibohf23spdlt)/cn=recipients/cn=c29ec9dae022497281c840087cccddec-patricia ar;/o=exchangelabs/ou=exchange administrative group (fydibohf23spdlt)/cn=recipients/cn=cb5adfd7be5d42f39b6c2497336ba9d7-fernando gu;</t>
  </si>
  <si>
    <t>RES: Novo cenário - OPP180253 Reclame Aqui Carrefour - ERRATA.</t>
  </si>
  <si>
    <t>180253 - Carrefour Reclame Aqui Varejo - Validado.xlsb</t>
  </si>
  <si>
    <t>/o=exchangelabs/ou=exchange administrative group (fydibohf23spdlt)/cn=recipients/cn=5dc660c055e14f5ab5647ab38237cbdc-eduardo aug,/o=exchangelabs/ou=exchange administrative group (fydibohf23spdlt)/cn=recipients/cn=8f4e3aa524514f919832da77d1e13730-giselle nar,/o=exchangelabs/ou=exchange administrative group (fydibohf23spdlt)/cn=recipients/cn=c29ec9dae022497281c840087cccddec-patricia ar,/o=exchangelabs/ou=exchange administrative group (fydibohf23spdlt)/cn=recipients/cn=cb5adfd7be5d42f39b6c2497336ba9d7-fernando gu</t>
  </si>
  <si>
    <t>09/23/2019 08:34:09</t>
  </si>
  <si>
    <t>09/23/2019 08:38:31</t>
  </si>
  <si>
    <t>10.200.60.169</t>
  </si>
  <si>
    <t>68-A3-C4-5A-7F-A5</t>
  </si>
  <si>
    <t>NB-GISELECLSS</t>
  </si>
  <si>
    <t>giseleclss</t>
  </si>
  <si>
    <t>Gisele Cristina Luiz Dos Santos Souza</t>
  </si>
  <si>
    <t>/o=exchangelabs/ou=exchange administrative group (fydibohf23spdlt)/cn=recipients/cn=b327ee58b9ea4fdc8f0c0bee4eb365d2-sesmt - reg;</t>
  </si>
  <si>
    <t>Cadastro geral</t>
  </si>
  <si>
    <t>Cadastro geral 23_09_2019.xlsx</t>
  </si>
  <si>
    <t>/o=exchangelabs/ou=exchange administrative group (fydibohf23spdlt)/cn=recipients/cn=b327ee58b9ea4fdc8f0c0bee4eb365d2-sesmt - reg</t>
  </si>
  <si>
    <t>09/23/2019 08:34:42</t>
  </si>
  <si>
    <t>09/23/2019 08:39:30</t>
  </si>
  <si>
    <t>/o=exchangelabs/ou=exchange administrative group (fydibohf23spdlt)/cn=recipients/cn=56f1ed18d0b4438e8484a989403b0f53-ana paula c;</t>
  </si>
  <si>
    <t>/o=exchangelabs/ou=exchange administrative group (fydibohf23spdlt)/cn=recipients/cn=56f1ed18d0b4438e8484a989403b0f53-ana paula c</t>
  </si>
  <si>
    <t>09/23/2019 08:37:33</t>
  </si>
  <si>
    <t>09/23/2019 08:41:30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3bff4ffb267e4ea2a4a3347f6a4c5cf8-tatiane mag;/o=exchangelabs/ou=exchange administrative group (fydibohf23spdlt)/cn=recipients/cn=4097402e2d3e4073b597d33928140586-paulo sergi;/o=exchangelabs/ou=exchange administrative group (fydibohf23spdlt)/cn=recipients/cn=42aadbe8775e4c2cb37c145f9d092a4e-carlos west;/o=exchangelabs/ou=exchange administrative group (fydibohf23spdlt)/cn=recipients/cn=518109802f95454588121e2ff09bd792-marcio roge;/o=exchangelabs/ou=exchange administrative group (fydibohf23spdlt)/cn=recipients/cn=5eb8447f1992416c986b6f95f45fc7f7-jose paixao;/o=exchangelabs/ou=exchange administrative group (fydibohf23spdlt)/cn=recipients/cn=7df34f8bfd5c49aba90be766dd53403a-rosi</t>
  </si>
  <si>
    <t>OS PENDENTES</t>
  </si>
  <si>
    <t>OBRAS_PENDENTES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3bff4ffb267e4ea2a4a3347f6a4c5cf8-tatiane mag,/o=exchangelabs/ou=exchange administrative group (fydibohf23spdlt)/cn=recipients/cn=4097402e2d3e4073b597d33928140586-paulo sergi,/o=exchangelabs/ou=exchange administrative group (fydibohf23spdlt)/cn=recipients/cn=42aadbe8775e4c2cb37c145f9d092a4e-carlos west,/o=exchangelabs/ou=exchange administrative group (fydibohf23spdlt)/cn=recipients/cn=518109802f95454588121e2ff09bd792-marcio roge,/o=exchangelabs/ou=exchange administrative group (fydibohf23spdlt)/cn=recipients/cn=5eb8447f1992416c986b6f95f45fc7f7-jose paixao,/o=exchangelabs/ou=exchange administrative group (fydibohf23spdlt)/cn=recipients/cn=7df34f8bfd5c49aba90be766dd53403a-rosi</t>
  </si>
  <si>
    <t>09/23/2019 08:41:11</t>
  </si>
  <si>
    <t>09/23/2019 08:45:30</t>
  </si>
  <si>
    <t>DCO DIRETORIA COMERCIAL</t>
  </si>
  <si>
    <t>10.200.59.5</t>
  </si>
  <si>
    <t>20-04-0F-FD-B4-7A</t>
  </si>
  <si>
    <t>NB-POLATI</t>
  </si>
  <si>
    <t>polati</t>
  </si>
  <si>
    <t>C:\Users\polati\OneDrive\</t>
  </si>
  <si>
    <t>FINANCAS oficial dez18.xlsx</t>
  </si>
  <si>
    <t>09/23/2019 08:42:15</t>
  </si>
  <si>
    <t>09/23/2019 08:47:31</t>
  </si>
  <si>
    <t>/o=exchangelabs/ou=exchange administrative group (fydibohf23spdlt)/cn=recipients/cn=0ca6cc8d100949a7866a928f62ef5778-rosilene de;/o=exchangelabs/ou=exchange administrative group (fydibohf23spdlt)/cn=recipients/cn=6189712535ea4b50a3625910837af2c9-larissa bra;</t>
  </si>
  <si>
    <t>Acompanhamento NPS - TRACK SALES e 5 STAR - Parcial Set/2019</t>
  </si>
  <si>
    <t>Base Pendente NPS.xlsx</t>
  </si>
  <si>
    <t>/o=exchangelabs/ou=exchange administrative group (fydibohf23spdlt)/cn=recipients/cn=0ca6cc8d100949a7866a928f62ef5778-rosilene de,/o=exchangelabs/ou=exchange administrative group (fydibohf23spdlt)/cn=recipients/cn=6189712535ea4b50a3625910837af2c9-larissa bra</t>
  </si>
  <si>
    <t>09/23/2019 08:42:51</t>
  </si>
  <si>
    <t>C:\Users\rodrigombu\OneDrive - Grupo Algar\Whirlpool\Bases Qlikview\OS Criadas\</t>
  </si>
  <si>
    <t>0ANALYSIS_PATTERN (70).csv</t>
  </si>
  <si>
    <t>09/23/2019 08:43:24</t>
  </si>
  <si>
    <t>C:\Users\rodrigombu\OneDrive - Grupo Algar\Whirlpool\Bases Qlikview\Retenção\</t>
  </si>
  <si>
    <t>RetencaoV2.csv</t>
  </si>
  <si>
    <t>09/20/2019 17:30:10</t>
  </si>
  <si>
    <t>09/23/2019 08:48:31</t>
  </si>
  <si>
    <t>CERRADO GESTAO COMPARTILHADA OPERACOES</t>
  </si>
  <si>
    <t>10.200.64.2</t>
  </si>
  <si>
    <t>64-1C-67-9C-34-1F</t>
  </si>
  <si>
    <t>NB-BRUNOC</t>
  </si>
  <si>
    <t>brunocs</t>
  </si>
  <si>
    <t>Bruno Camelo Souza Silva</t>
  </si>
  <si>
    <t>/o=exchangelabs/ou=exchange administrative group (fydibohf23spdlt)/cn=recipients/cn=32fe8a14424941da83c2bf35a8a5709e-fabiana car;marcotvo@algartech.com;</t>
  </si>
  <si>
    <t>Versão V9</t>
  </si>
  <si>
    <t>GRC_EPO V9.pptx\</t>
  </si>
  <si>
    <t>/o=exchangelabs/ou=exchange administrative group (fydibohf23spdlt)/cn=recipients/cn=32fe8a14424941da83c2bf35a8a5709e-fabiana car,marcotvo@algartech.com</t>
  </si>
  <si>
    <t>09/23/2019 08:49:28</t>
  </si>
  <si>
    <t>09/23/2019 08:50:31</t>
  </si>
  <si>
    <t>CERRADO PESSOA JURIDICA VME</t>
  </si>
  <si>
    <t>10.200.32.32</t>
  </si>
  <si>
    <t>64-1C-67-A0-38-F7</t>
  </si>
  <si>
    <t>NB-LEONORAAT</t>
  </si>
  <si>
    <t>leonoraat</t>
  </si>
  <si>
    <t>C:\Users\leonoraat\OneDrive - Grupo Algar\Área de Trabalho\</t>
  </si>
  <si>
    <t>Operação Leonora_04-09.xls</t>
  </si>
  <si>
    <t>09/23/2019 08:49:35</t>
  </si>
  <si>
    <t>Atividades Tecnicos.xlsx</t>
  </si>
  <si>
    <t>09/23/2019 08:48:26</t>
  </si>
  <si>
    <t>/o=exchangelabs/ou=exchange administrative group (fydibohf23spdlt)/cn=recipients/cn=5dc660c055e14f5ab5647ab38237cbdc-eduardo aug;/o=exchangelabs/ou=exchange administrative group (fydibohf23spdlt)/cn=recipients/cn=8ab5e44d485043d59eb4f21463e63e6a-tays dos sa;/o=exchangelabs/ou=exchange administrative group (fydibohf23spdlt)/cn=recipients/cn=8f4e3aa524514f919832da77d1e13730-giselle nar;/o=exchangelabs/ou=exchange administrative group (fydibohf23spdlt)/cn=recipients/cn=c29ec9dae022497281c840087cccddec-patricia ar;/o=exchangelabs/ou=exchange administrative group (fydibohf23spdlt)/cn=recipients/cn=cb5adfd7be5d42f39b6c2497336ba9d7-fernando gu;</t>
  </si>
  <si>
    <t>/o=exchangelabs/ou=exchange administrative group (fydibohf23spdlt)/cn=recipients/cn=5dc660c055e14f5ab5647ab38237cbdc-eduardo aug,/o=exchangelabs/ou=exchange administrative group (fydibohf23spdlt)/cn=recipients/cn=8ab5e44d485043d59eb4f21463e63e6a-tays dos sa,/o=exchangelabs/ou=exchange administrative group (fydibohf23spdlt)/cn=recipients/cn=8f4e3aa524514f919832da77d1e13730-giselle nar,/o=exchangelabs/ou=exchange administrative group (fydibohf23spdlt)/cn=recipients/cn=c29ec9dae022497281c840087cccddec-patricia ar,/o=exchangelabs/ou=exchange administrative group (fydibohf23spdlt)/cn=recipients/cn=cb5adfd7be5d42f39b6c2497336ba9d7-fernando gu</t>
  </si>
  <si>
    <t>09/23/2019 08:52:04</t>
  </si>
  <si>
    <t>09/23/2019 08:53:32</t>
  </si>
  <si>
    <t>/o=exchangelabs/ou=exchange administrative group (fydibohf23spdlt)/cn=recipients/cn=b194f014572c4c36b52132f9199df1aa-jairo junio;/o=exchangelabs/ou=exchange administrative group (fydibohf23spdlt)/cn=recipients/cn=f167860e3f1940cc81730e5f24d2f0bb-alexandre f;</t>
  </si>
  <si>
    <t>ENC: Projeto Carrefour - Ultimo BP</t>
  </si>
  <si>
    <t>206404 - BP Consolidado_V5.xlsb</t>
  </si>
  <si>
    <t>/o=exchangelabs/ou=exchange administrative group (fydibohf23spdlt)/cn=recipients/cn=b194f014572c4c36b52132f9199df1aa-jairo junio,/o=exchangelabs/ou=exchange administrative group (fydibohf23spdlt)/cn=recipients/cn=f167860e3f1940cc81730e5f24d2f0bb-alexandre f</t>
  </si>
  <si>
    <t>09/23/2019 08:51:28</t>
  </si>
  <si>
    <t>09/23/2019 08:54:32</t>
  </si>
  <si>
    <t>DIRETORIA ADMINISTRATIVO FINANCEIRA</t>
  </si>
  <si>
    <t>10.200.60.57</t>
  </si>
  <si>
    <t>74-E6-E2-D0-27-82</t>
  </si>
  <si>
    <t>NB-JAIRDPOF</t>
  </si>
  <si>
    <t>jairdpof</t>
  </si>
  <si>
    <t>JAIR DE PAULA OLIVEIRA FILHO</t>
  </si>
  <si>
    <t>/o=exchangelabs/ou=exchange administrative group (fydibohf23spdlt)/cn=recipients/cn=bcc9538754d3496ea31a487e560f8214-silvio mart;</t>
  </si>
  <si>
    <t>Planilha TH Atendimento</t>
  </si>
  <si>
    <t>Premissas Diretoria de Gente_Inter_ATENDIMENTO.xlsb</t>
  </si>
  <si>
    <t>/o=exchangelabs/ou=exchange administrative group (fydibohf23spdlt)/cn=recipients/cn=bcc9538754d3496ea31a487e560f8214-silvio mart</t>
  </si>
  <si>
    <t>09/23/2019 08:52:19</t>
  </si>
  <si>
    <t>09/23/2019 08:56:32</t>
  </si>
  <si>
    <t>CML NOVOS NEGOCIOS</t>
  </si>
  <si>
    <t>10.200.57.128</t>
  </si>
  <si>
    <t>18-66-DA-FE-9D-3C</t>
  </si>
  <si>
    <t>NB-FABIANOWO</t>
  </si>
  <si>
    <t>fabianowo</t>
  </si>
  <si>
    <t>FABIANO WILSON DE OLIVEIRA</t>
  </si>
  <si>
    <t>/o=exchangelabs/ou=exchange administrative group (fydibohf23spdlt)/cn=recipients/cn=04e45877c19c4afdbd6a69fb97064379-jessica mar;/o=exchangelabs/ou=exchange administrative group (fydibohf23spdlt)/cn=recipients/cn=372a4aee70df4061aed129651510b96b-raul montei;/o=exchangelabs/ou=exchange administrative group (fydibohf23spdlt)/cn=recipients/cn=38cb943dd1ac413a953757a4a5a53053-fabio welze;/o=exchangelabs/ou=exchange administrative group (fydibohf23spdlt)/cn=recipients/cn=3bdfcd7a3ede48d981b85e898ea82c77-pedro alfon;/o=exchangelabs/ou=exchange administrative group (fydibohf23spdlt)/cn=recipients/cn=5d559e739a9e422da552ffdc9668775c-luiz fernan;/o=exchangelabs/ou=exchange administrative group (fydibohf23spdlt)/cn=recipients/cn=8c89829ad534498fa4c85b5ac11174f1-suelen more;/o=exchangelabs/ou=exchange administrative group (fydibohf23spdlt)/cn=recipients/cn=a1a5e1a8655e47749a6031443543b056-erika patri;/o=exchangelabs/ou=exchange administrative group (fydibohf23spdlt)/cn=recipients/cn=fabio martins sampaio - 004327;</t>
  </si>
  <si>
    <t>RES: 190258 - WEG - Técnico Residente (body shop) unidades EUA</t>
  </si>
  <si>
    <t>ENC Reunião WEG USA.msg\s1\</t>
  </si>
  <si>
    <t>USA Companies Information.xlsx</t>
  </si>
  <si>
    <t>/o=exchangelabs/ou=exchange administrative group (fydibohf23spdlt)/cn=recipients/cn=04e45877c19c4afdbd6a69fb97064379-jessica mar,/o=exchangelabs/ou=exchange administrative group (fydibohf23spdlt)/cn=recipients/cn=372a4aee70df4061aed129651510b96b-raul montei,/o=exchangelabs/ou=exchange administrative group (fydibohf23spdlt)/cn=recipients/cn=38cb943dd1ac413a953757a4a5a53053-fabio welze,/o=exchangelabs/ou=exchange administrative group (fydibohf23spdlt)/cn=recipients/cn=3bdfcd7a3ede48d981b85e898ea82c77-pedro alfon,/o=exchangelabs/ou=exchange administrative group (fydibohf23spdlt)/cn=recipients/cn=5d559e739a9e422da552ffdc9668775c-luiz fernan,/o=exchangelabs/ou=exchange administrative group (fydibohf23spdlt)/cn=recipients/cn=8c89829ad534498fa4c85b5ac11174f1-suelen more,/o=exchangelabs/ou=exchange administrative group (fydibohf23spdlt)/cn=recipients/cn=a1a5e1a8655e47749a6031443543b056-erika patri,/o=exchangelabs/ou=exchange administrative group (fydibohf23spdlt)/cn=recipients/cn=fabio martins sampaio - 004327</t>
  </si>
  <si>
    <t>09/23/2019 08:53:02</t>
  </si>
  <si>
    <t>10.200.60.6</t>
  </si>
  <si>
    <t>FC-01-7C-C0-36-B1</t>
  </si>
  <si>
    <t>09/23/2019 08:54:46</t>
  </si>
  <si>
    <t>09/23/2019 08:55:05</t>
  </si>
  <si>
    <t>09/23/2019 08:54:30</t>
  </si>
  <si>
    <t>09/23/2019 08:58:32</t>
  </si>
  <si>
    <t>10.250.255.99</t>
  </si>
  <si>
    <t>02-50-41-00-00-01</t>
  </si>
  <si>
    <t>NB-ROBERTACMF</t>
  </si>
  <si>
    <t>robertacmf</t>
  </si>
  <si>
    <t>outlook.office.com/owa/service.svc/CreateAttachmentFromLocalFile</t>
  </si>
  <si>
    <t>antoniojr@algartech.com;</t>
  </si>
  <si>
    <t>C:\Users\robertacmf\Desktop\</t>
  </si>
  <si>
    <t>NEXT Agosto.xls</t>
  </si>
  <si>
    <t>antoniojr@algartech.com</t>
  </si>
  <si>
    <t>09/23/2019 08:58:36</t>
  </si>
  <si>
    <t>09/23/2019 09:00:32</t>
  </si>
  <si>
    <t>10.200.59.43</t>
  </si>
  <si>
    <t>78-2B-CB-C0-F9-86</t>
  </si>
  <si>
    <t>NB-TULLYOLS</t>
  </si>
  <si>
    <t>tullyols</t>
  </si>
  <si>
    <t>\\acsfs\deptos\cei - coordenação de engenharia e infraestrutura\cei – manutenção\48 - pcm\manutenção\10. controle\</t>
  </si>
  <si>
    <t>controle elÉtrica - 2019.xlsm</t>
  </si>
  <si>
    <t>Printer</t>
  </si>
  <si>
    <t>09/23/2019 08:59:01</t>
  </si>
  <si>
    <t>09/23/2019 08:59:22</t>
  </si>
  <si>
    <t>09/23/2019 09:00:15</t>
  </si>
  <si>
    <t>09/23/2019 09:05:32</t>
  </si>
  <si>
    <t>controle mecÂnica - 2019.xlsm</t>
  </si>
  <si>
    <t>09/23/2019 09:00:34</t>
  </si>
  <si>
    <t>09/23/2019 09:05:16</t>
  </si>
  <si>
    <t>09/23/2019 09:06:32</t>
  </si>
  <si>
    <t>09/22/2019 21:53:33</t>
  </si>
  <si>
    <t>09/23/2019 09:07:32</t>
  </si>
  <si>
    <t>10.200.36.13</t>
  </si>
  <si>
    <t>20-04-0F-FE-46-7C</t>
  </si>
  <si>
    <t>NB-HUGOOC</t>
  </si>
  <si>
    <t>hugooc</t>
  </si>
  <si>
    <t>C:\Users\hugooc\OneDrive\Documentos\FINANCEIRO\</t>
  </si>
  <si>
    <t>ControlePatrimonio.xlsm</t>
  </si>
  <si>
    <t>09/23/2019 09:06:42</t>
  </si>
  <si>
    <t>09/23/2019 09:09:32</t>
  </si>
  <si>
    <t>10.200.57.135</t>
  </si>
  <si>
    <t>D8-9C-67-01-5F-31</t>
  </si>
  <si>
    <t>NB-EDERLEIRD</t>
  </si>
  <si>
    <t>ederleirdr</t>
  </si>
  <si>
    <t>EDERLEI RODRIGO DOS REIS</t>
  </si>
  <si>
    <t>/o=exchangelabs/ou=exchange administrative group (fydibohf23spdlt)/cn=recipients/cn=1e212ef08dab4f26b88cba944f2ab7cb-pmo.governa;/o=exchangelabs/ou=exchange administrative group (fydibohf23spdlt)/cn=recipients/cn=65d35bc38c6743d7a55b3ae9726a5893-diego ribei;</t>
  </si>
  <si>
    <t>ENC: 092019_Forecast de Receita Oficial_2019_v8_Incre_Marissa.xlsx</t>
  </si>
  <si>
    <t>092019_Forecast de Receita Oficial_2019_v8_Incre_Marissa.xlsx</t>
  </si>
  <si>
    <t>/o=exchangelabs/ou=exchange administrative group (fydibohf23spdlt)/cn=recipients/cn=1e212ef08dab4f26b88cba944f2ab7cb-pmo.governa,/o=exchangelabs/ou=exchange administrative group (fydibohf23spdlt)/cn=recipients/cn=65d35bc38c6743d7a55b3ae9726a5893-diego ribei</t>
  </si>
  <si>
    <t>09/23/2019 09:06:49</t>
  </si>
  <si>
    <t>09/23/2019 09:11:32</t>
  </si>
  <si>
    <t>10.200.36.38</t>
  </si>
  <si>
    <t>74-E6-E2-CE-F8-C2</t>
  </si>
  <si>
    <t>NB-DANIELHDM</t>
  </si>
  <si>
    <t>danielhdm</t>
  </si>
  <si>
    <t>mail.google.com/_/upload?authuser=0&amp;dcp=asu-n&amp;upload_id=AEnB2UpoNeGDFEa9FoYFHYWubosJ8eos83cpeu9UESjLNGwZu6zz3OST3GJ9pIA6MnBTtMQkMf_oBNSXdCvqgjOhMqAiZhOl3etbvRy6mcqkwklEQSlgrrI&amp;upload_protocol=resumable</t>
  </si>
  <si>
    <t>C:\Users\danielhdm\Downloads\</t>
  </si>
  <si>
    <t>Horário de Discagem.xlsx</t>
  </si>
  <si>
    <t>Webmail(Gmail)</t>
  </si>
  <si>
    <t>09/23/2019 09:09:55</t>
  </si>
  <si>
    <t>09/23/2019 09:14:32</t>
  </si>
  <si>
    <t>CERRADO QUALIDADE, TREINAMENTO E ENGAJ OPER</t>
  </si>
  <si>
    <t>10.200.60.61</t>
  </si>
  <si>
    <t>FC-01-7C-B3-BE-FF</t>
  </si>
  <si>
    <t>NB-LORRAYNECB</t>
  </si>
  <si>
    <t>amandafdcs</t>
  </si>
  <si>
    <t>AMANDA FERREIRA DE CAMARGOS SOUSA</t>
  </si>
  <si>
    <t>adrianofo@algartech.com.br;ueniargl@algartech.com.br;</t>
  </si>
  <si>
    <t>ENC: Volume Gerenciadas Amex e Visa - 23/09</t>
  </si>
  <si>
    <t>Relatório_Gerenciadas novo.xlsb</t>
  </si>
  <si>
    <t>adrianofo@algartech.com.br,ueniargl@algartech.com.br</t>
  </si>
  <si>
    <t>09/23/2019 09:15:15</t>
  </si>
  <si>
    <t>09/23/2019 09:19:32</t>
  </si>
  <si>
    <t>adrianofo@algartech.com.br;brunosr@algartech.com.br;ueniargl@algartech.com.br;</t>
  </si>
  <si>
    <t>ENC: Painel UNE - Parcial Setembro</t>
  </si>
  <si>
    <t>UNE Setembro.xlsm</t>
  </si>
  <si>
    <t>adrianofo@algartech.com.br,brunosr@algartech.com.br,ueniargl@algartech.com.br</t>
  </si>
  <si>
    <t>09/20/2019 19:33:31</t>
  </si>
  <si>
    <t>09/23/2019 09:20:32</t>
  </si>
  <si>
    <t>COORDENACAO DE GOVERNANCA CORPORATIVA GRC</t>
  </si>
  <si>
    <t>10.12.250.9</t>
  </si>
  <si>
    <t>64-1C-67-9C-55-38</t>
  </si>
  <si>
    <t>NB-LUCASAV</t>
  </si>
  <si>
    <t>lucasav</t>
  </si>
  <si>
    <t>outlook.office365.com/owa/service.svc/createattachmentfromlocalfile</t>
  </si>
  <si>
    <t>elisangelafg@algartech.com;inacioaf@algartech.com;</t>
  </si>
  <si>
    <t>\\acsfs\Deptos\CPC\4 - MIS\2 - Cliente\8 - Bradesco\53 - URR\03 - Entrega\LoginLogout\</t>
  </si>
  <si>
    <t>LoginLogutUrr_Setembro.xlsx</t>
  </si>
  <si>
    <t>elisangelafg@algartech.com,inacioaf@algartech.com</t>
  </si>
  <si>
    <t>09/20/2019 19:33:41</t>
  </si>
  <si>
    <t>\\acsfs\Deptos\CPC\4 - MIS\2 - Cliente\8 - Bradesco\53 - URR\03 - Entrega\UPH\</t>
  </si>
  <si>
    <t>UPH_Dynamics_Setembro.xlsx</t>
  </si>
  <si>
    <t>09/23/2019 09:18:36</t>
  </si>
  <si>
    <t>09/23/2019 09:21:32</t>
  </si>
  <si>
    <t>10.200.59.25</t>
  </si>
  <si>
    <t>DC-A2-66-41-0D-71</t>
  </si>
  <si>
    <t>NB-ELAINEMDLP</t>
  </si>
  <si>
    <t>elainemdlp</t>
  </si>
  <si>
    <t>C:\Users\elainemdlp\OD\_Projetos\Em andamento\Relacionamento Cartoes BV\02 - Planejamento\Cronograma\</t>
  </si>
  <si>
    <t>Cronograma Algar - BV - Validação.xlsx</t>
  </si>
  <si>
    <t>09/19/2019 17:33:49</t>
  </si>
  <si>
    <t>09/23/2019 09:26:33</t>
  </si>
  <si>
    <t>NB-RENANPDS</t>
  </si>
  <si>
    <t>adeniltonddsj</t>
  </si>
  <si>
    <t>ADENILTON DONIZETE DE SOUSA JUNIOR</t>
  </si>
  <si>
    <t>/o=exchangelabs/ou=exchange administrative group (fydibohf23spdlt)/cn=recipients/cn=9c1c9f5d953e4491b2dce916b33a482d-carlos albe;/o=exchangelabs/ou=exchange administrative group (fydibohf23spdlt)/cn=recipients/cn=a4ba92cba10f4fe498074594f937f3b6-leandro lop;/o=exchangelabs/ou=exchange administrative group (fydibohf23spdlt)/cn=recipients/cn=aef94c0f98b44279a41d719230c27333-sabrina dan;/o=exchangelabs/ou=exchange administrative group (fydibohf23spdlt)/cn=recipients/cn=c08089b92f0643f18c949cb099a06593-tamara luis;</t>
  </si>
  <si>
    <t>Diário de bordo Cobrança Campinas</t>
  </si>
  <si>
    <t>Diario de Bordo Geral.xlsx</t>
  </si>
  <si>
    <t>/o=exchangelabs/ou=exchange administrative group (fydibohf23spdlt)/cn=recipients/cn=9c1c9f5d953e4491b2dce916b33a482d-carlos albe,/o=exchangelabs/ou=exchange administrative group (fydibohf23spdlt)/cn=recipients/cn=a4ba92cba10f4fe498074594f937f3b6-leandro lop,/o=exchangelabs/ou=exchange administrative group (fydibohf23spdlt)/cn=recipients/cn=aef94c0f98b44279a41d719230c27333-sabrina dan,/o=exchangelabs/ou=exchange administrative group (fydibohf23spdlt)/cn=recipients/cn=c08089b92f0643f18c949cb099a06593-tamara luis</t>
  </si>
  <si>
    <t>09/23/2019 09:27:02</t>
  </si>
  <si>
    <t>09/23/2019 09:27:32</t>
  </si>
  <si>
    <t>C:\Users\fellypcsj\OneDrive - Grupo Algar\Pendências\VT - Marcos Lemes\</t>
  </si>
  <si>
    <t>Entrega VT.xlsx</t>
  </si>
  <si>
    <t>09/23/2019 09:27:15</t>
  </si>
  <si>
    <t>/o=exchangelabs/ou=exchange administrative group (fydibohf23spdlt)/cn=recipients/cn=53918d7014454cbaaed5dbbd00684ab6-priscila nu;</t>
  </si>
  <si>
    <t>VT - Marcos Lemes</t>
  </si>
  <si>
    <t>/o=exchangelabs/ou=exchange administrative group (fydibohf23spdlt)/cn=recipients/cn=53918d7014454cbaaed5dbbd00684ab6-priscila nu</t>
  </si>
  <si>
    <t>09/20/2019 09:13:37</t>
  </si>
  <si>
    <t>09/23/2019 09:28:32</t>
  </si>
  <si>
    <t>TIM_FMM - MANUT SITE CELULAR - MG</t>
  </si>
  <si>
    <t>10.16.72.167</t>
  </si>
  <si>
    <t>54-BF-64-F6-7D-8C</t>
  </si>
  <si>
    <t>NBHE-MARINASF</t>
  </si>
  <si>
    <t>marinasf</t>
  </si>
  <si>
    <t>C:\Users\marinasf\OneDrive - Grupo Algar\DOCS\MODELOS DE DOCUMENTOS\MODELOS DE FORMULÁRIOS\FORMULÁRIO CADASTRO FORNECEDOR\</t>
  </si>
  <si>
    <t>FORMULARIO_DE_CADASTRO_DE_FORNECEDOR_EATON São Paulo.xlsx</t>
  </si>
  <si>
    <t>09/20/2019 09:20:32</t>
  </si>
  <si>
    <t>09/20/2019 09:22:38</t>
  </si>
  <si>
    <t>https://cscatende.algarnet.com.br/html/hd/hdscriptresposta/request/uploadincidentattachment.php?cdclassificacao=&amp;action=1&amp;lastpositionattachement=undefined&amp;cdquestao=5013&amp;idmaisanexos=t</t>
  </si>
  <si>
    <t>46993;</t>
  </si>
  <si>
    <t>https://46993</t>
  </si>
  <si>
    <t>09/20/2019 10:17:12</t>
  </si>
  <si>
    <t>FORMULARIO CADASTRO FORNECEDOR Apollo.xlsx</t>
  </si>
  <si>
    <t>Cópia de FORMULARIO_DE_CADASTRO_DE_FORNECEDOR_EATON Porto Feliz.xlsx</t>
  </si>
  <si>
    <t>09/23/2019 09:28:31</t>
  </si>
  <si>
    <t>09/23/2019 09:29:32</t>
  </si>
  <si>
    <t>WHIRLPOOL SAC</t>
  </si>
  <si>
    <t>10.12.250.81</t>
  </si>
  <si>
    <t>64-1C-67-9C-58-0D</t>
  </si>
  <si>
    <t>NB-KAIOHA</t>
  </si>
  <si>
    <t>kaiohas</t>
  </si>
  <si>
    <t>mail.google.com/_/upload?authuser=1&amp;dcp=asu-n</t>
  </si>
  <si>
    <t>C:\Users\kaiohas\Downloads\</t>
  </si>
  <si>
    <t>Telefones não agendados.xlsx</t>
  </si>
  <si>
    <t>09/23/2019 09:32:12</t>
  </si>
  <si>
    <t>09/23/2019 09:37:32</t>
  </si>
  <si>
    <t>Leandro Jose Beicker</t>
  </si>
  <si>
    <t>leandro.beicker@hotmail.com;</t>
  </si>
  <si>
    <t>RES: Inscrever brigada de incêndio</t>
  </si>
  <si>
    <t>CENTIFICADOS_BRIGADA.xlsx</t>
  </si>
  <si>
    <t>leandro.beicker@hotmail.com</t>
  </si>
  <si>
    <t>09/23/2019 09:34:15</t>
  </si>
  <si>
    <t>09/23/2019 09:38:32</t>
  </si>
  <si>
    <t>VICE PRESIDENCIA</t>
  </si>
  <si>
    <t>10.200.58.74</t>
  </si>
  <si>
    <t>FC-01-7C-FE-34-BB</t>
  </si>
  <si>
    <t>NB-RAFAELGF</t>
  </si>
  <si>
    <t>viniciussg</t>
  </si>
  <si>
    <t>VINICIUS SILVA GREVY</t>
  </si>
  <si>
    <t>/o=exchangelabs/ou=exchange administrative group (fydibohf23spdlt)/cn=recipients/cn=b36412a54b154c07b0a876537a78fce8-jheniffer g;/o=exchangelabs/ou=exchange administrative group (fydibohf23spdlt)/cn=recipients/cn=ee68a2a53024446789dc480aef9c7a7c-joao gabrie;</t>
  </si>
  <si>
    <t>RES: ATUALIZAÇÃO ESTRUTURA</t>
  </si>
  <si>
    <t>ESTRUTURA IPO - GREVY SETEMBRO.xlsx</t>
  </si>
  <si>
    <t>/o=exchangelabs/ou=exchange administrative group (fydibohf23spdlt)/cn=recipients/cn=b36412a54b154c07b0a876537a78fce8-jheniffer g,/o=exchangelabs/ou=exchange administrative group (fydibohf23spdlt)/cn=recipients/cn=ee68a2a53024446789dc480aef9c7a7c-joao gabrie</t>
  </si>
  <si>
    <t>09/23/2019 09:34:35</t>
  </si>
  <si>
    <t>10.200.60.224</t>
  </si>
  <si>
    <t>5C-EA-1D-CF-BF-09</t>
  </si>
  <si>
    <t>NB-ROSILENEDLF</t>
  </si>
  <si>
    <t>rosilenedlf</t>
  </si>
  <si>
    <t>Rosilene de Lima Freitas</t>
  </si>
  <si>
    <t>/o=exchangelabs/ou=exchange administrative group (fydibohf23spdlt)/cn=recipients/cn=109f6d628834480fabc1188cbdef64fa-antonia apa;/o=exchangelabs/ou=exchange administrative group (fydibohf23spdlt)/cn=recipients/cn=8f185d9b3bd9437bbda2e6edb3323202-natalia men;francisco_cardoso@whirlpool.com;guilherme_andrade@whirlpool.com;luanda_s_almeida@whirlpool.com;</t>
  </si>
  <si>
    <t>RES: Cronograma Fase 2 (Canais Digitais)</t>
  </si>
  <si>
    <t>RE Fraseologias Bot Agendamento de MP.msg\s1\</t>
  </si>
  <si>
    <t>Fraseologias Bot Agendamento de MP.xlsx</t>
  </si>
  <si>
    <t>/o=exchangelabs/ou=exchange administrative group (fydibohf23spdlt)/cn=recipients/cn=109f6d628834480fabc1188cbdef64fa-antonia apa,/o=exchangelabs/ou=exchange administrative group (fydibohf23spdlt)/cn=recipients/cn=8f185d9b3bd9437bbda2e6edb3323202-natalia men,francisco_cardoso@whirlpool.com,guilherme_andrade@whirlpool.com,luanda_s_almeida@whirlpool.com</t>
  </si>
  <si>
    <t>09/23/2019 09:38:57</t>
  </si>
  <si>
    <t>09/23/2019 09:41:32</t>
  </si>
  <si>
    <t>/o=exchangelabs/ou=exchange administrative group (fydibohf23spdlt)/cn=recipients/cn=23686df447cc446eb0c1b6b47007d422-diogo de so;/o=exchangelabs/ou=exchange administrative group (fydibohf23spdlt)/cn=recipients/cn=3d559cad8a6b4c9ba2e512604e1484a2-marcelo mal;/o=exchangelabs/ou=exchange administrative group (fydibohf23spdlt)/cn=recipients/cn=49af12246d2746008617ced5a3abafc3-daniel de s;/o=exchangelabs/ou=exchange administrative group (fydibohf23spdlt)/cn=recipients/cn=80a7fcb64979407494064f31427e5974-helder ribe;/o=exchangelabs/ou=exchange administrative group (fydibohf23spdlt)/cn=recipients/cn=8c89829ad534498fa4c85b5ac11174f1-suelen more;/o=exchangelabs/ou=exchange administrative group (fydibohf23spdlt)/cn=recipients/cn=e5dfe65308934e02acfffcb2185133f4-daniel bier;/o=exchangelabs/ou=exchange administrative group (fydibohf23spdlt)/cn=recipients/cn=fabio martins sampaio - 004327;</t>
  </si>
  <si>
    <t>Artefatos ISD - Gestão do Conhecimento</t>
  </si>
  <si>
    <t>Artefatos ISD.xlsx</t>
  </si>
  <si>
    <t>/o=exchangelabs/ou=exchange administrative group (fydibohf23spdlt)/cn=recipients/cn=23686df447cc446eb0c1b6b47007d422-diogo de so,/o=exchangelabs/ou=exchange administrative group (fydibohf23spdlt)/cn=recipients/cn=3d559cad8a6b4c9ba2e512604e1484a2-marcelo mal,/o=exchangelabs/ou=exchange administrative group (fydibohf23spdlt)/cn=recipients/cn=49af12246d2746008617ced5a3abafc3-daniel de s,/o=exchangelabs/ou=exchange administrative group (fydibohf23spdlt)/cn=recipients/cn=80a7fcb64979407494064f31427e5974-helder ribe,/o=exchangelabs/ou=exchange administrative group (fydibohf23spdlt)/cn=recipients/cn=8c89829ad534498fa4c85b5ac11174f1-suelen more,/o=exchangelabs/ou=exchange administrative group (fydibohf23spdlt)/cn=recipients/cn=e5dfe65308934e02acfffcb2185133f4-daniel bier,/o=exchangelabs/ou=exchange administrative group (fydibohf23spdlt)/cn=recipients/cn=fabio martins sampaio - 004327</t>
  </si>
  <si>
    <t>09/23/2019 09:40:47</t>
  </si>
  <si>
    <t>10.200.57.229</t>
  </si>
  <si>
    <t>18-66-DA-FE-99-D8</t>
  </si>
  <si>
    <t>NB-LUCIANOCLE</t>
  </si>
  <si>
    <t>lucianocle</t>
  </si>
  <si>
    <t>Luciano Cortes Lemos</t>
  </si>
  <si>
    <t>/o=exchangelabs/ou=exchange administrative group (fydibohf23spdlt)/cn=recipients/cn=287c26b08a0f48578479a15a452f025d-edilson rod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b194f014572c4c36b52132f9199df1aa-jairo junio;/o=exchangelabs/ou=exchange administrative group (fydibohf23spdlt)/cn=recipients/cn=e5dfe65308934e02acfffcb2185133f4-daniel bier;/o=exchangelabs/ou=exchange administrative group (fydibohf23spdlt)/cn=recipients/cn=userdc05fc7c;</t>
  </si>
  <si>
    <t>RES: ID 199274 - IBM - Renovação</t>
  </si>
  <si>
    <t>Compartativo performance 2019.xlsx</t>
  </si>
  <si>
    <t>/o=exchangelabs/ou=exchange administrative group (fydibohf23spdlt)/cn=recipients/cn=287c26b08a0f48578479a15a452f025d-edilson rod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b194f014572c4c36b52132f9199df1aa-jairo junio,/o=exchangelabs/ou=exchange administrative group (fydibohf23spdlt)/cn=recipients/cn=e5dfe65308934e02acfffcb2185133f4-daniel bier,/o=exchangelabs/ou=exchange administrative group (fydibohf23spdlt)/cn=recipients/cn=userdc05fc7c</t>
  </si>
  <si>
    <t>09/21/2019 11:33:02</t>
  </si>
  <si>
    <t>09/23/2019 09:44:33</t>
  </si>
  <si>
    <t>10.200.57.168</t>
  </si>
  <si>
    <t>20-04-0F-FE-48-02</t>
  </si>
  <si>
    <t>NB-MICHELLEAV</t>
  </si>
  <si>
    <t>douglassp</t>
  </si>
  <si>
    <t>C:\Users\douglassp\OneDrive - Grupo Algar\S&amp;OP\2019\</t>
  </si>
  <si>
    <t>S&amp;OP-CRONOGRAMA19_V2.xlsx</t>
  </si>
  <si>
    <t>09/21/2019 11:33:21</t>
  </si>
  <si>
    <t>C:\Users\douglassp\OneDrive - Grupo Algar\S&amp;OP\2019\07 - Julho\</t>
  </si>
  <si>
    <t>SOPRL-19_v20190808.xlsb</t>
  </si>
  <si>
    <t>09/23/2019 09:40:34</t>
  </si>
  <si>
    <t>09/23/2019 09:45:32</t>
  </si>
  <si>
    <t>09/23/2019 09:40:55</t>
  </si>
  <si>
    <t>09/23/2019 09:41:17</t>
  </si>
  <si>
    <t>09/23/2019 09:41:48</t>
  </si>
  <si>
    <t>09/23/2019 09:42:08</t>
  </si>
  <si>
    <t>09/23/2019 09:42:27</t>
  </si>
  <si>
    <t>09/23/2019 09:47:32</t>
  </si>
  <si>
    <t>CTIC COORDENACAO ARQUITETURA DE TI</t>
  </si>
  <si>
    <t>10.200.32.9</t>
  </si>
  <si>
    <t>64-1C-67-9C-32-31</t>
  </si>
  <si>
    <t>NB-CARLOSEL</t>
  </si>
  <si>
    <t>carloselo</t>
  </si>
  <si>
    <t>C:\Users\carloselo\Downloads\Reunião Liderança_ 2209.pptx\</t>
  </si>
  <si>
    <t>09/23/2019 09:40:38</t>
  </si>
  <si>
    <t>10.200.57.182</t>
  </si>
  <si>
    <t>20-04-0F-FD-A5-36</t>
  </si>
  <si>
    <t>NB-MARCOPAULOLR</t>
  </si>
  <si>
    <t>marcopaulolr</t>
  </si>
  <si>
    <t>Marcopaulo Lasmar Ribeiro</t>
  </si>
  <si>
    <t>/o=exchangelabs/ou=exchange administrative group (fydibohf23spdlt)/cn=recipients/cn=d5130784dc81436d9511788de4df376c-jeciene gom;</t>
  </si>
  <si>
    <t>RES: Departamental</t>
  </si>
  <si>
    <t>De para.xlsx</t>
  </si>
  <si>
    <t>/o=exchangelabs/ou=exchange administrative group (fydibohf23spdlt)/cn=recipients/cn=d5130784dc81436d9511788de4df376c-jeciene gom</t>
  </si>
  <si>
    <t>09/23/2019 09:48:06</t>
  </si>
  <si>
    <t>09/23/2019 09:53:32</t>
  </si>
  <si>
    <t>SCC CLIENTES DIVERSOS</t>
  </si>
  <si>
    <t>10.211.2.91</t>
  </si>
  <si>
    <t>74-E5-43-9D-EF-DB</t>
  </si>
  <si>
    <t>NB-FLAVIACS</t>
  </si>
  <si>
    <t>flavia.cecilia</t>
  </si>
  <si>
    <t>Flavia Cecilia Da Silva</t>
  </si>
  <si>
    <t>/o=exchangelabs/ou=exchange administrative group (fydibohf23spdlt)/cn=recipients/cn=00cbfeb21b7f4227913dbc3d5802a114-celso tadeu;/o=exchangelabs/ou=exchange administrative group (fydibohf23spdlt)/cn=recipients/cn=1262e099c0f24b3489b19e6494cd5fca-rayssa da c;/o=exchangelabs/ou=exchange administrative group (fydibohf23spdlt)/cn=recipients/cn=71d61cf74988455d8586a88b31233851-pablo mathe;</t>
  </si>
  <si>
    <t>Ocorrências de 01 a 20/09 Empresa 033</t>
  </si>
  <si>
    <t>OCORRENCIA_033_01A2009.csv</t>
  </si>
  <si>
    <t>/o=exchangelabs/ou=exchange administrative group (fydibohf23spdlt)/cn=recipients/cn=00cbfeb21b7f4227913dbc3d5802a114-celso tadeu,/o=exchangelabs/ou=exchange administrative group (fydibohf23spdlt)/cn=recipients/cn=1262e099c0f24b3489b19e6494cd5fca-rayssa da c,/o=exchangelabs/ou=exchange administrative group (fydibohf23spdlt)/cn=recipients/cn=71d61cf74988455d8586a88b31233851-pablo mathe</t>
  </si>
  <si>
    <t>09/23/2019 09:58:18</t>
  </si>
  <si>
    <t>09/23/2019 10:00:32</t>
  </si>
  <si>
    <t>10.207.12.75</t>
  </si>
  <si>
    <t>9C-30-5B-FC-A0-55</t>
  </si>
  <si>
    <t>NTB-HOMERODCC</t>
  </si>
  <si>
    <t>homerodcc</t>
  </si>
  <si>
    <t>C:\Users\homerodcc\OneDrive - Grupo Algar\Atendimento Digital\BP\20190716 BP LP - Revisão\</t>
  </si>
  <si>
    <t>20190726 CAPEX - Revisão Ativações.xlsx</t>
  </si>
  <si>
    <t>09/23/2019 09:59:36</t>
  </si>
  <si>
    <t>09/23/2019 10:02:32</t>
  </si>
  <si>
    <t>10.200.57.244</t>
  </si>
  <si>
    <t>20-04-0F-FD-B1-A6</t>
  </si>
  <si>
    <t>NB-JAIROJSA</t>
  </si>
  <si>
    <t>jairojsa</t>
  </si>
  <si>
    <t>Jairo Junior dos Santos</t>
  </si>
  <si>
    <t>/o=exchangelabs/ou=exchange administrative group (fydibohf23spdlt)/cn=recipients/cn=0795838d79a14bcaabfa98fc69aaefbb-business pe;/o=exchangelabs/ou=exchange administrative group (fydibohf23spdlt)/cn=recipients/cn=2efe26bca22a43cc89c6ed48ba5e50b4-luciano cor;</t>
  </si>
  <si>
    <t>Reunião Liderança_ 2209 / Pontos importantes</t>
  </si>
  <si>
    <t>Reunião Liderança_ 2209.pptx\</t>
  </si>
  <si>
    <t>/o=exchangelabs/ou=exchange administrative group (fydibohf23spdlt)/cn=recipients/cn=0795838d79a14bcaabfa98fc69aaefbb-business pe,/o=exchangelabs/ou=exchange administrative group (fydibohf23spdlt)/cn=recipients/cn=2efe26bca22a43cc89c6ed48ba5e50b4-luciano cor</t>
  </si>
  <si>
    <t>09/23/2019 10:03:47</t>
  </si>
  <si>
    <t>09/23/2019 10:05:33</t>
  </si>
  <si>
    <t>AMEX HELP DESK CORPORATIVO</t>
  </si>
  <si>
    <t>10.200.32.168</t>
  </si>
  <si>
    <t>64-1C-67-A0-2A-F4</t>
  </si>
  <si>
    <t>NB-AILTONBDS</t>
  </si>
  <si>
    <t>ailtonbs</t>
  </si>
  <si>
    <t>Ailton Bueno Da Silva</t>
  </si>
  <si>
    <t>luis.santos@fujifilm.com;marina.mariano@bradesco.com.br;</t>
  </si>
  <si>
    <t>Implantação Visa Corporativo - FUJI FILM</t>
  </si>
  <si>
    <t>Modelo_DemostrativoMensal_BVK3_Planilha_atualizado.xls</t>
  </si>
  <si>
    <t>luis.santos@fujifilm.com,marina.mariano@bradesco.com.br</t>
  </si>
  <si>
    <t>09/23/2019 10:05:26</t>
  </si>
  <si>
    <t>09/23/2019 10:07:33</t>
  </si>
  <si>
    <t>10.12.249.214</t>
  </si>
  <si>
    <t>54-BF-64-F5-7E-FE</t>
  </si>
  <si>
    <t>C:\Users\rodrigombu\OneDrive - Grupo Algar\Whirlpool\2019\09 - Setembro\Arquivo\Ressimulação\</t>
  </si>
  <si>
    <t>09-DIMENS_EH SAC_PJOTINHA_SET- Reprojeção 10-09 - Imp 24,8% IDEAL - Até 22-09.xlsm</t>
  </si>
  <si>
    <t>09/23/2019 10:10:19</t>
  </si>
  <si>
    <t>09/23/2019 10:15:32</t>
  </si>
  <si>
    <t>CERRADO OPERACOES DE PESSOA FISICA (PF)</t>
  </si>
  <si>
    <t>10.200.61.9</t>
  </si>
  <si>
    <t>D8-9C-67-4D-7C-47</t>
  </si>
  <si>
    <t>NB-RODRIGOAP</t>
  </si>
  <si>
    <t>rodrigoap</t>
  </si>
  <si>
    <t>Rodrigo Amalfi Pereira</t>
  </si>
  <si>
    <t>anapscl@algartech.com;hyonarafs@algartech.com;hyonarafs@algartech.com.br;micheless@algartech.com;thaisalves.oliveira@temposervicos.com.br;thaisaol@algartech.com.br;</t>
  </si>
  <si>
    <t>CURVA NORMAL - 20/09/2019</t>
  </si>
  <si>
    <t>Tempo Improdutivo.xlsm</t>
  </si>
  <si>
    <t>anapscl@algartech.com,hyonarafs@algartech.com,hyonarafs@algartech.com.br,micheless@algartech.com,thaisalves.oliveira@temposervicos.com.br,thaisaol@algartech.com.br</t>
  </si>
  <si>
    <t>09/23/2019 10:19:31</t>
  </si>
  <si>
    <t>09/23/2019 10:20:32</t>
  </si>
  <si>
    <t>10.200.61.71</t>
  </si>
  <si>
    <t>FC-01-7C-B3-88-F5</t>
  </si>
  <si>
    <t>NB-DIEGOODZ</t>
  </si>
  <si>
    <t>diegoodz</t>
  </si>
  <si>
    <t>Diego Oliveira Diniz</t>
  </si>
  <si>
    <t>equipediegodiniz@algartech.com.br;</t>
  </si>
  <si>
    <t>equipediegodiniz@algartech.com.br</t>
  </si>
  <si>
    <t>09/23/2019 10:17:09</t>
  </si>
  <si>
    <t>09/23/2019 10:21:32</t>
  </si>
  <si>
    <t>SD TRICARD</t>
  </si>
  <si>
    <t>10.200.200.62</t>
  </si>
  <si>
    <t>90-B1-1C-F5-49-EE</t>
  </si>
  <si>
    <t>NB-ALINEAREI</t>
  </si>
  <si>
    <t>paulohdoc</t>
  </si>
  <si>
    <t>d1f;gabrielsan@algartech.com;</t>
  </si>
  <si>
    <t>C:\Users\paulohdoc\Desktop\</t>
  </si>
  <si>
    <t>10193.xlsx</t>
  </si>
  <si>
    <t>d1f,gabrielsan@algartech.com</t>
  </si>
  <si>
    <t>09/23/2019 10:31:11</t>
  </si>
  <si>
    <t>09/23/2019 10:33:33</t>
  </si>
  <si>
    <t>64-1C-67-9C-32-F8</t>
  </si>
  <si>
    <t>NB-RODRIGOM</t>
  </si>
  <si>
    <t>rodrigormc</t>
  </si>
  <si>
    <t>Rodrigo Rodrigues de Moraes Calixto</t>
  </si>
  <si>
    <t>/o=exchangelabs/ou=exchange administrative group (fydibohf23spdlt)/cn=recipients/cn=1388e760581940569776ffce7145c40e-patricia ap;/o=exchangelabs/ou=exchange administrative group (fydibohf23spdlt)/cn=recipients/cn=142c8fe1b4224ee196db8bf4b9345086-silvana da;/o=exchangelabs/ou=exchange administrative group (fydibohf23spdlt)/cn=recipients/cn=17d8f04fe62d4d3baddebc7b19339779-paulo henri;/o=exchangelabs/ou=exchange administrative group (fydibohf23spdlt)/cn=recipients/cn=491998fde0524b7f83d1a43bbfb850a3-matheus mig;/o=exchangelabs/ou=exchange administrative group (fydibohf23spdlt)/cn=recipients/cn=c0266b8211e24bc5b1c5e59650b1724e-karolina da;/o=exchangelabs/ou=exchange administrative group (fydibohf23spdlt)/cn=recipients/cn=c08089b92f0643f18c949cb099a06593-tamara luis;hannahgf@algartech.com;</t>
  </si>
  <si>
    <t>ENC: Resultado Parcial - até 18/09 &lt;&lt;&lt; URGENTE &gt;&gt;&gt;</t>
  </si>
  <si>
    <t>Resultados Setembro19.xlsx</t>
  </si>
  <si>
    <t>/o=exchangelabs/ou=exchange administrative group (fydibohf23spdlt)/cn=recipients/cn=1388e760581940569776ffce7145c40e-patricia ap,/o=exchangelabs/ou=exchange administrative group (fydibohf23spdlt)/cn=recipients/cn=142c8fe1b4224ee196db8bf4b9345086-silvana da,/o=exchangelabs/ou=exchange administrative group (fydibohf23spdlt)/cn=recipients/cn=17d8f04fe62d4d3baddebc7b19339779-paulo henri,/o=exchangelabs/ou=exchange administrative group (fydibohf23spdlt)/cn=recipients/cn=491998fde0524b7f83d1a43bbfb850a3-matheus mig,/o=exchangelabs/ou=exchange administrative group (fydibohf23spdlt)/cn=recipients/cn=c0266b8211e24bc5b1c5e59650b1724e-karolina da,/o=exchangelabs/ou=exchange administrative group (fydibohf23spdlt)/cn=recipients/cn=c08089b92f0643f18c949cb099a06593-tamara luis,hannahgf@algartech.com</t>
  </si>
  <si>
    <t>09/23/2019 10:32:34</t>
  </si>
  <si>
    <t>09/23/2019 10:36:33</t>
  </si>
  <si>
    <t>10.200.58.247</t>
  </si>
  <si>
    <t>64-1C-67-9C-56-46</t>
  </si>
  <si>
    <t>NB-ALMIRS</t>
  </si>
  <si>
    <t>almirsn</t>
  </si>
  <si>
    <t>ALMIR SILVA NUNES</t>
  </si>
  <si>
    <t>/o=exchangelabs/ou=exchange administrative group (fydibohf23spdlt)/cn=recipients/cn=580511c4e8074cf1beceb92fa563928c-ana carolin;/o=exchangelabs/ou=exchange administrative group (fydibohf23spdlt)/cn=recipients/cn=7b1cfaa07cc14b7396e2fbb5c7c5db6c-larissa cri;/o=exchangelabs/ou=exchange administrative group (fydibohf23spdlt)/cn=recipients/cn=8eb11fd0eabf4f489a75a4a38883630f-cscatende;</t>
  </si>
  <si>
    <t>RES: Chamado: TH-3316951; STH 366570 - ATENDENTE PL 07H12</t>
  </si>
  <si>
    <t>STH _GERENCIADAS _COMPLEMENTAR_ 23_09.xlsx</t>
  </si>
  <si>
    <t>/o=exchangelabs/ou=exchange administrative group (fydibohf23spdlt)/cn=recipients/cn=580511c4e8074cf1beceb92fa563928c-ana carolin,/o=exchangelabs/ou=exchange administrative group (fydibohf23spdlt)/cn=recipients/cn=7b1cfaa07cc14b7396e2fbb5c7c5db6c-larissa cri,/o=exchangelabs/ou=exchange administrative group (fydibohf23spdlt)/cn=recipients/cn=8eb11fd0eabf4f489a75a4a38883630f-cscatende</t>
  </si>
  <si>
    <t>09/23/2019 10:35:49</t>
  </si>
  <si>
    <t>10.200.58.26</t>
  </si>
  <si>
    <t>5C-EA-1D-CF-BE-DD</t>
  </si>
  <si>
    <t>NB-LUCIANABO</t>
  </si>
  <si>
    <t>lucianabo</t>
  </si>
  <si>
    <t>Luciana Bernardes de Oliveira</t>
  </si>
  <si>
    <t>/o=exchangelabs/ou=exchange administrative group (fydibohf23spdlt)/cn=recipients/cn=33d249108a194f94ad1c0c445c411f81-sabrina vie;/o=exchangelabs/ou=exchange administrative group (fydibohf23spdlt)/cn=recipients/cn=b1a72fc2d0234efca84c7771ea70c7ee-roberta cri;/o=exchangelabs/ou=exchange administrative group (fydibohf23spdlt)/cn=recipients/cn=f50351055a2944cebcbdc18a918945d6-gustavo res;</t>
  </si>
  <si>
    <t>ENC: Previa FPW</t>
  </si>
  <si>
    <t>Prévia_FPW_2309_GRC.xlsb</t>
  </si>
  <si>
    <t>/o=exchangelabs/ou=exchange administrative group (fydibohf23spdlt)/cn=recipients/cn=33d249108a194f94ad1c0c445c411f81-sabrina vie,/o=exchangelabs/ou=exchange administrative group (fydibohf23spdlt)/cn=recipients/cn=b1a72fc2d0234efca84c7771ea70c7ee-roberta cri,/o=exchangelabs/ou=exchange administrative group (fydibohf23spdlt)/cn=recipients/cn=f50351055a2944cebcbdc18a918945d6-gustavo res</t>
  </si>
  <si>
    <t>09/23/2019 10:33:27</t>
  </si>
  <si>
    <t>09/23/2019 10:37:34</t>
  </si>
  <si>
    <t>10.200.58.39</t>
  </si>
  <si>
    <t>FC-01-7C-C0-76-63</t>
  </si>
  <si>
    <t>NB-CLAUDIOFM</t>
  </si>
  <si>
    <t>claudiofm</t>
  </si>
  <si>
    <t>Claudio Ferreira de Melo</t>
  </si>
  <si>
    <t>/o=exchangelabs/ou=exchange administrative group (fydibohf23spdlt)/cn=recipients/cn=0163bfef0e474630bdcf0a3698e9ffd4-amanda ferr;/o=exchangelabs/ou=exchange administrative group (fydibohf23spdlt)/cn=recipients/cn=56dc126fba5b4a5f8fb1cd7e4f10477d-thais olive;/o=exchangelabs/ou=exchange administrative group (fydibohf23spdlt)/cn=recipients/cn=8b5b63d67af648d081a40c45cc800804-fabiana per;aurio.nogueira@bradesco.com.br;jackson.diniz@bradesco.com.br;jhonatan.ventino@temposervicos.com.br;liliane.carole@temposervicos.com.br;marcia.freitas@bradesco.com.br;marciohpr@algartech.com.br;marta.m.oliveira@bradesco.com.br;poliane.amaral@bradesco.com.br;ricardo.v.hostert@temposervicos.com.br;suportepjvme@algartech.com.br;suzanasb@algartech.com.br;suzane.b.rodrigues@bradesco.com.br;suzane.rodrigues@temposervicos.com.br;vivianega@algartech.com.br;</t>
  </si>
  <si>
    <t>Dashboard Formalização PJ VISA/PJ AMEX - Setembro/2019</t>
  </si>
  <si>
    <t>FORMALIZAÇÃO VISA_AMEX_ SETEMBRO.xlsm</t>
  </si>
  <si>
    <t>/o=exchangelabs/ou=exchange administrative group (fydibohf23spdlt)/cn=recipients/cn=0163bfef0e474630bdcf0a3698e9ffd4-amanda ferr,/o=exchangelabs/ou=exchange administrative group (fydibohf23spdlt)/cn=recipients/cn=56dc126fba5b4a5f8fb1cd7e4f10477d-thais olive,/o=exchangelabs/ou=exchange administrative group (fydibohf23spdlt)/cn=recipients/cn=8b5b63d67af648d081a40c45cc800804-fabiana per,aurio.nogueira@bradesco.com.br,jackson.diniz@bradesco.com.br,jhonatan.ventino@temposervicos.com.br,liliane.carole@temposervicos.com.br,marcia.freitas@bradesco.com.br,marciohpr@algartech.com.br,marta.m.oliveira@bradesco.com.br,poliane.amaral@bradesco.com.br,ricardo.v.hostert@temposervicos.com.br,suportepjvme@algartech.com.br,suzanasb@algartech.com.br,suzane.b.rodrigues@bradesco.com.br,suzane.rodrigues@temposervicos.com.br,vivianega@algartech.com.br</t>
  </si>
  <si>
    <t>09/23/2019 10:32:01</t>
  </si>
  <si>
    <t>10.200.99.111</t>
  </si>
  <si>
    <t>8C-DC-D4-CA-CC-ED</t>
  </si>
  <si>
    <t>NB-SENILDAPDO</t>
  </si>
  <si>
    <t>senildapdo</t>
  </si>
  <si>
    <t>Senilda Pereira de Oliveira</t>
  </si>
  <si>
    <t>adriana.oliveira@avon.com;alexmarques.silva@avon.com;anderson.negrisoli@avon.com;rosana.scalabrin@avon.com;</t>
  </si>
  <si>
    <t>Levantamento 3003</t>
  </si>
  <si>
    <t>Volumetria 3003.xlsx</t>
  </si>
  <si>
    <t>adriana.oliveira@avon.com,alexmarques.silva@avon.com,anderson.negrisoli@avon.com,rosana.scalabrin@avon.com</t>
  </si>
  <si>
    <t>09/23/2019 10:40:59</t>
  </si>
  <si>
    <t>09/23/2019 10:41:33</t>
  </si>
  <si>
    <t>/o=exchangelabs/ou=exchange administrative group (fydibohf23spdlt)/cn=recipients/cn=214987ca45394b93a473a4e901f49d56-valmirian d;/o=exchangelabs/ou=exchange administrative group (fydibohf23spdlt)/cn=recipients/cn=aef94c0f98b44279a41d719230c27333-sabrina dan;/o=exchangelabs/ou=exchange administrative group (fydibohf23spdlt)/cn=recipients/cn=c08089b92f0643f18c949cb099a06593-tamara luis;/o=exchangelabs/ou=exchange administrative group (fydibohf23spdlt)/cn=recipients/cn=c5f7cc79fc244984a8f11c21adc3bf10-matheus oli;</t>
  </si>
  <si>
    <t>Provisão Financeira</t>
  </si>
  <si>
    <t>Prévia - 23.Setembro.xlsx</t>
  </si>
  <si>
    <t>/o=exchangelabs/ou=exchange administrative group (fydibohf23spdlt)/cn=recipients/cn=214987ca45394b93a473a4e901f49d56-valmirian d,/o=exchangelabs/ou=exchange administrative group (fydibohf23spdlt)/cn=recipients/cn=aef94c0f98b44279a41d719230c27333-sabrina dan,/o=exchangelabs/ou=exchange administrative group (fydibohf23spdlt)/cn=recipients/cn=c08089b92f0643f18c949cb099a06593-tamara luis,/o=exchangelabs/ou=exchange administrative group (fydibohf23spdlt)/cn=recipients/cn=c5f7cc79fc244984a8f11c21adc3bf10-matheus oli</t>
  </si>
  <si>
    <t>09/23/2019 10:36:49</t>
  </si>
  <si>
    <t>10.200.58.154</t>
  </si>
  <si>
    <t>74-E6-E2-CE-DE-88</t>
  </si>
  <si>
    <t>NB-LAURAVX</t>
  </si>
  <si>
    <t>lauravx</t>
  </si>
  <si>
    <t>Laura Venancio Xavier</t>
  </si>
  <si>
    <t>adcosta_maksen@timbrasil.com.br;ccm_gestao_pospo@timbrasil.com.br;</t>
  </si>
  <si>
    <t>Atualização RC (09/2019)</t>
  </si>
  <si>
    <t>Formulario-Correcao_PO (Consolidado).v2.xlsx</t>
  </si>
  <si>
    <t>adcosta_maksen@timbrasil.com.br,ccm_gestao_pospo@timbrasil.com.br</t>
  </si>
  <si>
    <t>09/23/2019 10:43:49</t>
  </si>
  <si>
    <t>09/23/2019 10:44:33</t>
  </si>
  <si>
    <t>/o=exchangelabs/ou=exchange administrative group (fydibohf23spdlt)/cn=recipients/cn=822f65115a2046059fff20a916dd90e9-thais marti;/o=exchangelabs/ou=exchange administrative group (fydibohf23spdlt)/cn=recipients/cn=90da2ce1966f46d7ab19fc9aab29d663-almir silva;/o=exchangelabs/ou=exchange administrative group (fydibohf23spdlt)/cn=recipients/cn=c3ee1d5c4a7847b2ab14374ba4e8efc7-kassia cris;equipefabi@algartech.com.br;kassiacps@algartech.com.br;luceliabs@algartech.com.br;tecnicospj@algartech.com.br;</t>
  </si>
  <si>
    <t>ENC: Escala para treinamento CPB - Urgente!</t>
  </si>
  <si>
    <t>CPB - Visa e AMEX Migrado.xlsx</t>
  </si>
  <si>
    <t>/o=exchangelabs/ou=exchange administrative group (fydibohf23spdlt)/cn=recipients/cn=822f65115a2046059fff20a916dd90e9-thais marti,/o=exchangelabs/ou=exchange administrative group (fydibohf23spdlt)/cn=recipients/cn=90da2ce1966f46d7ab19fc9aab29d663-almir silva,/o=exchangelabs/ou=exchange administrative group (fydibohf23spdlt)/cn=recipients/cn=c3ee1d5c4a7847b2ab14374ba4e8efc7-kassia cris,equipefabi@algartech.com.br,kassiacps@algartech.com.br,luceliabs@algartech.com.br,tecnicospj@algartech.com.br</t>
  </si>
  <si>
    <t>09/23/2019 10:41:18</t>
  </si>
  <si>
    <t>10.200.59.255</t>
  </si>
  <si>
    <t>64-1C-67-9B-A2-0F</t>
  </si>
  <si>
    <t>NB-DAYANEG</t>
  </si>
  <si>
    <t>dayanegm</t>
  </si>
  <si>
    <t>Dayane Gomes Moraes</t>
  </si>
  <si>
    <t>/o=exchangelabs/ou=exchange administrative group (fydibohf23spdlt)/cn=recipients/cn=1c3bae1d5aab4c72b84516e819cd16c9-wilton paim;/o=exchangelabs/ou=exchange administrative group (fydibohf23spdlt)/cn=recipients/cn=2144abc9537143519f505fcb8550b74c-juliana emi;/o=exchangelabs/ou=exchange administrative group (fydibohf23spdlt)/cn=recipients/cn=309572221fe14ce3af445b3983aaac9f-alizenete m;/o=exchangelabs/ou=exchange administrative group (fydibohf23spdlt)/cn=recipients/cn=356687541e6d4dba87a6d07b3c4b9c4a-paulinia av;/o=exchangelabs/ou=exchange administrative group (fydibohf23spdlt)/cn=recipients/cn=525b3060f0654996a4c2979efbfaed04-douglas sil;/o=exchangelabs/ou=exchange administrative group (fydibohf23spdlt)/cn=recipients/cn=56dc126fba5b4a5f8fb1cd7e4f10477d-thais olive;/o=exchangelabs/ou=exchange administrative group (fydibohf23spdlt)/cn=recipients/cn=a78f7dae304e472e9f75bd537683f6e5-hugo de oli;/o=exchangelabs/ou=exchange administrative group (fydibohf23spdlt)/cn=recipients/cn=aa95083c791042ddaef1eb09f98440e8-cami</t>
  </si>
  <si>
    <t>RES: Implantação TOP Performance - 4ºT</t>
  </si>
  <si>
    <t>Agent Utilization Report 01 a 22.09.2019.xlsx</t>
  </si>
  <si>
    <t>/o=exchangelabs/ou=exchange administrative group (fydibohf23spdlt)/cn=recipients/cn=1c3bae1d5aab4c72b84516e819cd16c9-wilton paim,/o=exchangelabs/ou=exchange administrative group (fydibohf23spdlt)/cn=recipients/cn=2144abc9537143519f505fcb8550b74c-juliana emi,/o=exchangelabs/ou=exchange administrative group (fydibohf23spdlt)/cn=recipients/cn=309572221fe14ce3af445b3983aaac9f-alizenete m,/o=exchangelabs/ou=exchange administrative group (fydibohf23spdlt)/cn=recipients/cn=356687541e6d4dba87a6d07b3c4b9c4a-paulinia av,/o=exchangelabs/ou=exchange administrative group (fydibohf23spdlt)/cn=recipients/cn=525b3060f0654996a4c2979efbfaed04-douglas sil,/o=exchangelabs/ou=exchange administrative group (fydibohf23spdlt)/cn=recipients/cn=56dc126fba5b4a5f8fb1cd7e4f10477d-thais olive,/o=exchangelabs/ou=exchange administrative group (fydibohf23spdlt)/cn=recipients/cn=a78f7dae304e472e9f75bd537683f6e5-hugo de oli,/o=exchangelabs/ou=exchange administrative group (fydibohf23spdlt)/cn=recipients/cn=aa95083c791042ddaef1eb09f98440e8-cami</t>
  </si>
  <si>
    <t>09/23/2019 10:41:42</t>
  </si>
  <si>
    <t>09/23/2019 10:46:34</t>
  </si>
  <si>
    <t>C:\Downloads\</t>
  </si>
  <si>
    <t>Cloud Storage (Google Drive)</t>
  </si>
  <si>
    <t>actionitems,backgroundimagegridviewlink,backgroundimagelink,backgroundimagelistviewlink,canaddchildren,canchangeteamdrivebackground,cancomment,cancopy,candelete,candeletechildren,candeleteteamdrive,candownload,canedit,canmanagemembers,canmanagevisitors,canmoveitemoutofteamdrive,canmoveitemwithinteamdrive,canmoveteamdriveitem),canreadteamdrive,canremovechildren,canrename,canrenameteamdrive,canshare,canshareoutsidedomain,cantrash,cantrashchildren,cantrashchildren))),canuntrash,capabilities(canaddchildren,capabilities(canmoveitemintoteamdrive,colorrgb,containsunsubscribedchildren,contentrestrictions(readonly),copyable,createddate,displayname,domain,editable,emailaddress,explicitlytrashed,file(kind,fileextension,fileid,filesize,flaggedforabuse,foldercolor,folderfeatures,hasaugmentedpermissions,haschildfolders,hasthumbnail,hasvisitorpermissions,hidden,id,id),incompletesearch,items(deleted,items(kind,ken,kind,labels(starred,lastmodifyinguser(kind,lastviewedbymedate,mimetype,modifiedbymedate,modifieddate,name,ontain</t>
  </si>
  <si>
    <t>Google Drive</t>
  </si>
  <si>
    <t>09/23/2019 10:44:25</t>
  </si>
  <si>
    <t>/o=exchangelabs/ou=exchange administrative group (fydibohf23spdlt)/cn=recipients/cn=1e45e12566d4418ba0325de92fea64a4-akassia bez;/o=exchangelabs/ou=exchange administrative group (fydibohf23spdlt)/cn=recipients/cn=2b69c7de1a3641269a7eed0596e1ddc2-wayner oliv;/o=exchangelabs/ou=exchange administrative group (fydibohf23spdlt)/cn=recipients/cn=57b3e0724b2344fcbd88f738d223dd7a-leticia bor;/o=exchangelabs/ou=exchange administrative group (fydibohf23spdlt)/cn=recipients/cn=9e20ba3b6afd447db98f75fb7bdc7037-francisco e;/o=exchangelabs/ou=exchange administrative group (fydibohf23spdlt)/cn=recipients/cn=e8a8131dc3334dc38d81db3d2a41a3fe-denise viei;</t>
  </si>
  <si>
    <t>SETEMBRO/2019 Conciliação TIM - Estorno (Sim/Não)</t>
  </si>
  <si>
    <t>09_19- Acompanhamento Faturamento.v2.xlsb</t>
  </si>
  <si>
    <t>/o=exchangelabs/ou=exchange administrative group (fydibohf23spdlt)/cn=recipients/cn=1e45e12566d4418ba0325de92fea64a4-akassia bez,/o=exchangelabs/ou=exchange administrative group (fydibohf23spdlt)/cn=recipients/cn=2b69c7de1a3641269a7eed0596e1ddc2-wayner oliv,/o=exchangelabs/ou=exchange administrative group (fydibohf23spdlt)/cn=recipients/cn=57b3e0724b2344fcbd88f738d223dd7a-leticia bor,/o=exchangelabs/ou=exchange administrative group (fydibohf23spdlt)/cn=recipients/cn=9e20ba3b6afd447db98f75fb7bdc7037-francisco e,/o=exchangelabs/ou=exchange administrative group (fydibohf23spdlt)/cn=recipients/cn=e8a8131dc3334dc38d81db3d2a41a3fe-denise viei</t>
  </si>
  <si>
    <t>09/23/2019 10:46:02</t>
  </si>
  <si>
    <t>10.200.58.145</t>
  </si>
  <si>
    <t>FC-01-7C-B3-BA-E7</t>
  </si>
  <si>
    <t>NB-RONANSDM</t>
  </si>
  <si>
    <t>ronansdm</t>
  </si>
  <si>
    <t>Ronan Salustiano De Miranda</t>
  </si>
  <si>
    <t>/o=exchangelabs/ou=exchange administrative group (fydibohf23spdlt)/cn=recipients/cn=df38005dd3914a4abc6f3ad41d49b2c0-kleilton ri;</t>
  </si>
  <si>
    <t>Aprovações GNA</t>
  </si>
  <si>
    <t>Status Aprovações GNA.xlsx</t>
  </si>
  <si>
    <t>/o=exchangelabs/ou=exchange administrative group (fydibohf23spdlt)/cn=recipients/cn=df38005dd3914a4abc6f3ad41d49b2c0-kleilton ri</t>
  </si>
  <si>
    <t>09/23/2019 10:45:16</t>
  </si>
  <si>
    <t>09/23/2019 10:48:34</t>
  </si>
  <si>
    <t>edilsonrb</t>
  </si>
  <si>
    <t>SERVICOS ESPECIALISTAS BPO</t>
  </si>
  <si>
    <t>10.200.58.117</t>
  </si>
  <si>
    <t>20-04-0F-FD-A4-04</t>
  </si>
  <si>
    <t>NB-ALESSANDROAM</t>
  </si>
  <si>
    <t>alessandroam</t>
  </si>
  <si>
    <t>C:\Users\alessandroam\OneDrive\OneDrive - Grupo Algar\01 - Historico\02 - Seg Informação\02 - Entregas e Desafios\</t>
  </si>
  <si>
    <t>Matriz-Requisitos-EPP Antivírus 2019.xlsx</t>
  </si>
  <si>
    <t>09/23/2019 10:45:08</t>
  </si>
  <si>
    <t>09/23/2019 10:50:34</t>
  </si>
  <si>
    <t>/o=exchangelabs/ou=exchange administrative group (fydibohf23spdlt)/cn=recipients/cn=03a1bc99308a456db7c0105407689b39-gilda elain;</t>
  </si>
  <si>
    <t>Aprovadores LEMONTECH - CRs TECH.xlsx</t>
  </si>
  <si>
    <t>/o=exchangelabs/ou=exchange administrative group (fydibohf23spdlt)/cn=recipients/cn=03a1bc99308a456db7c0105407689b39-gilda elain</t>
  </si>
  <si>
    <t>09/21/2019 19:34:52</t>
  </si>
  <si>
    <t>09/23/2019 10:54:33</t>
  </si>
  <si>
    <t>10.200.60.180</t>
  </si>
  <si>
    <t>64-1C-67-9C-32-E2</t>
  </si>
  <si>
    <t>NB-JOSEASN</t>
  </si>
  <si>
    <t>joseasn</t>
  </si>
  <si>
    <t>Jose Afonso Da Silva Neto</t>
  </si>
  <si>
    <t>/o=exchangelabs/ou=exchange administrative group (fydibohf23spdlt)/cn=recipients/cn=2abd653b249741f0aaab575ad2f855a3-tayse ianda;</t>
  </si>
  <si>
    <t>ENC: Ação Guerra Avon</t>
  </si>
  <si>
    <t>Sala de Guerra Avon.xlsx</t>
  </si>
  <si>
    <t>/o=exchangelabs/ou=exchange administrative group (fydibohf23spdlt)/cn=recipients/cn=2abd653b249741f0aaab575ad2f855a3-tayse ianda</t>
  </si>
  <si>
    <t>09/23/2019 10:55:22</t>
  </si>
  <si>
    <t>09/23/2019 11:00:33</t>
  </si>
  <si>
    <t>CTIC SERVICOS GERENCIADOS - FIELD SERVICE</t>
  </si>
  <si>
    <t>10.200.58.194</t>
  </si>
  <si>
    <t>9C-B7-0D-79-FA-94</t>
  </si>
  <si>
    <t>NB-GUSTAVOHDSA</t>
  </si>
  <si>
    <t>gustavohdsa</t>
  </si>
  <si>
    <t>GUSTAVO HENRIQUE DOS SANTOS</t>
  </si>
  <si>
    <t>/o=exchangelabs/ou=exchange administrative group (fydibohf23spdlt)/cn=recipients/cn=efb00d1c14e34fd7b7808c87cd85174d-rafael lope;</t>
  </si>
  <si>
    <t>PREVIA 028</t>
  </si>
  <si>
    <t>Valida_previa_028.xlsx</t>
  </si>
  <si>
    <t>/o=exchangelabs/ou=exchange administrative group (fydibohf23spdlt)/cn=recipients/cn=efb00d1c14e34fd7b7808c87cd85174d-rafael lope</t>
  </si>
  <si>
    <t>09/23/2019 10:59:34</t>
  </si>
  <si>
    <t>09/23/2019 11:01:33</t>
  </si>
  <si>
    <t>10.16.72.136</t>
  </si>
  <si>
    <t>78-E3-B5-E7-AE-28</t>
  </si>
  <si>
    <t>BHE-STAFF52</t>
  </si>
  <si>
    <t>cleitongp</t>
  </si>
  <si>
    <t>mail.google.com/_/upload?authuser=0&amp;dcp=asu-n&amp;upload_id=AEnB2UqXlvIwrUE0CMhpYAFMJsb9As9BB9YXa0qCS4PfymfjYBAkeqodPGL2pPXk8gRISTnQ_LQe6vAM7x98avbu4l8AFhrIrJYtArV5Nmqj3_oJEai4hlo&amp;upload_protocol=resumable</t>
  </si>
  <si>
    <t>C:\Users\cleitongp\Desktop\</t>
  </si>
  <si>
    <t>EDUARDA NTTs.xlsx</t>
  </si>
  <si>
    <t>09/23/2019 10:58:46</t>
  </si>
  <si>
    <t>09/23/2019 11:02:33</t>
  </si>
  <si>
    <t>10.12.249.26</t>
  </si>
  <si>
    <t>54-BF-64-F5-84-1E</t>
  </si>
  <si>
    <t>NB-TIAGORPF</t>
  </si>
  <si>
    <t>tiagorpf</t>
  </si>
  <si>
    <t>C:\Users\tiagorpf\OneDrive - Grupo Algar\Ecohouse\CAC\02 - PAGADORES VISITA MENSAL\EMPRESAS\Bases\</t>
  </si>
  <si>
    <t>OsExecutadas_201909.csv</t>
  </si>
  <si>
    <t>09/23/2019 11:04:43</t>
  </si>
  <si>
    <t>09/23/2019 11:05:33</t>
  </si>
  <si>
    <t>CTIC - COORDENAÇÃO TI CORPORATIVA</t>
  </si>
  <si>
    <t>10.200.61.142</t>
  </si>
  <si>
    <t>D8-9C-67-6F-2A-AF</t>
  </si>
  <si>
    <t>NB-IRAMILDAS</t>
  </si>
  <si>
    <t>iramildass</t>
  </si>
  <si>
    <t>mail.google.com/_/upload?authuser=0&amp;dcp=asu-n</t>
  </si>
  <si>
    <t>C:\Users\iramildass\Downloads\</t>
  </si>
  <si>
    <t>Modelo relatório insight com plano de ação (1).xlsx</t>
  </si>
  <si>
    <t>09/23/2019 11:03:52</t>
  </si>
  <si>
    <t>09/23/2019 11:06:34</t>
  </si>
  <si>
    <t>10.200.60.145</t>
  </si>
  <si>
    <t>D4-6A-6A-FD-A6-B3</t>
  </si>
  <si>
    <t>NB-JULLIANFARIA</t>
  </si>
  <si>
    <t>jullian.faria</t>
  </si>
  <si>
    <t>Jullian Pacheco de Faria</t>
  </si>
  <si>
    <t>/o=exchangelabs/ou=exchange administrative group (fydibohf23spdlt)/cn=recipients/cn=68e6aa2e3fef4ccaba997d98294c9ed5-cristina he;/o=exchangelabs/ou=exchange administrative group (fydibohf23spdlt)/cn=recipients/cn=a78f7dae304e472e9f75bd537683f6e5-hugo de oli;</t>
  </si>
  <si>
    <t>ENC: Garantia mínima e Ativo PF</t>
  </si>
  <si>
    <t>Estudo Garantia mínima PF 2.0.xlsx</t>
  </si>
  <si>
    <t>/o=exchangelabs/ou=exchange administrative group (fydibohf23spdlt)/cn=recipients/cn=68e6aa2e3fef4ccaba997d98294c9ed5-cristina he,/o=exchangelabs/ou=exchange administrative group (fydibohf23spdlt)/cn=recipients/cn=a78f7dae304e472e9f75bd537683f6e5-hugo de oli</t>
  </si>
  <si>
    <t>09/23/2019 11:03:02</t>
  </si>
  <si>
    <t>09/23/2019 11:07:33</t>
  </si>
  <si>
    <t>10.200.61.119</t>
  </si>
  <si>
    <t>D8-9C-67-6F-30-1D</t>
  </si>
  <si>
    <t>NB-MARCOSPR</t>
  </si>
  <si>
    <t>marcospr</t>
  </si>
  <si>
    <t>Marcos Paulo Ribeiro</t>
  </si>
  <si>
    <t>/o=exchangelabs/ou=exchange administrative group (fydibohf23spdlt)/cn=recipients/cn=1c3bae1d5aab4c72b84516e819cd16c9-wilton paim;/o=exchangelabs/ou=exchange administrative group (fydibohf23spdlt)/cn=recipients/cn=26d35797a23841dda77608720c95f631-tiago dos r;/o=exchangelabs/ou=exchange administrative group (fydibohf23spdlt)/cn=recipients/cn=453253b247e84735a37b453eeacdb5fe-bruno palud;/o=exchangelabs/ou=exchange administrative group (fydibohf23spdlt)/cn=recipients/cn=545f738e0fe740ba856f4eb6ef0135e0-vinicius si;/o=exchangelabs/ou=exchange administrative group (fydibohf23spdlt)/cn=recipients/cn=7c23d82f769a474abb5d58fef27346e9-renan gusta;/o=exchangelabs/ou=exchange administrative group (fydibohf23spdlt)/cn=recipients/cn=98e18f75c1d448d18c2b385d101db11f-luiz alfred;/o=exchangelabs/ou=exchange administrative group (fydibohf23spdlt)/cn=recipients/cn=d052f9c9a4404e849e00b751758229a8-carlos dos;/o=exchangelabs/ou=exchange administrative group (fydibohf23spdlt)/cn=recipients/cn=e174366906884bd1b4d4c5ddfc8c9433-rodri</t>
  </si>
  <si>
    <t>Demandas Criticas - PCP Whirlpool</t>
  </si>
  <si>
    <t>Demandas Criticas - PCP Whirlpool.xlsx</t>
  </si>
  <si>
    <t>/o=exchangelabs/ou=exchange administrative group (fydibohf23spdlt)/cn=recipients/cn=1c3bae1d5aab4c72b84516e819cd16c9-wilton paim,/o=exchangelabs/ou=exchange administrative group (fydibohf23spdlt)/cn=recipients/cn=26d35797a23841dda77608720c95f631-tiago dos r,/o=exchangelabs/ou=exchange administrative group (fydibohf23spdlt)/cn=recipients/cn=453253b247e84735a37b453eeacdb5fe-bruno palud,/o=exchangelabs/ou=exchange administrative group (fydibohf23spdlt)/cn=recipients/cn=545f738e0fe740ba856f4eb6ef0135e0-vinicius si,/o=exchangelabs/ou=exchange administrative group (fydibohf23spdlt)/cn=recipients/cn=7c23d82f769a474abb5d58fef27346e9-renan gusta,/o=exchangelabs/ou=exchange administrative group (fydibohf23spdlt)/cn=recipients/cn=98e18f75c1d448d18c2b385d101db11f-luiz alfred,/o=exchangelabs/ou=exchange administrative group (fydibohf23spdlt)/cn=recipients/cn=d052f9c9a4404e849e00b751758229a8-carlos dos,/o=exchangelabs/ou=exchange administrative group (fydibohf23spdlt)/cn=recipients/cn=e174366906884bd1b4d4c5ddfc8c9433-rodri</t>
  </si>
  <si>
    <t>09/23/2019 11:06:50</t>
  </si>
  <si>
    <t xml:space="preserve">/o=exchangelabs/ou=exchange administrative group (fydibohf23spdlt)/cn=recipients/cn=1c3bae1d5aab4c72b84516e819cd16c9-wilton paim;/o=exchangelabs/ou=exchange administrative group (fydibohf23spdlt)/cn=recipients/cn=26d35797a23841dda77608720c95f631-tiago dos r;/o=exchangelabs/ou=exchange administrative group (fydibohf23spdlt)/cn=recipients/cn=453253b247e84735a37b453eeacdb5fe-bruno palud;/o=exchangelabs/ou=exchange administrative group (fydibohf23spdlt)/cn=recipients/cn=545f738e0fe740ba856f4eb6ef0135e0-vinicius si;/o=exchangelabs/ou=exchange administrative group (fydibohf23spdlt)/cn=recipients/cn=7c23d82f769a474abb5d58fef27346e9-renan gusta;/o=exchangelabs/ou=exchange administrative group (fydibohf23spdlt)/cn=recipients/cn=98e18f75c1d448d18c2b385d101db11f-luiz alfred;/o=exchangelabs/ou=exchange administrative group (fydibohf23spdlt)/cn=recipients/cn=d052f9c9a4404e849e00b751758229a8-carlos dos;/o=exchangelabs/ou=exchange administrative group (fydibohf23spdlt)/cn=recipients/cn=de309567271c4871b341e820d0b7364e-luiz </t>
  </si>
  <si>
    <t>RES: Demandas Criticas - PCP Whirlpool</t>
  </si>
  <si>
    <t>Demandas Criticas - PCP Whirlpool.msg\s1\</t>
  </si>
  <si>
    <t xml:space="preserve">/o=exchangelabs/ou=exchange administrative group (fydibohf23spdlt)/cn=recipients/cn=1c3bae1d5aab4c72b84516e819cd16c9-wilton paim,/o=exchangelabs/ou=exchange administrative group (fydibohf23spdlt)/cn=recipients/cn=26d35797a23841dda77608720c95f631-tiago dos r,/o=exchangelabs/ou=exchange administrative group (fydibohf23spdlt)/cn=recipients/cn=453253b247e84735a37b453eeacdb5fe-bruno palud,/o=exchangelabs/ou=exchange administrative group (fydibohf23spdlt)/cn=recipients/cn=545f738e0fe740ba856f4eb6ef0135e0-vinicius si,/o=exchangelabs/ou=exchange administrative group (fydibohf23spdlt)/cn=recipients/cn=7c23d82f769a474abb5d58fef27346e9-renan gusta,/o=exchangelabs/ou=exchange administrative group (fydibohf23spdlt)/cn=recipients/cn=98e18f75c1d448d18c2b385d101db11f-luiz alfred,/o=exchangelabs/ou=exchange administrative group (fydibohf23spdlt)/cn=recipients/cn=d052f9c9a4404e849e00b751758229a8-carlos dos,/o=exchangelabs/ou=exchange administrative group (fydibohf23spdlt)/cn=recipients/cn=de309567271c4871b341e820d0b7364e-luiz </t>
  </si>
  <si>
    <t>09/23/2019 11:04:58</t>
  </si>
  <si>
    <t>09/23/2019 11:08:33</t>
  </si>
  <si>
    <t>10.200.61.51</t>
  </si>
  <si>
    <t>48-5F-99-DE-BE-A9</t>
  </si>
  <si>
    <t>NB-RODRIGODCP</t>
  </si>
  <si>
    <t>rodrigodcp</t>
  </si>
  <si>
    <t>RODRIGO DA COSTA PEREIRA</t>
  </si>
  <si>
    <t>/o=nt5/ou=00000000000000000000000000000000/cn=ba9b5dc2879dfc4a92ac0447ce115b14;</t>
  </si>
  <si>
    <t>Usuarios Aspect</t>
  </si>
  <si>
    <t>Pasta2.xlsx</t>
  </si>
  <si>
    <t>/o=nt5/ou=00000000000000000000000000000000/cn=ba9b5dc2879dfc4a92ac0447ce115b14</t>
  </si>
  <si>
    <t>09/23/2019 11:05:07</t>
  </si>
  <si>
    <t>09/23/2019 11:09:33</t>
  </si>
  <si>
    <t>10.200.57.78</t>
  </si>
  <si>
    <t>FC-01-7C-B3-41-B3</t>
  </si>
  <si>
    <t>NB-GILDAEPMA</t>
  </si>
  <si>
    <t>gildaepma</t>
  </si>
  <si>
    <t>GILDA ELAINE PEREIRA MIRANDA ANSELMO</t>
  </si>
  <si>
    <t>/o=exchangelabs/ou=exchange administrative group (fydibohf23spdlt)/cn=recipients/cn=e8a8131dc3334dc38d81db3d2a41a3fe-denise viei;</t>
  </si>
  <si>
    <t>arquivo de aprovadores</t>
  </si>
  <si>
    <t>Cópia de Aprovadores LEMONTECH - CRs TECH.xlsx</t>
  </si>
  <si>
    <t>/o=exchangelabs/ou=exchange administrative group (fydibohf23spdlt)/cn=recipients/cn=e8a8131dc3334dc38d81db3d2a41a3fe-denise viei</t>
  </si>
  <si>
    <t>09/23/2019 11:07:08</t>
  </si>
  <si>
    <t>09/23/2019 11:11:33</t>
  </si>
  <si>
    <t>ELAINE MARCELINO DE LIMA PEREIRA</t>
  </si>
  <si>
    <t>/o=exchangelabs/ou=exchange administrative group (fydibohf23spdlt)/cn=recipients/cn=1e212ef08dab4f26b88cba944f2ab7cb-pmo.governa;/o=exchangelabs/ou=exchange administrative group (fydibohf23spdlt)/cn=recipients/cn=56f1ed18d0b4438e8484a989403b0f53-ana paula c;</t>
  </si>
  <si>
    <t>RES: Sessão de Governança - Relacionamento de Cartões BV</t>
  </si>
  <si>
    <t>PMO - STATUS DE GOVERNANÇA - Relacionamento de Cartoes BV - 20190917_v2.pptx\</t>
  </si>
  <si>
    <t>/o=exchangelabs/ou=exchange administrative group (fydibohf23spdlt)/cn=recipients/cn=1e212ef08dab4f26b88cba944f2ab7cb-pmo.governa,/o=exchangelabs/ou=exchange administrative group (fydibohf23spdlt)/cn=recipients/cn=56f1ed18d0b4438e8484a989403b0f53-ana paula c</t>
  </si>
  <si>
    <t>09/23/2019 11:12:33</t>
  </si>
  <si>
    <t>09/23/2019 11:13:34</t>
  </si>
  <si>
    <t>10.200.58.0</t>
  </si>
  <si>
    <t>5C-EA-1D-CF-BF-69</t>
  </si>
  <si>
    <t>NB-GUSTAVOHDSI</t>
  </si>
  <si>
    <t>gustavohdsi</t>
  </si>
  <si>
    <t>antoniocoj@algartech.com;cintian@algartech.com;edsonsdo@algartech.com;gustavohdsi@algartech.com;leticiasdsi@algartech.com;renataba@algartech.com;wasleylc@algartech.com;</t>
  </si>
  <si>
    <t>\\acsfs\DEPTOS\Operacao\PCP\5 - Comum\PLANEJAMENTO CRÉDITO &amp; COBRANÇA\10 - Férias\</t>
  </si>
  <si>
    <t>01 - BRADESCO.xlsx</t>
  </si>
  <si>
    <t>antoniocoj@algartech.com,cintian@algartech.com,edsonsdo@algartech.com,gustavohdsi@algartech.com,leticiasdsi@algartech.com,renataba@algartech.com,wasleylc@algartech.com</t>
  </si>
  <si>
    <t>09/23/2019 11:13:53</t>
  </si>
  <si>
    <t>09/23/2019 11:15:34</t>
  </si>
  <si>
    <t>C:\Users\karlosgc\Dropbox\NB-AlgarTech\PPE\equipe\</t>
  </si>
  <si>
    <t>Analise por Gestor - Karlos.xlsx</t>
  </si>
  <si>
    <t>09/23/2019 11:13:19</t>
  </si>
  <si>
    <t>09/23/2019 11:17:32</t>
  </si>
  <si>
    <t>andre@quilleconsultoria.com.br;</t>
  </si>
  <si>
    <t>ENC: Projeto - GOC - Demanda Extração Banco de Dados Contas a Receber</t>
  </si>
  <si>
    <t>Resultado.xls</t>
  </si>
  <si>
    <t>andre@quilleconsultoria.com.br</t>
  </si>
  <si>
    <t>09/23/2019 11:16:26</t>
  </si>
  <si>
    <t>10.200.58.19</t>
  </si>
  <si>
    <t>48-51-B7-8F-E5-A8</t>
  </si>
  <si>
    <t>NB-JANECSA</t>
  </si>
  <si>
    <t>janecsa</t>
  </si>
  <si>
    <t>Jane Carla Simao Alves</t>
  </si>
  <si>
    <t>/o=exchangelabs/ou=exchange administrative group (fydibohf23spdlt)/cn=recipients/cn=e6c01c0e3afe461fbb9d46983fc38f7e-celso anton;</t>
  </si>
  <si>
    <t>Modelo avaliacao revisao orcamentária- indiretos torres.xlsx</t>
  </si>
  <si>
    <t>/o=exchangelabs/ou=exchange administrative group (fydibohf23spdlt)/cn=recipients/cn=e6c01c0e3afe461fbb9d46983fc38f7e-celso anton</t>
  </si>
  <si>
    <t>09/23/2019 11:17:54</t>
  </si>
  <si>
    <t>09/23/2019 11:18:33</t>
  </si>
  <si>
    <t>/o=exchangelabs/ou=exchange administrative group (fydibohf23spdlt)/cn=recipients/cn=1e212ef08dab4f26b88cba944f2ab7cb-pmo.governa;/o=exchangelabs/ou=exchange administrative group (fydibohf23spdlt)/cn=recipients/cn=ed4af2f11ff34c02ba04f39acb2813c2-rafael tega;</t>
  </si>
  <si>
    <t>ENC: ATEC-2019-0024-013 - EXPANSÃO CAIXA</t>
  </si>
  <si>
    <t>DI - ATEC-2019-0024-013.xlsx</t>
  </si>
  <si>
    <t>/o=exchangelabs/ou=exchange administrative group (fydibohf23spdlt)/cn=recipients/cn=1e212ef08dab4f26b88cba944f2ab7cb-pmo.governa,/o=exchangelabs/ou=exchange administrative group (fydibohf23spdlt)/cn=recipients/cn=ed4af2f11ff34c02ba04f39acb2813c2-rafael tega</t>
  </si>
  <si>
    <t>09/20/2019 09:30:11</t>
  </si>
  <si>
    <t>09/23/2019 11:20:33</t>
  </si>
  <si>
    <t>10.250.255.10</t>
  </si>
  <si>
    <t>NB-DENYSGDS</t>
  </si>
  <si>
    <t>denysgds</t>
  </si>
  <si>
    <t>DENYS GUIDIO DA SILVA</t>
  </si>
  <si>
    <t>/o=exchangelabs/ou=exchange administrative group (fydibohf23spdlt)/cn=recipients/cn=55643a6cbd93423e8f0c948d862c9e35-marcelo ale;/o=exchangelabs/ou=exchange administrative group (fydibohf23spdlt)/cn=recipients/cn=89ca346ee974400aae0c2ce74e5bf4c3-ademir de s;/o=exchangelabs/ou=exchange administrative group (fydibohf23spdlt)/cn=recipients/cn=ab32eb07fe6a44bd974887f8bd7cb4aa-mayko freit;/o=nt5/ou=00000000000000000000000000000000/cn=02dedfb9ec66fa4c8a8048bb2276e4d5;/o=nt5/ou=00000000000000000000000000000000/cn=3e7945e5fc55374bbb55fd96f6132177;</t>
  </si>
  <si>
    <t>Informações Algar - Complemento de Atendimento e Suporte</t>
  </si>
  <si>
    <t>Atividades_Projeto_Suporte_Basis.xlsx</t>
  </si>
  <si>
    <t>/o=exchangelabs/ou=exchange administrative group (fydibohf23spdlt)/cn=recipients/cn=55643a6cbd93423e8f0c948d862c9e35-marcelo ale,/o=exchangelabs/ou=exchange administrative group (fydibohf23spdlt)/cn=recipients/cn=89ca346ee974400aae0c2ce74e5bf4c3-ademir de s,/o=exchangelabs/ou=exchange administrative group (fydibohf23spdlt)/cn=recipients/cn=ab32eb07fe6a44bd974887f8bd7cb4aa-mayko freit,/o=nt5/ou=00000000000000000000000000000000/cn=02dedfb9ec66fa4c8a8048bb2276e4d5,/o=nt5/ou=00000000000000000000000000000000/cn=3e7945e5fc55374bbb55fd96f6132177</t>
  </si>
  <si>
    <t>09/20/2019 10:04:14</t>
  </si>
  <si>
    <t>/o=exchangelabs/ou=exchange administrative group (fydibohf23spdlt)/cn=recipients/cn=55643a6cbd93423e8f0c948d862c9e35-marcelo ale;/o=nt5/ou=00000000000000000000000000000000/cn=02dedfb9ec66fa4c8a8048bb2276e4d5;/o=nt5/ou=00000000000000000000000000000000/cn=3e7945e5fc55374bbb55fd96f6132177;</t>
  </si>
  <si>
    <t>/o=exchangelabs/ou=exchange administrative group (fydibohf23spdlt)/cn=recipients/cn=55643a6cbd93423e8f0c948d862c9e35-marcelo ale,/o=nt5/ou=00000000000000000000000000000000/cn=02dedfb9ec66fa4c8a8048bb2276e4d5,/o=nt5/ou=00000000000000000000000000000000/cn=3e7945e5fc55374bbb55fd96f6132177</t>
  </si>
  <si>
    <t>09/20/2019 11:01:44</t>
  </si>
  <si>
    <t>/o=exchangelabs/ou=exchange administrative group (fydibohf23spdlt)/cn=recipients/cn=835c532cfb2546d29b9ec50eab1593d1-carla betan;/o=exchangelabs/ou=exchange administrative group (fydibohf23spdlt)/cn=recipients/cn=bac01c1dcd4a49d7b55e9cf8a07c28c6-edson nunes;/o=exchangelabs/ou=exchange administrative group (fydibohf23spdlt)/cn=recipients/cn=c6f5c50e91244036872327464dc6624a-cinthia mar;</t>
  </si>
  <si>
    <t>ENC: Informações Algar - Complemento de Atendimento e Suporte</t>
  </si>
  <si>
    <t>/o=exchangelabs/ou=exchange administrative group (fydibohf23spdlt)/cn=recipients/cn=835c532cfb2546d29b9ec50eab1593d1-carla betan,/o=exchangelabs/ou=exchange administrative group (fydibohf23spdlt)/cn=recipients/cn=bac01c1dcd4a49d7b55e9cf8a07c28c6-edson nunes,/o=exchangelabs/ou=exchange administrative group (fydibohf23spdlt)/cn=recipients/cn=c6f5c50e91244036872327464dc6624a-cinthia mar</t>
  </si>
  <si>
    <t>09/20/2019 12:11:49</t>
  </si>
  <si>
    <t>/o=exchangelabs/ou=exchange administrative group (fydibohf23spdlt)/cn=recipients/cn=97028c61ebe04c3ca84c604712943944-fabiano wil;/o=nt5/ou=00000000000000000000000000000000/cn=6586479ad5329c4a8d172e334a5b26f3;</t>
  </si>
  <si>
    <t>/o=exchangelabs/ou=exchange administrative group (fydibohf23spdlt)/cn=recipients/cn=97028c61ebe04c3ca84c604712943944-fabiano wil,/o=nt5/ou=00000000000000000000000000000000/cn=6586479ad5329c4a8d172e334a5b26f3</t>
  </si>
  <si>
    <t>09/23/2019 10:15:00</t>
  </si>
  <si>
    <t>/o=exchangelabs/ou=exchange administrative group (fydibohf23spdlt)/cn=recipients/cn=89ca346ee974400aae0c2ce74e5bf4c3-ademir de s;/o=exchangelabs/ou=exchange administrative group (fydibohf23spdlt)/cn=recipients/cn=user78f7a52d;</t>
  </si>
  <si>
    <t>Conferência Cliente Weg</t>
  </si>
  <si>
    <t>jobs_uc4_20190920072642.csv</t>
  </si>
  <si>
    <t>/o=exchangelabs/ou=exchange administrative group (fydibohf23spdlt)/cn=recipients/cn=89ca346ee974400aae0c2ce74e5bf4c3-ademir de s,/o=exchangelabs/ou=exchange administrative group (fydibohf23spdlt)/cn=recipients/cn=user78f7a52d</t>
  </si>
  <si>
    <t>09/23/2019 10:17:51</t>
  </si>
  <si>
    <t>/o=exchangelabs/ou=exchange administrative group (fydibohf23spdlt)/cn=recipients/cn=835c532cfb2546d29b9ec50eab1593d1-carla betan;/o=exchangelabs/ou=exchange administrative group (fydibohf23spdlt)/cn=recipients/cn=89ca346ee974400aae0c2ce74e5bf4c3-ademir de s;/o=exchangelabs/ou=exchange administrative group (fydibohf23spdlt)/cn=recipients/cn=89e58c8da071492dbdcb4fee4156b705-gustavo alm;/o=exchangelabs/ou=exchange administrative group (fydibohf23spdlt)/cn=recipients/cn=97028c61ebe04c3ca84c604712943944-fabiano wil;/o=exchangelabs/ou=exchange administrative group (fydibohf23spdlt)/cn=recipients/cn=c6f5c50e91244036872327464dc6624a-cinthia mar;/o=exchangelabs/ou=exchange administrative group (fydibohf23spdlt)/cn=recipients/cn=user78f7a52d;/o=exchangelabs/ou=exchange administrative group (fydibohf23spdlt)/cn=recipients/cn=wilson achilles alves pereira neto - 004255;</t>
  </si>
  <si>
    <t>Informações de Alertas NOC - Cliente Weg</t>
  </si>
  <si>
    <t>Alertas.csv</t>
  </si>
  <si>
    <t>/o=exchangelabs/ou=exchange administrative group (fydibohf23spdlt)/cn=recipients/cn=835c532cfb2546d29b9ec50eab1593d1-carla betan,/o=exchangelabs/ou=exchange administrative group (fydibohf23spdlt)/cn=recipients/cn=89ca346ee974400aae0c2ce74e5bf4c3-ademir de s,/o=exchangelabs/ou=exchange administrative group (fydibohf23spdlt)/cn=recipients/cn=89e58c8da071492dbdcb4fee4156b705-gustavo alm,/o=exchangelabs/ou=exchange administrative group (fydibohf23spdlt)/cn=recipients/cn=97028c61ebe04c3ca84c604712943944-fabiano wil,/o=exchangelabs/ou=exchange administrative group (fydibohf23spdlt)/cn=recipients/cn=c6f5c50e91244036872327464dc6624a-cinthia mar,/o=exchangelabs/ou=exchange administrative group (fydibohf23spdlt)/cn=recipients/cn=user78f7a52d,/o=exchangelabs/ou=exchange administrative group (fydibohf23spdlt)/cn=recipients/cn=wilson achilles alves pereira neto - 004255</t>
  </si>
  <si>
    <t>09/23/2019 10:27:57</t>
  </si>
  <si>
    <t>/o=exchangelabs/ou=exchange administrative group (fydibohf23spdlt)/cn=recipients/cn=38cb943dd1ac413a953757a4a5a53053-fabio welze;/o=exchangelabs/ou=exchange administrative group (fydibohf23spdlt)/cn=recipients/cn=89ca346ee974400aae0c2ce74e5bf4c3-ademir de s;/o=exchangelabs/ou=exchange administrative group (fydibohf23spdlt)/cn=recipients/cn=97028c61ebe04c3ca84c604712943944-fabiano wil;/o=exchangelabs/ou=exchange administrative group (fydibohf23spdlt)/cn=recipients/cn=user78f7a52d;jaimec@weg.net;valerioc@weg.net;</t>
  </si>
  <si>
    <t>Informações de Alerta</t>
  </si>
  <si>
    <t>/o=exchangelabs/ou=exchange administrative group (fydibohf23spdlt)/cn=recipients/cn=38cb943dd1ac413a953757a4a5a53053-fabio welze,/o=exchangelabs/ou=exchange administrative group (fydibohf23spdlt)/cn=recipients/cn=89ca346ee974400aae0c2ce74e5bf4c3-ademir de s,/o=exchangelabs/ou=exchange administrative group (fydibohf23spdlt)/cn=recipients/cn=97028c61ebe04c3ca84c604712943944-fabiano wil,/o=exchangelabs/ou=exchange administrative group (fydibohf23spdlt)/cn=recipients/cn=user78f7a52d,jaimec@weg.net,valerioc@weg.net</t>
  </si>
  <si>
    <t>09/23/2019 11:11:25</t>
  </si>
  <si>
    <t>https://caey.fa.us2.oraclecloud.com/crmui/faces/fusewelcome?_adf.ctrl-state=lskuoef76_5</t>
  </si>
  <si>
    <t>C:\Users\denysgds\Documents\Backup Denys\Denys Guidio Backup\Backup\Sage\205388\</t>
  </si>
  <si>
    <t>205388 Sage NOVA PROPOSTA SAGE.COLOCATION_v1.xlsb</t>
  </si>
  <si>
    <t>09/23/2019 11:11:45</t>
  </si>
  <si>
    <t>205388 Sage NOVA PROPOSTA SAGE.HOSTING.xlsb</t>
  </si>
  <si>
    <t>09/20/2019 18:31:47</t>
  </si>
  <si>
    <t>09/23/2019 11:23:33</t>
  </si>
  <si>
    <t>COORDENACAO POOL</t>
  </si>
  <si>
    <t>10.200.206.3</t>
  </si>
  <si>
    <t>54-BF-64-F5-7F-DC</t>
  </si>
  <si>
    <t>NB-DIEGOBG</t>
  </si>
  <si>
    <t>diegobg</t>
  </si>
  <si>
    <t>C:\Users\diegobg\OneDrive - Grupo Algar\01 - Toyota\1 - Diego Bardauil\1.2 - Financeiro\08 - Agosto\</t>
  </si>
  <si>
    <t>Departamental Toyota Agosto.xlsx</t>
  </si>
  <si>
    <t>09/23/2019 11:19:15</t>
  </si>
  <si>
    <t>C:\Users\alessandroam\OneDrive\OneDrive - Grupo Algar\01 - Historico\02 - Seg Informação\03 - RFP's\NEXT\CCNC - Banco Next.eml\Algar Tech - Programa de Compliance -Next - 09-07-19.pptx\</t>
  </si>
  <si>
    <t>09/23/2019 11:19:16</t>
  </si>
  <si>
    <t>C:\Users\alessandroam\OneDrive\OneDrive - Grupo Algar\01 - Historico\02 - Seg Informação\03 - RFP's\NEXT\Algar Tech - Programa de Compliance -Next - 09-07-19 (1).pptx\</t>
  </si>
  <si>
    <t>09/23/2019 11:20:31</t>
  </si>
  <si>
    <t>09/23/2019 11:24:33</t>
  </si>
  <si>
    <t>/o=exchangelabs/ou=exchange administrative group (fydibohf23spdlt)/cn=recipients/cn=8b5b63d67af648d081a40c45cc800804-fabiana per;poliane.amaral@bradesco.com.br;suzane.b.rodrigues@bradesco.com.br;vanusaos@algartech.com.br;</t>
  </si>
  <si>
    <t>RES: Cenário UCB</t>
  </si>
  <si>
    <t>Setembro_ UCB.xlsm</t>
  </si>
  <si>
    <t>/o=exchangelabs/ou=exchange administrative group (fydibohf23spdlt)/cn=recipients/cn=8b5b63d67af648d081a40c45cc800804-fabiana per,poliane.amaral@bradesco.com.br,suzane.b.rodrigues@bradesco.com.br,vanusaos@algartech.com.br</t>
  </si>
  <si>
    <t>09/23/2019 11:21:26</t>
  </si>
  <si>
    <t>09/23/2019 11:25:33</t>
  </si>
  <si>
    <t>COORDENACAO DE MARKETING</t>
  </si>
  <si>
    <t>NB-MIRIANTOF</t>
  </si>
  <si>
    <t>miriantof</t>
  </si>
  <si>
    <t>Mirian Toshimi Ozawa Ferracioli</t>
  </si>
  <si>
    <t>rafael.techima@tracksale.co;</t>
  </si>
  <si>
    <t>Envio Whatsapp</t>
  </si>
  <si>
    <t>Mailing NPS Inauguração Celula Alto Valor_090919_BV.csv</t>
  </si>
  <si>
    <t>rafael.techima@tracksale.co</t>
  </si>
  <si>
    <t>09/23/2019 11:22:25</t>
  </si>
  <si>
    <t>09/23/2019 11:26:34</t>
  </si>
  <si>
    <t>/o=exchangelabs/ou=exchange administrative group (fydibohf23spdlt)/cn=recipients/cn=1e45e12566d4418ba0325de92fea64a4-akassia bez;/o=exchangelabs/ou=exchange administrative group (fydibohf23spdlt)/cn=recipients/cn=9e20ba3b6afd447db98f75fb7bdc7037-francisco e;</t>
  </si>
  <si>
    <t>/o=exchangelabs/ou=exchange administrative group (fydibohf23spdlt)/cn=recipients/cn=1e45e12566d4418ba0325de92fea64a4-akassia bez,/o=exchangelabs/ou=exchange administrative group (fydibohf23spdlt)/cn=recipients/cn=9e20ba3b6afd447db98f75fb7bdc7037-francisco e</t>
  </si>
  <si>
    <t>09/23/2019 11:23:16</t>
  </si>
  <si>
    <t>09/23/2019 11:27:33</t>
  </si>
  <si>
    <t>COORDENACAO DE QUALIDADE E EDUCACAO</t>
  </si>
  <si>
    <t>10.200.61.35</t>
  </si>
  <si>
    <t>BC-85-56-BB-8D-D4</t>
  </si>
  <si>
    <t>NB-JOSEMTR</t>
  </si>
  <si>
    <t>fernandaap</t>
  </si>
  <si>
    <t>http://shareit.global.avon.com/sites/arrmcm/forca-de-vendas/_layouts/upload.aspx?list={d7183758-c20b-457b-9a14-b83f7824798f}&amp;rootfolder=/sites/arrmcm/forca-de-vendas/executivas/mei&amp;source=http://shareit.global.avon.com/sites/arrmcm/forca-de-vendas/executivas/forms/allitems.aspx?rootfolder=http%3a%2f%2fshareit%2eglobal%2eavon%2ecom%2fsites%2farrmcm%2fforca%2dde%2dvendas%2fexecutivas%2fmei&amp;folderctid=0x012000239372184a066741ae9c59580c49d41d</t>
  </si>
  <si>
    <t>C:\Users\fernandaap\Desktop\Docs para Publicar\</t>
  </si>
  <si>
    <t>EVAS QUE PRECISAM IR A PREFEITURA ATIVAR O CNPJ.xls</t>
  </si>
  <si>
    <t>HTTP</t>
  </si>
  <si>
    <t>09/23/2019 11:22:07</t>
  </si>
  <si>
    <t>/o=exchangelabs/ou=exchange administrative group (fydibohf23spdlt)/cn=recipients/cn=80fb880d4e904fd9990f1ffec561717a-avon - supe;</t>
  </si>
  <si>
    <t>ENC: &gt;&gt;&gt;&gt;&gt;&gt;&gt; Apuração Incorreta de Metas - Urgente!</t>
  </si>
  <si>
    <t>Apuração Incorreta_18set2019.xlsx</t>
  </si>
  <si>
    <t>/o=exchangelabs/ou=exchange administrative group (fydibohf23spdlt)/cn=recipients/cn=80fb880d4e904fd9990f1ffec561717a-avon - supe</t>
  </si>
  <si>
    <t>09/23/2019 11:22:57</t>
  </si>
  <si>
    <t>3ª Reuger 2019 - template tabelas - Tesouraria.xlsx</t>
  </si>
  <si>
    <t>09/23/2019 11:28:31</t>
  </si>
  <si>
    <t>09/23/2019 11:29:33</t>
  </si>
  <si>
    <t>10.200.62.9</t>
  </si>
  <si>
    <t>FC-01-7C-C0-33-D1</t>
  </si>
  <si>
    <t>NB-RODRIGOATE</t>
  </si>
  <si>
    <t>rodrigoate</t>
  </si>
  <si>
    <t>R:\OneDrive - Grupo Algar\Advanced Collection\Revisão da Oferta\20190923 Advanced Collection - Fluxo de novos clientes.pptx\</t>
  </si>
  <si>
    <t>09/23/2019 11:28:45</t>
  </si>
  <si>
    <t>09/23/2019 11:31:33</t>
  </si>
  <si>
    <t>Leonora Andrade Tozato</t>
  </si>
  <si>
    <t>/o=exchangelabs/ou=exchange administrative group (fydibohf23spdlt)/cn=recipients/cn=e2c0cb02245a4d10bae00cda457340c4-priscilla d;crce@algartech.com.br;ebta@algartech.com.br;</t>
  </si>
  <si>
    <t>ENC: EBTA - SAMSUNG</t>
  </si>
  <si>
    <t>Abertura de Pesquisa EBTA - SAMSUNG - Leticia.xlsx</t>
  </si>
  <si>
    <t>/o=exchangelabs/ou=exchange administrative group (fydibohf23spdlt)/cn=recipients/cn=e2c0cb02245a4d10bae00cda457340c4-priscilla d,crce@algartech.com.br,ebta@algartech.com.br</t>
  </si>
  <si>
    <t>09/23/2019 11:28:30</t>
  </si>
  <si>
    <t>/o=exchangelabs/ou=exchange administrative group (fydibohf23spdlt)/cn=recipients/cn=8ffcdd39b62f4308b2f876f9624fa69a-wasley luiz;</t>
  </si>
  <si>
    <t>SL XXXXX FACEBOOK - SET.19.xlsb</t>
  </si>
  <si>
    <t>/o=exchangelabs/ou=exchange administrative group (fydibohf23spdlt)/cn=recipients/cn=8ffcdd39b62f4308b2f876f9624fa69a-wasley luiz</t>
  </si>
  <si>
    <t>09/23/2019 11:34:55</t>
  </si>
  <si>
    <t>09/23/2019 11:37:33</t>
  </si>
  <si>
    <t>/o=exchangelabs/ou=exchange administrative group (fydibohf23spdlt)/cn=recipients/cn=1c3bae1d5aab4c72b84516e819cd16c9-wilton paim;</t>
  </si>
  <si>
    <t>Controle de Projetos Críticos - Última Versão.xlsx</t>
  </si>
  <si>
    <t>/o=exchangelabs/ou=exchange administrative group (fydibohf23spdlt)/cn=recipients/cn=1c3bae1d5aab4c72b84516e819cd16c9-wilton paim</t>
  </si>
  <si>
    <t>09/23/2019 11:32:45</t>
  </si>
  <si>
    <t>3ª Reuger 2019 - template tabelas revisada v6.xlsx</t>
  </si>
  <si>
    <t>09/23/2019 11:36:55</t>
  </si>
  <si>
    <t>09/23/2019 11:39:33</t>
  </si>
  <si>
    <t>10.200.57.122</t>
  </si>
  <si>
    <t>D8-9C-67-6F-33-9D</t>
  </si>
  <si>
    <t>C:\Users\lucianafaa\OneDrive - Grupo Algar\2019\PROJETOS\REAJUSTE DE CONTRATO\PLANILHA REAJUSTES\STATUS REPORT\STATUS SEMANAL\16-09\</t>
  </si>
  <si>
    <t>Gestão de Reajustes 2019 v8.1 Ajustada 16_09.xlsx</t>
  </si>
  <si>
    <t>09/23/2019 11:40:28</t>
  </si>
  <si>
    <t>09/23/2019 11:41:33</t>
  </si>
  <si>
    <t>\\acsfs\deptos\CPC\4 - MIS\2 - Cliente\7 - IBI\1 - Cobrança\PerformanceIbiCred\3 - Entrega\</t>
  </si>
  <si>
    <t>PerformanceIbiCred_Setembro.xlsm</t>
  </si>
  <si>
    <t>09/23/2019 11:41:26</t>
  </si>
  <si>
    <t>09/23/2019 11:42:33</t>
  </si>
  <si>
    <t>10.200.61.36</t>
  </si>
  <si>
    <t>54-BF-64-F5-7F-56</t>
  </si>
  <si>
    <t>NB-GILMARASS</t>
  </si>
  <si>
    <t>victorvgar</t>
  </si>
  <si>
    <t>Victor Galatti Arab Reis</t>
  </si>
  <si>
    <t>/o=exchangelabs/ou=exchange administrative group (fydibohf23spdlt)/cn=recipients/cn=083204b1bd464d0fbbd2451a3a305923-katia gonca;/o=exchangelabs/ou=exchange administrative group (fydibohf23spdlt)/cn=recipients/cn=08495392e8ff447fa6268b697ae28485-flavia ferr;/o=exchangelabs/ou=exchange administrative group (fydibohf23spdlt)/cn=recipients/cn=9b52022a6e624c30a92f50cf4538a4bf-talmaia rod;/o=exchangelabs/ou=exchange administrative group (fydibohf23spdlt)/cn=recipients/cn=a5f3c22313d74f5cbd68347bb02489b8-lilian lima;/o=exchangelabs/ou=exchange administrative group (fydibohf23spdlt)/cn=recipients/cn=b0dffb7bae8b4669bf2555c821ef7035-daniela vie;/o=exchangelabs/ou=exchange administrative group (fydibohf23spdlt)/cn=recipients/cn=e47f7192d7b143e286620292e5ce82f2-mirian pris;/o=exchangelabs/ou=exchange administrative group (fydibohf23spdlt)/cn=recipients/cn=f0ff087361a245daa16e71ac77ecc3f0-ivan costa;</t>
  </si>
  <si>
    <t>ENC: PARCIAL DE ADERÊNCIA: TSA IPO_16 09 19</t>
  </si>
  <si>
    <t>Associados Avaliados - Termômeto (Detalhado).xlsx</t>
  </si>
  <si>
    <t>/o=exchangelabs/ou=exchange administrative group (fydibohf23spdlt)/cn=recipients/cn=083204b1bd464d0fbbd2451a3a305923-katia gonca,/o=exchangelabs/ou=exchange administrative group (fydibohf23spdlt)/cn=recipients/cn=08495392e8ff447fa6268b697ae28485-flavia ferr,/o=exchangelabs/ou=exchange administrative group (fydibohf23spdlt)/cn=recipients/cn=9b52022a6e624c30a92f50cf4538a4bf-talmaia rod,/o=exchangelabs/ou=exchange administrative group (fydibohf23spdlt)/cn=recipients/cn=a5f3c22313d74f5cbd68347bb02489b8-lilian lima,/o=exchangelabs/ou=exchange administrative group (fydibohf23spdlt)/cn=recipients/cn=b0dffb7bae8b4669bf2555c821ef7035-daniela vie,/o=exchangelabs/ou=exchange administrative group (fydibohf23spdlt)/cn=recipients/cn=e47f7192d7b143e286620292e5ce82f2-mirian pris,/o=exchangelabs/ou=exchange administrative group (fydibohf23spdlt)/cn=recipients/cn=f0ff087361a245daa16e71ac77ecc3f0-ivan costa</t>
  </si>
  <si>
    <t>09/23/2019 11:40:51</t>
  </si>
  <si>
    <t>09/23/2019 11:43:33</t>
  </si>
  <si>
    <t>10.200.57.167</t>
  </si>
  <si>
    <t>64-1C-67-9C-34-5D</t>
  </si>
  <si>
    <t>NB-LUIZAV</t>
  </si>
  <si>
    <t>luizavs</t>
  </si>
  <si>
    <t>Luiz Alfredo Vieira Silva</t>
  </si>
  <si>
    <t>/o=exchangelabs/ou=exchange administrative group (fydibohf23spdlt)/cn=recipients/cn=083204b1bd464d0fbbd2451a3a305923-katia gonca;/o=exchangelabs/ou=exchange administrative group (fydibohf23spdlt)/cn=recipients/cn=6b7310ceb9ad44d1813476fff531a12a-2e2e0ff3-a4;/o=exchangelabs/ou=exchange administrative group (fydibohf23spdlt)/cn=recipients/cn=userd3ef8196;diego_r_ferreira@whirlpool.com;pedro_b_nascimento@whirlpool.com;thalita_y_cardoso@whirlpool.com;</t>
  </si>
  <si>
    <t>Retenção Compra Certa</t>
  </si>
  <si>
    <t>Retidos Compra Certa - Setembro.xlsm</t>
  </si>
  <si>
    <t>/o=exchangelabs/ou=exchange administrative group (fydibohf23spdlt)/cn=recipients/cn=083204b1bd464d0fbbd2451a3a305923-katia gonca,/o=exchangelabs/ou=exchange administrative group (fydibohf23spdlt)/cn=recipients/cn=6b7310ceb9ad44d1813476fff531a12a-2e2e0ff3-a4,/o=exchangelabs/ou=exchange administrative group (fydibohf23spdlt)/cn=recipients/cn=userd3ef8196,diego_r_ferreira@whirlpool.com,pedro_b_nascimento@whirlpool.com,thalita_y_cardoso@whirlpool.com</t>
  </si>
  <si>
    <t>09/23/2019 11:40:42</t>
  </si>
  <si>
    <t>09/23/2019 11:44:33</t>
  </si>
  <si>
    <t>/o=exchangelabs/ou=exchange administrative group (fydibohf23spdlt)/cn=recipients/cn=0b12aab521944ecb8b32eb8c0929be5c-rafael gonz;/o=exchangelabs/ou=exchange administrative group (fydibohf23spdlt)/cn=recipients/cn=be0b59caa4dc43e39afaa089f44ef778-leonardo al;</t>
  </si>
  <si>
    <t>ENC: Relatório de Vendas SET.2019 - Financeira</t>
  </si>
  <si>
    <t>Relatório vendas Financeira - Set.19.zip\</t>
  </si>
  <si>
    <t>Relat¢rio vendas Financeira - Set.19.xlsm</t>
  </si>
  <si>
    <t>/o=exchangelabs/ou=exchange administrative group (fydibohf23spdlt)/cn=recipients/cn=0b12aab521944ecb8b32eb8c0929be5c-rafael gonz,/o=exchangelabs/ou=exchange administrative group (fydibohf23spdlt)/cn=recipients/cn=be0b59caa4dc43e39afaa089f44ef778-leonardo al</t>
  </si>
  <si>
    <t>09/23/2019 11:43:36</t>
  </si>
  <si>
    <t>/o=exchangelabs/ou=exchange administrative group (fydibohf23spdlt)/cn=recipients/cn=309572221fe14ce3af445b3983aaac9f-alizenete m;</t>
  </si>
  <si>
    <t>Agent Utilization Report NEXT</t>
  </si>
  <si>
    <t>Agent_Utilization_Report.xlsx</t>
  </si>
  <si>
    <t>/o=exchangelabs/ou=exchange administrative group (fydibohf23spdlt)/cn=recipients/cn=309572221fe14ce3af445b3983aaac9f-alizenete m</t>
  </si>
  <si>
    <t>DIRETO ARNOLDO OP 0000</t>
  </si>
  <si>
    <t>10.200.57.155</t>
  </si>
  <si>
    <t>18-66-DA-FE-9E-3C</t>
  </si>
  <si>
    <t>NB-SUELENMM</t>
  </si>
  <si>
    <t>suelenmm</t>
  </si>
  <si>
    <t>SUELEN MOREIRA MARQUES</t>
  </si>
  <si>
    <t>/o=exchangelabs/ou=exchange administrative group (fydibohf23spdlt)/cn=recipients/cn=287c26b08a0f48578479a15a452f025d-edilson rod;/o=exchangelabs/ou=exchange administrative group (fydibohf23spdlt)/cn=recipients/cn=2efe26bca22a43cc89c6ed48ba5e50b4-luciano cor;/o=exchangelabs/ou=exchange administrative group (fydibohf23spdlt)/cn=recipients/cn=97028c61ebe04c3ca84c604712943944-fabiano wil;/o=exchangelabs/ou=exchange administrative group (fydibohf23spdlt)/cn=recipients/cn=b194f014572c4c36b52132f9199df1aa-jairo junio;/o=exchangelabs/ou=exchange administrative group (fydibohf23spdlt)/cn=recipients/cn=e5dfe65308934e02acfffcb2185133f4-daniel bier;/o=exchangelabs/ou=exchange administrative group (fydibohf23spdlt)/cn=recipients/cn=userdc05fc7c;</t>
  </si>
  <si>
    <t>199274_IBM_v5_Bodyshop_MULTI_(C017_B0171 - rev4.xlsb</t>
  </si>
  <si>
    <t>/o=exchangelabs/ou=exchange administrative group (fydibohf23spdlt)/cn=recipients/cn=287c26b08a0f48578479a15a452f025d-edilson rod,/o=exchangelabs/ou=exchange administrative group (fydibohf23spdlt)/cn=recipients/cn=2efe26bca22a43cc89c6ed48ba5e50b4-luciano cor,/o=exchangelabs/ou=exchange administrative group (fydibohf23spdlt)/cn=recipients/cn=97028c61ebe04c3ca84c604712943944-fabiano wil,/o=exchangelabs/ou=exchange administrative group (fydibohf23spdlt)/cn=recipients/cn=b194f014572c4c36b52132f9199df1aa-jairo junio,/o=exchangelabs/ou=exchange administrative group (fydibohf23spdlt)/cn=recipients/cn=e5dfe65308934e02acfffcb2185133f4-daniel bier,/o=exchangelabs/ou=exchange administrative group (fydibohf23spdlt)/cn=recipients/cn=userdc05fc7c</t>
  </si>
  <si>
    <t>09/23/2019 11:43:35</t>
  </si>
  <si>
    <t>09/23/2019 11:46:33</t>
  </si>
  <si>
    <t>/o=exchangelabs/ou=exchange administrative group (fydibohf23spdlt)/cn=recipients/cn=c5057601f2364b0db7ea84dbec10baa4-matheus mor;</t>
  </si>
  <si>
    <t>Relatórios Engeset</t>
  </si>
  <si>
    <t>RELATORIO MICROSIGA 01.01.2019 A 31.08.2019.xlsx</t>
  </si>
  <si>
    <t>/o=exchangelabs/ou=exchange administrative group (fydibohf23spdlt)/cn=recipients/cn=c5057601f2364b0db7ea84dbec10baa4-matheus mor</t>
  </si>
  <si>
    <t>09/23/2019 11:46:11</t>
  </si>
  <si>
    <t>09/23/2019 11:48:33</t>
  </si>
  <si>
    <t>10.200.58.87</t>
  </si>
  <si>
    <t>64-1C-67-9C-32-FD</t>
  </si>
  <si>
    <t>NB-FERNANDORSJ</t>
  </si>
  <si>
    <t>fernandorsju</t>
  </si>
  <si>
    <t>\\acsfs\acs\consultoria de qualidade\uberlândia\1. analistas\fernando rodrigues\11. documentos\0. formulários\</t>
  </si>
  <si>
    <t>algar tech - formulário solicitações de férias irregulares.xlsx</t>
  </si>
  <si>
    <t>09/23/2019 11:45:55</t>
  </si>
  <si>
    <t>09/23/2019 11:43:58</t>
  </si>
  <si>
    <t>09/23/2019 11:49:33</t>
  </si>
  <si>
    <t>10.200.60.129</t>
  </si>
  <si>
    <t>D4-6A-6A-F9-D4-25</t>
  </si>
  <si>
    <t>NB-CARLOSFN</t>
  </si>
  <si>
    <t>carlosfn</t>
  </si>
  <si>
    <t>Carlos Facioli Neto</t>
  </si>
  <si>
    <t>/o=exchangelabs/ou=exchange administrative group (fydibohf23spdlt)/cn=recipients/cn=f7a4290a46314a3cbb0d392508a7b5c5-luciana sil;/o=exchangelabs/ou=exchange administrative group (fydibohf23spdlt)/cn=recipients/cn=f9fe932422d84c28aad0bc6079f59209-daniele dos;</t>
  </si>
  <si>
    <t>Carteira - ajustes na base de segmentação</t>
  </si>
  <si>
    <t>Pasta1.xlsx</t>
  </si>
  <si>
    <t>/o=exchangelabs/ou=exchange administrative group (fydibohf23spdlt)/cn=recipients/cn=f7a4290a46314a3cbb0d392508a7b5c5-luciana sil,/o=exchangelabs/ou=exchange administrative group (fydibohf23spdlt)/cn=recipients/cn=f9fe932422d84c28aad0bc6079f59209-daniele dos</t>
  </si>
  <si>
    <t>09/23/2019 11:46:56</t>
  </si>
  <si>
    <t>09/23/2019 11:52:33</t>
  </si>
  <si>
    <t>http://shareit.global.avon.com/sites/arrmcm/forca-de-vendas/_layouts/upload.aspx?list={f46656d2-7755-4894-8e3a-5cf0875b7e2c}&amp;rootfolder=/sites/arrmcm/forca-de-vendas/emails e telefones&amp;source=http://shareit.global.avon.com/sites/arrmcm/forca-de-vendas/emails e telefones/forms/allitems.aspx</t>
  </si>
  <si>
    <t>TELEFONE DAS AGÊNCIAS DE COBRANÇA CREDENCIADAS.xls</t>
  </si>
  <si>
    <t>09/23/2019 11:47:53</t>
  </si>
  <si>
    <t>RAS QUE ESTÃO COM AÇÕES JUDICIAIS EM ANDAMENTO - COBRANÇA.xls</t>
  </si>
  <si>
    <t>09/23/2019 11:48:52</t>
  </si>
  <si>
    <t>REVENDA INTEGRACAO</t>
  </si>
  <si>
    <t>10.207.12.89</t>
  </si>
  <si>
    <t>64-1C-67-A0-39-20</t>
  </si>
  <si>
    <t>NB-ANDRESSATAL</t>
  </si>
  <si>
    <t>andressatal</t>
  </si>
  <si>
    <t>Andressa Tuler de Almeida Castilho</t>
  </si>
  <si>
    <t>/o=exchangelabs/ou=exchange administrative group (fydibohf23spdlt)/cn=recipients/cn=7c9714031c1e4f2f8f0bbfa85f6645fa-algar tech;</t>
  </si>
  <si>
    <t>ATA de Reunião</t>
  </si>
  <si>
    <t>Relatório Pipeline_Afonso_ 19_09_19.xlsx</t>
  </si>
  <si>
    <t>/o=exchangelabs/ou=exchange administrative group (fydibohf23spdlt)/cn=recipients/cn=7c9714031c1e4f2f8f0bbfa85f6645fa-algar tech</t>
  </si>
  <si>
    <t>09/23/2019 11:53:12</t>
  </si>
  <si>
    <t>09/23/2019 11:54:33</t>
  </si>
  <si>
    <t>10.200.35.126</t>
  </si>
  <si>
    <t>54-BF-64-F5-84-66</t>
  </si>
  <si>
    <t>NB-FILEMONCMJ</t>
  </si>
  <si>
    <t>filemoncmj</t>
  </si>
  <si>
    <t>Filemon Candido Machado Junior</t>
  </si>
  <si>
    <t>/o=exchangelabs/ou=exchange administrative group (fydibohf23spdlt)/cn=recipients/cn=8a0784ccebb14202a66b1b8f3a285b61-thais de al;/o=nt5/ou=00000000000000000000000000000000/cn=b06821bc04ae6d4ab003cb092660cf23;</t>
  </si>
  <si>
    <t>ENC: Classificação de Itens ISD - Desktops Aumento Yahsat</t>
  </si>
  <si>
    <t>Classificacao_de_Itens_-_Aumento_PAs_Classificado.xlsx</t>
  </si>
  <si>
    <t>/o=exchangelabs/ou=exchange administrative group (fydibohf23spdlt)/cn=recipients/cn=8a0784ccebb14202a66b1b8f3a285b61-thais de al,/o=nt5/ou=00000000000000000000000000000000/cn=b06821bc04ae6d4ab003cb092660cf23</t>
  </si>
  <si>
    <t>09/23/2019 11:51:52</t>
  </si>
  <si>
    <t>09/23/2019 11:55:33</t>
  </si>
  <si>
    <t>10.200.32.111</t>
  </si>
  <si>
    <t>18-66-DA-FE-9F-AA</t>
  </si>
  <si>
    <t>NB-RICARDOS</t>
  </si>
  <si>
    <t>ricardos</t>
  </si>
  <si>
    <t>D:\OneDrive\AlgarTech\Pré-Vendas\Cliente\2019\Banco de Tokyo\199279 - Operador de Produção\</t>
  </si>
  <si>
    <t>Dimensionamento.xlsx</t>
  </si>
  <si>
    <t>09/23/2019 11:51:53</t>
  </si>
  <si>
    <t>199279_Preco_V1.xlsb</t>
  </si>
  <si>
    <t>D:\OneDrive\AlgarTech\Pré-Vendas\Cliente\2019\Banco de Tokyo\199279 - Operador de Produção\199279_Preco_V1.xlsb\</t>
  </si>
  <si>
    <t>09/23/2019 11:55:02</t>
  </si>
  <si>
    <t>09/23/2019 11:57:33</t>
  </si>
  <si>
    <t>/o=exchangelabs/ou=exchange administrative group (fydibohf23spdlt)/cn=recipients/cn=3262123ab1534746a91b362bb3b84436-higor silva;</t>
  </si>
  <si>
    <t>CH512_20190923_115422.xls</t>
  </si>
  <si>
    <t>/o=exchangelabs/ou=exchange administrative group (fydibohf23spdlt)/cn=recipients/cn=3262123ab1534746a91b362bb3b84436-higor silva</t>
  </si>
  <si>
    <t>09/23/2019 11:55:01</t>
  </si>
  <si>
    <t>09/23/2019 11:58:33</t>
  </si>
  <si>
    <t>/o=exchangelabs/ou=exchange administrative group (fydibohf23spdlt)/cn=recipients/cn=fd2d5a624425483791c8b4298854e6b3-anderson de;</t>
  </si>
  <si>
    <t>Planilha de férias</t>
  </si>
  <si>
    <t>Consolidado -FERIAS_ORÇADO E NÃO ORÇADO_Programação férias_GAT 310719_REVISÃO V8_3008_INCLUSAO.xlsm</t>
  </si>
  <si>
    <t>/o=exchangelabs/ou=exchange administrative group (fydibohf23spdlt)/cn=recipients/cn=fd2d5a624425483791c8b4298854e6b3-anderson de</t>
  </si>
  <si>
    <t>09/23/2019 11:57:48</t>
  </si>
  <si>
    <t>/o=exchangelabs/ou=exchange administrative group (fydibohf23spdlt)/cn=recipients/cn=2be3fa2db03f4d399261f643401355ea-rafael pere;/o=exchangelabs/ou=exchange administrative group (fydibohf23spdlt)/cn=recipients/cn=66892ec7505c4d138347b8eda5fa01e7-tassiana ap;/o=exchangelabs/ou=exchange administrative group (fydibohf23spdlt)/cn=recipients/cn=userd3ef8196;thalita_y_cardoso@whirlpool.com;</t>
  </si>
  <si>
    <t>Dashboard PA Digital Compra Certa - Parcial Setembro</t>
  </si>
  <si>
    <t>09 - PA DIGITAL COMPRA CERTA.xlsx</t>
  </si>
  <si>
    <t>/o=exchangelabs/ou=exchange administrative group (fydibohf23spdlt)/cn=recipients/cn=2be3fa2db03f4d399261f643401355ea-rafael pere,/o=exchangelabs/ou=exchange administrative group (fydibohf23spdlt)/cn=recipients/cn=66892ec7505c4d138347b8eda5fa01e7-tassiana ap,/o=exchangelabs/ou=exchange administrative group (fydibohf23spdlt)/cn=recipients/cn=userd3ef8196,thalita_y_cardoso@whirlpool.com</t>
  </si>
  <si>
    <t>09/23/2019 11:57:41</t>
  </si>
  <si>
    <t>09/23/2019 12:00:33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</t>
  </si>
  <si>
    <t>6534;</t>
  </si>
  <si>
    <t>C:\Users\diegoodz\Desktop\</t>
  </si>
  <si>
    <t>Cópia de CPB - Visa e AMEX Migrado.xlsx</t>
  </si>
  <si>
    <t>http://6534</t>
  </si>
  <si>
    <t>09/23/2019 11:59:36</t>
  </si>
  <si>
    <t>09/23/2019 11:59:43</t>
  </si>
  <si>
    <t>http://erp.algartech.com/techonline/workflow/gravapost.aspx</t>
  </si>
  <si>
    <t>09/23/2019 12:01:31</t>
  </si>
  <si>
    <t>09/23/2019 12:05:33</t>
  </si>
  <si>
    <t>09/23/2019 12:06:08</t>
  </si>
  <si>
    <t>09/23/2019 12:09:33</t>
  </si>
  <si>
    <t>09/23/2019 12:12:47</t>
  </si>
  <si>
    <t>09/23/2019 12:18:33</t>
  </si>
  <si>
    <t>/o=exchangelabs/ou=exchange administrative group (fydibohf23spdlt)/cn=recipients/cn=161c8ab454bb4f4ebde8223bf694a34b-pedro felip;</t>
  </si>
  <si>
    <t>ENC: Redução do banco de horas</t>
  </si>
  <si>
    <t>Atualizacao_SaldoBH_MEC (002).xlsm</t>
  </si>
  <si>
    <t>/o=exchangelabs/ou=exchange administrative group (fydibohf23spdlt)/cn=recipients/cn=161c8ab454bb4f4ebde8223bf694a34b-pedro felip</t>
  </si>
  <si>
    <t>09/23/2019 12:19:23</t>
  </si>
  <si>
    <t>09/23/2019 12:23:34</t>
  </si>
  <si>
    <t>/o=exchangelabs/ou=exchange administrative group (fydibohf23spdlt)/cn=recipients/cn=2f13f6d577d947158c5f81c08b0e5faf-tatiane dor;/o=exchangelabs/ou=exchange administrative group (fydibohf23spdlt)/cn=recipients/cn=aef94c0f98b44279a41d719230c27333-sabrina dan;/o=exchangelabs/ou=exchange administrative group (fydibohf23spdlt)/cn=recipients/cn=b1a72fc2d0234efca84c7771ea70c7ee-roberta cri;</t>
  </si>
  <si>
    <t>RES: Receitamento Setembro</t>
  </si>
  <si>
    <t>Provisão Setembro - Comercial.xlsx</t>
  </si>
  <si>
    <t>/o=exchangelabs/ou=exchange administrative group (fydibohf23spdlt)/cn=recipients/cn=2f13f6d577d947158c5f81c08b0e5faf-tatiane dor,/o=exchangelabs/ou=exchange administrative group (fydibohf23spdlt)/cn=recipients/cn=aef94c0f98b44279a41d719230c27333-sabrina dan,/o=exchangelabs/ou=exchange administrative group (fydibohf23spdlt)/cn=recipients/cn=b1a72fc2d0234efca84c7771ea70c7ee-roberta cri</t>
  </si>
  <si>
    <t>09/23/2019 12:21:56</t>
  </si>
  <si>
    <t>09/23/2019 12:26:34</t>
  </si>
  <si>
    <t>RES: Provisão Financeira</t>
  </si>
  <si>
    <t>09/23/2019 12:25:58</t>
  </si>
  <si>
    <t>09/23/2019 12:29:34</t>
  </si>
  <si>
    <t>https://sim2.tww.com.br/sys/?campanha&amp;p=nova&amp;f=new&amp;pr=facil</t>
  </si>
  <si>
    <t>C:\Users\kaiohas\Documents\SMS\5 stars\disparo 5 Stars\</t>
  </si>
  <si>
    <t>5 stars 23.09.csv</t>
  </si>
  <si>
    <t>09/23/2019 12:26:29</t>
  </si>
  <si>
    <t>C:\Users\kaiohas\Documents\SMS\Confirmação\Envio confirmação\</t>
  </si>
  <si>
    <t>disparo_23.09.csv</t>
  </si>
  <si>
    <t>09/23/2019 12:25:39</t>
  </si>
  <si>
    <t>09/23/2019 12:30:34</t>
  </si>
  <si>
    <t>/o=exchangelabs/ou=exchange administrative group (fydibohf23spdlt)/cn=recipients/cn=9e72be441e9e4b08a759859a5b3a336a-daniela de;/o=exchangelabs/ou=exchange administrative group (fydibohf23spdlt)/cn=recipients/cn=f7a4290a46314a3cbb0d392508a7b5c5-luciana sil;</t>
  </si>
  <si>
    <t>Report Semanal Customer Success_23-09_Consolidado.pptx</t>
  </si>
  <si>
    <t>Report Semanal Customer Success_23-09_Consolidado.pptx\</t>
  </si>
  <si>
    <t>/o=exchangelabs/ou=exchange administrative group (fydibohf23spdlt)/cn=recipients/cn=9e72be441e9e4b08a759859a5b3a336a-daniela de,/o=exchangelabs/ou=exchange administrative group (fydibohf23spdlt)/cn=recipients/cn=f7a4290a46314a3cbb0d392508a7b5c5-luciana sil</t>
  </si>
  <si>
    <t>09/23/2019 12:31:57</t>
  </si>
  <si>
    <t>09/23/2019 12:35:34</t>
  </si>
  <si>
    <t>10.213.2.26</t>
  </si>
  <si>
    <t>8C-DC-D4-CA-E7-3B</t>
  </si>
  <si>
    <t>SP350002373</t>
  </si>
  <si>
    <t>edsonbc</t>
  </si>
  <si>
    <t>EDSON BARBOSA CAETANO</t>
  </si>
  <si>
    <t>/o=exchangelabs/ou=exchange administrative group (fydibohf23spdlt)/cn=recipients/cn=1698f5af44b14116ad2d0b751d584c7d-danilo rafa;</t>
  </si>
  <si>
    <t>Relatório de Inspeção ref. Setembro 2019</t>
  </si>
  <si>
    <t>Relatório de Inspeção de Segurança Setembro 2019 01 RV1.xls</t>
  </si>
  <si>
    <t>/o=exchangelabs/ou=exchange administrative group (fydibohf23spdlt)/cn=recipients/cn=1698f5af44b14116ad2d0b751d584c7d-danilo rafa</t>
  </si>
  <si>
    <t>09/23/2019 12:35:54</t>
  </si>
  <si>
    <t>09/23/2019 12:40:35</t>
  </si>
  <si>
    <t>/o=exchangelabs/ou=exchange administrative group (fydibohf23spdlt)/cn=recipients/cn=f50351055a2944cebcbdc18a918945d6-gustavo res;</t>
  </si>
  <si>
    <t>ENC: Previa Faturamento Unica</t>
  </si>
  <si>
    <t>09 - Faturamento Unica Setembro 2019.xlsb</t>
  </si>
  <si>
    <t>/o=exchangelabs/ou=exchange administrative group (fydibohf23spdlt)/cn=recipients/cn=f50351055a2944cebcbdc18a918945d6-gustavo res</t>
  </si>
  <si>
    <t>09/23/2019 12:43:32</t>
  </si>
  <si>
    <t>09/23/2019 12:44:34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vanessa.terron@avon.com;</t>
  </si>
  <si>
    <t>Report Filas Backoffice</t>
  </si>
  <si>
    <t>Filas Backoffice.xlsx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,vanessa.terron@avon.com</t>
  </si>
  <si>
    <t>09/23/2019 12:45:15</t>
  </si>
  <si>
    <t>09/23/2019 12:45:34</t>
  </si>
  <si>
    <t>09/23/2019 12:56:00</t>
  </si>
  <si>
    <t>09/23/2019 12:59:34</t>
  </si>
  <si>
    <t>/o=exchangelabs/ou=exchange administrative group (fydibohf23spdlt)/cn=recipients/cn=590012d55fae421587844918af7bc53c-daiane mari;</t>
  </si>
  <si>
    <t>recuperacao de custo - valor custo total orçado para 2020 / mes</t>
  </si>
  <si>
    <t>recuperacao de custo - 1ª projecao - ajuste.xlsx</t>
  </si>
  <si>
    <t>/o=exchangelabs/ou=exchange administrative group (fydibohf23spdlt)/cn=recipients/cn=590012d55fae421587844918af7bc53c-daiane mari</t>
  </si>
  <si>
    <t>09/23/2019 13:10:26</t>
  </si>
  <si>
    <t>09/23/2019 13:11:34</t>
  </si>
  <si>
    <t>/o=exchangelabs/ou=exchange administrative group (fydibohf23spdlt)/cn=recipients/cn=2361e4251bf74fc4a50ab766b8d95847-algar tech;/o=exchangelabs/ou=exchange administrative group (fydibohf23spdlt)/cn=recipients/cn=23686df447cc446eb0c1b6b47007d422-diogo de so;/o=exchangelabs/ou=exchange administrative group (fydibohf23spdlt)/cn=recipients/cn=8c89829ad534498fa4c85b5ac11174f1-suelen more;/o=exchangelabs/ou=exchange administrative group (fydibohf23spdlt)/cn=recipients/cn=c514dbe8b91547adb4618232d1a650ba-afonso domi;/o=exchangelabs/ou=exchange administrative group (fydibohf23spdlt)/cn=recipients/cn=ed4af2f11ff34c02ba04f39acb2813c2-rafael tega;</t>
  </si>
  <si>
    <t>RES: RES: RES: Edital Caixa Seguradora</t>
  </si>
  <si>
    <t>Algar Tech.xlsx</t>
  </si>
  <si>
    <t>/o=exchangelabs/ou=exchange administrative group (fydibohf23spdlt)/cn=recipients/cn=2361e4251bf74fc4a50ab766b8d95847-algar tech,/o=exchangelabs/ou=exchange administrative group (fydibohf23spdlt)/cn=recipients/cn=23686df447cc446eb0c1b6b47007d422-diogo de so,/o=exchangelabs/ou=exchange administrative group (fydibohf23spdlt)/cn=recipients/cn=8c89829ad534498fa4c85b5ac11174f1-suelen more,/o=exchangelabs/ou=exchange administrative group (fydibohf23spdlt)/cn=recipients/cn=c514dbe8b91547adb4618232d1a650ba-afonso domi,/o=exchangelabs/ou=exchange administrative group (fydibohf23spdlt)/cn=recipients/cn=ed4af2f11ff34c02ba04f39acb2813c2-rafael tega</t>
  </si>
  <si>
    <t>09/23/2019 13:09:41</t>
  </si>
  <si>
    <t>09/23/2019 13:13:34</t>
  </si>
  <si>
    <t>RES: Valor de Compras 2020 - OPEX</t>
  </si>
  <si>
    <t>Compras 2020.msg\s1\</t>
  </si>
  <si>
    <t>09/23/2019 13:16:44</t>
  </si>
  <si>
    <t>09/23/2019 13:19:34</t>
  </si>
  <si>
    <t>/o=exchangelabs/ou=exchange administrative group (fydibohf23spdlt)/cn=recipients/cn=2abd653b249741f0aaab575ad2f855a3-tayse ianda;/o=exchangelabs/ou=exchange administrative group (fydibohf23spdlt)/cn=recipients/cn=545f738e0fe740ba856f4eb6ef0135e0-vinicius si;/o=exchangelabs/ou=exchange administrative group (fydibohf23spdlt)/cn=recipients/cn=d1d015f213f648abbf348b5ccdf8e9d9-senilda per;/o=exchangelabs/ou=exchange administrative group (fydibohf23spdlt)/cn=recipients/cn=e6e28e2646d74f638943c02afdaa6d1e-luciana rod;</t>
  </si>
  <si>
    <t>RES: Retomada Robô - BPM/Dynamics - Automation AnyWhere</t>
  </si>
  <si>
    <t>Comparativo Dynamics X BPM_23.09.xlsx</t>
  </si>
  <si>
    <t>/o=exchangelabs/ou=exchange administrative group (fydibohf23spdlt)/cn=recipients/cn=2abd653b249741f0aaab575ad2f855a3-tayse ianda,/o=exchangelabs/ou=exchange administrative group (fydibohf23spdlt)/cn=recipients/cn=545f738e0fe740ba856f4eb6ef0135e0-vinicius si,/o=exchangelabs/ou=exchange administrative group (fydibohf23spdlt)/cn=recipients/cn=d1d015f213f648abbf348b5ccdf8e9d9-senilda per,/o=exchangelabs/ou=exchange administrative group (fydibohf23spdlt)/cn=recipients/cn=e6e28e2646d74f638943c02afdaa6d1e-luciana rod</t>
  </si>
  <si>
    <t>09/23/2019 13:20:57</t>
  </si>
  <si>
    <t>09/23/2019 13:23:34</t>
  </si>
  <si>
    <t>10.203.31.106</t>
  </si>
  <si>
    <t>6C-3B-E5-E8-5F-F6</t>
  </si>
  <si>
    <t>NB-CAMILAAMMM</t>
  </si>
  <si>
    <t>camilaammm</t>
  </si>
  <si>
    <t>Camila Aparecida Maia Dias</t>
  </si>
  <si>
    <t>/o=exchangelabs/ou=exchange administrative group (fydibohf23spdlt)/cn=recipients/cn=11bb200cf0df4427aa7112a6917255a1-ana alyce c;/o=exchangelabs/ou=exchange administrative group (fydibohf23spdlt)/cn=recipients/cn=5dd03a66f797451390d7113259343399-aline da si;/o=exchangelabs/ou=exchange administrative group (fydibohf23spdlt)/cn=recipients/cn=7903c13fa0504ff0bc7dd2644020b0e8-mirna prado;/o=exchangelabs/ou=exchange administrative group (fydibohf23spdlt)/cn=recipients/cn=a7e592821d864418bccf1424f02e2670-felipe alve;/o=exchangelabs/ou=exchange administrative group (fydibohf23spdlt)/cn=recipients/cn=b4af4243d22d4dfa8c6b1830b913b4d3-caio cesar;/o=exchangelabs/ou=exchange administrative group (fydibohf23spdlt)/cn=recipients/cn=eeccfec6dd26453db576a7c3b3bc44ec-pablo perei;/o=exchangelabs/ou=exchange administrative group (fydibohf23spdlt)/cn=recipients/cn=f4de30cd53104832ac10bc8c610e453e-gustavo pae;/o=exchangelabs/ou=exchange administrative group (fydibohf23spdlt)/cn=recipients/cn=user05f2c55d;cpccontroldeskctbc@algart</t>
  </si>
  <si>
    <t>ENC: Tv Analógico e Lego 4.0</t>
  </si>
  <si>
    <t>Escala treinamento TV - Retenção.xlsx</t>
  </si>
  <si>
    <t>/o=exchangelabs/ou=exchange administrative group (fydibohf23spdlt)/cn=recipients/cn=11bb200cf0df4427aa7112a6917255a1-ana alyce c,/o=exchangelabs/ou=exchange administrative group (fydibohf23spdlt)/cn=recipients/cn=5dd03a66f797451390d7113259343399-aline da si,/o=exchangelabs/ou=exchange administrative group (fydibohf23spdlt)/cn=recipients/cn=7903c13fa0504ff0bc7dd2644020b0e8-mirna prado,/o=exchangelabs/ou=exchange administrative group (fydibohf23spdlt)/cn=recipients/cn=a7e592821d864418bccf1424f02e2670-felipe alve,/o=exchangelabs/ou=exchange administrative group (fydibohf23spdlt)/cn=recipients/cn=b4af4243d22d4dfa8c6b1830b913b4d3-caio cesar,/o=exchangelabs/ou=exchange administrative group (fydibohf23spdlt)/cn=recipients/cn=eeccfec6dd26453db576a7c3b3bc44ec-pablo perei,/o=exchangelabs/ou=exchange administrative group (fydibohf23spdlt)/cn=recipients/cn=f4de30cd53104832ac10bc8c610e453e-gustavo pae,/o=exchangelabs/ou=exchange administrative group (fydibohf23spdlt)/cn=recipients/cn=user05f2c55d,cpccontroldeskctbc@algart</t>
  </si>
  <si>
    <t>09/23/2019 13:22:31</t>
  </si>
  <si>
    <t>09/23/2019 13:24:34</t>
  </si>
  <si>
    <t>/o=exchangelabs/ou=exchange administrative group (fydibohf23spdlt)/cn=recipients/cn=1d18a88ff4094955a9f1e2fb0809df62-wanderson d;</t>
  </si>
  <si>
    <t>ENC: chamado: 482856</t>
  </si>
  <si>
    <t>Formulário TTV - Lançamento de Hora Extra . ANA CLAUDIA RETIRAR.xlsx</t>
  </si>
  <si>
    <t>/o=exchangelabs/ou=exchange administrative group (fydibohf23spdlt)/cn=recipients/cn=1d18a88ff4094955a9f1e2fb0809df62-wanderson d</t>
  </si>
  <si>
    <t>09/23/2019 13:23:53</t>
  </si>
  <si>
    <t>09/23/2019 13:28:34</t>
  </si>
  <si>
    <t>09/23/2019 13:25:15</t>
  </si>
  <si>
    <t>Base Distribuição 2018v3.xlsx</t>
  </si>
  <si>
    <t>09/23/2019 13:26:42</t>
  </si>
  <si>
    <t>09/23/2019 13:29:33</t>
  </si>
  <si>
    <t>09/23/2019 13:31:34</t>
  </si>
  <si>
    <t>respostas 5 stars.xlsx</t>
  </si>
  <si>
    <t>09/23/2019 13:36:02</t>
  </si>
  <si>
    <t>09/23/2019 13:36:34</t>
  </si>
  <si>
    <t>10.200.57.10</t>
  </si>
  <si>
    <t>64-1C-67-9C-32-F0</t>
  </si>
  <si>
    <t>NB-DANUBIACDS</t>
  </si>
  <si>
    <t>danubiacsm</t>
  </si>
  <si>
    <t>Danubia Cristina da Silva Melo</t>
  </si>
  <si>
    <t>/o=exchangelabs/ou=exchange administrative group (fydibohf23spdlt)/cn=recipients/cn=db245edd2ac24a05a9b7571fb8468a4f-robert brun;</t>
  </si>
  <si>
    <t>ENC: Tabela data do Fato Gerador</t>
  </si>
  <si>
    <t>RES Tabela data do Fato Gerador.msg\s1\</t>
  </si>
  <si>
    <t>Cópia de Data do Fato Gerador - verificado.xlsx</t>
  </si>
  <si>
    <t>/o=exchangelabs/ou=exchange administrative group (fydibohf23spdlt)/cn=recipients/cn=db245edd2ac24a05a9b7571fb8468a4f-robert brun</t>
  </si>
  <si>
    <t>09/23/2019 13:32:25</t>
  </si>
  <si>
    <t>Correção PO Engeset - Local de Prestação (09/2019)</t>
  </si>
  <si>
    <t>09/23/2019 13:40:55</t>
  </si>
  <si>
    <t>09/23/2019 13:42:34</t>
  </si>
  <si>
    <t>C:\Users\rodrigombu\OneDrive - Grupo Algar\Whirlpool\2019\09 - Setembro\Arquivo\NPS\5 Star\</t>
  </si>
  <si>
    <t>Base 5 Star.xlsx</t>
  </si>
  <si>
    <t>09/23/2019 13:42:23</t>
  </si>
  <si>
    <t>09/23/2019 13:44:34</t>
  </si>
  <si>
    <t>20190712 Premissas Plat Telecom - Carlos Eduardo Lopes1.xlsx</t>
  </si>
  <si>
    <t>09/23/2019 13:54:23</t>
  </si>
  <si>
    <t>09/23/2019 13:56:34</t>
  </si>
  <si>
    <t>/o=exchangelabs/ou=exchange administrative group (fydibohf23spdlt)/cn=recipients/cn=3a012bf056ef4500b23c2ae377fc3536-laura agost;</t>
  </si>
  <si>
    <t>RES: Apoio - Gestão do Conhecimento</t>
  </si>
  <si>
    <t>/o=exchangelabs/ou=exchange administrative group (fydibohf23spdlt)/cn=recipients/cn=3a012bf056ef4500b23c2ae377fc3536-laura agost</t>
  </si>
  <si>
    <t>09/20/2019 09:12:46</t>
  </si>
  <si>
    <t>09/23/2019 13:58:34</t>
  </si>
  <si>
    <t>COORD. DE SOLUCOES E IMPLANTACAO BPO</t>
  </si>
  <si>
    <t>NB-MILENPF</t>
  </si>
  <si>
    <t>milenepf</t>
  </si>
  <si>
    <t>Milene Patricia Fernandes</t>
  </si>
  <si>
    <t>/o=exchangelabs/ou=exchange administrative group (fydibohf23spdlt)/cn=recipients/cn=56c2af2d07fd48c0aebfc00ddc006494-alessio rod;</t>
  </si>
  <si>
    <t>ENC: Formulário Cartão Corporativo</t>
  </si>
  <si>
    <t>Termo_Responsabilidade_-_Cartao_Corporativo.xlsm</t>
  </si>
  <si>
    <t>/o=exchangelabs/ou=exchange administrative group (fydibohf23spdlt)/cn=recipients/cn=56c2af2d07fd48c0aebfc00ddc006494-alessio rod</t>
  </si>
  <si>
    <t>09/20/2019 17:01:35</t>
  </si>
  <si>
    <t>/o=nt5/ou=00000000000000000000000000000000/cn=0719cb316f5d0348873323f522ceaf65;</t>
  </si>
  <si>
    <t>BP - Orçamento viagens</t>
  </si>
  <si>
    <t>BP_v9 - Campinas - Short List - 60 meses - Sem Aluguel.xlsb</t>
  </si>
  <si>
    <t>/o=nt5/ou=00000000000000000000000000000000/cn=0719cb316f5d0348873323f522ceaf65</t>
  </si>
  <si>
    <t>09/23/2019 13:56:45</t>
  </si>
  <si>
    <t>09/23/2019 14:00:34</t>
  </si>
  <si>
    <t>199279_Preco_V1 - Copia.xlsb</t>
  </si>
  <si>
    <t>D:\OneDrive\AlgarTech\Pré-Vendas\Cliente\2019\Banco de Tokyo\199279 - Operador de Produção\199279_Preco_V1 - Copia.xlsb\</t>
  </si>
  <si>
    <t>09/23/2019 13:58:02</t>
  </si>
  <si>
    <t>09/23/2019 14:01:34</t>
  </si>
  <si>
    <t>elisangelafg@algartech.com;inacioaf@algartech.com;lucieneili@algartech.com;rafaelabsz@algartech.com.br;wesleymb@algartech.com.br;</t>
  </si>
  <si>
    <t>\\uddqlkap05\Producao_Qlikview_Dev\Lucas Venancio\Qlikview\Projetos\Cobrança Bradesco\URR\Produtividade URR\</t>
  </si>
  <si>
    <t>Evidencia.xls</t>
  </si>
  <si>
    <t>elisangelafg@algartech.com,inacioaf@algartech.com,lucieneili@algartech.com,rafaelabsz@algartech.com.br,wesleymb@algartech.com.br</t>
  </si>
  <si>
    <t>09/23/2019 14:00:09</t>
  </si>
  <si>
    <t>/o=exchangelabs/ou=exchange administrative group (fydibohf23spdlt)/cn=recipients/cn=4dde75d344314dd083b2cdade7779b33-caroline me;/o=exchangelabs/ou=exchange administrative group (fydibohf23spdlt)/cn=recipients/cn=8c51ca9a8ac149ef8d2e915da6d3ce21-felipe augu;/o=exchangelabs/ou=exchange administrative group (fydibohf23spdlt)/cn=recipients/cn=8eb11fd0eabf4f489a75a4a38883630f-cscatende;/o=exchangelabs/ou=exchange administrative group (fydibohf23spdlt)/cn=recipients/cn=9e1cfeab361743cdbf2dc3b2ea9ad0f8-rejane souz;/o=exchangelabs/ou=exchange administrative group (fydibohf23spdlt)/cn=recipients/cn=a2218441175a4b12910f75d4954353ce-otavio mour;/o=exchangelabs/ou=exchange administrative group (fydibohf23spdlt)/cn=recipients/cn=b24e430bae9c454892d0e5e16364f227-diego marqu;</t>
  </si>
  <si>
    <t>RES: Chamado: 3322716; FATURAMENTO 08.2019 - cancelamento extemporâneo Grupo Tech</t>
  </si>
  <si>
    <t>Cancelamento Agosto_19.xls</t>
  </si>
  <si>
    <t>/o=exchangelabs/ou=exchange administrative group (fydibohf23spdlt)/cn=recipients/cn=4dde75d344314dd083b2cdade7779b33-caroline me,/o=exchangelabs/ou=exchange administrative group (fydibohf23spdlt)/cn=recipients/cn=8c51ca9a8ac149ef8d2e915da6d3ce21-felipe augu,/o=exchangelabs/ou=exchange administrative group (fydibohf23spdlt)/cn=recipients/cn=8eb11fd0eabf4f489a75a4a38883630f-cscatende,/o=exchangelabs/ou=exchange administrative group (fydibohf23spdlt)/cn=recipients/cn=9e1cfeab361743cdbf2dc3b2ea9ad0f8-rejane souz,/o=exchangelabs/ou=exchange administrative group (fydibohf23spdlt)/cn=recipients/cn=a2218441175a4b12910f75d4954353ce-otavio mour,/o=exchangelabs/ou=exchange administrative group (fydibohf23spdlt)/cn=recipients/cn=b24e430bae9c454892d0e5e16364f227-diego marqu</t>
  </si>
  <si>
    <t>09/23/2019 14:02:37</t>
  </si>
  <si>
    <t>09/23/2019 14:03:34</t>
  </si>
  <si>
    <t>https://caey.fa.us2.oraclecloud.com/crmui/faces/fusewelcome?_adf.ctrl-state=16b67rnasr_5</t>
  </si>
  <si>
    <t>C:\Comercial\2019\Proposta Comercial\Comprovação AMEX EC\RE_ Receita Tempo.msg\s132\</t>
  </si>
  <si>
    <t>TA - Caterine Grilli.xlsx</t>
  </si>
  <si>
    <t>09/23/2019 14:00:04</t>
  </si>
  <si>
    <t>COORD DE SUPORTE BPO-ESPECIALISTAS</t>
  </si>
  <si>
    <t>10.200.36.29</t>
  </si>
  <si>
    <t>64-1C-67-9D-34-3F</t>
  </si>
  <si>
    <t>NB-DANILOAS</t>
  </si>
  <si>
    <t>daniloasb</t>
  </si>
  <si>
    <t>daniloasb@algartech.com</t>
  </si>
  <si>
    <t>fabriciovs@algartech.com;leandrosos@algartech.com;</t>
  </si>
  <si>
    <t>C:\Users\daniloasb\Downloads\</t>
  </si>
  <si>
    <t>VDI0 Pas (1).xlsx</t>
  </si>
  <si>
    <t>fabriciovs@algartech.com,leandrosos@algartech.com</t>
  </si>
  <si>
    <t>09/23/2019 14:03:29</t>
  </si>
  <si>
    <t>09/23/2019 14:05:35</t>
  </si>
  <si>
    <t>Dimensionamento - Copia.xlsx</t>
  </si>
  <si>
    <t>09/23/2019 14:06:09</t>
  </si>
  <si>
    <t>09/23/2019 14:08:34</t>
  </si>
  <si>
    <t>fpolati@gmail.com</t>
  </si>
  <si>
    <t>C:\Users\polati\OneDrive\empresas\hpi\Visa\</t>
  </si>
  <si>
    <t>precos set19.xlsx</t>
  </si>
  <si>
    <t>09/23/2019 14:03:18</t>
  </si>
  <si>
    <t>C:\Comercial\2019\Proposta Comercial\Comprovação AMEX EC\</t>
  </si>
  <si>
    <t>09/23/2019 14:09:41</t>
  </si>
  <si>
    <t>09/23/2019 14:10:34</t>
  </si>
  <si>
    <t>'premiumsupervisores@algartech.com.br';'raquelcl@algartech.com';'supervisores_rosilene@algartech.com.br';/o=exchangelabs/ou=exchange administrative group (fydibohf23spdlt)/cn=recipients/cn=2675ad0e03024377acd21e1a4eabf825-prime atend;/o=exchangelabs/ou=exchange administrative group (fydibohf23spdlt)/cn=recipients/cn=2a933c0b80df4f499b51d2e80289c02f-priscila le;/o=exchangelabs/ou=exchange administrative group (fydibohf23spdlt)/cn=recipients/cn=453b61456320491dad510b65b310018f-kelen crist;/o=exchangelabs/ou=exchange administrative group (fydibohf23spdlt)/cn=recipients/cn=47bcba0edfbb48d39e9b215eae1400b2-ana paula s;/o=exchangelabs/ou=exchange administrative group (fydibohf23spdlt)/cn=recipients/cn=615c2ff727e24f248b441574479da1fe-jussara gon;/o=exchangelabs/ou=exchange administrative group (fydibohf23spdlt)/cn=recipients/cn=7258b1c6e1d3480d9a93fb448ab95484-55ca3011-de;/o=exchangelabs/ou=exchange administrative group (fydibohf23spdlt)/cn=recipients/cn=752b238be4024ba780ebb8f233981c71-dayara guzz;/o=exchangelabs/</t>
  </si>
  <si>
    <t>Microanálise - Consolidado</t>
  </si>
  <si>
    <t>Microanálise - 22-09.xlsm</t>
  </si>
  <si>
    <t>'premiumsupervisores@algartech.com.br','raquelcl@algartech.com','supervisores_rosilene@algartech.com.br',/o=exchangelabs/ou=exchange administrative group (fydibohf23spdlt)/cn=recipients/cn=2675ad0e03024377acd21e1a4eabf825-prime atend,/o=exchangelabs/ou=exchange administrative group (fydibohf23spdlt)/cn=recipients/cn=2a933c0b80df4f499b51d2e80289c02f-priscila le,/o=exchangelabs/ou=exchange administrative group (fydibohf23spdlt)/cn=recipients/cn=453b61456320491dad510b65b310018f-kelen crist,/o=exchangelabs/ou=exchange administrative group (fydibohf23spdlt)/cn=recipients/cn=47bcba0edfbb48d39e9b215eae1400b2-ana paula s,/o=exchangelabs/ou=exchange administrative group (fydibohf23spdlt)/cn=recipients/cn=615c2ff727e24f248b441574479da1fe-jussara gon,/o=exchangelabs/ou=exchange administrative group (fydibohf23spdlt)/cn=recipients/cn=7258b1c6e1d3480d9a93fb448ab95484-55ca3011-de,/o=exchangelabs/ou=exchange administrative group (fydibohf23spdlt)/cn=recipients/cn=752b238be4024ba780ebb8f233981c71-dayara guzz,/o=exchangelabs/</t>
  </si>
  <si>
    <t>09/23/2019 14:08:28</t>
  </si>
  <si>
    <t>09/23/2019 14:11:34</t>
  </si>
  <si>
    <t>/o=exchangelabs/ou=exchange administrative group (fydibohf23spdlt)/cn=recipients/cn=574b9ba530ca42ac8eeb3eea750f0f34-jose carlos;</t>
  </si>
  <si>
    <t>ENC: Dados Supervisores Telecom</t>
  </si>
  <si>
    <t>DAdos dos Supervisores.xlsx</t>
  </si>
  <si>
    <t>/o=exchangelabs/ou=exchange administrative group (fydibohf23spdlt)/cn=recipients/cn=574b9ba530ca42ac8eeb3eea750f0f34-jose carlos</t>
  </si>
  <si>
    <t>09/23/2019 14:10:56</t>
  </si>
  <si>
    <t>09/23/2019 14:13:34</t>
  </si>
  <si>
    <t>/o=exchangelabs/ou=exchange administrative group (fydibohf23spdlt)/cn=recipients/cn=027c2da1ea5a42378a892f895ed29947-andressa tu;/o=exchangelabs/ou=exchange administrative group (fydibohf23spdlt)/cn=recipients/cn=b1a72fc2d0234efca84c7771ea70c7ee-roberta cri;/o=exchangelabs/ou=exchange administrative group (fydibohf23spdlt)/cn=recipients/cn=f67f0409c7ae4580b53b07ea98cce4c6-talita pele;</t>
  </si>
  <si>
    <t>RES: Receita Tempo</t>
  </si>
  <si>
    <t>RE Receita Tempo.msg\s1\</t>
  </si>
  <si>
    <t>/o=exchangelabs/ou=exchange administrative group (fydibohf23spdlt)/cn=recipients/cn=027c2da1ea5a42378a892f895ed29947-andressa tu,/o=exchangelabs/ou=exchange administrative group (fydibohf23spdlt)/cn=recipients/cn=b1a72fc2d0234efca84c7771ea70c7ee-roberta cri,/o=exchangelabs/ou=exchange administrative group (fydibohf23spdlt)/cn=recipients/cn=f67f0409c7ae4580b53b07ea98cce4c6-talita pele</t>
  </si>
  <si>
    <t>09/23/2019 14:14:50</t>
  </si>
  <si>
    <t>09/23/2019 14:19:34</t>
  </si>
  <si>
    <t>10.200.58.14</t>
  </si>
  <si>
    <t>54-BF-64-F5-7E-60</t>
  </si>
  <si>
    <t>09/23/2019 14:19:16</t>
  </si>
  <si>
    <t>09/23/2019 14:20:33</t>
  </si>
  <si>
    <t>199279_Preco_V2.xlsb</t>
  </si>
  <si>
    <t>D:\OneDrive\AlgarTech\Pré-Vendas\Cliente\2019\Banco de Tokyo\199279 - Operador de Produção\199279_Preco_V2.xlsb\</t>
  </si>
  <si>
    <t>09/23/2019 14:21:17</t>
  </si>
  <si>
    <t>09/23/2019 14:25:34</t>
  </si>
  <si>
    <t>Dimensionamento_V2.xlsx</t>
  </si>
  <si>
    <t>09/23/2019 14:22:23</t>
  </si>
  <si>
    <t>09/23/2019 14:26:34</t>
  </si>
  <si>
    <t>mail.google.com/_/upload?authuser=1&amp;dcp=asu-n&amp;upload_id=AEnB2Uq05opOR7RR4dtsX8CK9FkhieM5C5r9PR04gWrEX2WFOMoYFLaYi6SmAIKe5v30ZWMNA2qDD_h2C3zJqho7M-vkccGCnK-ni-_8Lyuz69joAyKYazc&amp;upload_protocol=resumable</t>
  </si>
  <si>
    <t>vistoria mud end - baixa fictícia.csv</t>
  </si>
  <si>
    <t>09/23/2019 14:31:08</t>
  </si>
  <si>
    <t>09/23/2019 14:32:34</t>
  </si>
  <si>
    <t>/o=exchangelabs/ou=exchange administrative group (fydibohf23spdlt)/cn=recipients/cn=0ca6cc8d100949a7866a928f62ef5778-rosilene de;/o=exchangelabs/ou=exchange administrative group (fydibohf23spdlt)/cn=recipients/cn=ca1f2dadbd0542a8ad075275acf52ff3-rondinele s;</t>
  </si>
  <si>
    <t>Volumes Divergentes Relatório ASC</t>
  </si>
  <si>
    <t>Análise Vol. Whats - Máscara Dash URA Digital Set-2019.xlsx</t>
  </si>
  <si>
    <t>/o=exchangelabs/ou=exchange administrative group (fydibohf23spdlt)/cn=recipients/cn=0ca6cc8d100949a7866a928f62ef5778-rosilene de,/o=exchangelabs/ou=exchange administrative group (fydibohf23spdlt)/cn=recipients/cn=ca1f2dadbd0542a8ad075275acf52ff3-rondinele s</t>
  </si>
  <si>
    <t>09/23/2019 14:31:36</t>
  </si>
  <si>
    <t>10.200.57.46</t>
  </si>
  <si>
    <t>64-1C-67-9C-32-4F</t>
  </si>
  <si>
    <t>NB-VIVIANERCU</t>
  </si>
  <si>
    <t>vivianercu</t>
  </si>
  <si>
    <t>Viviane Rezende Cunha</t>
  </si>
  <si>
    <t>RECUPERAÇÃO DE CUSTO</t>
  </si>
  <si>
    <t>Recuperação de Custo_2020.xlsx</t>
  </si>
  <si>
    <t>09/23/2019 14:33:41</t>
  </si>
  <si>
    <t>09/23/2019 14:34:34</t>
  </si>
  <si>
    <t>/o=exchangelabs/ou=exchange administrative group (fydibohf23spdlt)/cn=recipients/cn=e6b7580a624e482b95aa2b9747aa6d6d-paulo sergi;</t>
  </si>
  <si>
    <t>ENC: Mailing Antecipação</t>
  </si>
  <si>
    <t>MAILING AGENDA UNICA_23092019 - Central de Atendimento.xlsx</t>
  </si>
  <si>
    <t>/o=exchangelabs/ou=exchange administrative group (fydibohf23spdlt)/cn=recipients/cn=e6b7580a624e482b95aa2b9747aa6d6d-paulo sergi</t>
  </si>
  <si>
    <t>09/23/2019 14:32:39</t>
  </si>
  <si>
    <t>09/23/2019 14:37:35</t>
  </si>
  <si>
    <t>/o=exchangelabs/ou=exchange administrative group (fydibohf23spdlt)/cn=recipients/cn=518109802f95454588121e2ff09bd792-marcio roge;</t>
  </si>
  <si>
    <t>CR Diretoria por Gerente</t>
  </si>
  <si>
    <t>/o=exchangelabs/ou=exchange administrative group (fydibohf23spdlt)/cn=recipients/cn=518109802f95454588121e2ff09bd792-marcio roge</t>
  </si>
  <si>
    <t>09/23/2019 14:34:30</t>
  </si>
  <si>
    <t>09/23/2019 14:38:34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52e670e2f8dd45f6bb83074a02c43b48-priscila ap;/o=exchangelabs/ou=exchange administrative group (fydibohf23spdlt)/cn=recipients/cn=88e4fcbd3ea14730a81286cc0683fb42-manoel eloy;/o=exchangelabs/ou=exchange administrative group (fydibohf23spdlt)/cn=recipients/cn=a78f7dae304e472e9f75bd537683f6e5-hugo de oli;/o=exchangelabs/ou=exchange administrative group (fydibohf23spdlt)/cn=recipients/cn=ab46a8675a184bef8d8f2440330cff44-daise jesus;/o=exchangelabs/ou=exchange administrative group (fydibohf23spdlt)/cn=recipients/cn=daea76c116d14ba69bf57b6e77a4327e-luana almei;</t>
  </si>
  <si>
    <t>RES: Fechamento SLA Algar (Agosto/19)</t>
  </si>
  <si>
    <t>Login-Logout Setembro.xlsb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52e670e2f8dd45f6bb83074a02c43b48-priscila ap,/o=exchangelabs/ou=exchange administrative group (fydibohf23spdlt)/cn=recipients/cn=88e4fcbd3ea14730a81286cc0683fb42-manoel eloy,/o=exchangelabs/ou=exchange administrative group (fydibohf23spdlt)/cn=recipients/cn=a78f7dae304e472e9f75bd537683f6e5-hugo de oli,/o=exchangelabs/ou=exchange administrative group (fydibohf23spdlt)/cn=recipients/cn=ab46a8675a184bef8d8f2440330cff44-daise jesus,/o=exchangelabs/ou=exchange administrative group (fydibohf23spdlt)/cn=recipients/cn=daea76c116d14ba69bf57b6e77a4327e-luana almei</t>
  </si>
  <si>
    <t>09/23/2019 14:35:37</t>
  </si>
  <si>
    <t>09/23/2019 14:39:34</t>
  </si>
  <si>
    <t>/o=exchangelabs/ou=exchange administrative group (fydibohf23spdlt)/cn=recipients/cn=f67f0409c7ae4580b53b07ea98cce4c6-talita pele;</t>
  </si>
  <si>
    <t>ENC: Relatório de Comissão de Vendas - 2° Trimestre</t>
  </si>
  <si>
    <t>Sergio Garcia.xlsx</t>
  </si>
  <si>
    <t>/o=exchangelabs/ou=exchange administrative group (fydibohf23spdlt)/cn=recipients/cn=f67f0409c7ae4580b53b07ea98cce4c6-talita pele</t>
  </si>
  <si>
    <t>09/23/2019 14:39:28</t>
  </si>
  <si>
    <t>09/23/2019 14:41:34</t>
  </si>
  <si>
    <t>PPE PLATAFORMA COMPARTILHADA</t>
  </si>
  <si>
    <t>10.203.31.120</t>
  </si>
  <si>
    <t>64-1C-67-9C-32-E5</t>
  </si>
  <si>
    <t>NB-NATALIAMAM</t>
  </si>
  <si>
    <t>nataliamam</t>
  </si>
  <si>
    <t>fc8f3b13-3295-470e-9952-600a68e70c30;</t>
  </si>
  <si>
    <t>edienelnpi@algartech.com;guilherme_andrade@whirlpool.com;</t>
  </si>
  <si>
    <t>C:\Users\nataliamam\Desktop\Whats EH\Fraseologias\</t>
  </si>
  <si>
    <t>Fraseologias Bot Confirmação de agenda.xlsx</t>
  </si>
  <si>
    <t>edienelnpi@algartech.com,guilherme_andrade@whirlpool.com</t>
  </si>
  <si>
    <t>09/23/2019 14:50:23</t>
  </si>
  <si>
    <t>09/23/2019 14:51:34</t>
  </si>
  <si>
    <t>64-1C-67-9C-32-33</t>
  </si>
  <si>
    <t>/o=exchangelabs/ou=exchange administrative group (fydibohf23spdlt)/cn=recipients/cn=393fb405d98d45528dd58c52e770b5b3-karlos garc;</t>
  </si>
  <si>
    <t>ENC: Controle de Projetos Críticos - Última Versão.xlsx</t>
  </si>
  <si>
    <t>/o=exchangelabs/ou=exchange administrative group (fydibohf23spdlt)/cn=recipients/cn=393fb405d98d45528dd58c52e770b5b3-karlos garc</t>
  </si>
  <si>
    <t>09/23/2019 14:51:25</t>
  </si>
  <si>
    <t>09/23/2019 14:52:33</t>
  </si>
  <si>
    <t>C:\Users\rodrigombu\OneDrive - Grupo Algar\Whirlpool\2019\09 - Setembro\Arquivo\Estudo - Separando SAC de RETENÇÃO\</t>
  </si>
  <si>
    <t>Quebra de Volume SAC X RETENÇÃO.xlsx</t>
  </si>
  <si>
    <t>09/23/2019 14:49:41</t>
  </si>
  <si>
    <t>C:\Users\fellypcsj\OneDrive - Grupo Algar\Engeset\FROTAS\</t>
  </si>
  <si>
    <t>Placa Carretinhas.xlsx</t>
  </si>
  <si>
    <t>09/23/2019 14:50:11</t>
  </si>
  <si>
    <t>09/23/2019 14:54:33</t>
  </si>
  <si>
    <t>adrianofo@algartech.com.br;</t>
  </si>
  <si>
    <t>ENC: Planilha Empresas</t>
  </si>
  <si>
    <t>inclusao.msg\s81\</t>
  </si>
  <si>
    <t>10- CONSOLIDADO INCLUSÃO - Algar - 04.09.19.xlsx</t>
  </si>
  <si>
    <t>adrianofo@algartech.com.br</t>
  </si>
  <si>
    <t>09/23/2019 14:54:03</t>
  </si>
  <si>
    <t>09/23/2019 14:56:34</t>
  </si>
  <si>
    <t>/o=exchangelabs/ou=exchange administrative group (fydibohf23spdlt)/cn=recipients/cn=9e20ba3b6afd447db98f75fb7bdc7037-francisco e;</t>
  </si>
  <si>
    <t>RELATÓRIO FATURAMENTO 01.09.2019 A 22.09.2019.xlsx</t>
  </si>
  <si>
    <t>/o=exchangelabs/ou=exchange administrative group (fydibohf23spdlt)/cn=recipients/cn=9e20ba3b6afd447db98f75fb7bdc7037-francisco e</t>
  </si>
  <si>
    <t>09/23/2019 14:53:29</t>
  </si>
  <si>
    <t>09/23/2019 14:57:34</t>
  </si>
  <si>
    <t>/o=exchangelabs/ou=exchange administrative group (fydibohf23spdlt)/cn=recipients/cn=3daf2f0b162f40c696c00f9ecbb7d69a-ana laura t;/o=exchangelabs/ou=exchange administrative group (fydibohf23spdlt)/cn=recipients/cn=56dc126fba5b4a5f8fb1cd7e4f10477d-thais olive;/o=exchangelabs/ou=exchange administrative group (fydibohf23spdlt)/cn=recipients/cn=5cff907b7abb465c8dbe10257a462656-diego iure;/o=exchangelabs/ou=exchange administrative group (fydibohf23spdlt)/cn=recipients/cn=68e6aa2e3fef4ccaba997d98294c9ed5-cristina he;/o=exchangelabs/ou=exchange administrative group (fydibohf23spdlt)/cn=recipients/cn=6da98ab9b2254d688a75ce822637acbf-ricardo de;karoline.rocha@bradesco.com.br;sandra.b.bezerra@bradesco.com.br;sandrabb@algartech.com.br;vanessa.freitag@bradesco.com.br;</t>
  </si>
  <si>
    <t>RES: Quantidade UHV</t>
  </si>
  <si>
    <t>Quantidade UHV Agosto V2.xlsx</t>
  </si>
  <si>
    <t>/o=exchangelabs/ou=exchange administrative group (fydibohf23spdlt)/cn=recipients/cn=3daf2f0b162f40c696c00f9ecbb7d69a-ana laura t,/o=exchangelabs/ou=exchange administrative group (fydibohf23spdlt)/cn=recipients/cn=56dc126fba5b4a5f8fb1cd7e4f10477d-thais olive,/o=exchangelabs/ou=exchange administrative group (fydibohf23spdlt)/cn=recipients/cn=5cff907b7abb465c8dbe10257a462656-diego iure,/o=exchangelabs/ou=exchange administrative group (fydibohf23spdlt)/cn=recipients/cn=68e6aa2e3fef4ccaba997d98294c9ed5-cristina he,/o=exchangelabs/ou=exchange administrative group (fydibohf23spdlt)/cn=recipients/cn=6da98ab9b2254d688a75ce822637acbf-ricardo de,karoline.rocha@bradesco.com.br,sandra.b.bezerra@bradesco.com.br,sandrabb@algartech.com.br,vanessa.freitag@bradesco.com.br</t>
  </si>
  <si>
    <t>09/23/2019 14:54:52</t>
  </si>
  <si>
    <t>09/23/2019 14:59:34</t>
  </si>
  <si>
    <t>10.200.58.107</t>
  </si>
  <si>
    <t>D8-9C-67-6F-2A-E9</t>
  </si>
  <si>
    <t>NB-WANESSAB</t>
  </si>
  <si>
    <t>wanessabds</t>
  </si>
  <si>
    <t>Wanessa Borges de Souza</t>
  </si>
  <si>
    <t>/o=exchangelabs/ou=exchange administrative group (fydibohf23spdlt)/cn=recipients/cn=287c26b08a0f48578479a15a452f025d-edilson rod;/o=exchangelabs/ou=exchange administrative group (fydibohf23spdlt)/cn=recipients/cn=651324bc204a42f6bbcdf62273ebdc5c-aluisio ant;/o=exchangelabs/ou=exchange administrative group (fydibohf23spdlt)/cn=recipients/cn=userdc05fc7c;</t>
  </si>
  <si>
    <t>Base apresentacao V4.xlsx</t>
  </si>
  <si>
    <t>/o=exchangelabs/ou=exchange administrative group (fydibohf23spdlt)/cn=recipients/cn=287c26b08a0f48578479a15a452f025d-edilson rod,/o=exchangelabs/ou=exchange administrative group (fydibohf23spdlt)/cn=recipients/cn=651324bc204a42f6bbcdf62273ebdc5c-aluisio ant,/o=exchangelabs/ou=exchange administrative group (fydibohf23spdlt)/cn=recipients/cn=userdc05fc7c</t>
  </si>
  <si>
    <t>09/23/2019 15:02:00</t>
  </si>
  <si>
    <t>09/23/2019 15:07:34</t>
  </si>
  <si>
    <t>/o=exchangelabs/ou=exchange administrative group (fydibohf23spdlt)/cn=recipients/cn=0bafe1ed27024338be4e911e19871cd1-william rob;/o=exchangelabs/ou=exchange administrative group (fydibohf23spdlt)/cn=recipients/cn=287c26b08a0f48578479a15a452f025d-edilson rod;/o=exchangelabs/ou=exchange administrative group (fydibohf23spdlt)/cn=recipients/cn=2efe26bca22a43cc89c6ed48ba5e50b4-luciano cor;/o=exchangelabs/ou=exchange administrative group (fydibohf23spdlt)/cn=recipients/cn=34a28d636a1b4c86b1ec79baed4b846a-marco anton;/o=exchangelabs/ou=exchange administrative group (fydibohf23spdlt)/cn=recipients/cn=97028c61ebe04c3ca84c604712943944-fabiano wil;/o=exchangelabs/ou=exchange administrative group (fydibohf23spdlt)/cn=recipients/cn=e5dfe65308934e02acfffcb2185133f4-daniel bier;/o=exchangelabs/ou=exchange administrative group (fydibohf23spdlt)/cn=recipients/cn=userdc05fc7c;</t>
  </si>
  <si>
    <t>Cópia de 199274_IBM_v5_Bodyshop_MULTI_(C017_B0171 - rev6.xlsb</t>
  </si>
  <si>
    <t>/o=exchangelabs/ou=exchange administrative group (fydibohf23spdlt)/cn=recipients/cn=0bafe1ed27024338be4e911e19871cd1-william rob,/o=exchangelabs/ou=exchange administrative group (fydibohf23spdlt)/cn=recipients/cn=287c26b08a0f48578479a15a452f025d-edilson rod,/o=exchangelabs/ou=exchange administrative group (fydibohf23spdlt)/cn=recipients/cn=2efe26bca22a43cc89c6ed48ba5e50b4-luciano cor,/o=exchangelabs/ou=exchange administrative group (fydibohf23spdlt)/cn=recipients/cn=34a28d636a1b4c86b1ec79baed4b846a-marco anton,/o=exchangelabs/ou=exchange administrative group (fydibohf23spdlt)/cn=recipients/cn=97028c61ebe04c3ca84c604712943944-fabiano wil,/o=exchangelabs/ou=exchange administrative group (fydibohf23spdlt)/cn=recipients/cn=e5dfe65308934e02acfffcb2185133f4-daniel bier,/o=exchangelabs/ou=exchange administrative group (fydibohf23spdlt)/cn=recipients/cn=userdc05fc7c</t>
  </si>
  <si>
    <t>09/23/2019 15:04:01</t>
  </si>
  <si>
    <t>/o=exchangelabs/ou=exchange administrative group (fydibohf23spdlt)/cn=recipients/cn=2efe26bca22a43cc89c6ed48ba5e50b4-luciano cor;</t>
  </si>
  <si>
    <t>ENC: media vt</t>
  </si>
  <si>
    <t>PLANO MÉDICO.xlsx</t>
  </si>
  <si>
    <t>/o=exchangelabs/ou=exchange administrative group (fydibohf23spdlt)/cn=recipients/cn=2efe26bca22a43cc89c6ed48ba5e50b4-luciano cor</t>
  </si>
  <si>
    <t>09/21/2019 23:02:13</t>
  </si>
  <si>
    <t>CTIC - COORDENAÇÃO GOVERNANÇA DE TI</t>
  </si>
  <si>
    <t>NB-DANILOMA</t>
  </si>
  <si>
    <t>daniloma</t>
  </si>
  <si>
    <t>C:\Users\daniloma\Downloads\</t>
  </si>
  <si>
    <t>vocabulario atualizado- 21-09-19.xlsx</t>
  </si>
  <si>
    <t>09/23/2019 15:03:38</t>
  </si>
  <si>
    <t>09/23/2019 15:08:34</t>
  </si>
  <si>
    <t>10.200.60.223</t>
  </si>
  <si>
    <t>64-1C-67-9C-32-A1</t>
  </si>
  <si>
    <t>NB-CAMILADP</t>
  </si>
  <si>
    <t>camiladps</t>
  </si>
  <si>
    <t>Camila de Paula Silva</t>
  </si>
  <si>
    <t>/o=exchangelabs/ou=exchange administrative group (fydibohf23spdlt)/cn=recipients/cn=8fd99aed0dcd4cc881e5e5966c425c41-gabriel bor;</t>
  </si>
  <si>
    <t>Treinamentos</t>
  </si>
  <si>
    <t>Relatorio de treinamento.xls</t>
  </si>
  <si>
    <t>/o=exchangelabs/ou=exchange administrative group (fydibohf23spdlt)/cn=recipients/cn=8fd99aed0dcd4cc881e5e5966c425c41-gabriel bor</t>
  </si>
  <si>
    <t>09/23/2019 15:10:13</t>
  </si>
  <si>
    <t>09/23/2019 15:12:34</t>
  </si>
  <si>
    <t>/o=exchangelabs/ou=exchange administrative group (fydibohf23spdlt)/cn=recipients/cn=32fe8a14424941da83c2bf35a8a5709e-fabiana car;/o=exchangelabs/ou=exchange administrative group (fydibohf23spdlt)/cn=recipients/cn=545f738e0fe740ba856f4eb6ef0135e0-vinicius si;/o=exchangelabs/ou=exchange administrative group (fydibohf23spdlt)/cn=recipients/cn=82e9af7034e542b3a622ab8e7d09ff5d-ricardo de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b36412a54b154c07b0a876537a78fce8-jheniffer g;/o=exchangelabs/ou=exchange administrative group (fydibohf23spdlt)/cn=recipients/cn=b67cad4ecfa344baaa94d716e7554f49-bruno camel;/o=exchangelabs/ou=exchange administrative group (fydibohf23spdlt)/cn=recipients/cn=c08089b92f0643f18c949cb099a06593-tamar</t>
  </si>
  <si>
    <t>ESTRUTURA ATUALIZAR - Setembro.xlsx</t>
  </si>
  <si>
    <t>/o=exchangelabs/ou=exchange administrative group (fydibohf23spdlt)/cn=recipients/cn=32fe8a14424941da83c2bf35a8a5709e-fabiana car,/o=exchangelabs/ou=exchange administrative group (fydibohf23spdlt)/cn=recipients/cn=545f738e0fe740ba856f4eb6ef0135e0-vinicius si,/o=exchangelabs/ou=exchange administrative group (fydibohf23spdlt)/cn=recipients/cn=82e9af7034e542b3a622ab8e7d09ff5d-ricardo de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b36412a54b154c07b0a876537a78fce8-jheniffer g,/o=exchangelabs/ou=exchange administrative group (fydibohf23spdlt)/cn=recipients/cn=b67cad4ecfa344baaa94d716e7554f49-bruno camel,/o=exchangelabs/ou=exchange administrative group (fydibohf23spdlt)/cn=recipients/cn=c08089b92f0643f18c949cb099a06593-tamar</t>
  </si>
  <si>
    <t>09/23/2019 15:11:04</t>
  </si>
  <si>
    <t>10.200.61.127</t>
  </si>
  <si>
    <t>64-1C-67-9C-54-34</t>
  </si>
  <si>
    <t>NB-RICARDOFM</t>
  </si>
  <si>
    <t>ricardodfm</t>
  </si>
  <si>
    <t>Ricardo De Faveri Moreira</t>
  </si>
  <si>
    <t>/o=exchangelabs/ou=exchange administrative group (fydibohf23spdlt)/cn=recipients/cn=5cff907b7abb465c8dbe10257a462656-diego iure;</t>
  </si>
  <si>
    <t>Capacity Espontâneo e PS</t>
  </si>
  <si>
    <t>/o=exchangelabs/ou=exchange administrative group (fydibohf23spdlt)/cn=recipients/cn=5cff907b7abb465c8dbe10257a462656-diego iure</t>
  </si>
  <si>
    <t>09/23/2019 15:09:54</t>
  </si>
  <si>
    <t>C:\Users\fellypcsj\OneDrive - Grupo Algar\Engeset\ADMINISTRATIVO FINANCEIRO\GEO GOVERNANÇA\LOGISTÍCA\ESTOQUE TERCEIRO\</t>
  </si>
  <si>
    <t>Cópia de Associados Estoque.xlsx</t>
  </si>
  <si>
    <t>09/23/2019 15:16:29</t>
  </si>
  <si>
    <t>09/23/2019 15:17:35</t>
  </si>
  <si>
    <t>C:\Users\tiagorpf\OneDrive - Grupo Algar\Ecohouse\CAC\02 - PAGADORES VISITA MENSAL\EMPRESAS\</t>
  </si>
  <si>
    <t>PagadoresExporadicos.xlsx</t>
  </si>
  <si>
    <t>09/23/2019 15:13:55</t>
  </si>
  <si>
    <t>10.200.61.222</t>
  </si>
  <si>
    <t>54-BF-64-F5-80-40</t>
  </si>
  <si>
    <t>NB-GESSICASMN</t>
  </si>
  <si>
    <t>gessicasmn</t>
  </si>
  <si>
    <t>Gessica Stefanni Maria Nunes</t>
  </si>
  <si>
    <t>/o=exchangelabs/ou=exchange administrative group (fydibohf23spdlt)/cn=recipients/cn=0163bfef0e474630bdcf0a3698e9ffd4-amanda ferr;/o=exchangelabs/ou=exchange administrative group (fydibohf23spdlt)/cn=recipients/cn=822f65115a2046059fff20a916dd90e9-thais marti;/o=exchangelabs/ou=exchange administrative group (fydibohf23spdlt)/cn=recipients/cn=a6ba306bde72439c8d608df7df1957f9-larice nasc;/o=exchangelabs/ou=exchange administrative group (fydibohf23spdlt)/cn=recipients/cn=bec14da9ad4d434b8151ce12587e9186-khassio mar;flavia@iclicconsultoria.com.br;mikaellalri@algartech.com.br;</t>
  </si>
  <si>
    <t>RES: RES: RES: === COMUNICADO: REATIVAÇÃO DE CARTÕES CANCELADOS SEM FATURAMENTO ===</t>
  </si>
  <si>
    <t>REPESCAGEM_CONTATOS_OUT_ATUALIZAR.xlsx</t>
  </si>
  <si>
    <t>/o=exchangelabs/ou=exchange administrative group (fydibohf23spdlt)/cn=recipients/cn=0163bfef0e474630bdcf0a3698e9ffd4-amanda ferr,/o=exchangelabs/ou=exchange administrative group (fydibohf23spdlt)/cn=recipients/cn=822f65115a2046059fff20a916dd90e9-thais marti,/o=exchangelabs/ou=exchange administrative group (fydibohf23spdlt)/cn=recipients/cn=a6ba306bde72439c8d608df7df1957f9-larice nasc,/o=exchangelabs/ou=exchange administrative group (fydibohf23spdlt)/cn=recipients/cn=bec14da9ad4d434b8151ce12587e9186-khassio mar,flavia@iclicconsultoria.com.br,mikaellalri@algartech.com.br</t>
  </si>
  <si>
    <t>09/23/2019 15:12:27</t>
  </si>
  <si>
    <t>10.200.35.187</t>
  </si>
  <si>
    <t>64-1C-67-9B-A2-1C</t>
  </si>
  <si>
    <t>NB-HEWERSONG</t>
  </si>
  <si>
    <t>hewersong</t>
  </si>
  <si>
    <t>D:\Projetos\ACS\One_drive\OneDrive - Grupo Algar\Projetos\2019 CSC_-_Jornada ERP\</t>
  </si>
  <si>
    <t>20190919 - Requisitos projeto ERP - Orçamento - Tech.xlsx</t>
  </si>
  <si>
    <t>09/23/2019 15:13:42</t>
  </si>
  <si>
    <t>/o=exchangelabs/ou=exchange administrative group (fydibohf23spdlt)/cn=recipients/cn=3820019b96e44b2492722599c934999a-fernando de;</t>
  </si>
  <si>
    <t>ENC: ERRATA: Consistência de NS ● ALGAR AGOSTO/2019 ● ALGAR</t>
  </si>
  <si>
    <t>08-CONSISTENCIA_NS_CONSOLIDADO_AGO-19.xlsx</t>
  </si>
  <si>
    <t>/o=exchangelabs/ou=exchange administrative group (fydibohf23spdlt)/cn=recipients/cn=3820019b96e44b2492722599c934999a-fernando de</t>
  </si>
  <si>
    <t>09/23/2019 15:14:34</t>
  </si>
  <si>
    <t>09/23/2019 15:19:34</t>
  </si>
  <si>
    <t>/o=exchangelabs/ou=exchange administrative group (fydibohf23spdlt)/cn=recipients/cn=287c26b08a0f48578479a15a452f025d-edilson rod;/o=exchangelabs/ou=exchange administrative group (fydibohf23spdlt)/cn=recipients/cn=651324bc204a42f6bbcdf62273ebdc5c-aluisio ant;/o=exchangelabs/ou=exchange administrative group (fydibohf23spdlt)/cn=recipients/cn=89e58c8da071492dbdcb4fee4156b705-gustavo alm;/o=exchangelabs/ou=exchange administrative group (fydibohf23spdlt)/cn=recipients/cn=userdc05fc7c;</t>
  </si>
  <si>
    <t>Abertura por Produto.xlsx</t>
  </si>
  <si>
    <t>/o=exchangelabs/ou=exchange administrative group (fydibohf23spdlt)/cn=recipients/cn=287c26b08a0f48578479a15a452f025d-edilson rod,/o=exchangelabs/ou=exchange administrative group (fydibohf23spdlt)/cn=recipients/cn=651324bc204a42f6bbcdf62273ebdc5c-aluisio ant,/o=exchangelabs/ou=exchange administrative group (fydibohf23spdlt)/cn=recipients/cn=89e58c8da071492dbdcb4fee4156b705-gustavo alm,/o=exchangelabs/ou=exchange administrative group (fydibohf23spdlt)/cn=recipients/cn=userdc05fc7c</t>
  </si>
  <si>
    <t>09/23/2019 15:16:59</t>
  </si>
  <si>
    <t>09/23/2019 15:22:35</t>
  </si>
  <si>
    <t>09/23/2019 15:17:00</t>
  </si>
  <si>
    <t>09/23/2019 15:22:17</t>
  </si>
  <si>
    <t>09/23/2019 15:38:35</t>
  </si>
  <si>
    <t>09/23/2019 15:21:03</t>
  </si>
  <si>
    <t>/o=exchangelabs/ou=exchange administrative group (fydibohf23spdlt)/cn=recipients/cn=1388e760581940569776ffce7145c40e-patricia ap;/o=exchangelabs/ou=exchange administrative group (fydibohf23spdlt)/cn=recipients/cn=823ff3c9d5fe49399d544dd8d287e4b4-alexandre m;/o=exchangelabs/ou=exchange administrative group (fydibohf23spdlt)/cn=recipients/cn=a4ba92cba10f4fe498074594f937f3b6-leandro lop;/o=exchangelabs/ou=exchange administrative group (fydibohf23spdlt)/cn=recipients/cn=b67cad4ecfa344baaa94d716e7554f49-bruno camel;/o=exchangelabs/ou=exchange administrative group (fydibohf23spdlt)/cn=recipients/cn=c08089b92f0643f18c949cb099a06593-tamara luis;claudiac.machado@bradesco.com.br;emerson.r.correia@bradesco.com.br;</t>
  </si>
  <si>
    <t>Apresentação - Comitê de Resultados - Agosto</t>
  </si>
  <si>
    <t>Comite Oficial - Correntista Ago19 (2).pptx\</t>
  </si>
  <si>
    <t>/o=exchangelabs/ou=exchange administrative group (fydibohf23spdlt)/cn=recipients/cn=1388e760581940569776ffce7145c40e-patricia ap,/o=exchangelabs/ou=exchange administrative group (fydibohf23spdlt)/cn=recipients/cn=823ff3c9d5fe49399d544dd8d287e4b4-alexandre m,/o=exchangelabs/ou=exchange administrative group (fydibohf23spdlt)/cn=recipients/cn=a4ba92cba10f4fe498074594f937f3b6-leandro lop,/o=exchangelabs/ou=exchange administrative group (fydibohf23spdlt)/cn=recipients/cn=b67cad4ecfa344baaa94d716e7554f49-bruno camel,/o=exchangelabs/ou=exchange administrative group (fydibohf23spdlt)/cn=recipients/cn=c08089b92f0643f18c949cb099a06593-tamara luis,claudiac.machado@bradesco.com.br,emerson.r.correia@bradesco.com.br</t>
  </si>
  <si>
    <t>09/23/2019 15:20:01</t>
  </si>
  <si>
    <t>DCO CML SP</t>
  </si>
  <si>
    <t>10.207.12.79</t>
  </si>
  <si>
    <t>D8-9C-67-86-36-21</t>
  </si>
  <si>
    <t>NB-MARCOAB</t>
  </si>
  <si>
    <t>marcoab</t>
  </si>
  <si>
    <t>MARCO AURELIO BELISSIMO</t>
  </si>
  <si>
    <t>/o=exchangelabs/ou=exchange administrative group (fydibohf23spdlt)/cn=recipients/cn=546d63420d554c4d858776a48a93ef0f-gustavo de;</t>
  </si>
  <si>
    <t>ENC: Material para apresentação Netflix</t>
  </si>
  <si>
    <t>Academia Tech - Visão Geral.pptx\</t>
  </si>
  <si>
    <t>/o=exchangelabs/ou=exchange administrative group (fydibohf23spdlt)/cn=recipients/cn=546d63420d554c4d858776a48a93ef0f-gustavo de</t>
  </si>
  <si>
    <t>09/23/2019 15:25:11</t>
  </si>
  <si>
    <t>/o=exchangelabs/ou=exchange administrative group (fydibohf23spdlt)/cn=recipients/cn=3d559cad8a6b4c9ba2e512604e1484a2-marcelo mal;/o=exchangelabs/ou=exchange administrative group (fydibohf23spdlt)/cn=recipients/cn=8c89829ad534498fa4c85b5ac11174f1-suelen more;/o=exchangelabs/ou=exchange administrative group (fydibohf23spdlt)/cn=recipients/cn=c82d742f5f1e4122a86db0495b71e095-nilton j. g;</t>
  </si>
  <si>
    <t>ENC: PR 213361 2019 - IBM 9519195916 - Projeto na LASA - Quotation Number 9519195916</t>
  </si>
  <si>
    <t>Lista localidades x Maquinas.xlsx</t>
  </si>
  <si>
    <t>/o=exchangelabs/ou=exchange administrative group (fydibohf23spdlt)/cn=recipients/cn=3d559cad8a6b4c9ba2e512604e1484a2-marcelo mal,/o=exchangelabs/ou=exchange administrative group (fydibohf23spdlt)/cn=recipients/cn=8c89829ad534498fa4c85b5ac11174f1-suelen more,/o=exchangelabs/ou=exchange administrative group (fydibohf23spdlt)/cn=recipients/cn=c82d742f5f1e4122a86db0495b71e095-nilton j. g</t>
  </si>
  <si>
    <t>09/23/2019 15:22:40</t>
  </si>
  <si>
    <t>andre.komatsubara@bradesco.com.br;bruna.vernalha@bradesco.com.br;daiane.alves@bradesco.com.br;denisev.carvalho@bradesco.com.br;eva.cordeiro@bradesco.com.br;fernandodps@algartech.com;tatiana.bueno@bradesco.com.br;vanessa.crisan.santos@bradesco.com.br;</t>
  </si>
  <si>
    <t>\\acsfs\ACS\Suporte à Operações\02 - Faturamento\2019\10 - Outubro\</t>
  </si>
  <si>
    <t>Template Viagens Implementação.xlsx</t>
  </si>
  <si>
    <t>andre.komatsubara@bradesco.com.br,bruna.vernalha@bradesco.com.br,daiane.alves@bradesco.com.br,denisev.carvalho@bradesco.com.br,eva.cordeiro@bradesco.com.br,fernandodps@algartech.com,tatiana.bueno@bradesco.com.br,vanessa.crisan.santos@bradesco.com.br</t>
  </si>
  <si>
    <t>09/23/2019 15:23:33</t>
  </si>
  <si>
    <t>/o=exchangelabs/ou=exchange administrative group (fydibohf23spdlt)/cn=recipients/cn=453b61456320491dad510b65b310018f-kelen crist;/o=exchangelabs/ou=exchange administrative group (fydibohf23spdlt)/cn=recipients/cn=a78f7dae304e472e9f75bd537683f6e5-hugo de oli;/o=exchangelabs/ou=exchange administrative group (fydibohf23spdlt)/cn=recipients/cn=b1d771656e5d46709d93295f07966125-pedro henri;daniel.cabeceira@bradesco.com.br;</t>
  </si>
  <si>
    <t>Indicadores Report ATIVO NEXT - POWER BI</t>
  </si>
  <si>
    <t>Indicadores reporte Aspect.xlsx</t>
  </si>
  <si>
    <t>/o=exchangelabs/ou=exchange administrative group (fydibohf23spdlt)/cn=recipients/cn=453b61456320491dad510b65b310018f-kelen crist,/o=exchangelabs/ou=exchange administrative group (fydibohf23spdlt)/cn=recipients/cn=a78f7dae304e472e9f75bd537683f6e5-hugo de oli,/o=exchangelabs/ou=exchange administrative group (fydibohf23spdlt)/cn=recipients/cn=b1d771656e5d46709d93295f07966125-pedro henri,daniel.cabeceira@bradesco.com.br</t>
  </si>
  <si>
    <t>09/23/2019 15:22:42</t>
  </si>
  <si>
    <t>09/23/2019 15:39:34</t>
  </si>
  <si>
    <t>09/23/2019 15:22:45</t>
  </si>
  <si>
    <t>09/23/2019 15:22:54</t>
  </si>
  <si>
    <t>09/23/2019 15:27:01</t>
  </si>
  <si>
    <t>Base Santos.xlsx</t>
  </si>
  <si>
    <t>09/23/2019 15:24:22</t>
  </si>
  <si>
    <t>bruna.vernalha@bradesco.com.br;daiane.alves@bradesco.com.br;denisev.carvalho@bradesco.com.br;eva.cordeiro@bradesco.com.br;tatiana.bueno@bradesco.com.br;vanessa.crisan.santos@bradesco.com.br;</t>
  </si>
  <si>
    <t>bruna.vernalha@bradesco.com.br,daiane.alves@bradesco.com.br,denisev.carvalho@bradesco.com.br,eva.cordeiro@bradesco.com.br,tatiana.bueno@bradesco.com.br,vanessa.crisan.santos@bradesco.com.br</t>
  </si>
  <si>
    <t>09/23/2019 15:24:36</t>
  </si>
  <si>
    <t>09/23/2019 15:24:40</t>
  </si>
  <si>
    <t>09/23/2019 15:24:43</t>
  </si>
  <si>
    <t>09/23/2019 15:24:47</t>
  </si>
  <si>
    <t>09/23/2019 15:25:03</t>
  </si>
  <si>
    <t>09/23/2019 15:25:07</t>
  </si>
  <si>
    <t>09/23/2019 15:25:13</t>
  </si>
  <si>
    <t>09/23/2019 15:25:18</t>
  </si>
  <si>
    <t>09/23/2019 15:25:29</t>
  </si>
  <si>
    <t>09/23/2019 15:25:41</t>
  </si>
  <si>
    <t>09/23/2019 15:36:55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</t>
  </si>
  <si>
    <t>RES: Levantamento 3003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</t>
  </si>
  <si>
    <t>09/23/2019 15:38:32</t>
  </si>
  <si>
    <t>09/23/2019 15:40:34</t>
  </si>
  <si>
    <t>10.200.35.173</t>
  </si>
  <si>
    <t>64-1C-67-9C-32-45</t>
  </si>
  <si>
    <t>NB-VANDERJ</t>
  </si>
  <si>
    <t>vanderjq</t>
  </si>
  <si>
    <t>vanderjq@algartech.com</t>
  </si>
  <si>
    <t>C:\Users\vanderjq\Desktop\</t>
  </si>
  <si>
    <t>Modelo.xlsx</t>
  </si>
  <si>
    <t>09/23/2019 15:31:32</t>
  </si>
  <si>
    <t>09/23/2019 15:41:34</t>
  </si>
  <si>
    <t>COORD. DE SOLUCOES DE NEGOCIO - ENGESET</t>
  </si>
  <si>
    <t>10.200.57.36</t>
  </si>
  <si>
    <t>FC-F8-AE-E3-03-37</t>
  </si>
  <si>
    <t>NB-GUSTAVOAS</t>
  </si>
  <si>
    <t>gustavoas</t>
  </si>
  <si>
    <t>Gustavo Almeida Santarem</t>
  </si>
  <si>
    <t>/o=exchangelabs/ou=exchange administrative group (fydibohf23spdlt)/cn=recipients/cn=54abac0a4fdc4ad1bec39bb51d85eab1-victor hugo;</t>
  </si>
  <si>
    <t>ENC: Capex LP 2020</t>
  </si>
  <si>
    <t>Capex LP 2020.xlsx</t>
  </si>
  <si>
    <t>/o=exchangelabs/ou=exchange administrative group (fydibohf23spdlt)/cn=recipients/cn=54abac0a4fdc4ad1bec39bb51d85eab1-victor hugo</t>
  </si>
  <si>
    <t>09/23/2019 15:42:34</t>
  </si>
  <si>
    <t>09/23/2019 15:44:34</t>
  </si>
  <si>
    <t>09/23/2019 15:22:57</t>
  </si>
  <si>
    <t>09/23/2019 15:23:06</t>
  </si>
  <si>
    <t>09/23/2019 15:23:09</t>
  </si>
  <si>
    <t>09/23/2019 15:23:17</t>
  </si>
  <si>
    <t>09/23/2019 15:23:27</t>
  </si>
  <si>
    <t>09/23/2019 15:23:42</t>
  </si>
  <si>
    <t>09/23/2019 15:24:06</t>
  </si>
  <si>
    <t>09/23/2019 15:24:12</t>
  </si>
  <si>
    <t>09/23/2019 15:24:14</t>
  </si>
  <si>
    <t>09/23/2019 15:46:17</t>
  </si>
  <si>
    <t>09/23/2019 15:48:34</t>
  </si>
  <si>
    <t>COORDENACAO DIVERSOS</t>
  </si>
  <si>
    <t>10.200.61.133</t>
  </si>
  <si>
    <t>FC-01-7C-FE-36-13</t>
  </si>
  <si>
    <t>NB-IRISE</t>
  </si>
  <si>
    <t>irisen</t>
  </si>
  <si>
    <t>Iris Eugenia Nojiri Lopes</t>
  </si>
  <si>
    <t>/o=exchangelabs/ou=exchange administrative group (fydibohf23spdlt)/cn=recipients/cn=23e3be28ac6a4bbf8335736c953c7732-patrick luh;/o=exchangelabs/ou=exchange administrative group (fydibohf23spdlt)/cn=recipients/cn=32b8fe8190544464835988f8feefefa4-supervisore;/o=exchangelabs/ou=exchange administrative group (fydibohf23spdlt)/cn=recipients/cn=830ba83a6b9b441ab3f8d8b3a47d0ffe-angelica ma;/o=exchangelabs/ou=exchange administrative group (fydibohf23spdlt)/cn=recipients/cn=856a40c11c264d9e82bdecf4c7271e0c-andrea carv;/o=exchangelabs/ou=exchange administrative group (fydibohf23spdlt)/cn=recipients/cn=95d6b80d0c3d44d6aee9bc955f10af3e-aparecida m;/o=exchangelabs/ou=exchange administrative group (fydibohf23spdlt)/cn=recipients/cn=a4725b7c782941fda1d1c00ae0ff9e26-camiller mo;/o=exchangelabs/ou=exchange administrative group (fydibohf23spdlt)/cn=recipients/cn=b00eb05119d14bbeac53a3bf5979e6c2-elena crist;</t>
  </si>
  <si>
    <t>ENC: Inconsistências Vale Transporte - Algar Tech</t>
  </si>
  <si>
    <t>INCONSISTÊNCIAS MENSAIS_UBERTRANS_29 TECH_10.2019.xls</t>
  </si>
  <si>
    <t>/o=exchangelabs/ou=exchange administrative group (fydibohf23spdlt)/cn=recipients/cn=23e3be28ac6a4bbf8335736c953c7732-patrick luh,/o=exchangelabs/ou=exchange administrative group (fydibohf23spdlt)/cn=recipients/cn=32b8fe8190544464835988f8feefefa4-supervisore,/o=exchangelabs/ou=exchange administrative group (fydibohf23spdlt)/cn=recipients/cn=830ba83a6b9b441ab3f8d8b3a47d0ffe-angelica ma,/o=exchangelabs/ou=exchange administrative group (fydibohf23spdlt)/cn=recipients/cn=856a40c11c264d9e82bdecf4c7271e0c-andrea carv,/o=exchangelabs/ou=exchange administrative group (fydibohf23spdlt)/cn=recipients/cn=95d6b80d0c3d44d6aee9bc955f10af3e-aparecida m,/o=exchangelabs/ou=exchange administrative group (fydibohf23spdlt)/cn=recipients/cn=a4725b7c782941fda1d1c00ae0ff9e26-camiller mo,/o=exchangelabs/ou=exchange administrative group (fydibohf23spdlt)/cn=recipients/cn=b00eb05119d14bbeac53a3bf5979e6c2-elena crist</t>
  </si>
  <si>
    <t>09/23/2019 15:46:11</t>
  </si>
  <si>
    <t>09/23/2019 15:49:34</t>
  </si>
  <si>
    <t>robertacmf@algartech.com</t>
  </si>
  <si>
    <t>Provisao Setembro.xlsm</t>
  </si>
  <si>
    <t>09/23/2019 15:48:21</t>
  </si>
  <si>
    <t>09/23/2019 15:51:34</t>
  </si>
  <si>
    <t>10.200.60.158</t>
  </si>
  <si>
    <t>64-1C-67-9B-9D-37</t>
  </si>
  <si>
    <t>09/23/2019 15:47:11</t>
  </si>
  <si>
    <t>09/23/2019 15:50:54</t>
  </si>
  <si>
    <t>09/23/2019 15:52:34</t>
  </si>
  <si>
    <t>C:\Users\fellypcsj\OneDrive - Grupo Algar\Engeset\CONTROLE BFF\</t>
  </si>
  <si>
    <t>FECHAMENTO DE CAIXA - BFF_FELLYP.xlsx</t>
  </si>
  <si>
    <t>09/23/2019 15:51:03</t>
  </si>
  <si>
    <t>BFF - Controle.xlsx</t>
  </si>
  <si>
    <t>09/23/2019 15:51:13</t>
  </si>
  <si>
    <t>09/23/2019 15:54:35</t>
  </si>
  <si>
    <t>bruna.vernalha@bradesco.com.br;cristinahe@algartech.com;daiane.alves@bradesco.com.br;denisev.carvalho@bradesco.com.br;eva.cordeiro@bradesco.com.br;fabianapm@algartech.com;fabio.ribeiro@algarnet.onmicrosoft.com;leandrolds@algartech.com;polati@algartech.com;tatiana.bueno@bradesco.com.br;vanessa.crisan.santos@bradesco.com.br;</t>
  </si>
  <si>
    <t>bruna.vernalha@bradesco.com.br,cristinahe@algartech.com,daiane.alves@bradesco.com.br,denisev.carvalho@bradesco.com.br,eva.cordeiro@bradesco.com.br,fabianapm@algartech.com,fabio.ribeiro@algarnet.onmicrosoft.com,leandrolds@algartech.com,polati@algartech.com,tatiana.bueno@bradesco.com.br,vanessa.crisan.santos@bradesco.com.br</t>
  </si>
  <si>
    <t>09/23/2019 15:51:46</t>
  </si>
  <si>
    <t>09/23/2019 15:52:09</t>
  </si>
  <si>
    <t>09/23/2019 15:54:55</t>
  </si>
  <si>
    <t>09/23/2019 15:58:35</t>
  </si>
  <si>
    <t>10.200.58.100</t>
  </si>
  <si>
    <t>64-1C-67-9C-55-DA</t>
  </si>
  <si>
    <t>NB-CRISTIANEC</t>
  </si>
  <si>
    <t>cristianecsa</t>
  </si>
  <si>
    <t>Cristiane Cristina Santos</t>
  </si>
  <si>
    <t>/o=exchangelabs/ou=exchange administrative group (fydibohf23spdlt)/cn=recipients/cn=3720674f67dd4336be39b7fa42f5aac8-wesley silv;</t>
  </si>
  <si>
    <t>Hierarquia_Aprovacao.xlsx</t>
  </si>
  <si>
    <t>/o=exchangelabs/ou=exchange administrative group (fydibohf23spdlt)/cn=recipients/cn=3720674f67dd4336be39b7fa42f5aac8-wesley silv</t>
  </si>
  <si>
    <t>09/23/2019 15:57:51</t>
  </si>
  <si>
    <t>09/23/2019 15:54:21</t>
  </si>
  <si>
    <t>09/23/2019 15:59:34</t>
  </si>
  <si>
    <t>/o=exchangelabs/ou=exchange administrative group (fydibohf23spdlt)/cn=recipients/cn=47cf60ebce7b4b5eb317a8340264d209-elizi anne;</t>
  </si>
  <si>
    <t>ENC: Planilha de Qualidade (UNICA)</t>
  </si>
  <si>
    <t>Planilhas de Qualidade UNICA.xlsx</t>
  </si>
  <si>
    <t>/o=exchangelabs/ou=exchange administrative group (fydibohf23spdlt)/cn=recipients/cn=47cf60ebce7b4b5eb317a8340264d209-elizi anne</t>
  </si>
  <si>
    <t>09/23/2019 16:00:34</t>
  </si>
  <si>
    <t>10.200.60.170</t>
  </si>
  <si>
    <t>D8-9C-67-6F-2A-83</t>
  </si>
  <si>
    <t>NB-LAUANECCA</t>
  </si>
  <si>
    <t>lauanecca</t>
  </si>
  <si>
    <t>Lauane Cristina Cardoso</t>
  </si>
  <si>
    <t>/o=exchangelabs/ou=exchange administrative group (fydibohf23spdlt)/cn=recipients/cn=95d6b80d0c3d44d6aee9bc955f10af3e-aparecida m;/o=exchangelabs/ou=exchange administrative group (fydibohf23spdlt)/cn=recipients/cn=f87f494a8d1d405d8a7b42a51dd5ab84-iris eugeni;/o=exchangelabs/ou=exchange administrative group (fydibohf23spdlt)/cn=recipients/cn=fe134ce6f7124ebfa00395a14326bd71-luciana ber;</t>
  </si>
  <si>
    <t>Admitidos Setembro - Caixa Seguradora</t>
  </si>
  <si>
    <t>Contratatos Setembro - Caixa Seguradora.xlsm</t>
  </si>
  <si>
    <t>/o=exchangelabs/ou=exchange administrative group (fydibohf23spdlt)/cn=recipients/cn=95d6b80d0c3d44d6aee9bc955f10af3e-aparecida m,/o=exchangelabs/ou=exchange administrative group (fydibohf23spdlt)/cn=recipients/cn=f87f494a8d1d405d8a7b42a51dd5ab84-iris eugeni,/o=exchangelabs/ou=exchange administrative group (fydibohf23spdlt)/cn=recipients/cn=fe134ce6f7124ebfa00395a14326bd71-luciana ber</t>
  </si>
  <si>
    <t>09/23/2019 16:04:53</t>
  </si>
  <si>
    <t>09/23/2019 16:06:34</t>
  </si>
  <si>
    <t>Cronograma Algar - BV.xlsx</t>
  </si>
  <si>
    <t>09/23/2019 16:01:42</t>
  </si>
  <si>
    <t>09/23/2019 16:07:34</t>
  </si>
  <si>
    <t>10.200.67.185</t>
  </si>
  <si>
    <t>20-04-0F-FD-A4-AE</t>
  </si>
  <si>
    <t>NB-ANDRELPSA</t>
  </si>
  <si>
    <t>andrelpsa</t>
  </si>
  <si>
    <t>Andre Luis Pereira Sampaio</t>
  </si>
  <si>
    <t>/o=exchangelabs/ou=exchange administrative group (fydibohf23spdlt)/cn=recipients/cn=4f1c81c2e16143f68596016ac3b45ef1-gustavo dam;/o=exchangelabs/ou=exchange administrative group (fydibohf23spdlt)/cn=recipients/cn=user8e89d2d7;/o=nt5/ou=00000000000000000000000000000000/cn=0497a20c4e8fe14ebd377110dbd26814;</t>
  </si>
  <si>
    <t>/o=exchangelabs/ou=exchange administrative group (fydibohf23spdlt)/cn=recipients/cn=4f1c81c2e16143f68596016ac3b45ef1-gustavo dam,/o=exchangelabs/ou=exchange administrative group (fydibohf23spdlt)/cn=recipients/cn=user8e89d2d7,/o=nt5/ou=00000000000000000000000000000000/cn=0497a20c4e8fe14ebd377110dbd26814</t>
  </si>
  <si>
    <t>09/23/2019 16:06:36</t>
  </si>
  <si>
    <t>09/23/2019 16:08:34</t>
  </si>
  <si>
    <t>C:\Users\alessandroam\OneDrive\OneDrive - Grupo Algar\01 - Historico\02 - Seg Informação\04 - ISO - Normas\LGPD\</t>
  </si>
  <si>
    <t>LGPD _ Orçamento - Capex e Opex 20092049 - V_Josy.xlsx</t>
  </si>
  <si>
    <t>09/23/2019 16:08:04</t>
  </si>
  <si>
    <t>09/23/2019 16:09:34</t>
  </si>
  <si>
    <t>anderson.negrisoli@avon.com;</t>
  </si>
  <si>
    <t>ENC: Levantamento 3003</t>
  </si>
  <si>
    <t>anderson.negrisoli@avon.com</t>
  </si>
  <si>
    <t>09/23/2019 16:10:39</t>
  </si>
  <si>
    <t>09/23/2019 16:13:34</t>
  </si>
  <si>
    <t>/o=exchangelabs/ou=exchange administrative group (fydibohf23spdlt)/cn=recipients/cn=5dfe8d5a02e8410ea0e23aa72b428029-diego amara;/o=exchangelabs/ou=exchange administrative group (fydibohf23spdlt)/cn=recipients/cn=823ff3c9d5fe49399d544dd8d287e4b4-alexandre m;/o=nt5/ou=00000000000000000000000000000000/cn=23eea5fb39ad7f47a6d132f0e3c6b035;</t>
  </si>
  <si>
    <t>RES: Informações de quem utilizam Aspect Site 1</t>
  </si>
  <si>
    <t>Usuarios_bradesco.xlsx</t>
  </si>
  <si>
    <t>/o=exchangelabs/ou=exchange administrative group (fydibohf23spdlt)/cn=recipients/cn=5dfe8d5a02e8410ea0e23aa72b428029-diego amara,/o=exchangelabs/ou=exchange administrative group (fydibohf23spdlt)/cn=recipients/cn=823ff3c9d5fe49399d544dd8d287e4b4-alexandre m,/o=nt5/ou=00000000000000000000000000000000/cn=23eea5fb39ad7f47a6d132f0e3c6b035</t>
  </si>
  <si>
    <t>09/23/2019 16:11:38</t>
  </si>
  <si>
    <t>REUNIÃO ALGAR &amp; TIM - ORÇAMENTOS EXECUTADOS</t>
  </si>
  <si>
    <t>Orçamentos em Análise TIM.xlsx</t>
  </si>
  <si>
    <t>09/23/2019 16:13:48</t>
  </si>
  <si>
    <t>09/23/2019 16:14:34</t>
  </si>
  <si>
    <t>/o=exchangelabs/ou=exchange administrative group (fydibohf23spdlt)/cn=recipients/cn=f4b2ca11f1274dff9b442727f3d982af-lais de sou;</t>
  </si>
  <si>
    <t>Budget Sub Centro de Custo 1.0.0.xls</t>
  </si>
  <si>
    <t>/o=exchangelabs/ou=exchange administrative group (fydibohf23spdlt)/cn=recipients/cn=f4b2ca11f1274dff9b442727f3d982af-lais de sou</t>
  </si>
  <si>
    <t>09/23/2019 16:10:48</t>
  </si>
  <si>
    <t>ENC: It Forum</t>
  </si>
  <si>
    <t>It Forum X - Luciana Savi V5.xlsx</t>
  </si>
  <si>
    <t>09/23/2019 16:13:47</t>
  </si>
  <si>
    <t>09/23/2019 16:17:34</t>
  </si>
  <si>
    <t>hewersong@algartech.com</t>
  </si>
  <si>
    <t>lucasm@algartech.com;</t>
  </si>
  <si>
    <t>Algar - Sugestão de agenda.xlsx</t>
  </si>
  <si>
    <t>lucasm@algartech.com</t>
  </si>
  <si>
    <t>09/23/2019 16:15:27</t>
  </si>
  <si>
    <t>09/23/2019 16:12:55</t>
  </si>
  <si>
    <t>C:\Users\kaiohas\Documents\SMS\Reagendamento\Disparos reag\</t>
  </si>
  <si>
    <t>reag_23.09.csv</t>
  </si>
  <si>
    <t>09/23/2019 16:19:52</t>
  </si>
  <si>
    <t>09/23/2019 16:21:34</t>
  </si>
  <si>
    <t>/o=exchangelabs/ou=exchange administrative group (fydibohf23spdlt)/cn=recipients/cn=df6ea6cc78a840278b1e7acccac67692-thiago rodr;mttechne.mpellegrini@bv.com.br;</t>
  </si>
  <si>
    <t>Relacionamento de Cartões BV: Planilha de Controle</t>
  </si>
  <si>
    <t>Cronograma Algar - BV - Validação_v1.xlsx</t>
  </si>
  <si>
    <t>/o=exchangelabs/ou=exchange administrative group (fydibohf23spdlt)/cn=recipients/cn=df6ea6cc78a840278b1e7acccac67692-thiago rodr,mttechne.mpellegrini@bv.com.br</t>
  </si>
  <si>
    <t>09/23/2019 16:18:55</t>
  </si>
  <si>
    <t>10.200.61.16</t>
  </si>
  <si>
    <t>D8-9C-67-01-52-3F</t>
  </si>
  <si>
    <t>Lucas Arruda Venancio</t>
  </si>
  <si>
    <t>/o=exchangelabs/ou=exchange administrative group (fydibohf23spdlt)/cn=recipients/cn=5c0e0b883c0f4ccbb2cf13db05a00b36-luciene ivo;/o=exchangelabs/ou=exchange administrative group (fydibohf23spdlt)/cn=recipients/cn=e894bfa401c848dc9e25ced4ad1f3dd7-luciana fer;patricia.brito@bradesco.com.br;</t>
  </si>
  <si>
    <t>Parformance URR</t>
  </si>
  <si>
    <t>Performance - ALGAR URR_Setembro.xlsm</t>
  </si>
  <si>
    <t>/o=exchangelabs/ou=exchange administrative group (fydibohf23spdlt)/cn=recipients/cn=5c0e0b883c0f4ccbb2cf13db05a00b36-luciene ivo,/o=exchangelabs/ou=exchange administrative group (fydibohf23spdlt)/cn=recipients/cn=e894bfa401c848dc9e25ced4ad1f3dd7-luciana fer,patricia.brito@bradesco.com.br</t>
  </si>
  <si>
    <t>09/23/2019 16:19:48</t>
  </si>
  <si>
    <t>09/23/2019 16:24:34</t>
  </si>
  <si>
    <t>https://cscatende.algarnet.com.br/html/hd/hdscriptresposta/request/uploadincidentattachment.php?cdclassificacao=7&amp;action=1&amp;lastpositionattachement=undefined&amp;cdquestao=9591&amp;idmaisanexos=t</t>
  </si>
  <si>
    <t>8818;</t>
  </si>
  <si>
    <t>C:\Users\denisevca\Desktop\</t>
  </si>
  <si>
    <t>Aprovadores LEMONTECH - CRs PRESIDENCIA.xlsx</t>
  </si>
  <si>
    <t>https://8818</t>
  </si>
  <si>
    <t>09/23/2019 16:21:08</t>
  </si>
  <si>
    <t>/o=exchangelabs/ou=exchange administrative group (fydibohf23spdlt)/cn=recipients/cn=dfd8189826174c8c8af3a40aeb0807c4-lucas perei;/o=exchangelabs/ou=exchange administrative group (fydibohf23spdlt)/cn=recipients/cn=f4b2ca11f1274dff9b442727f3d982af-lais de sou;</t>
  </si>
  <si>
    <t>RES: Aguardando aprovação (Alessandra Rodrigues Filho Ruas - Grupo Algar - Tech - SV: 7376691)</t>
  </si>
  <si>
    <t>/o=exchangelabs/ou=exchange administrative group (fydibohf23spdlt)/cn=recipients/cn=dfd8189826174c8c8af3a40aeb0807c4-lucas perei,/o=exchangelabs/ou=exchange administrative group (fydibohf23spdlt)/cn=recipients/cn=f4b2ca11f1274dff9b442727f3d982af-lais de sou</t>
  </si>
  <si>
    <t>09/23/2019 16:22:16</t>
  </si>
  <si>
    <t>09/23/2019 16:26:34</t>
  </si>
  <si>
    <t>10.219.100.25</t>
  </si>
  <si>
    <t>80-86-F2-FD-76-04</t>
  </si>
  <si>
    <t>NB-WILAMEADSESS</t>
  </si>
  <si>
    <t>wilameadsess</t>
  </si>
  <si>
    <t>https://xtts.timbrasil.com.br/arsys/servlet/attachservlet</t>
  </si>
  <si>
    <t>C:\Users\wilameadsess\Desktop\RELATORIO VALIDADO_ Instalação_Testes_Ativação GMG SOBD09 - TICKET 1900009199.msg\s98\</t>
  </si>
  <si>
    <t>EVIDENCIAS DE EVIDENCIAS - SOBD09 - 1900009199 12-09-19.xlsx</t>
  </si>
  <si>
    <t>09/23/2019 16:23:24</t>
  </si>
  <si>
    <t>09/23/2019 16:24:55</t>
  </si>
  <si>
    <t>Diego Bardauil Gomes</t>
  </si>
  <si>
    <t>/o=exchangelabs/ou=exchange administrative group (fydibohf23spdlt)/cn=recipients/cn=a2a95176ec8b4e558f3d0f3c2d9d370b-pablo dos s;</t>
  </si>
  <si>
    <t>ENC: Ligações Ativas - Mobility</t>
  </si>
  <si>
    <t>09 - CH REALIZADAS - Mobility.xlsx</t>
  </si>
  <si>
    <t>/o=exchangelabs/ou=exchange administrative group (fydibohf23spdlt)/cn=recipients/cn=a2a95176ec8b4e558f3d0f3c2d9d370b-pablo dos s</t>
  </si>
  <si>
    <t>09/23/2019 16:22:50</t>
  </si>
  <si>
    <t>09/23/2019 16:27:34</t>
  </si>
  <si>
    <t>09. PETROBRAS CFTV.xlsx</t>
  </si>
  <si>
    <t>09/23/2019 16:25:56</t>
  </si>
  <si>
    <t>09/23/2019 16:31:34</t>
  </si>
  <si>
    <t>/o=exchangelabs/ou=exchange administrative group (fydibohf23spdlt)/cn=recipients/cn=e9519d1407044c56a7b8fe1bbc24bebc-michele cam;</t>
  </si>
  <si>
    <t>Gráficos</t>
  </si>
  <si>
    <t>Pesquisa de Satisfação - PPT.xlsx</t>
  </si>
  <si>
    <t>/o=exchangelabs/ou=exchange administrative group (fydibohf23spdlt)/cn=recipients/cn=e9519d1407044c56a7b8fe1bbc24bebc-michele cam</t>
  </si>
  <si>
    <t>09/23/2019 16:28:59</t>
  </si>
  <si>
    <t>/o=exchangelabs/ou=exchange administrative group (fydibohf23spdlt)/cn=recipients/cn=df6ea6cc78a840278b1e7acccac67692-thiago rodr;</t>
  </si>
  <si>
    <t>Relacionamento de Cartões BV: Controle de Custos</t>
  </si>
  <si>
    <t>Controle_Compras_BV.xlsx</t>
  </si>
  <si>
    <t>/o=exchangelabs/ou=exchange administrative group (fydibohf23spdlt)/cn=recipients/cn=df6ea6cc78a840278b1e7acccac67692-thiago rodr</t>
  </si>
  <si>
    <t>09/23/2019 16:29:16</t>
  </si>
  <si>
    <t>09/23/2019 16:33:34</t>
  </si>
  <si>
    <t>/o=exchangelabs/ou=exchange administrative group (fydibohf23spdlt)/cn=recipients/cn=1e212ef08dab4f26b88cba944f2ab7cb-pmo.governa;/o=exchangelabs/ou=exchange administrative group (fydibohf23spdlt)/cn=recipients/cn=4adb6e0b3de84bf2bfdb543494159749-leandro lim;/o=exchangelabs/ou=exchange administrative group (fydibohf23spdlt)/cn=recipients/cn=56c2af2d07fd48c0aebfc00ddc006494-alessio rod;/o=exchangelabs/ou=exchange administrative group (fydibohf23spdlt)/cn=recipients/cn=7cc366be59b94ae0b0eb89a952acf58b-valeria sev;/o=exchangelabs/ou=exchange administrative group (fydibohf23spdlt)/cn=recipients/cn=9c85290e8238419a823a4b55320e99cb-andre luis;/o=exchangelabs/ou=exchange administrative group (fydibohf23spdlt)/cn=recipients/cn=b3ad8a638fcc4c57bf8c7953dd4b3cb8-augusto ces;/o=exchangelabs/ou=exchange administrative group (fydibohf23spdlt)/cn=recipients/cn=c32cee7d339f4e7fab5beda7be171cc0-priscila ca;/o=exchangelabs/ou=exchange administrative group (fydibohf23spdlt)/cn=recipients/cn=d05b086490f84e1380a430afb1101aa7-giofr</t>
  </si>
  <si>
    <t>ATEC-2019-0024-014 - Crescimento Yahsat Julho</t>
  </si>
  <si>
    <t>DI - ATEC-2019-0024-014.xlsx</t>
  </si>
  <si>
    <t>/o=exchangelabs/ou=exchange administrative group (fydibohf23spdlt)/cn=recipients/cn=1e212ef08dab4f26b88cba944f2ab7cb-pmo.governa,/o=exchangelabs/ou=exchange administrative group (fydibohf23spdlt)/cn=recipients/cn=4adb6e0b3de84bf2bfdb543494159749-leandro lim,/o=exchangelabs/ou=exchange administrative group (fydibohf23spdlt)/cn=recipients/cn=56c2af2d07fd48c0aebfc00ddc006494-alessio rod,/o=exchangelabs/ou=exchange administrative group (fydibohf23spdlt)/cn=recipients/cn=7cc366be59b94ae0b0eb89a952acf58b-valeria sev,/o=exchangelabs/ou=exchange administrative group (fydibohf23spdlt)/cn=recipients/cn=9c85290e8238419a823a4b55320e99cb-andre luis,/o=exchangelabs/ou=exchange administrative group (fydibohf23spdlt)/cn=recipients/cn=b3ad8a638fcc4c57bf8c7953dd4b3cb8-augusto ces,/o=exchangelabs/ou=exchange administrative group (fydibohf23spdlt)/cn=recipients/cn=c32cee7d339f4e7fab5beda7be171cc0-priscila ca,/o=exchangelabs/ou=exchange administrative group (fydibohf23spdlt)/cn=recipients/cn=d05b086490f84e1380a430afb1101aa7-giofr</t>
  </si>
  <si>
    <t>09/23/2019 16:32:42</t>
  </si>
  <si>
    <t>10.200.32.91</t>
  </si>
  <si>
    <t>54-BF-64-F7-98-C5</t>
  </si>
  <si>
    <t>NB-WLADIMIRTN</t>
  </si>
  <si>
    <t>wladimirtn</t>
  </si>
  <si>
    <t>C:\Git\canal-voice-bot-grc\documentos\</t>
  </si>
  <si>
    <t>Voice Bot - Investimento-v2.xlsx</t>
  </si>
  <si>
    <t>09/23/2019 16:34:19</t>
  </si>
  <si>
    <t>09/23/2019 16:36:34</t>
  </si>
  <si>
    <t>RES: Relacionamento de Cartões BV: Planilha de Controle</t>
  </si>
  <si>
    <t>09/23/2019 16:32:55</t>
  </si>
  <si>
    <t>09/23/2019 16:37:34</t>
  </si>
  <si>
    <t>https://cscatende.algarnet.com.br/html/ad/adform/request/openticket.php</t>
  </si>
  <si>
    <t>Planilha_de_Lancamentos_-_Proventos_e_Descontos RETORNO PRÃ‰VIA 09-2019.xlsx</t>
  </si>
  <si>
    <t>09/23/2019 16:36:14</t>
  </si>
  <si>
    <t>https://caey.fa.us2.oraclecloud.com/crmui/faces/fuseoverview?_adf.ctrl-state=17myj4pq6m_5&amp;fnd=;;;;false;256;;;&amp;fndglobalitemnodeid=zcm_customerctrinfra360_customers_crm_card</t>
  </si>
  <si>
    <t>\\acsfs\DEPTOS\DME\CME - Coordenacao de Marketing e Estrategia\Gestão de Vendas\Account Plan\2019\</t>
  </si>
  <si>
    <t>Cronograma.xlsx</t>
  </si>
  <si>
    <t>09/23/2019 16:37:22</t>
  </si>
  <si>
    <t>09/23/2019 16:39:34</t>
  </si>
  <si>
    <t>COORDENACAO GEXP - BIG DATA</t>
  </si>
  <si>
    <t>10.200.61.165</t>
  </si>
  <si>
    <t>9C-30-5B-F7-E1-75</t>
  </si>
  <si>
    <t>NB-MARCOTB</t>
  </si>
  <si>
    <t>marcotb</t>
  </si>
  <si>
    <t>Marco Tulio Brunelli Magalhaes</t>
  </si>
  <si>
    <t>/o=exchangelabs/ou=exchange administrative group (fydibohf23spdlt)/cn=recipients/cn=f878ae58590e41cbabba2fa1ee2ae905-izadora nas;</t>
  </si>
  <si>
    <t>Folha Algar Telecom v2.xlsb</t>
  </si>
  <si>
    <t>/o=exchangelabs/ou=exchange administrative group (fydibohf23spdlt)/cn=recipients/cn=f878ae58590e41cbabba2fa1ee2ae905-izadora nas</t>
  </si>
  <si>
    <t>09/23/2019 16:37:57</t>
  </si>
  <si>
    <t>09/23/2019 16:41:34</t>
  </si>
  <si>
    <t>10.211.2.148</t>
  </si>
  <si>
    <t>64-1C-67-9D-35-07</t>
  </si>
  <si>
    <t>SPTI-340009764</t>
  </si>
  <si>
    <t>daniel</t>
  </si>
  <si>
    <t>Daniel Bierhals Macedo</t>
  </si>
  <si>
    <t>/o=exchangelabs/ou=exchange administrative group (fydibohf23spdlt)/cn=recipients/cn=97028c61ebe04c3ca84c604712943944-fabiano wil;</t>
  </si>
  <si>
    <t>RES: Artefatos ISD - Gestão do Conhecimento</t>
  </si>
  <si>
    <t>/o=exchangelabs/ou=exchange administrative group (fydibohf23spdlt)/cn=recipients/cn=97028c61ebe04c3ca84c604712943944-fabiano wil</t>
  </si>
  <si>
    <t>09/23/2019 16:37:18</t>
  </si>
  <si>
    <t>09/23/2019 16:38:27</t>
  </si>
  <si>
    <t>/o=exchangelabs/ou=exchange administrative group (fydibohf23spdlt)/cn=recipients/cn=6c861aa06809426789ff50cfcf8afea3-rosemary az;/o=exchangelabs/ou=exchange administrative group (fydibohf23spdlt)/cn=recipients/cn=a2a95176ec8b4e558f3d0f3c2d9d370b-pablo dos s;gvieira@toyota.com.br;</t>
  </si>
  <si>
    <t>ENC: [Mobility] Cálculo de desconto para antecipação/postergação de diária</t>
  </si>
  <si>
    <t>CÁLCULOS DE PROMOCODE.xlsx</t>
  </si>
  <si>
    <t>/o=exchangelabs/ou=exchange administrative group (fydibohf23spdlt)/cn=recipients/cn=6c861aa06809426789ff50cfcf8afea3-rosemary az,/o=exchangelabs/ou=exchange administrative group (fydibohf23spdlt)/cn=recipients/cn=a2a95176ec8b4e558f3d0f3c2d9d370b-pablo dos s,gvieira@toyota.com.br</t>
  </si>
  <si>
    <t>09/23/2019 16:38:42</t>
  </si>
  <si>
    <t>/o=exchangelabs/ou=exchange administrative group (fydibohf23spdlt)/cn=recipients/cn=a5f3c22313d74f5cbd68347bb02489b8-lilian lima;</t>
  </si>
  <si>
    <t>/o=exchangelabs/ou=exchange administrative group (fydibohf23spdlt)/cn=recipients/cn=a5f3c22313d74f5cbd68347bb02489b8-lilian lima</t>
  </si>
  <si>
    <t>09/23/2019 16:40:33</t>
  </si>
  <si>
    <t>09/23/2019 16:42:34</t>
  </si>
  <si>
    <t>10.200.32.15</t>
  </si>
  <si>
    <t>64-1C-67-9C-32-40</t>
  </si>
  <si>
    <t>C:\Users\iramildass\Desktop\</t>
  </si>
  <si>
    <t>Perfis_Tech.xlsx</t>
  </si>
  <si>
    <t>09/23/2019 16:39:28</t>
  </si>
  <si>
    <t>ENC: Artefatos ISD - Gestão do Conhecimento</t>
  </si>
  <si>
    <t>09/23/2019 16:43:42</t>
  </si>
  <si>
    <t>09/23/2019 16:46:35</t>
  </si>
  <si>
    <t>10.250.254.80</t>
  </si>
  <si>
    <t>NB-HUMBERTOECJ</t>
  </si>
  <si>
    <t>humbertoecj</t>
  </si>
  <si>
    <t>humbertoecj@algartech.com</t>
  </si>
  <si>
    <t>mail.google.com/_/upload?authuser=0&amp;dcp=asu-n&amp;upload_id=AEnB2UpQ1ocjny1O_wrHkDdoPq7upPGqRfZCJg_4Q1_bm71PYu45oT38aqMDIP4ojF0pyL_8CGAyOsqFCvXKCck_JEqqTGyElEG8663nd2kiOG8o7v1GIxg&amp;upload_protocol=resumable</t>
  </si>
  <si>
    <t>rondinelesa@algartech.com;rosilenedlf@algartech.com;</t>
  </si>
  <si>
    <t>C:\Users\humbertoecj\Documents\Whirlpool\LinhaDigitavel\</t>
  </si>
  <si>
    <t>Registros 20092019.xlsx</t>
  </si>
  <si>
    <t>rondinelesa@algartech.com,rosilenedlf@algartech.com</t>
  </si>
  <si>
    <t>09/23/2019 16:43:51</t>
  </si>
  <si>
    <t>09/23/2019 16:47:34</t>
  </si>
  <si>
    <t>/o=exchangelabs/ou=exchange administrative group (fydibohf23spdlt)/cn=recipients/cn=12f856089fa149c09c72a7bf4b21882d-aron henriq;/o=exchangelabs/ou=exchange administrative group (fydibohf23spdlt)/cn=recipients/cn=190a5958c4ec4cf68e1e85c8dae802b2-elisangela;/o=exchangelabs/ou=exchange administrative group (fydibohf23spdlt)/cn=recipients/cn=68f0b0e85da24da0bef3b6b109ed099e-daliane soa;/o=exchangelabs/ou=exchange administrative group (fydibohf23spdlt)/cn=recipients/cn=e46cd96e8e9e452c8cc8ba65a6c4ec57-gustavo hen;</t>
  </si>
  <si>
    <t>RES: Descontos e Devoluções de Falta BH - Algar TECH.</t>
  </si>
  <si>
    <t>Planilha_de_Lancamentos_-_Proventos_e_Descontos RETORNO PRÉVIA 09-2019.xlsx</t>
  </si>
  <si>
    <t>/o=exchangelabs/ou=exchange administrative group (fydibohf23spdlt)/cn=recipients/cn=12f856089fa149c09c72a7bf4b21882d-aron henriq,/o=exchangelabs/ou=exchange administrative group (fydibohf23spdlt)/cn=recipients/cn=190a5958c4ec4cf68e1e85c8dae802b2-elisangela,/o=exchangelabs/ou=exchange administrative group (fydibohf23spdlt)/cn=recipients/cn=68f0b0e85da24da0bef3b6b109ed099e-daliane soa,/o=exchangelabs/ou=exchange administrative group (fydibohf23spdlt)/cn=recipients/cn=e46cd96e8e9e452c8cc8ba65a6c4ec57-gustavo hen</t>
  </si>
  <si>
    <t>09/23/2019 16:45:09</t>
  </si>
  <si>
    <t>09/23/2019 16:48:35</t>
  </si>
  <si>
    <t>/o=exchangelabs/ou=exchange administrative group (fydibohf23spdlt)/cn=recipients/cn=1c3bae1d5aab4c72b84516e819cd16c9-wilton paim;/o=exchangelabs/ou=exchange administrative group (fydibohf23spdlt)/cn=recipients/cn=26d35797a23841dda77608720c95f631-tiago dos r;/o=exchangelabs/ou=exchange administrative group (fydibohf23spdlt)/cn=recipients/cn=453253b247e84735a37b453eeacdb5fe-bruno palud;/o=exchangelabs/ou=exchange administrative group (fydibohf23spdlt)/cn=recipients/cn=545f738e0fe740ba856f4eb6ef0135e0-vinicius si;/o=exchangelabs/ou=exchange administrative group (fydibohf23spdlt)/cn=recipients/cn=7c23d82f769a474abb5d58fef27346e9-renan gusta;/o=exchangelabs/ou=exchange administrative group (fydibohf23spdlt)/cn=recipients/cn=a35622ae1b534401a6dd99bd801d1f97-marcos paul;/o=exchangelabs/ou=exchange administrative group (fydibohf23spdlt)/cn=recipients/cn=d052f9c9a4404e849e00b751758229a8-carlos dos;/o=exchangelabs/ou=exchange administrative group (fydibohf23spdlt)/cn=recipients/cn=e174366906884bd1b4d4c5ddfc8c9433-rodri</t>
  </si>
  <si>
    <t>/o=exchangelabs/ou=exchange administrative group (fydibohf23spdlt)/cn=recipients/cn=1c3bae1d5aab4c72b84516e819cd16c9-wilton paim,/o=exchangelabs/ou=exchange administrative group (fydibohf23spdlt)/cn=recipients/cn=26d35797a23841dda77608720c95f631-tiago dos r,/o=exchangelabs/ou=exchange administrative group (fydibohf23spdlt)/cn=recipients/cn=453253b247e84735a37b453eeacdb5fe-bruno palud,/o=exchangelabs/ou=exchange administrative group (fydibohf23spdlt)/cn=recipients/cn=545f738e0fe740ba856f4eb6ef0135e0-vinicius si,/o=exchangelabs/ou=exchange administrative group (fydibohf23spdlt)/cn=recipients/cn=7c23d82f769a474abb5d58fef27346e9-renan gusta,/o=exchangelabs/ou=exchange administrative group (fydibohf23spdlt)/cn=recipients/cn=a35622ae1b534401a6dd99bd801d1f97-marcos paul,/o=exchangelabs/ou=exchange administrative group (fydibohf23spdlt)/cn=recipients/cn=d052f9c9a4404e849e00b751758229a8-carlos dos,/o=exchangelabs/ou=exchange administrative group (fydibohf23spdlt)/cn=recipients/cn=e174366906884bd1b4d4c5ddfc8c9433-rodri</t>
  </si>
  <si>
    <t>09/23/2019 16:44:37</t>
  </si>
  <si>
    <t>09/23/2019 16:45:04</t>
  </si>
  <si>
    <t>/o=exchangelabs/ou=exchange administrative group (fydibohf23spdlt)/cn=recipients/cn=1e212ef08dab4f26b88cba944f2ab7cb-pmo.governa;/o=exchangelabs/ou=exchange administrative group (fydibohf23spdlt)/cn=recipients/cn=56c2af2d07fd48c0aebfc00ddc006494-alessio rod;/o=exchangelabs/ou=exchange administrative group (fydibohf23spdlt)/cn=recipients/cn=65d35bc38c6743d7a55b3ae9726a5893-diego ribei;/o=exchangelabs/ou=exchange administrative group (fydibohf23spdlt)/cn=recipients/cn=7cc366be59b94ae0b0eb89a952acf58b-valeria sev;/o=exchangelabs/ou=exchange administrative group (fydibohf23spdlt)/cn=recipients/cn=8a0784ccebb14202a66b1b8f3a285b61-thais de al;/o=exchangelabs/ou=exchange administrative group (fydibohf23spdlt)/cn=recipients/cn=b3ad8a638fcc4c57bf8c7953dd4b3cb8-augusto ces;/o=exchangelabs/ou=exchange administrative group (fydibohf23spdlt)/cn=recipients/cn=c32cee7d339f4e7fab5beda7be171cc0-priscila ca;/o=exchangelabs/ou=exchange administrative group (fydibohf23spdlt)/cn=recipients/cn=e3778f57d65f4c17a6287602f9eb0cdc-ales</t>
  </si>
  <si>
    <t>ATEC-2019-0024-015 - Aumento 7 PA’s Yahsat</t>
  </si>
  <si>
    <t>DI - ATEC-2019-0024-015.xlsx</t>
  </si>
  <si>
    <t>/o=exchangelabs/ou=exchange administrative group (fydibohf23spdlt)/cn=recipients/cn=1e212ef08dab4f26b88cba944f2ab7cb-pmo.governa,/o=exchangelabs/ou=exchange administrative group (fydibohf23spdlt)/cn=recipients/cn=56c2af2d07fd48c0aebfc00ddc006494-alessio rod,/o=exchangelabs/ou=exchange administrative group (fydibohf23spdlt)/cn=recipients/cn=65d35bc38c6743d7a55b3ae9726a5893-diego ribei,/o=exchangelabs/ou=exchange administrative group (fydibohf23spdlt)/cn=recipients/cn=7cc366be59b94ae0b0eb89a952acf58b-valeria sev,/o=exchangelabs/ou=exchange administrative group (fydibohf23spdlt)/cn=recipients/cn=8a0784ccebb14202a66b1b8f3a285b61-thais de al,/o=exchangelabs/ou=exchange administrative group (fydibohf23spdlt)/cn=recipients/cn=b3ad8a638fcc4c57bf8c7953dd4b3cb8-augusto ces,/o=exchangelabs/ou=exchange administrative group (fydibohf23spdlt)/cn=recipients/cn=c32cee7d339f4e7fab5beda7be171cc0-priscila ca,/o=exchangelabs/ou=exchange administrative group (fydibohf23spdlt)/cn=recipients/cn=e3778f57d65f4c17a6287602f9eb0cdc-ales</t>
  </si>
  <si>
    <t>10.200.35.179</t>
  </si>
  <si>
    <t>10-1F-74-EC-4F-34</t>
  </si>
  <si>
    <t>NB-JULIANA</t>
  </si>
  <si>
    <t>julianarcda</t>
  </si>
  <si>
    <t>JULIANA RAMOS CARDOSO DE ALMEIDA</t>
  </si>
  <si>
    <t>vilacar@a100dco.com;</t>
  </si>
  <si>
    <t>**RESTRITO Lista de acessos A100</t>
  </si>
  <si>
    <t>Relatorio Cliente A100. 23-09-2019..xls .xlsx</t>
  </si>
  <si>
    <t>vilacar@a100dco.com</t>
  </si>
  <si>
    <t>09/23/2019 16:46:59</t>
  </si>
  <si>
    <t>09/23/2019 16:49:34</t>
  </si>
  <si>
    <t>10.200.57.60</t>
  </si>
  <si>
    <t>64-1C-67-9C-32-42</t>
  </si>
  <si>
    <t>NB-PEDROHMA</t>
  </si>
  <si>
    <t>pedrohma</t>
  </si>
  <si>
    <t>Pedro Henrique Miranda Araujo</t>
  </si>
  <si>
    <t>/o=exchangelabs/ou=exchange administrative group (fydibohf23spdlt)/cn=recipients/cn=59e2d42e513e4613a23971f0060032ed-gabriel ale;lorrany.bianca@bradesco.com.br;</t>
  </si>
  <si>
    <t>Sugestão Forecast Dezembro - Cerrado</t>
  </si>
  <si>
    <t>12 - VALIDAÇÃO FORECAST - DEZ 90 dias - Oficial.xlsx</t>
  </si>
  <si>
    <t>/o=exchangelabs/ou=exchange administrative group (fydibohf23spdlt)/cn=recipients/cn=59e2d42e513e4613a23971f0060032ed-gabriel ale,lorrany.bianca@bradesco.com.br</t>
  </si>
  <si>
    <t>09/23/2019 16:46:53</t>
  </si>
  <si>
    <t>09/23/2019 16:51:34</t>
  </si>
  <si>
    <t>COORD GERAL TI</t>
  </si>
  <si>
    <t>10.201.30.68</t>
  </si>
  <si>
    <t>AC-7B-A1-A2-52-24</t>
  </si>
  <si>
    <t>NB-GABRIELJST</t>
  </si>
  <si>
    <t>gabrieljst</t>
  </si>
  <si>
    <t>Gabriel Jose Storti</t>
  </si>
  <si>
    <t>cinthiamf@algartech.com;</t>
  </si>
  <si>
    <t>ENC: Usuários A100 ROW</t>
  </si>
  <si>
    <t>Lista_A100 ROW correto.xlsx</t>
  </si>
  <si>
    <t>cinthiamf@algartech.com</t>
  </si>
  <si>
    <t>09/23/2019 16:49:48</t>
  </si>
  <si>
    <t>09/23/2019 16:53:34</t>
  </si>
  <si>
    <t>ATECs</t>
  </si>
  <si>
    <t>ATEC-2019-0024-015 - Aumento 7 PAs Yahsat.msg\s1\</t>
  </si>
  <si>
    <t>09/23/2019 16:50:34</t>
  </si>
  <si>
    <t>10.200.35.218</t>
  </si>
  <si>
    <t>54-BF-64-F5-7E-46</t>
  </si>
  <si>
    <t>NB-ALEFL</t>
  </si>
  <si>
    <t>alefl</t>
  </si>
  <si>
    <t>alefl@algartech.com</t>
  </si>
  <si>
    <t>\\acsfs\DEPTOS\TI Corporativa\07 - SGSI\02-Equipe-SI\Alef Lima\Auditoria OU restrito\</t>
  </si>
  <si>
    <t>Desktops.csv</t>
  </si>
  <si>
    <t>09/23/2019 16:49:25</t>
  </si>
  <si>
    <t>09/23/2019 16:54:35</t>
  </si>
  <si>
    <t>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b194f014572c4c36b52132f9199df1aa-jairo junio;/o=exchangelabs/ou=exchange administrative group (fydibohf23spdlt)/cn=recipients/cn=e5dfe65308934e02acfffcb2185133f4-daniel bier;</t>
  </si>
  <si>
    <t>ENC: ID 199274 - IBM - Renovação</t>
  </si>
  <si>
    <t>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b194f014572c4c36b52132f9199df1aa-jairo junio,/o=exchangelabs/ou=exchange administrative group (fydibohf23spdlt)/cn=recipients/cn=e5dfe65308934e02acfffcb2185133f4-daniel bier</t>
  </si>
  <si>
    <t>09/23/2019 16:50:17</t>
  </si>
  <si>
    <t>09/23/2019 16:55:34</t>
  </si>
  <si>
    <t>crcevmc@algartech.com.br;</t>
  </si>
  <si>
    <t>RES: Emissão Cartões Fundação e Instituto Boticario CRM:000560004321</t>
  </si>
  <si>
    <t>FUNDACAO GRUPO BOTICARIO DE PROTECAO A NATUREZA.xlsx</t>
  </si>
  <si>
    <t>crcevmc@algartech.com.br</t>
  </si>
  <si>
    <t>09/23/2019 16:52:44</t>
  </si>
  <si>
    <t>09/23/2019 16:57:34</t>
  </si>
  <si>
    <t>C:\Users\marcospr\OneDrive - Grupo Algar\13 - Demandas Críticas WHP\BASE DE ACIONAMENTOS\</t>
  </si>
  <si>
    <t>08 - Acionamentos Junho + Sac Ecenter (URA Consolidado).xlsx</t>
  </si>
  <si>
    <t>09/23/2019 16:52:59</t>
  </si>
  <si>
    <t>C:\Users\marcospr\OneDrive - Grupo Algar\13 - Demandas Críticas WHP\ENVIO NS OPERAÇÕES WHATS\</t>
  </si>
  <si>
    <t>ATUALIZAR com SERV.xlsm</t>
  </si>
  <si>
    <t>09/23/2019 16:53:00</t>
  </si>
  <si>
    <t>AcompanhamentoOnlineCategorizacoes DIA.xlsm</t>
  </si>
  <si>
    <t>C:\Users\marcospr\OneDrive - Grupo Algar\13 - Demandas Críticas WHP\FECHAMENTO DE INDICADORES DO INCENTIVO\</t>
  </si>
  <si>
    <t>EFETIVIDADE ATIVO CC.xlsx</t>
  </si>
  <si>
    <t>Base BI.xls</t>
  </si>
  <si>
    <t>09/23/2019 16:53:02</t>
  </si>
  <si>
    <t>C:\Users\marcospr\OneDrive - Grupo Algar\13 - Demandas Críticas WHP\CRIAR IMPORTAR MAILING\RAF\</t>
  </si>
  <si>
    <t>Produtividade RAF - Set-2019 - Parcial - Visão Ho Hana.xlsm</t>
  </si>
  <si>
    <t>09/23/2019 16:53:32</t>
  </si>
  <si>
    <t>C:\Users\marcospr\OneDrive - Grupo Algar\13 - Demandas Críticas WHP\CRIAR IMPORTAR MAILING\NPS\</t>
  </si>
  <si>
    <t>Acompanhamento NPS - Set-2019 - Parcial - 22-09-19.xlsm</t>
  </si>
  <si>
    <t>09/23/2019 16:53:40</t>
  </si>
  <si>
    <t>TRABALHADOS ATIVO CC.xlsx</t>
  </si>
  <si>
    <t>09/23/2019 16:53:46</t>
  </si>
  <si>
    <t>TRABALHADOS MKT PLACE.xlsx</t>
  </si>
  <si>
    <t>09/23/2019 16:53:51</t>
  </si>
  <si>
    <t>TRABALHADOS - SLA BKO.xlsx</t>
  </si>
  <si>
    <t>09/23/2019 16:53:55</t>
  </si>
  <si>
    <t>RETENÇÃO MKTPLACE.xlsx</t>
  </si>
  <si>
    <t>09/23/2019 16:54:00</t>
  </si>
  <si>
    <t>C:\Users\marcospr\OneDrive - Grupo Algar\13 - Demandas Críticas WHP\PRODUTIVIDADE MARKETPLACE\</t>
  </si>
  <si>
    <t>07 - Produtividade MarketPlace.xlsx</t>
  </si>
  <si>
    <t>09/23/2019 16:54:07</t>
  </si>
  <si>
    <t>C:\Users\marcospr\OneDrive - Grupo Algar\13 - Demandas Críticas WHP\PRODUTIVIDADE BACKOFFICE\</t>
  </si>
  <si>
    <t>08 - Produtividade BKO Compra Certa.xlsx</t>
  </si>
  <si>
    <t>09/23/2019 16:54:30</t>
  </si>
  <si>
    <t>C:\Users\marcospr\OneDrive - Grupo Algar\13 - Demandas Críticas WHP\RELATÓRIO URA CONFIRMAÇÃO\</t>
  </si>
  <si>
    <t>Acompanhamento URA Ativa - 201906_v3.xlsm</t>
  </si>
  <si>
    <t>09/23/2019 16:56:54</t>
  </si>
  <si>
    <t>09/23/2019 17:00:34</t>
  </si>
  <si>
    <t>/o=exchangelabs/ou=exchange administrative group (fydibohf23spdlt)/cn=recipients/cn=7903c13fa0504ff0bc7dd2644020b0e8-mirna prado;/o=exchangelabs/ou=exchange administrative group (fydibohf23spdlt)/cn=recipients/cn=c22b2d8de1594760baec681322c0933f-fernanda ma;/o=exchangelabs/ou=exchange administrative group (fydibohf23spdlt)/cn=recipients/cn=e174366906884bd1b4d4c5ddfc8c9433-rodrigo men;</t>
  </si>
  <si>
    <t>ENC: Hangouts Contrato</t>
  </si>
  <si>
    <t>Indicadores Algar - Versão Final ECH.xlsx</t>
  </si>
  <si>
    <t>/o=exchangelabs/ou=exchange administrative group (fydibohf23spdlt)/cn=recipients/cn=7903c13fa0504ff0bc7dd2644020b0e8-mirna prado,/o=exchangelabs/ou=exchange administrative group (fydibohf23spdlt)/cn=recipients/cn=c22b2d8de1594760baec681322c0933f-fernanda ma,/o=exchangelabs/ou=exchange administrative group (fydibohf23spdlt)/cn=recipients/cn=e174366906884bd1b4d4c5ddfc8c9433-rodrigo men</t>
  </si>
  <si>
    <t>09/23/2019 16:57:20</t>
  </si>
  <si>
    <t>09/23/2019 17:02:34</t>
  </si>
  <si>
    <t>Tiago Dos Reis De Paula Ferreira</t>
  </si>
  <si>
    <t>/o=exchangelabs/ou=exchange administrative group (fydibohf23spdlt)/cn=recipients/cn=c22b2d8de1594760baec681322c0933f-fernanda ma;</t>
  </si>
  <si>
    <t>ENC: Novas Regras Acionamento ATIVO MP</t>
  </si>
  <si>
    <t>Novas Regras Priorização Mailing.xls</t>
  </si>
  <si>
    <t>/o=exchangelabs/ou=exchange administrative group (fydibohf23spdlt)/cn=recipients/cn=c22b2d8de1594760baec681322c0933f-fernanda ma</t>
  </si>
  <si>
    <t>09/23/2019 17:02:08</t>
  </si>
  <si>
    <t>09/23/2019 17:07:34</t>
  </si>
  <si>
    <t>/o=exchangelabs/ou=exchange administrative group (fydibohf23spdlt)/cn=recipients/cn=5ab64dc5178e4d66aadc5f660807b2c3-andre gomes;/o=exchangelabs/ou=exchange administrative group (fydibohf23spdlt)/cn=recipients/cn=9c71bc5f5a3648bbbb5f6bedb86e15a6-marcelo buz;/o=exchangelabs/ou=exchange administrative group (fydibohf23spdlt)/cn=recipients/cn=b36412a54b154c07b0a876537a78fce8-jheniffer g;/o=exchangelabs/ou=exchange administrative group (fydibohf23spdlt)/cn=recipients/cn=ee68a2a53024446789dc480aef9c7a7c-joao gabrie;</t>
  </si>
  <si>
    <t>RES: URGENTE: PTH Férias</t>
  </si>
  <si>
    <t>Férias 2 (006).xlsx</t>
  </si>
  <si>
    <t>/o=exchangelabs/ou=exchange administrative group (fydibohf23spdlt)/cn=recipients/cn=5ab64dc5178e4d66aadc5f660807b2c3-andre gomes,/o=exchangelabs/ou=exchange administrative group (fydibohf23spdlt)/cn=recipients/cn=9c71bc5f5a3648bbbb5f6bedb86e15a6-marcelo buz,/o=exchangelabs/ou=exchange administrative group (fydibohf23spdlt)/cn=recipients/cn=b36412a54b154c07b0a876537a78fce8-jheniffer g,/o=exchangelabs/ou=exchange administrative group (fydibohf23spdlt)/cn=recipients/cn=ee68a2a53024446789dc480aef9c7a7c-joao gabrie</t>
  </si>
  <si>
    <t>09/23/2019 17:03:23</t>
  </si>
  <si>
    <t>09/23/2019 17:08:35</t>
  </si>
  <si>
    <t>10.200.60.121</t>
  </si>
  <si>
    <t>20-04-0F-FE-45-0E</t>
  </si>
  <si>
    <t>NB-RAFAELAAS</t>
  </si>
  <si>
    <t>rafaelaas</t>
  </si>
  <si>
    <t>C:\Users\rafaelaas\Desktop\Apresentação - Produtos Financeiros Set 19.pptx\</t>
  </si>
  <si>
    <t>09/23/2019 17:04:27</t>
  </si>
  <si>
    <t>10.200.61.26</t>
  </si>
  <si>
    <t>18-66-DA-FE-9C-20</t>
  </si>
  <si>
    <t>NB-MURILOEGA</t>
  </si>
  <si>
    <t>muriloega</t>
  </si>
  <si>
    <t>Murilo Eduardo Guimaraes de Azevedo</t>
  </si>
  <si>
    <t>/o=exchangelabs/ou=exchange administrative group (fydibohf23spdlt)/cn=recipients/cn=c08089b92f0643f18c949cb099a06593-tamara luis;/o=exchangelabs/ou=exchange administrative group (fydibohf23spdlt)/cn=recipients/cn=c29ec9dae022497281c840087cccddec-patricia ar;/o=exchangelabs/ou=exchange administrative group (fydibohf23spdlt)/cn=recipients/cn=f545a323f3be43dbbabfeb25fc86516a-rafael melv;</t>
  </si>
  <si>
    <t>RES: Planejamento de recursos</t>
  </si>
  <si>
    <t>Resumo dimensionamento Electrolux_Revisão 20092019.xlsx</t>
  </si>
  <si>
    <t>/o=exchangelabs/ou=exchange administrative group (fydibohf23spdlt)/cn=recipients/cn=c08089b92f0643f18c949cb099a06593-tamara luis,/o=exchangelabs/ou=exchange administrative group (fydibohf23spdlt)/cn=recipients/cn=c29ec9dae022497281c840087cccddec-patricia ar,/o=exchangelabs/ou=exchange administrative group (fydibohf23spdlt)/cn=recipients/cn=f545a323f3be43dbbabfeb25fc86516a-rafael melv</t>
  </si>
  <si>
    <t>09/23/2019 17:05:40</t>
  </si>
  <si>
    <t>09/23/2019 17:10:35</t>
  </si>
  <si>
    <t>09/23/2019 14:54:40</t>
  </si>
  <si>
    <t>09/23/2019 17:11:34</t>
  </si>
  <si>
    <t>Douglas Silverio Pinto</t>
  </si>
  <si>
    <t>nilsiosc@algartech.com;</t>
  </si>
  <si>
    <t>ENC: Orçamento - Exames</t>
  </si>
  <si>
    <t>SESMT_v2.xlsx</t>
  </si>
  <si>
    <t>nilsiosc@algartech.com</t>
  </si>
  <si>
    <t>09/23/2019 17:12:17</t>
  </si>
  <si>
    <t>09/23/2019 17:14:35</t>
  </si>
  <si>
    <t>199274_IBM_v5_Bodyshop_MULTI_(C017_B0171 - rev6.xlsb</t>
  </si>
  <si>
    <t>09/23/2019 17:12:45</t>
  </si>
  <si>
    <t>09/23/2019 17:16:35</t>
  </si>
  <si>
    <t>PMO - STATUS DE GOVERNANÇA - Relacionamento de Cartoes BV - 20190917_v1.pptx\</t>
  </si>
  <si>
    <t>09/23/2019 17:11:45</t>
  </si>
  <si>
    <t>09/23/2019 17:17:35</t>
  </si>
  <si>
    <t>/o=exchangelabs/ou=exchange administrative group (fydibohf23spdlt)/cn=recipients/cn=e174366906884bd1b4d4c5ddfc8c9433-rodrigo men;</t>
  </si>
  <si>
    <t>ENC: Hangouts Contrato - Indicadores Contratos e memória cáculo</t>
  </si>
  <si>
    <t>/o=exchangelabs/ou=exchange administrative group (fydibohf23spdlt)/cn=recipients/cn=e174366906884bd1b4d4c5ddfc8c9433-rodrigo men</t>
  </si>
  <si>
    <t>09/23/2019 17:18:04</t>
  </si>
  <si>
    <t>09/23/2019 17:20:35</t>
  </si>
  <si>
    <t>Ricardo Soares Assuncao</t>
  </si>
  <si>
    <t>/o=exchangelabs/ou=exchange administrative group (fydibohf23spdlt)/cn=recipients/cn=3ebfd8bc89214470b46429d52658d70f-pricyla apa;/o=exchangelabs/ou=exchange administrative group (fydibohf23spdlt)/cn=recipients/cn=3fb6ab7b213844aaa9f4b7b177d40270-diogo rober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97bf0b4d6b424f9fbf91192510276150-renata de o;/o=exchangelabs/ou=exchange administrative group (fydibohf23spdlt)/cn=recipients/cn=9a65d8734c444cbc8372a614d17d98e1-lucia maalo;/o=exchangelabs/ou=exchange administrative group (fydibohf23spdlt)/cn=recipients/cn=9ec15fdf8a374c6f80ea1bf33684216e-roberta alv;/o=exchangelabs/ou=exchange administrative group (fydibohf23spdlt)/cn=recipients/cn=fa51c9d13bf64a65807f2e4860c880b0-cami</t>
  </si>
  <si>
    <t>RES: ID - 199279 - Banco de Tokyo Job Description</t>
  </si>
  <si>
    <t>/o=exchangelabs/ou=exchange administrative group (fydibohf23spdlt)/cn=recipients/cn=3ebfd8bc89214470b46429d52658d70f-pricyla apa,/o=exchangelabs/ou=exchange administrative group (fydibohf23spdlt)/cn=recipients/cn=3fb6ab7b213844aaa9f4b7b177d40270-diogo rober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97bf0b4d6b424f9fbf91192510276150-renata de o,/o=exchangelabs/ou=exchange administrative group (fydibohf23spdlt)/cn=recipients/cn=9a65d8734c444cbc8372a614d17d98e1-lucia maalo,/o=exchangelabs/ou=exchange administrative group (fydibohf23spdlt)/cn=recipients/cn=9ec15fdf8a374c6f80ea1bf33684216e-roberta alv,/o=exchangelabs/ou=exchange administrative group (fydibohf23spdlt)/cn=recipients/cn=fa51c9d13bf64a65807f2e4860c880b0-cami</t>
  </si>
  <si>
    <t>09/23/2019 17:20:56</t>
  </si>
  <si>
    <t>09/23/2019 17:21:35</t>
  </si>
  <si>
    <t>10.200.58.123</t>
  </si>
  <si>
    <t>64-1C-67-9C-54-15</t>
  </si>
  <si>
    <t>NB-MATHEUSMP</t>
  </si>
  <si>
    <t>matheusmpm</t>
  </si>
  <si>
    <t>Matheus Moreira Pellicani Marques</t>
  </si>
  <si>
    <t>/o=exchangelabs/ou=exchange administrative group (fydibohf23spdlt)/cn=recipients/cn=57b3e0724b2344fcbd88f738d223dd7a-leticia bor;/o=exchangelabs/ou=exchange administrative group (fydibohf23spdlt)/cn=recipients/cn=d54ee4de981948cf993ae0c9e1a3aecc-andrea regi;/o=exchangelabs/ou=exchange administrative group (fydibohf23spdlt)/cn=recipients/cn=ed2578a7fad746b59b0f586e2ee82bbd-heliel de f;</t>
  </si>
  <si>
    <t>Aplicação PMR</t>
  </si>
  <si>
    <t>RECEBIMENTOS_OFICIAL_v1.xlsb</t>
  </si>
  <si>
    <t>/o=exchangelabs/ou=exchange administrative group (fydibohf23spdlt)/cn=recipients/cn=57b3e0724b2344fcbd88f738d223dd7a-leticia bor,/o=exchangelabs/ou=exchange administrative group (fydibohf23spdlt)/cn=recipients/cn=d54ee4de981948cf993ae0c9e1a3aecc-andrea regi,/o=exchangelabs/ou=exchange administrative group (fydibohf23spdlt)/cn=recipients/cn=ed2578a7fad746b59b0f586e2ee82bbd-heliel de f</t>
  </si>
  <si>
    <t>09/23/2019 17:21:55</t>
  </si>
  <si>
    <t>09/23/2019 17:25:35</t>
  </si>
  <si>
    <t>10.200.61.34</t>
  </si>
  <si>
    <t>54-BF-64-F5-81-7C</t>
  </si>
  <si>
    <t>/o=exchangelabs/ou=exchange administrative group (fydibohf23spdlt)/cn=recipients/cn=2d3379e2d04c40db810b4b1f41dd2aea-erica carol;/o=exchangelabs/ou=exchange administrative group (fydibohf23spdlt)/cn=recipients/cn=65f2464c9a2e4d2981cae7124572133d-cristiane c;</t>
  </si>
  <si>
    <t>recuperacoes de custo pessoal</t>
  </si>
  <si>
    <t>Recuperação de Custo_2020_Erica Carolina.xlsx</t>
  </si>
  <si>
    <t>/o=exchangelabs/ou=exchange administrative group (fydibohf23spdlt)/cn=recipients/cn=2d3379e2d04c40db810b4b1f41dd2aea-erica carol,/o=exchangelabs/ou=exchange administrative group (fydibohf23spdlt)/cn=recipients/cn=65f2464c9a2e4d2981cae7124572133d-cristiane c</t>
  </si>
  <si>
    <t>09/23/2019 17:20:48</t>
  </si>
  <si>
    <t>09/23/2019 17:26:35</t>
  </si>
  <si>
    <t>10.200.60.59</t>
  </si>
  <si>
    <t>FC-01-7C-B3-B9-FF</t>
  </si>
  <si>
    <t>NB-FABIANACSC</t>
  </si>
  <si>
    <t>fabianacscg</t>
  </si>
  <si>
    <t>Fabiana Caroline Silva Canedo Guimaraes</t>
  </si>
  <si>
    <t>/o=exchangelabs/ou=exchange administrative group (fydibohf23spdlt)/cn=recipients/cn=78e530b5e3244cc1a89eba7f7b0af42f-marco tulio;</t>
  </si>
  <si>
    <t>ENC: Associados não Aderentes _Academia da Excelencia - Algar Tech</t>
  </si>
  <si>
    <t>Lista não aderentes Academia_Tech.xlsx</t>
  </si>
  <si>
    <t>/o=exchangelabs/ou=exchange administrative group (fydibohf23spdlt)/cn=recipients/cn=78e530b5e3244cc1a89eba7f7b0af42f-marco tulio</t>
  </si>
  <si>
    <t>09/23/2019 17:22:39</t>
  </si>
  <si>
    <t>09/23/2019 17:27:35</t>
  </si>
  <si>
    <t>/o=exchangelabs/ou=exchange administrative group (fydibohf23spdlt)/cn=recipients/cn=4f1c81c2e16143f68596016ac3b45ef1-gustavo dam;/o=exchangelabs/ou=exchange administrative group (fydibohf23spdlt)/cn=recipients/cn=c492b691dff246198e997a7bfe50c15a-joao pedro;/o=exchangelabs/ou=exchange administrative group (fydibohf23spdlt)/cn=recipients/cn=db4783aa152745d2a683beb0f57fe5d4-rai carlos;/o=exchangelabs/ou=exchange administrative group (fydibohf23spdlt)/cn=recipients/cn=user8e89d2d7;</t>
  </si>
  <si>
    <t>ENC: Saldo a vencer banco de horas - Setembro - Minas Gerais</t>
  </si>
  <si>
    <t>saldo a vencer banco horas minas gerais setembro 23.xls</t>
  </si>
  <si>
    <t>/o=exchangelabs/ou=exchange administrative group (fydibohf23spdlt)/cn=recipients/cn=4f1c81c2e16143f68596016ac3b45ef1-gustavo dam,/o=exchangelabs/ou=exchange administrative group (fydibohf23spdlt)/cn=recipients/cn=c492b691dff246198e997a7bfe50c15a-joao pedro,/o=exchangelabs/ou=exchange administrative group (fydibohf23spdlt)/cn=recipients/cn=db4783aa152745d2a683beb0f57fe5d4-rai carlos,/o=exchangelabs/ou=exchange administrative group (fydibohf23spdlt)/cn=recipients/cn=user8e89d2d7</t>
  </si>
  <si>
    <t>09/23/2019 17:29:18</t>
  </si>
  <si>
    <t>09/23/2019 17:32:35</t>
  </si>
  <si>
    <t>/o=exchangelabs/ou=exchange administrative group (fydibohf23spdlt)/cn=recipients/cn=1e45e12566d4418ba0325de92fea64a4-akassia bez;</t>
  </si>
  <si>
    <t>ENC: RELATÓRIO FATURAMENTO 01.09.2019 A 22.09.2019.xlsx</t>
  </si>
  <si>
    <t>/o=exchangelabs/ou=exchange administrative group (fydibohf23spdlt)/cn=recipients/cn=1e45e12566d4418ba0325de92fea64a4-akassia bez</t>
  </si>
  <si>
    <t>09/23/2019 17:28:54</t>
  </si>
  <si>
    <t>maxwell@quilleconsultoria.com.br;</t>
  </si>
  <si>
    <t>Whirlpool - MP.xlsx</t>
  </si>
  <si>
    <t>maxwell@quilleconsultoria.com.br</t>
  </si>
  <si>
    <t>09/23/2019 17:29:02</t>
  </si>
  <si>
    <t>C:\Users\marcospr\OneDrive - Grupo Algar\</t>
  </si>
  <si>
    <t>Levantamento de Reports Whirlpool.xlsx</t>
  </si>
  <si>
    <t>09/23/2019 17:29:52</t>
  </si>
  <si>
    <t>09/23/2019 17:35:35</t>
  </si>
  <si>
    <t>10.211.2.138</t>
  </si>
  <si>
    <t>FC-01-7C-B3-C0-23</t>
  </si>
  <si>
    <t>NB-NADIAG</t>
  </si>
  <si>
    <t>nadiagds</t>
  </si>
  <si>
    <t>https://isd1.algar.tech/bot/upload-intencao/</t>
  </si>
  <si>
    <t>C:\Users\nadiagds\OneDrive - Grupo Algar\Mesa Digital\ISD_Análise\Projeto ISD - EVEN\00. Material de Apoio\</t>
  </si>
  <si>
    <t>intencoes8_5d892b11e96245d892b11e9673.csv</t>
  </si>
  <si>
    <t>09/23/2019 17:08:03</t>
  </si>
  <si>
    <t>09/23/2019 17:38:35</t>
  </si>
  <si>
    <t>10.200.61.12</t>
  </si>
  <si>
    <t>5C-EA-1D-CF-BF-01</t>
  </si>
  <si>
    <t>Hugo de Oliveira Camargo</t>
  </si>
  <si>
    <t>/o=exchangelabs/ou=exchange administrative group (fydibohf23spdlt)/cn=recipients/cn=b1d771656e5d46709d93295f07966125-pedro henri;</t>
  </si>
  <si>
    <t>Lista Inconsistência</t>
  </si>
  <si>
    <t>data (4).xlsx</t>
  </si>
  <si>
    <t>/o=exchangelabs/ou=exchange administrative group (fydibohf23spdlt)/cn=recipients/cn=b1d771656e5d46709d93295f07966125-pedro henri</t>
  </si>
  <si>
    <t>09/23/2019 17:37:13</t>
  </si>
  <si>
    <t>09/23/2019 17:39:35</t>
  </si>
  <si>
    <t>10.200.57.101</t>
  </si>
  <si>
    <t>34-E6-D7-FC-B8-DB</t>
  </si>
  <si>
    <t>OUVIDORIA-03</t>
  </si>
  <si>
    <t>t-bruniarspg</t>
  </si>
  <si>
    <t>Brunia Rogeria de Souza Pires Garcez</t>
  </si>
  <si>
    <t>/o=exchangelabs/ou=exchange administrative group (fydibohf23spdlt)/cn=recipients/cn=2bb8735ef00b4b71afddc6e7d9f8c0aa-ouvidoria;</t>
  </si>
  <si>
    <t>Acompanhamento</t>
  </si>
  <si>
    <t>Farol_ Ouvidoria_Acompanhamento_23092019.xlsx</t>
  </si>
  <si>
    <t>/o=exchangelabs/ou=exchange administrative group (fydibohf23spdlt)/cn=recipients/cn=2bb8735ef00b4b71afddc6e7d9f8c0aa-ouvidoria</t>
  </si>
  <si>
    <t>09/23/2019 17:40:41</t>
  </si>
  <si>
    <t>09/23/2019 17:44:35</t>
  </si>
  <si>
    <t>/o=exchangelabs/ou=exchange administrative group (fydibohf23spdlt)/cn=recipients/cn=32fe8a14424941da83c2bf35a8a5709e-fabiana car;/o=exchangelabs/ou=exchange administrative group (fydibohf23spdlt)/cn=recipients/cn=430b7fc0ccfe4728933af1b3039c7e24-marcus gome;/o=exchangelabs/ou=exchange administrative group (fydibohf23spdlt)/cn=recipients/cn=f681a87682ec4eb3b3dfa2503f9869d3-filipe rese;</t>
  </si>
  <si>
    <t>/o=exchangelabs/ou=exchange administrative group (fydibohf23spdlt)/cn=recipients/cn=32fe8a14424941da83c2bf35a8a5709e-fabiana car,/o=exchangelabs/ou=exchange administrative group (fydibohf23spdlt)/cn=recipients/cn=430b7fc0ccfe4728933af1b3039c7e24-marcus gome,/o=exchangelabs/ou=exchange administrative group (fydibohf23spdlt)/cn=recipients/cn=f681a87682ec4eb3b3dfa2503f9869d3-filipe rese</t>
  </si>
  <si>
    <t>09/23/2019 17:43:23</t>
  </si>
  <si>
    <t>09/23/2019 17:45:35</t>
  </si>
  <si>
    <t>10.200.32.202</t>
  </si>
  <si>
    <t>54-BF-64-F5-7E-74</t>
  </si>
  <si>
    <t>NB-LUCASFB</t>
  </si>
  <si>
    <t>lucasfbr</t>
  </si>
  <si>
    <t>C:\Users\lucasfbr\Grupo Algar\Gerenciamento da Configuração - Documentos\Licenciamento\PROJETO GOOGLE G SUITE\IMPLANTAÇÃO\GSUITE\Early Adopters\</t>
  </si>
  <si>
    <t>Lista Elegíveis - GSuite.xlsx</t>
  </si>
  <si>
    <t>09/23/2019 17:44:05</t>
  </si>
  <si>
    <t>09/23/2019 17:43:22</t>
  </si>
  <si>
    <t>09/23/2019 17:46:35</t>
  </si>
  <si>
    <t>10.200.61.57</t>
  </si>
  <si>
    <t>FC-01-7C-B3-BA-01</t>
  </si>
  <si>
    <t>NB-MATEUSMS</t>
  </si>
  <si>
    <t>mateusms</t>
  </si>
  <si>
    <t>Mateus Malaquias Silva</t>
  </si>
  <si>
    <t>/o=exchangelabs/ou=exchange administrative group (fydibohf23spdlt)/cn=recipients/cn=1fbcd60c36f14b1cae70e747a3f94b5d-catiana lou;/o=exchangelabs/ou=exchange administrative group (fydibohf23spdlt)/cn=recipients/cn=2abd653b249741f0aaab575ad2f855a3-tayse ianda;/o=exchangelabs/ou=exchange administrative group (fydibohf23spdlt)/cn=recipients/cn=e6e28e2646d74f638943c02afdaa6d1e-luciana rod;</t>
  </si>
  <si>
    <t>RES: URGENTE - Análise de Avos de Férias</t>
  </si>
  <si>
    <t>FÉRIAS OFICIAL Lorraine enviado em 16 de agosto.xlsx</t>
  </si>
  <si>
    <t>/o=exchangelabs/ou=exchange administrative group (fydibohf23spdlt)/cn=recipients/cn=1fbcd60c36f14b1cae70e747a3f94b5d-catiana lou,/o=exchangelabs/ou=exchange administrative group (fydibohf23spdlt)/cn=recipients/cn=2abd653b249741f0aaab575ad2f855a3-tayse ianda,/o=exchangelabs/ou=exchange administrative group (fydibohf23spdlt)/cn=recipients/cn=e6e28e2646d74f638943c02afdaa6d1e-luciana rod</t>
  </si>
  <si>
    <t>09/23/2019 17:42:50</t>
  </si>
  <si>
    <t>09/23/2019 17:47:36</t>
  </si>
  <si>
    <t>10.16.72.101</t>
  </si>
  <si>
    <t>54-BF-64-F6-7C-90</t>
  </si>
  <si>
    <t>NB-PAULOCRUZ</t>
  </si>
  <si>
    <t>pauloscr</t>
  </si>
  <si>
    <t>Paulo Sergio da Cruz</t>
  </si>
  <si>
    <t>/o=exchangelabs/ou=exchange administrative group (fydibohf23spdlt)/cn=recipients/cn=02b715e2a3c744dbab0f4054efc9d2d2-raquel corr;/o=exchangelabs/ou=exchange administrative group (fydibohf23spdlt)/cn=recipients/cn=cd93dacc38404a95a829585c2e317a9f-dionizio ri;/o=exchangelabs/ou=exchange administrative group (fydibohf23spdlt)/cn=recipients/cn=user12c3790d;</t>
  </si>
  <si>
    <t>RES: PPT Desmobilização BBN + Fiber SP</t>
  </si>
  <si>
    <t>Pasta1.xls</t>
  </si>
  <si>
    <t>/o=exchangelabs/ou=exchange administrative group (fydibohf23spdlt)/cn=recipients/cn=02b715e2a3c744dbab0f4054efc9d2d2-raquel corr,/o=exchangelabs/ou=exchange administrative group (fydibohf23spdlt)/cn=recipients/cn=cd93dacc38404a95a829585c2e317a9f-dionizio ri,/o=exchangelabs/ou=exchange administrative group (fydibohf23spdlt)/cn=recipients/cn=user12c3790d</t>
  </si>
  <si>
    <t>09/23/2019 17:47:12</t>
  </si>
  <si>
    <t>c:\users\fellypcsj\onedrive - grupo algar\engeset\arquivos diversos\</t>
  </si>
  <si>
    <t>protocolo v.1.xlsx</t>
  </si>
  <si>
    <t>09/23/2019 17:43:06</t>
  </si>
  <si>
    <t>09/23/2019 17:48:35</t>
  </si>
  <si>
    <t>/o=exchangelabs/ou=exchange administrative group (fydibohf23spdlt)/cn=recipients/cn=38bffaaccd0949f9804fcde336e4fb36-emilio sant;/o=exchangelabs/ou=exchange administrative group (fydibohf23spdlt)/cn=recipients/cn=a201dc4b105e45dbba6cabc753faf828-dc9404df-09;/o=exchangelabs/ou=exchange administrative group (fydibohf23spdlt)/cn=recipients/cn=d634880a7abd41c6afd38546d3ce7eaa-andressa fi;</t>
  </si>
  <si>
    <t>/o=exchangelabs/ou=exchange administrative group (fydibohf23spdlt)/cn=recipients/cn=38bffaaccd0949f9804fcde336e4fb36-emilio sant,/o=exchangelabs/ou=exchange administrative group (fydibohf23spdlt)/cn=recipients/cn=a201dc4b105e45dbba6cabc753faf828-dc9404df-09,/o=exchangelabs/ou=exchange administrative group (fydibohf23spdlt)/cn=recipients/cn=d634880a7abd41c6afd38546d3ce7eaa-andressa fi</t>
  </si>
  <si>
    <t>09/23/2019 17:56:41</t>
  </si>
  <si>
    <t>09/23/2019 17:57:35</t>
  </si>
  <si>
    <t>10.213.2.58</t>
  </si>
  <si>
    <t>80-86-F2-FE-AE-BB</t>
  </si>
  <si>
    <t>NB-YTHIAKGM</t>
  </si>
  <si>
    <t>ythiakgm</t>
  </si>
  <si>
    <t>c:\users\ythiakgm\desktop\</t>
  </si>
  <si>
    <t>pasta2.xlsx</t>
  </si>
  <si>
    <t>09/23/2019 17:56:57</t>
  </si>
  <si>
    <t>09/23/2019 17:53:57</t>
  </si>
  <si>
    <t>C:\Users\fellypcsj\OneDrive - Grupo Algar\Engeset\ASSOCIADOS\</t>
  </si>
  <si>
    <t>092019 - CADASTRO GERAL.xlsx</t>
  </si>
  <si>
    <t>09/23/2019 17:55:34</t>
  </si>
  <si>
    <t>09/23/2019 17:56:19</t>
  </si>
  <si>
    <t>09/23/2019 17:59:39</t>
  </si>
  <si>
    <t>09/23/2019 18:00:35</t>
  </si>
  <si>
    <t>pth area da celma revisado agora 23.09 as 17h58</t>
  </si>
  <si>
    <t>ORC_2020_GILDA MIRANDA_v2.xlsx</t>
  </si>
  <si>
    <t>09/23/2019 17:57:08</t>
  </si>
  <si>
    <t>09/23/2019 18:02:36</t>
  </si>
  <si>
    <t>09/23/2019 18:08:00</t>
  </si>
  <si>
    <t>09/23/2019 18:12:35</t>
  </si>
  <si>
    <t>thiagopre</t>
  </si>
  <si>
    <t>10.250.254.70</t>
  </si>
  <si>
    <t>NB-ANGELINEG</t>
  </si>
  <si>
    <t>angelinegn</t>
  </si>
  <si>
    <t>https://cscatende.algarnet.com.br/html/hd/hdscriptresposta/request/uploadincidentattachment.php?cdclassificacao=7&amp;action=1&amp;lastpositionattachement=undefined&amp;cdquestao=10755&amp;idmaisanexos=t</t>
  </si>
  <si>
    <t>36050;</t>
  </si>
  <si>
    <t>\\acsfs\dsti\CIT- Coordenação de Inteligência de Tecnologia\05 - Gerenciamento Orçamento e Contabilização\5. Contabilidade 2019\9. Setembro\Despesa Antecipada\Oracle NF 277170 NF276946 OC 8379\</t>
  </si>
  <si>
    <t>Formulário Despesa Antecipada.xls</t>
  </si>
  <si>
    <t>https://36050</t>
  </si>
  <si>
    <t>09/23/2019 18:15:12</t>
  </si>
  <si>
    <t>09/23/2019 18:17:35</t>
  </si>
  <si>
    <t>criadas mp e mp v2.xlsx</t>
  </si>
  <si>
    <t>09/23/2019 18:22:49</t>
  </si>
  <si>
    <t>09/23/2019 18:27:36</t>
  </si>
  <si>
    <t>C:\Users\fellypcsj\OneDrive - Grupo Algar\Engeset\ARQUIVOS DIVERSOS\</t>
  </si>
  <si>
    <t>Protocolo V.1.xlsx</t>
  </si>
  <si>
    <t>09/23/2019 18:24:06</t>
  </si>
  <si>
    <t>09/23/2019 18:28:35</t>
  </si>
  <si>
    <t>Evento GAT</t>
  </si>
  <si>
    <t>EVENTO_033_01A2209_EMISSAO2309.CSV</t>
  </si>
  <si>
    <t>09/23/2019 18:27:29</t>
  </si>
  <si>
    <t>09/23/2019 18:30:09</t>
  </si>
  <si>
    <t>09/23/2019 18:32:35</t>
  </si>
  <si>
    <t>ivancj@algartech.com;</t>
  </si>
  <si>
    <t>C:\Users\fernandaap\Downloads\</t>
  </si>
  <si>
    <t>Dash - Treinamento Agosto.xlsx</t>
  </si>
  <si>
    <t>ivancj@algartech.com</t>
  </si>
  <si>
    <t>09/23/2019 18:48:01</t>
  </si>
  <si>
    <t>09/23/2019 18:52:35</t>
  </si>
  <si>
    <t>/o=exchangelabs/ou=exchange administrative group (fydibohf23spdlt)/cn=recipients/cn=0ca6cc8d100949a7866a928f62ef5778-rosilene de;/o=exchangelabs/ou=exchange administrative group (fydibohf23spdlt)/cn=recipients/cn=26d35797a23841dda77608720c95f631-tiago dos r;/o=exchangelabs/ou=exchange administrative group (fydibohf23spdlt)/cn=recipients/cn=7903c13fa0504ff0bc7dd2644020b0e8-mirna prado;/o=exchangelabs/ou=exchange administrative group (fydibohf23spdlt)/cn=recipients/cn=c22b2d8de1594760baec681322c0933f-fernanda ma;/o=exchangelabs/ou=exchange administrative group (fydibohf23spdlt)/cn=recipients/cn=e174366906884bd1b4d4c5ddfc8c9433-rodrigo men;francisco_cardoso@whirlpool.com;guilherme_andrade@whirlpool.com;luanda_s_almeida@whirlpool.com;</t>
  </si>
  <si>
    <t>ENC: Demandas EcoHouse</t>
  </si>
  <si>
    <t>Demandas EcoHouse - 09-2019.xlsx</t>
  </si>
  <si>
    <t>/o=exchangelabs/ou=exchange administrative group (fydibohf23spdlt)/cn=recipients/cn=0ca6cc8d100949a7866a928f62ef5778-rosilene de,/o=exchangelabs/ou=exchange administrative group (fydibohf23spdlt)/cn=recipients/cn=26d35797a23841dda77608720c95f631-tiago dos r,/o=exchangelabs/ou=exchange administrative group (fydibohf23spdlt)/cn=recipients/cn=7903c13fa0504ff0bc7dd2644020b0e8-mirna prado,/o=exchangelabs/ou=exchange administrative group (fydibohf23spdlt)/cn=recipients/cn=c22b2d8de1594760baec681322c0933f-fernanda ma,/o=exchangelabs/ou=exchange administrative group (fydibohf23spdlt)/cn=recipients/cn=e174366906884bd1b4d4c5ddfc8c9433-rodrigo men,francisco_cardoso@whirlpool.com,guilherme_andrade@whirlpool.com,luanda_s_almeida@whirlpool.com</t>
  </si>
  <si>
    <t>09/23/2019 18:53:01</t>
  </si>
  <si>
    <t>09/23/2019 18:55:35</t>
  </si>
  <si>
    <t>DIRETORIA ADM FINANCEIRO</t>
  </si>
  <si>
    <t>10.200.58.242</t>
  </si>
  <si>
    <t>80-00-0B-BD-E7-BE</t>
  </si>
  <si>
    <t>NB-CELMARS</t>
  </si>
  <si>
    <t>celmars</t>
  </si>
  <si>
    <t>CELMA RIBEIRO DE SOUZA</t>
  </si>
  <si>
    <t>RES: Meta CAPEX 2020</t>
  </si>
  <si>
    <t>Racional capex 2020.xlsx</t>
  </si>
  <si>
    <t>09/23/2019 18:23:41</t>
  </si>
  <si>
    <t>/o=exchangelabs/ou=exchange administrative group (fydibohf23spdlt)/cn=recipients/cn=5dd03a66f797451390d7113259343399-aline da si;</t>
  </si>
  <si>
    <t>ENC: Acompanhamento Diário Retenção Setembro</t>
  </si>
  <si>
    <t>AUDITORIA RETIDO SETEMBRO.xlsx</t>
  </si>
  <si>
    <t>/o=exchangelabs/ou=exchange administrative group (fydibohf23spdlt)/cn=recipients/cn=5dd03a66f797451390d7113259343399-aline da si</t>
  </si>
  <si>
    <t>09/23/2019 18:57:33</t>
  </si>
  <si>
    <t>09/23/2019 19:00:35</t>
  </si>
  <si>
    <t>\\acsfs\DEPTOS\Controladoria\Planejamento\Reuniões Mensais\2017\Controle de CR's\Templates\Criação\</t>
  </si>
  <si>
    <t>CR 341004158 - Criação IBM CEMAR.xlsx</t>
  </si>
  <si>
    <t>09/23/2019 18:58:38</t>
  </si>
  <si>
    <t>CR 341004159 - Criação SANTANDER ESFERA.xlsx</t>
  </si>
  <si>
    <t>09/23/2019 19:04:09</t>
  </si>
  <si>
    <t>09/23/2019 19:07:35</t>
  </si>
  <si>
    <t>Lista_Emails_Criados_Zimbra_Office_2007_2309.xlsx</t>
  </si>
  <si>
    <t>09/23/2019 19:24:37</t>
  </si>
  <si>
    <t>09/23/2019 19:27:35</t>
  </si>
  <si>
    <t>c:\users\iramildass\desktop\iramilda\voluntariado\</t>
  </si>
  <si>
    <t>recibo de reembolso - 2009_1.xls</t>
  </si>
  <si>
    <t>09/23/2019 19:40:12</t>
  </si>
  <si>
    <t>09/23/2019 20:24:35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5694f7d2b5fa4976af2d1dc576e3b544-louany barb;/o=exchangelabs/ou=exchange administrative group (fydibohf23spdlt)/cn=recipients/cn=ee443929f1b6407999ee7912624fe54f-sostenes co;/o=exchangelabs/ou=exchange administrative group (fydibohf23spdlt)/cn=recipients/cn=f4de30cd53104832ac10bc8c610e453e-gustavo pae;/o=exchangelabs/ou=exchange administrative group (fydibohf23spdlt)/cn=recipients/cn=matheus ferreira santos;/o=exchangelabs/ou=exchange administrative group (fydibohf23spdlt)/cn=recipients/cn=thiago oliveira reis;</t>
  </si>
  <si>
    <t>ENC: CALCULADORA RETENÇÃO</t>
  </si>
  <si>
    <t>CALCULADORA RETENÇÃO.xlsx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5694f7d2b5fa4976af2d1dc576e3b544-louany barb,/o=exchangelabs/ou=exchange administrative group (fydibohf23spdlt)/cn=recipients/cn=ee443929f1b6407999ee7912624fe54f-sostenes co,/o=exchangelabs/ou=exchange administrative group (fydibohf23spdlt)/cn=recipients/cn=f4de30cd53104832ac10bc8c610e453e-gustavo pae,/o=exchangelabs/ou=exchange administrative group (fydibohf23spdlt)/cn=recipients/cn=matheus ferreira santos,/o=exchangelabs/ou=exchange administrative group (fydibohf23spdlt)/cn=recipients/cn=thiago oliveira reis</t>
  </si>
  <si>
    <t>09/23/2019 19:29:16</t>
  </si>
  <si>
    <t>09/23/2019 21:53:35</t>
  </si>
  <si>
    <t>recibo de reembolso - 2009.xls</t>
  </si>
  <si>
    <t>09/23/2019 17:15:21</t>
  </si>
  <si>
    <t>09/24/2019 02:40:44</t>
  </si>
  <si>
    <t>10.200.60.51</t>
  </si>
  <si>
    <t>D8-9C-67-4D-A1-1D</t>
  </si>
  <si>
    <t>NB-BRUNOPALUDO</t>
  </si>
  <si>
    <t>brunop</t>
  </si>
  <si>
    <t>BRUNO PALUDO</t>
  </si>
  <si>
    <t>/o=exchangelabs/ou=exchange administrative group (fydibohf23spdlt)/cn=recipients/cn=1c3bae1d5aab4c72b84516e819cd16c9-wilton paim;/o=exchangelabs/ou=exchange administrative group (fydibohf23spdlt)/cn=recipients/cn=c08089b92f0643f18c949cb099a06593-tamara luis;/o=exchangelabs/ou=exchange administrative group (fydibohf23spdlt)/cn=recipients/cn=d1bcfb1498124af49c7d3ae622d9e2da-iara agosti;/o=exchangelabs/ou=exchange administrative group (fydibohf23spdlt)/cn=recipients/cn=e5f757f577d04a6ca8cf68390f19008c-helber patr;/o=exchangelabs/ou=exchange administrative group (fydibohf23spdlt)/cn=recipients/cn=e602fe975e9346f78626c2947e4d3cb0-mayoral_cod;/o=exchangelabs/ou=exchange administrative group (fydibohf23spdlt)/cn=recipients/cn=f545a323f3be43dbbabfeb25fc86516a-rafael melv;</t>
  </si>
  <si>
    <t>RES: Migração BD Telecom</t>
  </si>
  <si>
    <t>CADASTRO DE SKILL - BI GO.xlsx</t>
  </si>
  <si>
    <t>/o=exchangelabs/ou=exchange administrative group (fydibohf23spdlt)/cn=recipients/cn=1c3bae1d5aab4c72b84516e819cd16c9-wilton paim,/o=exchangelabs/ou=exchange administrative group (fydibohf23spdlt)/cn=recipients/cn=c08089b92f0643f18c949cb099a06593-tamara luis,/o=exchangelabs/ou=exchange administrative group (fydibohf23spdlt)/cn=recipients/cn=d1bcfb1498124af49c7d3ae622d9e2da-iara agosti,/o=exchangelabs/ou=exchange administrative group (fydibohf23spdlt)/cn=recipients/cn=e5f757f577d04a6ca8cf68390f19008c-helber patr,/o=exchangelabs/ou=exchange administrative group (fydibohf23spdlt)/cn=recipients/cn=e602fe975e9346f78626c2947e4d3cb0-mayoral_cod,/o=exchangelabs/ou=exchange administrative group (fydibohf23spdlt)/cn=recipients/cn=f545a323f3be43dbbabfeb25fc86516a-rafael melv</t>
  </si>
  <si>
    <t>09/24/2019 07:51:35</t>
  </si>
  <si>
    <t>09/24/2019 07:56:48</t>
  </si>
  <si>
    <t>C:\Users\fellypcsj\OneDrive - Grupo Algar\Fellyp\Desenvolvimento Pessoal e Financeiro\</t>
  </si>
  <si>
    <t>Planejamento Financeiro Domestico V1.xlsx</t>
  </si>
  <si>
    <t>09/24/2019 07:53:34</t>
  </si>
  <si>
    <t>09/24/2019 07:57:48</t>
  </si>
  <si>
    <t>10.200.60.190</t>
  </si>
  <si>
    <t>54-BF-64-F5-7F-7C</t>
  </si>
  <si>
    <t>09/24/2019 07:54:01</t>
  </si>
  <si>
    <t>09/24/2019 07:59:48</t>
  </si>
  <si>
    <t>/o=exchangelabs/ou=exchange administrative group (fydibohf23spdlt)/cn=recipients/cn=03b4604449d14f37b9ab39dcd5f90edd-algar tech;/o=exchangelabs/ou=exchange administrative group (fydibohf23spdlt)/cn=recipients/cn=08eb5fa051c848a6a179972669456920-algar tech;/o=exchangelabs/ou=exchange administrative group (fydibohf23spdlt)/cn=recipients/cn=7c9714031c1e4f2f8f0bbfa85f6645fa-algar tech;</t>
  </si>
  <si>
    <t>ENC: Acompanhamento Inadimplência - Set/2019</t>
  </si>
  <si>
    <t>Acompanhamento Inadimplência - Setembro -2019.xlsb</t>
  </si>
  <si>
    <t>/o=exchangelabs/ou=exchange administrative group (fydibohf23spdlt)/cn=recipients/cn=03b4604449d14f37b9ab39dcd5f90edd-algar tech,/o=exchangelabs/ou=exchange administrative group (fydibohf23spdlt)/cn=recipients/cn=08eb5fa051c848a6a179972669456920-algar tech,/o=exchangelabs/ou=exchange administrative group (fydibohf23spdlt)/cn=recipients/cn=7c9714031c1e4f2f8f0bbfa85f6645fa-algar tech</t>
  </si>
  <si>
    <t>09/23/2019 16:38:36</t>
  </si>
  <si>
    <t>10.200.35.166</t>
  </si>
  <si>
    <t>EC-F4-BB-F8-EE-BE</t>
  </si>
  <si>
    <t>NB-LEANDROSMA</t>
  </si>
  <si>
    <t>leandrosma</t>
  </si>
  <si>
    <t>C:\Users\leandrosma\OneDrive - Grupo Algar\Projetos\Projetos\2019\1 - Planejamento\Prudential\Documentação Prudential Algar 130919.zip\Envio\</t>
  </si>
  <si>
    <t>Anexo C - Indicadores_Prudential_Consolidado.xlsx</t>
  </si>
  <si>
    <t>09/24/2019 08:00:48</t>
  </si>
  <si>
    <t>ARC RRC - Algar_Prudential.xlsx</t>
  </si>
  <si>
    <t>[Minuta] LEG_24508_Controle de altera‡äes 13_09_19.xlsx</t>
  </si>
  <si>
    <t>c:\users\leandrosma\onedrive - grupo algar\projetos\projetos\2019\1 - planejamento\prudential\prudential - resumo executivo v8 - ss.pptx\</t>
  </si>
  <si>
    <t>09/23/2019 16:42:37</t>
  </si>
  <si>
    <t>C:\Users\leandrosma\OneDrive - Grupo Algar\Projetos\Projetos\2019\1 - Planejamento\Prudential\Envio\</t>
  </si>
  <si>
    <t>[Minuta] LEG_24508_Controle de alterações 13_09_19.xlsx</t>
  </si>
  <si>
    <t>09/23/2019 16:42:38</t>
  </si>
  <si>
    <t>09/23/2019 16:43:14</t>
  </si>
  <si>
    <t>09/23/2019 17:12:35</t>
  </si>
  <si>
    <t>C:\Users\leandrosma\OneDrive - Grupo Algar\Contas\</t>
  </si>
  <si>
    <t>Contas.xls</t>
  </si>
  <si>
    <t>09/23/2019 23:53:19</t>
  </si>
  <si>
    <t>C:\Users\leandrosma\OneDrive - Grupo Algar\Crescer Conjugal\Conselho 2019\Secretário\XXXII Crescer\encontristas\</t>
  </si>
  <si>
    <t>Relação Encontristas.xlsx</t>
  </si>
  <si>
    <t>09/23/2019 19:33:57</t>
  </si>
  <si>
    <t>09/24/2019 08:06:48</t>
  </si>
  <si>
    <t>/o=exchangelabs/ou=exchange administrative group (fydibohf23spdlt)/cn=recipients/cn=8ab5e44d485043d59eb4f21463e63e6a-tays dos sa;/o=exchangelabs/ou=exchange administrative group (fydibohf23spdlt)/cn=recipients/cn=93fbfc821dab48cf91184b5c6c1bf60c-ianny raiss;</t>
  </si>
  <si>
    <t>RES: Análise de Avos de Férias - Alessandra</t>
  </si>
  <si>
    <t>Report_Programação de férias 1408_Alessandra_FINAL_.xlsx</t>
  </si>
  <si>
    <t>/o=exchangelabs/ou=exchange administrative group (fydibohf23spdlt)/cn=recipients/cn=8ab5e44d485043d59eb4f21463e63e6a-tays dos sa,/o=exchangelabs/ou=exchange administrative group (fydibohf23spdlt)/cn=recipients/cn=93fbfc821dab48cf91184b5c6c1bf60c-ianny raiss</t>
  </si>
  <si>
    <t>09/24/2019 08:08:37</t>
  </si>
  <si>
    <t>09/24/2019 08:09:48</t>
  </si>
  <si>
    <t>C:\Users\filemoncmj\OneDrive - Grupo Algar\01. Algar Tech\01. Projetos de Clientes\13. Yahsat\2019\03. TAP\ATEC-2019-0024-015 - Aumento 7 PA’s Yahsat.msg\s135\</t>
  </si>
  <si>
    <t>09/23/2019 17:13:08</t>
  </si>
  <si>
    <t>09/24/2019 08:10:49</t>
  </si>
  <si>
    <t>10.16.72.106</t>
  </si>
  <si>
    <t>58-20-B1-0D-EC-80</t>
  </si>
  <si>
    <t>NBBHE-MARCELOF</t>
  </si>
  <si>
    <t>marcelof</t>
  </si>
  <si>
    <t>paulocruz@algartech.com;</t>
  </si>
  <si>
    <t>C:\Users\marcelof\Desktop\</t>
  </si>
  <si>
    <t>paulo 23_09.xlsx</t>
  </si>
  <si>
    <t>paulocruz@algartech.com</t>
  </si>
  <si>
    <t>09/23/2019 18:52:24</t>
  </si>
  <si>
    <t>alexandremp@algarnet.onmicrosoft.com;antoniocb@algartech.com;cleberhdsv@algartech.com;cleitongp@algartech.com;danielas@algartech.com;julianocp@algartech.com;marcioao@algartech.com;marcospda@algartech.com;niltonfc@algartech.com;paulocruz@algartech.com;</t>
  </si>
  <si>
    <t>Simulador Custos Geral Gerentes - SET19 (3).xlsm</t>
  </si>
  <si>
    <t>alexandremp@algarnet.onmicrosoft.com,antoniocb@algartech.com,cleberhdsv@algartech.com,cleitongp@algartech.com,danielas@algartech.com,julianocp@algartech.com,marcioao@algartech.com,marcospda@algartech.com,niltonfc@algartech.com,paulocruz@algartech.com</t>
  </si>
  <si>
    <t>09/24/2019 08:08:38</t>
  </si>
  <si>
    <t>09/24/2019 08:11:48</t>
  </si>
  <si>
    <t>RES Novo cenário - OPP180253 Reclame Aqui Carrefour - ERRATA..msg\s1\</t>
  </si>
  <si>
    <t>09/20/2019 11:51:28</t>
  </si>
  <si>
    <t>09/24/2019 08:13:48</t>
  </si>
  <si>
    <t>DCO CML MERCADO GOVERNO</t>
  </si>
  <si>
    <t>10.207.12.63</t>
  </si>
  <si>
    <t>64-1C-67-A0-39-2F</t>
  </si>
  <si>
    <t>NB-JEFERSONFO</t>
  </si>
  <si>
    <t>jefersonfo</t>
  </si>
  <si>
    <t>JEFERSON FEITOSA OLIVEIRA</t>
  </si>
  <si>
    <t>humberto.santos@grupoboticario.com.br;sergiot@grupoboticario.com.br;</t>
  </si>
  <si>
    <t>RES: Parceria Algar/Boticário</t>
  </si>
  <si>
    <t>Questionamentos Algar Tech - TI - Projeto Curitiba.xlsx</t>
  </si>
  <si>
    <t>humberto.santos@grupoboticario.com.br,sergiot@grupoboticario.com.br</t>
  </si>
  <si>
    <t>09/23/2019 16:11:05</t>
  </si>
  <si>
    <t>/o=exchangelabs/ou=exchange administrative group (fydibohf23spdlt)/cn=recipients/cn=cd93dacc38404a95a829585c2e317a9f-dionizio ri;</t>
  </si>
  <si>
    <t>ENC: Chamado: TH-3102660; Lista de documentos e KIT de benefícios - PROCESSO DE TRANSFERENCIA</t>
  </si>
  <si>
    <t>4. Algar TI SP - Ascenção.zip\4. Algar TI SP - Ascen‡Æo\</t>
  </si>
  <si>
    <t>Kit Admissional TRANSFERÒNCIA - Algar TI SP.xls</t>
  </si>
  <si>
    <t>/o=exchangelabs/ou=exchange administrative group (fydibohf23spdlt)/cn=recipients/cn=cd93dacc38404a95a829585c2e317a9f-dionizio ri</t>
  </si>
  <si>
    <t>09/23/2019 17:17:31</t>
  </si>
  <si>
    <t>09/24/2019 08:14:48</t>
  </si>
  <si>
    <t>Demandas acordas em Dez/2018 - ECOHOUSE</t>
  </si>
  <si>
    <t>Demandas EcoHouse.xlsx</t>
  </si>
  <si>
    <t>09/23/2019 18:39:08</t>
  </si>
  <si>
    <t>/o=exchangelabs/ou=exchange administrative group (fydibohf23spdlt)/cn=recipients/cn=26d35797a23841dda77608720c95f631-tiago dos r;/o=exchangelabs/ou=exchange administrative group (fydibohf23spdlt)/cn=recipients/cn=545f738e0fe740ba856f4eb6ef0135e0-vinicius si;/o=exchangelabs/ou=exchange administrative group (fydibohf23spdlt)/cn=recipients/cn=7903c13fa0504ff0bc7dd2644020b0e8-mirna prado;/o=exchangelabs/ou=exchange administrative group (fydibohf23spdlt)/cn=recipients/cn=c22b2d8de1594760baec681322c0933f-fernanda ma;</t>
  </si>
  <si>
    <t>Demandas EcoHouse</t>
  </si>
  <si>
    <t>/o=exchangelabs/ou=exchange administrative group (fydibohf23spdlt)/cn=recipients/cn=26d35797a23841dda77608720c95f631-tiago dos r,/o=exchangelabs/ou=exchange administrative group (fydibohf23spdlt)/cn=recipients/cn=545f738e0fe740ba856f4eb6ef0135e0-vinicius si,/o=exchangelabs/ou=exchange administrative group (fydibohf23spdlt)/cn=recipients/cn=7903c13fa0504ff0bc7dd2644020b0e8-mirna prado,/o=exchangelabs/ou=exchange administrative group (fydibohf23spdlt)/cn=recipients/cn=c22b2d8de1594760baec681322c0933f-fernanda ma</t>
  </si>
  <si>
    <t>09/23/2019 18:41:23</t>
  </si>
  <si>
    <t>C:\Users\rodrigombu\OneDrive - Grupo Algar\Whirlpool\Arquivos\</t>
  </si>
  <si>
    <t>09/24/2019 08:17:04</t>
  </si>
  <si>
    <t>09/24/2019 08:20:48</t>
  </si>
  <si>
    <t>10.200.32.46</t>
  </si>
  <si>
    <t>80-86-F2-FE-02-D6</t>
  </si>
  <si>
    <t>09/24/2019 08:26:22</t>
  </si>
  <si>
    <t>09/24/2019 08:26:49</t>
  </si>
  <si>
    <t>10.200.68.2</t>
  </si>
  <si>
    <t>80-86-F2-FD-5E-08</t>
  </si>
  <si>
    <t>/o=exchangelabs/ou=exchange administrative group (fydibohf23spdlt)/cn=recipients/cn=6857e7b89b5f46e3b6aed2352ac8d5ac-carlos albe;/o=exchangelabs/ou=exchange administrative group (fydibohf23spdlt)/cn=recipients/cn=7094e3830c7149b2a48be9648c62854e-lorrana apa;/o=exchangelabs/ou=exchange administrative group (fydibohf23spdlt)/cn=recipients/cn=8f4e3aa524514f919832da77d1e13730-giselle nar;</t>
  </si>
  <si>
    <t>RES: BKO + Midias - TOYOTA</t>
  </si>
  <si>
    <t>RES BKO + Midias - TOYOTA.msg\s1\</t>
  </si>
  <si>
    <t>ADITIVO_MIDIAS_BKO.xlsx</t>
  </si>
  <si>
    <t>/o=exchangelabs/ou=exchange administrative group (fydibohf23spdlt)/cn=recipients/cn=6857e7b89b5f46e3b6aed2352ac8d5ac-carlos albe,/o=exchangelabs/ou=exchange administrative group (fydibohf23spdlt)/cn=recipients/cn=7094e3830c7149b2a48be9648c62854e-lorrana apa,/o=exchangelabs/ou=exchange administrative group (fydibohf23spdlt)/cn=recipients/cn=8f4e3aa524514f919832da77d1e13730-giselle nar</t>
  </si>
  <si>
    <t>09/24/2019 08:28:26</t>
  </si>
  <si>
    <t>09/24/2019 08:29:48</t>
  </si>
  <si>
    <t>https://caey.fa.us2.oraclecloud.com/crmui/faces/fuseoverview?_adf.ctrl-state=nqv0zy58h_436&amp;fnd=;;;;false;256;;;&amp;fndglobalitemnodeid=moo_opptymgmtopportunities_crm_card</t>
  </si>
  <si>
    <t>C:\Users\andressatal\Desktop\ENC_ ATEC-2019-0024-013 - EXPANSÃO CAIXA.msg\s141\</t>
  </si>
  <si>
    <t>09/23/2019 18:38:37</t>
  </si>
  <si>
    <t>09/24/2019 08:33:48</t>
  </si>
  <si>
    <t>10.219.100.23</t>
  </si>
  <si>
    <t>54-BF-64-F6-7C-8E</t>
  </si>
  <si>
    <t>NB-AKASSIABLC</t>
  </si>
  <si>
    <t>akassiablc</t>
  </si>
  <si>
    <t>AKASSIA BEZERRA LOIOLA CAVALCANTE</t>
  </si>
  <si>
    <t>/o=exchangelabs/ou=exchange administrative group (fydibohf23spdlt)/cn=recipients/cn=2b69c7de1a3641269a7eed0596e1ddc2-wayner oliv;/o=exchangelabs/ou=exchange administrative group (fydibohf23spdlt)/cn=recipients/cn=35600680776041e0b2e3612c7a4448ea-laura venan;/o=exchangelabs/ou=exchange administrative group (fydibohf23spdlt)/cn=recipients/cn=57b3e0724b2344fcbd88f738d223dd7a-leticia bor;/o=exchangelabs/ou=exchange administrative group (fydibohf23spdlt)/cn=recipients/cn=9e20ba3b6afd447db98f75fb7bdc7037-francisco e;/o=exchangelabs/ou=exchange administrative group (fydibohf23spdlt)/cn=recipients/cn=e8a8131dc3334dc38d81db3d2a41a3fe-denise viei;</t>
  </si>
  <si>
    <t>RES: SETEMBRO/2019 Conciliação TIM - Estorno (Sim/Não)</t>
  </si>
  <si>
    <t>Padrao Solicitacao Receitamento SG Telecom - TCO TLE 1Âª leva (1).xlsm</t>
  </si>
  <si>
    <t>/o=exchangelabs/ou=exchange administrative group (fydibohf23spdlt)/cn=recipients/cn=2b69c7de1a3641269a7eed0596e1ddc2-wayner oliv,/o=exchangelabs/ou=exchange administrative group (fydibohf23spdlt)/cn=recipients/cn=35600680776041e0b2e3612c7a4448ea-laura venan,/o=exchangelabs/ou=exchange administrative group (fydibohf23spdlt)/cn=recipients/cn=57b3e0724b2344fcbd88f738d223dd7a-leticia bor,/o=exchangelabs/ou=exchange administrative group (fydibohf23spdlt)/cn=recipients/cn=9e20ba3b6afd447db98f75fb7bdc7037-francisco e,/o=exchangelabs/ou=exchange administrative group (fydibohf23spdlt)/cn=recipients/cn=e8a8131dc3334dc38d81db3d2a41a3fe-denise viei</t>
  </si>
  <si>
    <t>09/23/2019 17:00:52</t>
  </si>
  <si>
    <t>09/24/2019 08:38:48</t>
  </si>
  <si>
    <t>/o=exchangelabs/ou=exchange administrative group (fydibohf23spdlt)/cn=recipients/cn=c29ec9dae022497281c840087cccddec-patricia ar;</t>
  </si>
  <si>
    <t>Template demais pacotes - Validar</t>
  </si>
  <si>
    <t>TEMPLATE 1525.xlsb</t>
  </si>
  <si>
    <t>/o=exchangelabs/ou=exchange administrative group (fydibohf23spdlt)/cn=recipients/cn=c29ec9dae022497281c840087cccddec-patricia ar</t>
  </si>
  <si>
    <t>09/24/2019 08:35:26</t>
  </si>
  <si>
    <t>09/24/2019 08:39:48</t>
  </si>
  <si>
    <t>10.200.58.81</t>
  </si>
  <si>
    <t>54-BF-64-F5-7E-4A</t>
  </si>
  <si>
    <t>sheilacdf@algartech.com.br;tamires.leonel@temposervicos.com.br;vivianega@algartech.com.br;</t>
  </si>
  <si>
    <t>ENC: Dashboard Formalização PJ VISA/PJ AMEX - Setembro/2019</t>
  </si>
  <si>
    <t>sheilacdf@algartech.com.br,tamires.leonel@temposervicos.com.br,vivianega@algartech.com.br</t>
  </si>
  <si>
    <t>09/24/2019 08:39:55</t>
  </si>
  <si>
    <t>09/24/2019 08:43:49</t>
  </si>
  <si>
    <t>crce@algartech.com.br;</t>
  </si>
  <si>
    <t>Cópia de Abertura de Pesquisa EBTA - SAMSUNG - Leticia.xlsx</t>
  </si>
  <si>
    <t>crce@algartech.com.br</t>
  </si>
  <si>
    <t>09/24/2019 08:41:37</t>
  </si>
  <si>
    <t>ENC: Volume Gerenciadas Amex e Visa - 24/09</t>
  </si>
  <si>
    <t>09/24/2019 08:45:04</t>
  </si>
  <si>
    <t>09/24/2019 08:49:48</t>
  </si>
  <si>
    <t>0ANALYSIS_PATTERN (72).csv</t>
  </si>
  <si>
    <t>09/24/2019 08:46:02</t>
  </si>
  <si>
    <t>09/24/2019 08:48:52</t>
  </si>
  <si>
    <t>/o=exchangelabs/ou=exchange administrative group (fydibohf23spdlt)/cn=recipients/cn=e0001a1553fb4b9a9be687db68a2ec15-yuri ian fr;</t>
  </si>
  <si>
    <t>Orçamento 1ª Projeção</t>
  </si>
  <si>
    <t>Orçamento 1ª Projeção Qlikview.xlsx</t>
  </si>
  <si>
    <t>/o=exchangelabs/ou=exchange administrative group (fydibohf23spdlt)/cn=recipients/cn=e0001a1553fb4b9a9be687db68a2ec15-yuri ian fr</t>
  </si>
  <si>
    <t>09/24/2019 08:52:35</t>
  </si>
  <si>
    <t>09/24/2019 08:54:48</t>
  </si>
  <si>
    <t>Compras 2020v2.xlsx</t>
  </si>
  <si>
    <t>09/24/2019 08:52:39</t>
  </si>
  <si>
    <t>Base Distribuição 2018v4.xlsx</t>
  </si>
  <si>
    <t>09/24/2019 08:52:41</t>
  </si>
  <si>
    <t>Base Distribuição 2019 Agostov3.xlsx</t>
  </si>
  <si>
    <t>09/24/2019 08:52:47</t>
  </si>
  <si>
    <t>09/24/2019 08:52:00</t>
  </si>
  <si>
    <t>/o=exchangelabs/ou=exchange administrative group (fydibohf23spdlt)/cn=recipients/cn=651324bc204a42f6bbcdf62273ebdc5c-aluisio ant;/o=exchangelabs/ou=exchange administrative group (fydibohf23spdlt)/cn=recipients/cn=65d35bc38c6743d7a55b3ae9726a5893-diego ribei;</t>
  </si>
  <si>
    <t>CAPEX AS IS Incremental GAT</t>
  </si>
  <si>
    <t>CAPEX 2020 - AS IS GAT INC_v2.xlsx</t>
  </si>
  <si>
    <t>/o=exchangelabs/ou=exchange administrative group (fydibohf23spdlt)/cn=recipients/cn=651324bc204a42f6bbcdf62273ebdc5c-aluisio ant,/o=exchangelabs/ou=exchange administrative group (fydibohf23spdlt)/cn=recipients/cn=65d35bc38c6743d7a55b3ae9726a5893-diego ribei</t>
  </si>
  <si>
    <t>09/23/2019 17:50:03</t>
  </si>
  <si>
    <t>09/24/2019 08:55:48</t>
  </si>
  <si>
    <t>10.200.57.192</t>
  </si>
  <si>
    <t>5C-EA-1D-D8-3B-55</t>
  </si>
  <si>
    <t>gestaofinanceiracontratos@algartech.com;</t>
  </si>
  <si>
    <t>Provisao Setembro memoria.xlsm</t>
  </si>
  <si>
    <t>gestaofinanceiracontratos@algartech.com</t>
  </si>
  <si>
    <t>09/23/2019 17:51:02</t>
  </si>
  <si>
    <t>gestaofinanceiracontratos@algartech.com;sabrinavds@algartech.com;</t>
  </si>
  <si>
    <t>gestaofinanceiracontratos@algartech.com,sabrinavds@algartech.com</t>
  </si>
  <si>
    <t>09/23/2019 17:51:12</t>
  </si>
  <si>
    <t>09/23/2019 17:51:25</t>
  </si>
  <si>
    <t>09/23/2019 17:51:48</t>
  </si>
  <si>
    <t>09/24/2019 08:58:41</t>
  </si>
  <si>
    <t>09/24/2019 09:00:48</t>
  </si>
  <si>
    <t>C:\Users\alessandroam\OneDrive\OneDrive - Grupo Algar\01 - Historico\02 - Seg Informação\00 - TH Seg Inf\</t>
  </si>
  <si>
    <t>PTH ORC 2020 HENRIQUE AUGUSTO - V23042019.xlsx</t>
  </si>
  <si>
    <t>09/23/2019 15:34:38</t>
  </si>
  <si>
    <t>09/24/2019 09:03:48</t>
  </si>
  <si>
    <t>DIRETORIA DE TALENTOS HUMANOS</t>
  </si>
  <si>
    <t>10.200.58.50</t>
  </si>
  <si>
    <t>80-86-F2-FD-40-21</t>
  </si>
  <si>
    <t>NB-ANAFPS</t>
  </si>
  <si>
    <t>gabrielbc</t>
  </si>
  <si>
    <t>GABRIEL BORGES CABRAL</t>
  </si>
  <si>
    <t>/o=exchangelabs/ou=exchange administrative group (fydibohf23spdlt)/cn=recipients/cn=a8f05db2744643a38d71c36d72eacc9b-karla steph;</t>
  </si>
  <si>
    <t>Planilha Gamification</t>
  </si>
  <si>
    <t>Gamification 2.0.xlsm</t>
  </si>
  <si>
    <t>/o=exchangelabs/ou=exchange administrative group (fydibohf23spdlt)/cn=recipients/cn=a8f05db2744643a38d71c36d72eacc9b-karla steph</t>
  </si>
  <si>
    <t>09/24/2019 09:03:06</t>
  </si>
  <si>
    <t>09/24/2019 09:07:49</t>
  </si>
  <si>
    <t>/o=exchangelabs/ou=exchange administrative group (fydibohf23spdlt)/cn=recipients/cn=4adb6e0b3de84bf2bfdb543494159749-leandro lim;</t>
  </si>
  <si>
    <t>ENC: ATEC-2019-0024-015 - Aumento 7 PA’s Yahsat</t>
  </si>
  <si>
    <t>/o=exchangelabs/ou=exchange administrative group (fydibohf23spdlt)/cn=recipients/cn=4adb6e0b3de84bf2bfdb543494159749-leandro lim</t>
  </si>
  <si>
    <t>09/24/2019 09:04:36</t>
  </si>
  <si>
    <t>09/24/2019 09:09:49</t>
  </si>
  <si>
    <t>OPERACAO CSC 24X7</t>
  </si>
  <si>
    <t>10.208.12.46</t>
  </si>
  <si>
    <t>74-86-7A-FD-D7-EC</t>
  </si>
  <si>
    <t>SD-DF90-PC</t>
  </si>
  <si>
    <t>brunahadam</t>
  </si>
  <si>
    <t>zayracan@algartech.com;</t>
  </si>
  <si>
    <t>C:\Users\brunahadam\Desktop\Pasta Qualidade\</t>
  </si>
  <si>
    <t>Lista - JA.xlsx</t>
  </si>
  <si>
    <t>zayracan@algartech.com</t>
  </si>
  <si>
    <t>09/24/2019 09:09:23</t>
  </si>
  <si>
    <t>09/24/2019 09:10:49</t>
  </si>
  <si>
    <t>carolina.zardini@bradesco.com.br;nfeletronica@algar.com.br;paula.tavares@bradesco.com.br;rudneylc@algartech.com;viniciusmlf@algartech.com;</t>
  </si>
  <si>
    <t>C:\Users\robertacmf\Downloads\</t>
  </si>
  <si>
    <t>Fechamento Debit Balance_Ago.xls</t>
  </si>
  <si>
    <t>carolina.zardini@bradesco.com.br,nfeletronica@algar.com.br,paula.tavares@bradesco.com.br,rudneylc@algartech.com,viniciusmlf@algartech.com</t>
  </si>
  <si>
    <t>09/24/2019 09:08:30</t>
  </si>
  <si>
    <t>09/24/2019 09:11:48</t>
  </si>
  <si>
    <t>Como faço para excluir valores que estao no orçamento de um CR especifico?</t>
  </si>
  <si>
    <t>DRE_341500058.xlsx</t>
  </si>
  <si>
    <t>09/18/2019 22:47:52</t>
  </si>
  <si>
    <t>09/24/2019 09:12:48</t>
  </si>
  <si>
    <t>10.200.60.172</t>
  </si>
  <si>
    <t>64-1C-67-A0-39-2C</t>
  </si>
  <si>
    <t>NB-CAMILAT</t>
  </si>
  <si>
    <t>camilat</t>
  </si>
  <si>
    <t>Camila Tirso</t>
  </si>
  <si>
    <t>/o=exchangelabs/ou=exchange administrative group (fydibohf23spdlt)/cn=recipients/cn=9ec15fdf8a374c6f80ea1bf33684216e-roberta alv;</t>
  </si>
  <si>
    <t>ENC: Indicação Early Adopters - GSuite</t>
  </si>
  <si>
    <t>Lista Elegíveis - GSuite - CAMILA TIRSO.xlsx</t>
  </si>
  <si>
    <t>/o=exchangelabs/ou=exchange administrative group (fydibohf23spdlt)/cn=recipients/cn=9ec15fdf8a374c6f80ea1bf33684216e-roberta alv</t>
  </si>
  <si>
    <t>09/19/2019 17:24:44</t>
  </si>
  <si>
    <t>/o=exchangelabs/ou=exchange administrative group (fydibohf23spdlt)/cn=recipients/cn=249f643ba1e044588b45a020c76dadde-daniel de o;/o=exchangelabs/ou=exchange administrative group (fydibohf23spdlt)/cn=recipients/cn=9e7c445894a4474a86a42a5f271a0d12-viviane res;</t>
  </si>
  <si>
    <t>RES: Orçamento 340002017</t>
  </si>
  <si>
    <t>Pessoas escopo B.xlsx</t>
  </si>
  <si>
    <t>/o=exchangelabs/ou=exchange administrative group (fydibohf23spdlt)/cn=recipients/cn=249f643ba1e044588b45a020c76dadde-daniel de o,/o=exchangelabs/ou=exchange administrative group (fydibohf23spdlt)/cn=recipients/cn=9e7c445894a4474a86a42a5f271a0d12-viviane res</t>
  </si>
  <si>
    <t>09/19/2019 17:27:38</t>
  </si>
  <si>
    <t>09/20/2019 11:04:57</t>
  </si>
  <si>
    <t>ana.bernardes@bradesco.com.br;jhonata.h.santos@bradesco.com.br;</t>
  </si>
  <si>
    <t>RES: Indicadores - Agosto 2019</t>
  </si>
  <si>
    <t>Indicadores -Agosto.xlsm</t>
  </si>
  <si>
    <t>ana.bernardes@bradesco.com.br,jhonata.h.santos@bradesco.com.br</t>
  </si>
  <si>
    <t>09/20/2019 12:12:43</t>
  </si>
  <si>
    <t>/o=exchangelabs/ou=exchange administrative group (fydibohf23spdlt)/cn=recipients/cn=5865f7bdf6dd4e85886f125a03522b87-paulo ricar;douglas.r.almeida@bradesco.com.br;jackson.diniz@bradesco.com.br;jhonatan.ventino@bradesco.com.br;poliane.amaral@bradesco.com.br;suzane.b.rodrigues@bradesco.com.br;</t>
  </si>
  <si>
    <t>RES: SLA Service Desk</t>
  </si>
  <si>
    <t>Apresentação Comissão SD _Agosto_19.pptx\</t>
  </si>
  <si>
    <t>/o=exchangelabs/ou=exchange administrative group (fydibohf23spdlt)/cn=recipients/cn=5865f7bdf6dd4e85886f125a03522b87-paulo ricar,douglas.r.almeida@bradesco.com.br,jackson.diniz@bradesco.com.br,jhonatan.ventino@bradesco.com.br,poliane.amaral@bradesco.com.br,suzane.b.rodrigues@bradesco.com.br</t>
  </si>
  <si>
    <t>09/20/2019 14:58:10</t>
  </si>
  <si>
    <t>/o=exchangelabs/ou=exchange administrative group (fydibohf23spdlt)/cn=recipients/cn=a523b1e3fbaf423dbe1df52cbdb5d362-sgp - pmo;daniela.fernandes@bradesco.com.br;dayane.a.costa@bradesco.com.br;eduardo.p.pires@bradesco.com.br;lara.brandao@bradesco.com.br;lucila.dias@bradesco.com.br;malane.xavier@bradesco.com.br;</t>
  </si>
  <si>
    <t>[Reunião de Capacity] Ata da Reunião - 19/09/19</t>
  </si>
  <si>
    <t>Painel de Capacity.xlsm</t>
  </si>
  <si>
    <t>/o=exchangelabs/ou=exchange administrative group (fydibohf23spdlt)/cn=recipients/cn=a523b1e3fbaf423dbe1df52cbdb5d362-sgp - pmo,daniela.fernandes@bradesco.com.br,dayane.a.costa@bradesco.com.br,eduardo.p.pires@bradesco.com.br,lara.brandao@bradesco.com.br,lucila.dias@bradesco.com.br,malane.xavier@bradesco.com.br</t>
  </si>
  <si>
    <t>09/20/2019 15:05:00</t>
  </si>
  <si>
    <t>/o=exchangelabs/ou=exchange administrative group (fydibohf23spdlt)/cn=recipients/cn=249f643ba1e044588b45a020c76dadde-daniel de o;/o=exchangelabs/ou=exchange administrative group (fydibohf23spdlt)/cn=recipients/cn=9e72be441e9e4b08a759859a5b3a336a-daniela de;</t>
  </si>
  <si>
    <t>RES: Clientes detratores e neutros</t>
  </si>
  <si>
    <t>160919_Plano de ação NPS GAT.xlsx</t>
  </si>
  <si>
    <t>/o=exchangelabs/ou=exchange administrative group (fydibohf23spdlt)/cn=recipients/cn=249f643ba1e044588b45a020c76dadde-daniel de o,/o=exchangelabs/ou=exchange administrative group (fydibohf23spdlt)/cn=recipients/cn=9e72be441e9e4b08a759859a5b3a336a-daniela de</t>
  </si>
  <si>
    <t>09/20/2019 15:06:43</t>
  </si>
  <si>
    <t>jessicapaula.silva@bradesco.com.br;</t>
  </si>
  <si>
    <t>ENC: CRIAÇÃO DO SCAL - Nº 422815</t>
  </si>
  <si>
    <t>Cópia de FORMULARIO V16 - CRIAR SACL.xlsx</t>
  </si>
  <si>
    <t>jessicapaula.silva@bradesco.com.br</t>
  </si>
  <si>
    <t>09/20/2019 15:37:32</t>
  </si>
  <si>
    <t>/o=exchangelabs/ou=exchange administrative group (fydibohf23spdlt)/cn=recipients/cn=249f643ba1e044588b45a020c76dadde-daniel de o;/o=exchangelabs/ou=exchange administrative group (fydibohf23spdlt)/cn=recipients/cn=9ec15fdf8a374c6f80ea1bf33684216e-roberta alv;brunasoliv@algartech.com;</t>
  </si>
  <si>
    <t>/o=exchangelabs/ou=exchange administrative group (fydibohf23spdlt)/cn=recipients/cn=249f643ba1e044588b45a020c76dadde-daniel de o,/o=exchangelabs/ou=exchange administrative group (fydibohf23spdlt)/cn=recipients/cn=9ec15fdf8a374c6f80ea1bf33684216e-roberta alv,brunasoliv@algartech.com</t>
  </si>
  <si>
    <t>09/23/2019 14:59:29</t>
  </si>
  <si>
    <t>/o=exchangelabs/ou=exchange administrative group (fydibohf23spdlt)/cn=recipients/cn=a523b1e3fbaf423dbe1df52cbdb5d362-sgp - pmo;brunasoliv@algartech.com;lara.brandao@bradesco.com.br;wildes.arantes@bradesco.com.br;</t>
  </si>
  <si>
    <t>RES: Solicitação de Alocação de Recurso Simulados PJ</t>
  </si>
  <si>
    <t>/o=exchangelabs/ou=exchange administrative group (fydibohf23spdlt)/cn=recipients/cn=a523b1e3fbaf423dbe1df52cbdb5d362-sgp - pmo,brunasoliv@algartech.com,lara.brandao@bradesco.com.br,wildes.arantes@bradesco.com.br</t>
  </si>
  <si>
    <t>09/23/2019 17:11:10</t>
  </si>
  <si>
    <t>C:\Users\camilat\OneDrive - Grupo Algar\SGN Projetos\</t>
  </si>
  <si>
    <t>Modelo de HEs_.xlsx</t>
  </si>
  <si>
    <t>09/24/2019 09:08:56</t>
  </si>
  <si>
    <t>09/24/2019 09:14:49</t>
  </si>
  <si>
    <t>https://caey.fa.us2.oraclecloud.com/crmui/faces/fusewelcome?_adf.ctrl-state=vr0kn6vvq_9</t>
  </si>
  <si>
    <t>D:\OneDrive\AlgarTech\Pré-Vendas\Cliente\2019\Comfrio\194287 - Comfrio Renovação Licença Oracle 2019\</t>
  </si>
  <si>
    <t>194287_BP_Oracle_v2.xlsx</t>
  </si>
  <si>
    <t>09/24/2019 09:16:14</t>
  </si>
  <si>
    <t>09/24/2019 09:17:48</t>
  </si>
  <si>
    <t>/o=exchangelabs/ou=exchange administrative group (fydibohf23spdlt)/cn=recipients/cn=287c26b08a0f48578479a15a452f025d-edilson rod;/o=exchangelabs/ou=exchange administrative group (fydibohf23spdlt)/cn=recipients/cn=49b6e1f6bd244c358b9dd8147887de7b-algar tech;/o=exchangelabs/ou=exchange administrative group (fydibohf23spdlt)/cn=recipients/cn=c6f5c50e91244036872327464dc6624a-cinthia mar;/o=exchangelabs/ou=exchange administrative group (fydibohf23spdlt)/cn=recipients/cn=user226a0b68;</t>
  </si>
  <si>
    <t>RES: CT_Competência SET (de 21/08 a 20/09/19)-Atendimento SCC - PRAZO: 14h00 de 25/09/19</t>
  </si>
  <si>
    <t>CT_Competência SET_Atendimento SCC.xlsx</t>
  </si>
  <si>
    <t>/o=exchangelabs/ou=exchange administrative group (fydibohf23spdlt)/cn=recipients/cn=287c26b08a0f48578479a15a452f025d-edilson rod,/o=exchangelabs/ou=exchange administrative group (fydibohf23spdlt)/cn=recipients/cn=49b6e1f6bd244c358b9dd8147887de7b-algar tech,/o=exchangelabs/ou=exchange administrative group (fydibohf23spdlt)/cn=recipients/cn=c6f5c50e91244036872327464dc6624a-cinthia mar,/o=exchangelabs/ou=exchange administrative group (fydibohf23spdlt)/cn=recipients/cn=user226a0b68</t>
  </si>
  <si>
    <t>09/24/2019 09:17:31</t>
  </si>
  <si>
    <t>C:\Users\tiagorpf\OneDrive - Grupo Algar\Ecohouse\CAC\02 - PAGADORES VISITA MENSAL\</t>
  </si>
  <si>
    <t>PagadoresEsporadicos.xlsx</t>
  </si>
  <si>
    <t>09/24/2019 09:16:55</t>
  </si>
  <si>
    <t>09/24/2019 09:20:48</t>
  </si>
  <si>
    <t>C:\Users\alessandroam\OneDrive\OneDrive - Grupo Algar\01 - Historico\02 - Seg Informação\05 - PMO TAP - CAPEX e OPEX\20 - Opex 2020 - 21\</t>
  </si>
  <si>
    <t>Planejamento Orçamento 2020.xls</t>
  </si>
  <si>
    <t>09/24/2019 09:21:07</t>
  </si>
  <si>
    <t>09/24/2019 09:22:49</t>
  </si>
  <si>
    <t>COORDENAÇÃO DE SERVIÇOS ATIVOS</t>
  </si>
  <si>
    <t>10.200.35.170</t>
  </si>
  <si>
    <t>20-04-0F-FE-47-9E</t>
  </si>
  <si>
    <t>NB-ADRIANOMS</t>
  </si>
  <si>
    <t>adrianoms</t>
  </si>
  <si>
    <t>Adriano Monteiro de Souza</t>
  </si>
  <si>
    <t>andreavm@algartech.com.br;</t>
  </si>
  <si>
    <t>ENC: Detalhamento - Assistentes . Técnicos_2.xlsx</t>
  </si>
  <si>
    <t>Detalhamento - Assistentes . Técnicos_2.xlsx</t>
  </si>
  <si>
    <t>andreavm@algartech.com.br</t>
  </si>
  <si>
    <t>09/24/2019 09:18:44</t>
  </si>
  <si>
    <t>09/24/2019 09:23:49</t>
  </si>
  <si>
    <t>/o=exchangelabs/ou=exchange administrative group (fydibohf23spdlt)/cn=recipients/cn=142c8fe1b4224ee196db8bf4b9345086-silvana da;/o=exchangelabs/ou=exchange administrative group (fydibohf23spdlt)/cn=recipients/cn=17d8f04fe62d4d3baddebc7b19339779-paulo henri;/o=exchangelabs/ou=exchange administrative group (fydibohf23spdlt)/cn=recipients/cn=b882fe4dd4d548e3a696b02e3de6e5d1-viviane pri;/o=exchangelabs/ou=exchange administrative group (fydibohf23spdlt)/cn=recipients/cn=c0266b8211e24bc5b1c5e59650b1724e-karolina da;hannahgf@algartech.com;</t>
  </si>
  <si>
    <t>ENC: Finalizações NON</t>
  </si>
  <si>
    <t>Finalizações NON.xlsx</t>
  </si>
  <si>
    <t>/o=exchangelabs/ou=exchange administrative group (fydibohf23spdlt)/cn=recipients/cn=142c8fe1b4224ee196db8bf4b9345086-silvana da,/o=exchangelabs/ou=exchange administrative group (fydibohf23spdlt)/cn=recipients/cn=17d8f04fe62d4d3baddebc7b19339779-paulo henri,/o=exchangelabs/ou=exchange administrative group (fydibohf23spdlt)/cn=recipients/cn=b882fe4dd4d548e3a696b02e3de6e5d1-viviane pri,/o=exchangelabs/ou=exchange administrative group (fydibohf23spdlt)/cn=recipients/cn=c0266b8211e24bc5b1c5e59650b1724e-karolina da,hannahgf@algartech.com</t>
  </si>
  <si>
    <t>09/24/2019 09:21:06</t>
  </si>
  <si>
    <t>09/24/2019 09:24:49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276088d1e0a1409682361018e3003d9a-etson luiz;/o=exchangelabs/ou=exchange administrative group (fydibohf23spdlt)/cn=recipients/cn=435be7f7fc8c4dcfb9b8cfee6270553e-vinicius jo;/o=exchangelabs/ou=exchange administrative group (fydibohf23spdlt)/cn=recipients/cn=47dd31b5ac1847959bdefc467c1b7402-ferlem marl;/o=exchangelabs/ou=exchange administrative group (fydibohf23spdlt)/cn=recipients/cn=552c1f4873a646fc93c277e9d26e9694-paulo rober;/o=exchangelabs/ou=exchange administrative group (fydibohf23spdlt)/cn=recipients/cn=5eb8447f1992416c986b6f95f45fc7f7-jose paixao;/o=exchangelabs/ou=exchange administrative group (fydibohf23spdlt)/cn=recipients/cn=7df34f8bfd5c49aba90be766dd53403a-rosim</t>
  </si>
  <si>
    <t>ENC: PENALIDADES AGOSTO 2019 - BBN - URGENTE</t>
  </si>
  <si>
    <t>Cópia de Controle de Penalidades de Agosto de 2019 - TIM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276088d1e0a1409682361018e3003d9a-etson luiz,/o=exchangelabs/ou=exchange administrative group (fydibohf23spdlt)/cn=recipients/cn=435be7f7fc8c4dcfb9b8cfee6270553e-vinicius jo,/o=exchangelabs/ou=exchange administrative group (fydibohf23spdlt)/cn=recipients/cn=47dd31b5ac1847959bdefc467c1b7402-ferlem marl,/o=exchangelabs/ou=exchange administrative group (fydibohf23spdlt)/cn=recipients/cn=552c1f4873a646fc93c277e9d26e9694-paulo rober,/o=exchangelabs/ou=exchange administrative group (fydibohf23spdlt)/cn=recipients/cn=5eb8447f1992416c986b6f95f45fc7f7-jose paixao,/o=exchangelabs/ou=exchange administrative group (fydibohf23spdlt)/cn=recipients/cn=7df34f8bfd5c49aba90be766dd53403a-rosim</t>
  </si>
  <si>
    <t>09/24/2019 09:20:43</t>
  </si>
  <si>
    <t>/o=exchangelabs/ou=exchange administrative group (fydibohf23spdlt)/cn=recipients/cn=356687541e6d4dba87a6d07b3c4b9c4a-paulinia av;</t>
  </si>
  <si>
    <t>Casos especiais</t>
  </si>
  <si>
    <t>Setembro_ Casos Especiais.xlsm</t>
  </si>
  <si>
    <t>/o=exchangelabs/ou=exchange administrative group (fydibohf23spdlt)/cn=recipients/cn=356687541e6d4dba87a6d07b3c4b9c4a-paulinia av</t>
  </si>
  <si>
    <t>09/24/2019 09:20:59</t>
  </si>
  <si>
    <t>09/24/2019 09:26:49</t>
  </si>
  <si>
    <t>09/24/2019 09:21:04</t>
  </si>
  <si>
    <t>09/24/2019 09:21:08</t>
  </si>
  <si>
    <t>09/24/2019 09:22:05</t>
  </si>
  <si>
    <t>09/24/2019 09:25:03</t>
  </si>
  <si>
    <t>/o=exchangelabs/ou=exchange administrative group (fydibohf23spdlt)/cn=recipients/cn=503a4cae25a0474e8b364b01d4d28bc4-thais mozel;</t>
  </si>
  <si>
    <t>RES: Template Pacote de Mkt - 2020</t>
  </si>
  <si>
    <t>Pacotes CR 341500056 VILARINHO - 2020.xlsb</t>
  </si>
  <si>
    <t>/o=exchangelabs/ou=exchange administrative group (fydibohf23spdlt)/cn=recipients/cn=503a4cae25a0474e8b364b01d4d28bc4-thais mozel</t>
  </si>
  <si>
    <t>09/24/2019 09:24:57</t>
  </si>
  <si>
    <t>09/24/2019 09:27:49</t>
  </si>
  <si>
    <t>/o=exchangelabs/ou=exchange administrative group (fydibohf23spdlt)/cn=recipients/cn=d3bed7da1d354aff897492931d3a63ef-gustavo d l;</t>
  </si>
  <si>
    <t>RES: Ponto</t>
  </si>
  <si>
    <t>Cópia de Planilha de Horas - 2019.xlsx</t>
  </si>
  <si>
    <t>/o=exchangelabs/ou=exchange administrative group (fydibohf23spdlt)/cn=recipients/cn=d3bed7da1d354aff897492931d3a63ef-gustavo d l</t>
  </si>
  <si>
    <t>09/24/2019 09:26:28</t>
  </si>
  <si>
    <t>09/24/2019 09:30:49</t>
  </si>
  <si>
    <t>C:\Users\leandrosma\OneDrive - Grupo Algar\Crescer Conjugal\Conselho 2019\Secretário\XXXII Crescer\equipes\</t>
  </si>
  <si>
    <t>Relação Equipes - Copia.xlsx</t>
  </si>
  <si>
    <t>09/24/2019 09:26:47</t>
  </si>
  <si>
    <t>10.200.61.217</t>
  </si>
  <si>
    <t>9C-30-5B-FC-2E-01</t>
  </si>
  <si>
    <t>NB-LUANAAOLI</t>
  </si>
  <si>
    <t>luanaaoli</t>
  </si>
  <si>
    <t>Luana Almeida de Oliveira</t>
  </si>
  <si>
    <t>/o=exchangelabs/ou=exchange administrative group (fydibohf23spdlt)/cn=recipients/cn=49df841081c647dfa3c968230c8e613c-sabrina gon;/o=exchangelabs/ou=exchange administrative group (fydibohf23spdlt)/cn=recipients/cn=68e6aa2e3fef4ccaba997d98294c9ed5-cristina he;elton.costa@quilleconsultoria.com.br;</t>
  </si>
  <si>
    <t>ENC: Jornada do cliente Next</t>
  </si>
  <si>
    <t>Detalhado jun-set.xlsx</t>
  </si>
  <si>
    <t>/o=exchangelabs/ou=exchange administrative group (fydibohf23spdlt)/cn=recipients/cn=49df841081c647dfa3c968230c8e613c-sabrina gon,/o=exchangelabs/ou=exchange administrative group (fydibohf23spdlt)/cn=recipients/cn=68e6aa2e3fef4ccaba997d98294c9ed5-cristina he,elton.costa@quilleconsultoria.com.br</t>
  </si>
  <si>
    <t>09/24/2019 09:30:01</t>
  </si>
  <si>
    <t>09/24/2019 09:33:50</t>
  </si>
  <si>
    <t>10.200.57.143</t>
  </si>
  <si>
    <t>EC-F4-BB-F7-2C-4E</t>
  </si>
  <si>
    <t>NB-HELIELDFS</t>
  </si>
  <si>
    <t>helieldfs</t>
  </si>
  <si>
    <t>HELIEL DE FREITAS SILVA</t>
  </si>
  <si>
    <t>AKASSIA BEZERRA LOIOLA CAVALCANTE.xlsx</t>
  </si>
  <si>
    <t>09/24/2019 09:31:36</t>
  </si>
  <si>
    <t>09/24/2019 09:34:49</t>
  </si>
  <si>
    <t>10.250.255.85</t>
  </si>
  <si>
    <t>ENC: Planejamento de recursos</t>
  </si>
  <si>
    <t>09/24/2019 09:35:37</t>
  </si>
  <si>
    <t>09/24/2019 09:36:49</t>
  </si>
  <si>
    <t>/o=exchangelabs/ou=exchange administrative group (fydibohf23spdlt)/cn=recipients/cn=92f840270c3143f3a4d11a96cbe1c928-marcela car;</t>
  </si>
  <si>
    <t>Folha de Pagamento</t>
  </si>
  <si>
    <t>/o=exchangelabs/ou=exchange administrative group (fydibohf23spdlt)/cn=recipients/cn=92f840270c3143f3a4d11a96cbe1c928-marcela car</t>
  </si>
  <si>
    <t>09/24/2019 09:36:55</t>
  </si>
  <si>
    <t>09/24/2019 09:38:49</t>
  </si>
  <si>
    <t>C:\Users\lucianocle\OneDrive\Algar\Business Performance - Onedrive\Apresentação Comite\</t>
  </si>
  <si>
    <t>Abertura DRE.xlsx</t>
  </si>
  <si>
    <t>09/24/2019 09:33:53</t>
  </si>
  <si>
    <t>/o=exchangelabs/ou=exchange administrative group (fydibohf23spdlt)/cn=recipients/cn=useraded002e;</t>
  </si>
  <si>
    <t>ALAIS DE MENDONCA SILVA.xlsx</t>
  </si>
  <si>
    <t>/o=exchangelabs/ou=exchange administrative group (fydibohf23spdlt)/cn=recipients/cn=useraded002e</t>
  </si>
  <si>
    <t>09/24/2019 09:36:04</t>
  </si>
  <si>
    <t>/o=exchangelabs/ou=exchange administrative group (fydibohf23spdlt)/cn=recipients/cn=f98150252e7d4ec38856314e08392d87-angeline gu;</t>
  </si>
  <si>
    <t>Preclosing e Orçamento 2020</t>
  </si>
  <si>
    <t>ANGELINE GUIMARAES NUNES.xlsx</t>
  </si>
  <si>
    <t>/o=exchangelabs/ou=exchange administrative group (fydibohf23spdlt)/cn=recipients/cn=f98150252e7d4ec38856314e08392d87-angeline gu</t>
  </si>
  <si>
    <t>09/24/2019 09:34:11</t>
  </si>
  <si>
    <t>09/24/2019 09:39:50</t>
  </si>
  <si>
    <t>/o=exchangelabs/ou=exchange administrative group (fydibohf23spdlt)/cn=recipients/cn=c08089b92f0643f18c949cb099a06593-tamara luis;/o=exchangelabs/ou=exchange administrative group (fydibohf23spdlt)/cn=recipients/cn=f167860e3f1940cc81730e5f24d2f0bb-alexandre f;/o=exchangelabs/ou=exchange administrative group (fydibohf23spdlt)/cn=recipients/cn=f545a323f3be43dbbabfeb25fc86516a-rafael melv;</t>
  </si>
  <si>
    <t>Rampa Chat - 41% RETENÇÃO</t>
  </si>
  <si>
    <t>Dimensionamento_Sem_Curva_Electrolux_PROPOSTA ALTERNATIVA_20092019_ENVIO.xls</t>
  </si>
  <si>
    <t>/o=exchangelabs/ou=exchange administrative group (fydibohf23spdlt)/cn=recipients/cn=c08089b92f0643f18c949cb099a06593-tamara luis,/o=exchangelabs/ou=exchange administrative group (fydibohf23spdlt)/cn=recipients/cn=f167860e3f1940cc81730e5f24d2f0bb-alexandre f,/o=exchangelabs/ou=exchange administrative group (fydibohf23spdlt)/cn=recipients/cn=f545a323f3be43dbbabfeb25fc86516a-rafael melv</t>
  </si>
  <si>
    <t>09/24/2019 09:35:29</t>
  </si>
  <si>
    <t>/o=exchangelabs/ou=exchange administrative group (fydibohf23spdlt)/cn=recipients/cn=443a648e2bd247c69659ca2ac6a18582-adriele fer;</t>
  </si>
  <si>
    <t>ENC: Sessão de Governança - Relacionamento de Cartões BV</t>
  </si>
  <si>
    <t>/o=exchangelabs/ou=exchange administrative group (fydibohf23spdlt)/cn=recipients/cn=443a648e2bd247c69659ca2ac6a18582-adriele fer</t>
  </si>
  <si>
    <t>09/23/2019 10:52:45</t>
  </si>
  <si>
    <t>09/24/2019 09:44:49</t>
  </si>
  <si>
    <t>10.200.68.122</t>
  </si>
  <si>
    <t>C4-D9-87-E5-35-BC</t>
  </si>
  <si>
    <t>NB-KEILAPSBA</t>
  </si>
  <si>
    <t>keilapsba</t>
  </si>
  <si>
    <t>Keila Priscila Soares Batista</t>
  </si>
  <si>
    <t>/o=exchangelabs/ou=exchange administrative group (fydibohf23spdlt)/cn=recipients/cn=d6cce5a70d504cc2ad89cee834cd59a9-luciana rib;/o=exchangelabs/ou=exchange administrative group (fydibohf23spdlt)/cn=recipients/cn=f0ff087361a245daa16e71ac77ecc3f0-ivan costa;cfonseca@tripag.com.br;cynthiaf@tripag.com.br;</t>
  </si>
  <si>
    <t>RES: Ação - Maiores motivos de categorizações</t>
  </si>
  <si>
    <t>OTRS Julho, Agosto, Setembro.xlsx</t>
  </si>
  <si>
    <t>/o=exchangelabs/ou=exchange administrative group (fydibohf23spdlt)/cn=recipients/cn=d6cce5a70d504cc2ad89cee834cd59a9-luciana rib,/o=exchangelabs/ou=exchange administrative group (fydibohf23spdlt)/cn=recipients/cn=f0ff087361a245daa16e71ac77ecc3f0-ivan costa,cfonseca@tripag.com.br,cynthiaf@tripag.com.br</t>
  </si>
  <si>
    <t>09/23/2019 10:56:25</t>
  </si>
  <si>
    <t>/o=exchangelabs/ou=exchange administrative group (fydibohf23spdlt)/cn=recipients/cn=690534bfcd7340c7beff9dafbdbfc25f-paulo henri;</t>
  </si>
  <si>
    <t>ENC: Ação - Maiores motivos de categorizações</t>
  </si>
  <si>
    <t>/o=exchangelabs/ou=exchange administrative group (fydibohf23spdlt)/cn=recipients/cn=690534bfcd7340c7beff9dafbdbfc25f-paulo henri</t>
  </si>
  <si>
    <t>09/24/2019 09:42:18</t>
  </si>
  <si>
    <t>/o=exchangelabs/ou=exchange administrative group (fydibohf23spdlt)/cn=recipients/cn=3231d815809d4256b0da40dff50c3bbc-thiago sora;/o=exchangelabs/ou=exchange administrative group (fydibohf23spdlt)/cn=recipients/cn=52684aee05874b27a5c249763c2fe008-andre mota;/o=exchangelabs/ou=exchange administrative group (fydibohf23spdlt)/cn=recipients/cn=b284454839e94314a90d49e7ec00864f-antonio car;</t>
  </si>
  <si>
    <t>ENC: Time PCP Caixa Seguradora</t>
  </si>
  <si>
    <t>57 - Esturuta PCP - Caixa.xlsx</t>
  </si>
  <si>
    <t>/o=exchangelabs/ou=exchange administrative group (fydibohf23spdlt)/cn=recipients/cn=3231d815809d4256b0da40dff50c3bbc-thiago sora,/o=exchangelabs/ou=exchange administrative group (fydibohf23spdlt)/cn=recipients/cn=52684aee05874b27a5c249763c2fe008-andre mota,/o=exchangelabs/ou=exchange administrative group (fydibohf23spdlt)/cn=recipients/cn=b284454839e94314a90d49e7ec00864f-antonio car</t>
  </si>
  <si>
    <t>09/24/2019 09:43:55</t>
  </si>
  <si>
    <t>09/24/2019 09:45:49</t>
  </si>
  <si>
    <t>/o=exchangelabs/ou=exchange administrative group (fydibohf23spdlt)/cn=recipients/cn=a78f7dae304e472e9f75bd537683f6e5-hugo de oli;/o=exchangelabs/ou=exchange administrative group (fydibohf23spdlt)/cn=recipients/cn=b1d771656e5d46709d93295f07966125-pedro henri;</t>
  </si>
  <si>
    <t>ENC: Indicadores Report ATIVO NEXT - POWER BI</t>
  </si>
  <si>
    <t>Indicadores report Ativo - POWER BI.xlsx</t>
  </si>
  <si>
    <t>/o=exchangelabs/ou=exchange administrative group (fydibohf23spdlt)/cn=recipients/cn=a78f7dae304e472e9f75bd537683f6e5-hugo de oli,/o=exchangelabs/ou=exchange administrative group (fydibohf23spdlt)/cn=recipients/cn=b1d771656e5d46709d93295f07966125-pedro henri</t>
  </si>
  <si>
    <t>09/24/2019 09:43:29</t>
  </si>
  <si>
    <t>09/24/2019 09:46:50</t>
  </si>
  <si>
    <t>/o=exchangelabs/ou=exchange administrative group (fydibohf23spdlt)/cn=recipients/cn=580511c4e8074cf1beceb92fa563928c-ana carolin;/o=exchangelabs/ou=exchange administrative group (fydibohf23spdlt)/cn=recipients/cn=90bbd36f936b4bc78e1fbd0a7eb4aa7d-samantha du;/o=exchangelabs/ou=exchange administrative group (fydibohf23spdlt)/cn=recipients/cn=daea76c116d14ba69bf57b6e77a4327e-luana almei;/o=exchangelabs/ou=exchange administrative group (fydibohf23spdlt)/cn=recipients/cn=f9e751102def46a896bc3ec6e90e1aed-katia dos r;</t>
  </si>
  <si>
    <t>ENC: STH's Canal Regulamentado</t>
  </si>
  <si>
    <t>STH RE.xlsx</t>
  </si>
  <si>
    <t>/o=exchangelabs/ou=exchange administrative group (fydibohf23spdlt)/cn=recipients/cn=580511c4e8074cf1beceb92fa563928c-ana carolin,/o=exchangelabs/ou=exchange administrative group (fydibohf23spdlt)/cn=recipients/cn=90bbd36f936b4bc78e1fbd0a7eb4aa7d-samantha du,/o=exchangelabs/ou=exchange administrative group (fydibohf23spdlt)/cn=recipients/cn=daea76c116d14ba69bf57b6e77a4327e-luana almei,/o=exchangelabs/ou=exchange administrative group (fydibohf23spdlt)/cn=recipients/cn=f9e751102def46a896bc3ec6e90e1aed-katia dos r</t>
  </si>
  <si>
    <t>09/24/2019 09:51:23</t>
  </si>
  <si>
    <t>09/24/2019 09:52:49</t>
  </si>
  <si>
    <t>/o=exchangelabs/ou=exchange administrative group (fydibohf23spdlt)/cn=recipients/cn=7010366a38334f4ea93ff55da14a3fd0-supervisore;</t>
  </si>
  <si>
    <t>/o=exchangelabs/ou=exchange administrative group (fydibohf23spdlt)/cn=recipients/cn=7010366a38334f4ea93ff55da14a3fd0-supervisore</t>
  </si>
  <si>
    <t>09/24/2019 09:51:19</t>
  </si>
  <si>
    <t>/o=exchangelabs/ou=exchange administrative group (fydibohf23spdlt)/cn=recipients/cn=249f643ba1e044588b45a020c76dadde-daniel de o;</t>
  </si>
  <si>
    <t>RES: Equipe Consultoria Bradesco</t>
  </si>
  <si>
    <t>Dashboard Processos.xlsm</t>
  </si>
  <si>
    <t>/o=exchangelabs/ou=exchange administrative group (fydibohf23spdlt)/cn=recipients/cn=249f643ba1e044588b45a020c76dadde-daniel de o</t>
  </si>
  <si>
    <t>09/24/2019 09:49:24</t>
  </si>
  <si>
    <t>09/24/2019 09:54:49</t>
  </si>
  <si>
    <t>R:\OneDrive - Grupo Algar\Advanced Collection\BP e Rampa de Cobrança\</t>
  </si>
  <si>
    <t>Revisão receita 2019 - 2 semestre.xlsx</t>
  </si>
  <si>
    <t>09/24/2019 09:52:17</t>
  </si>
  <si>
    <t>daiane.alves@bradesco.com.br;</t>
  </si>
  <si>
    <t>Fechamento PF Outubro..xlsx</t>
  </si>
  <si>
    <t>daiane.alves@bradesco.com.br</t>
  </si>
  <si>
    <t>09/24/2019 09:49:34</t>
  </si>
  <si>
    <t>09/24/2019 09:56:49</t>
  </si>
  <si>
    <t>10.200.57.35</t>
  </si>
  <si>
    <t>9C-30-5B-F7-E1-95</t>
  </si>
  <si>
    <t>leandrolds@algartech.com;</t>
  </si>
  <si>
    <t>ENC: Projeto avos de férias</t>
  </si>
  <si>
    <t>Report_Programação de férias 1709 - Fernando P..xlsx</t>
  </si>
  <si>
    <t>leandrolds@algartech.com</t>
  </si>
  <si>
    <t>09/24/2019 09:51:06</t>
  </si>
  <si>
    <t>/o=exchangelabs/ou=exchange administrative group (fydibohf23spdlt)/cn=recipients/cn=2946605dcf554cb389220dec598b84fa-adriano mon;leandrolds@algartech.com;</t>
  </si>
  <si>
    <t>/o=exchangelabs/ou=exchange administrative group (fydibohf23spdlt)/cn=recipients/cn=2946605dcf554cb389220dec598b84fa-adriano mon,leandrolds@algartech.com</t>
  </si>
  <si>
    <t>09/24/2019 09:54:55</t>
  </si>
  <si>
    <t>09/24/2019 10:00:49</t>
  </si>
  <si>
    <t>Relação Equipes - Filhos Sala e Cozinha.xlsx</t>
  </si>
  <si>
    <t>09/24/2019 09:58:36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52e670e2f8dd45f6bb83074a02c43b48-priscila ap;/o=exchangelabs/ou=exchange administrative group (fydibohf23spdlt)/cn=recipients/cn=a78f7dae304e472e9f75bd537683f6e5-hugo de oli;/o=exchangelabs/ou=exchange administrative group (fydibohf23spdlt)/cn=recipients/cn=ab46a8675a184bef8d8f2440330cff44-daise jesus;/o=exchangelabs/ou=exchange administrative group (fydibohf23spdlt)/cn=recipients/cn=daea76c116d14ba69bf57b6e77a4327e-luana almei;/o=exchangelabs/ou=exchange administrative group (fydibohf23spdlt)/cn=recipients/cn=fd4a47c4d251414eb48a57376a49e773-marco tulio;diogo@quilleconsultoria.com.br;</t>
  </si>
  <si>
    <t>RES: ATA - Pauta de Qualidade Algar</t>
  </si>
  <si>
    <t>Agent_Login-Logout_Details_Report 22.09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52e670e2f8dd45f6bb83074a02c43b48-priscila ap,/o=exchangelabs/ou=exchange administrative group (fydibohf23spdlt)/cn=recipients/cn=a78f7dae304e472e9f75bd537683f6e5-hugo de oli,/o=exchangelabs/ou=exchange administrative group (fydibohf23spdlt)/cn=recipients/cn=ab46a8675a184bef8d8f2440330cff44-daise jesus,/o=exchangelabs/ou=exchange administrative group (fydibohf23spdlt)/cn=recipients/cn=daea76c116d14ba69bf57b6e77a4327e-luana almei,/o=exchangelabs/ou=exchange administrative group (fydibohf23spdlt)/cn=recipients/cn=fd4a47c4d251414eb48a57376a49e773-marco tulio,diogo@quilleconsultoria.com.br</t>
  </si>
  <si>
    <t>09/24/2019 09:58:48</t>
  </si>
  <si>
    <t>09/24/2019 10:01:49</t>
  </si>
  <si>
    <t>09/24/2019 09:58:53</t>
  </si>
  <si>
    <t>09/24/2019 10:00:45</t>
  </si>
  <si>
    <t>/o=exchangelabs/ou=exchange administrative group (fydibohf23spdlt)/cn=recipients/cn=18538d61f6f342f7a3d2db08df47d617-vanusa prec;/o=exchangelabs/ou=exchange administrative group (fydibohf23spdlt)/cn=recipients/cn=2504d5028b6b4fb89d14a5df6031358d-jane carla;/o=exchangelabs/ou=exchange administrative group (fydibohf23spdlt)/cn=recipients/cn=2b69c7de1a3641269a7eed0596e1ddc2-wayner oliv;/o=exchangelabs/ou=exchange administrative group (fydibohf23spdlt)/cn=recipients/cn=54abac0a4fdc4ad1bec39bb51d85eab1-victor hugo;/o=exchangelabs/ou=exchange administrative group (fydibohf23spdlt)/cn=recipients/cn=6bc6ced03b1b4fafa41bb5c70c178940-antonio per;</t>
  </si>
  <si>
    <t>meta adicional por pacote</t>
  </si>
  <si>
    <t>Meta adicional - 2S19 OBZ.xlsx</t>
  </si>
  <si>
    <t>/o=exchangelabs/ou=exchange administrative group (fydibohf23spdlt)/cn=recipients/cn=18538d61f6f342f7a3d2db08df47d617-vanusa prec,/o=exchangelabs/ou=exchange administrative group (fydibohf23spdlt)/cn=recipients/cn=2504d5028b6b4fb89d14a5df6031358d-jane carla,/o=exchangelabs/ou=exchange administrative group (fydibohf23spdlt)/cn=recipients/cn=2b69c7de1a3641269a7eed0596e1ddc2-wayner oliv,/o=exchangelabs/ou=exchange administrative group (fydibohf23spdlt)/cn=recipients/cn=54abac0a4fdc4ad1bec39bb51d85eab1-victor hugo,/o=exchangelabs/ou=exchange administrative group (fydibohf23spdlt)/cn=recipients/cn=6bc6ced03b1b4fafa41bb5c70c178940-antonio per</t>
  </si>
  <si>
    <t>09/24/2019 09:59:37</t>
  </si>
  <si>
    <t>/o=exchangelabs/ou=exchange administrative group (fydibohf23spdlt)/cn=recipients/cn=058955d6dd54416894ef02fd61fe3f5f-marden vian;/o=exchangelabs/ou=exchange administrative group (fydibohf23spdlt)/cn=recipients/cn=7c18c68de32d4253b0f64f2eed60d60e-thais ferna;/o=exchangelabs/ou=exchange administrative group (fydibohf23spdlt)/cn=recipients/cn=a72fa73d2e1a464ba879e7629d58ef97-luana erlen;/o=exchangelabs/ou=exchange administrative group (fydibohf23spdlt)/cn=recipients/cn=b88fbbe7feb5433885019feb0ecb000c-lilian beat;/o=exchangelabs/ou=exchange administrative group (fydibohf23spdlt)/cn=recipients/cn=fd4a47c4d251414eb48a57376a49e773-marco tulio;</t>
  </si>
  <si>
    <t>RES: Dados para auxiliar na Migração do Nice</t>
  </si>
  <si>
    <t>Estrutura Bradesco.xlsx</t>
  </si>
  <si>
    <t>/o=exchangelabs/ou=exchange administrative group (fydibohf23spdlt)/cn=recipients/cn=058955d6dd54416894ef02fd61fe3f5f-marden vian,/o=exchangelabs/ou=exchange administrative group (fydibohf23spdlt)/cn=recipients/cn=7c18c68de32d4253b0f64f2eed60d60e-thais ferna,/o=exchangelabs/ou=exchange administrative group (fydibohf23spdlt)/cn=recipients/cn=a72fa73d2e1a464ba879e7629d58ef97-luana erlen,/o=exchangelabs/ou=exchange administrative group (fydibohf23spdlt)/cn=recipients/cn=b88fbbe7feb5433885019feb0ecb000c-lilian beat,/o=exchangelabs/ou=exchange administrative group (fydibohf23spdlt)/cn=recipients/cn=fd4a47c4d251414eb48a57376a49e773-marco tulio</t>
  </si>
  <si>
    <t>09/24/2019 10:00:23</t>
  </si>
  <si>
    <t>09/24/2019 10:03:50</t>
  </si>
  <si>
    <t>/o=exchangelabs/ou=exchange administrative group (fydibohf23spdlt)/cn=recipients/cn=6bc6ced03b1b4fafa41bb5c70c178940-antonio per;</t>
  </si>
  <si>
    <t>ANTONIO PEREIRA DOS SANTOS JUNIOR.xlsx</t>
  </si>
  <si>
    <t>/o=exchangelabs/ou=exchange administrative group (fydibohf23spdlt)/cn=recipients/cn=6bc6ced03b1b4fafa41bb5c70c178940-antonio per</t>
  </si>
  <si>
    <t>09/24/2019 10:02:57</t>
  </si>
  <si>
    <t>09/24/2019 10:06:49</t>
  </si>
  <si>
    <t>10.200.61.208</t>
  </si>
  <si>
    <t>80-86-F2-FD-76-F9</t>
  </si>
  <si>
    <t>COMPROMISSADO_2019_ENGESET.xls</t>
  </si>
  <si>
    <t>09/24/2019 10:04:20</t>
  </si>
  <si>
    <t>09/24/2019 10:08:49</t>
  </si>
  <si>
    <t>/o=exchangelabs/ou=exchange administrative group (fydibohf23spdlt)/cn=recipients/cn=c50b03cf1b3f488db6f845b777a79c0e-katiucia ba;</t>
  </si>
  <si>
    <t>KATIUCIA BARBOSA DE MEDEIROS SILVA.xlsx</t>
  </si>
  <si>
    <t>/o=exchangelabs/ou=exchange administrative group (fydibohf23spdlt)/cn=recipients/cn=c50b03cf1b3f488db6f845b777a79c0e-katiucia ba</t>
  </si>
  <si>
    <t>09/24/2019 10:05:45</t>
  </si>
  <si>
    <t>/o=exchangelabs/ou=exchange administrative group (fydibohf23spdlt)/cn=recipients/cn=168e05cabbf14ae289464a0c09955b31-sara ferrei;</t>
  </si>
  <si>
    <t>SARA MARIA FERREIRA GOULART.xlsx</t>
  </si>
  <si>
    <t>/o=exchangelabs/ou=exchange administrative group (fydibohf23spdlt)/cn=recipients/cn=168e05cabbf14ae289464a0c09955b31-sara ferrei</t>
  </si>
  <si>
    <t>09/24/2019 10:07:54</t>
  </si>
  <si>
    <t>09/24/2019 10:09:49</t>
  </si>
  <si>
    <t>Empresas Prospecção Cobrança - 2019.xlsx</t>
  </si>
  <si>
    <t>09/24/2019 10:08:38</t>
  </si>
  <si>
    <t>Relatório teste.xlsx</t>
  </si>
  <si>
    <t>09/24/2019 10:10:47</t>
  </si>
  <si>
    <t>09/24/2019 10:11:49</t>
  </si>
  <si>
    <t>10.200.60.46</t>
  </si>
  <si>
    <t>FC-01-7C-B3-BA-4D</t>
  </si>
  <si>
    <t>NB-RONDINELESA</t>
  </si>
  <si>
    <t>rondinelesa</t>
  </si>
  <si>
    <t>C:\Users\rondinelesa\Desktop\</t>
  </si>
  <si>
    <t>Fraseologias URA ASC 2° via de Boleto.xlsx</t>
  </si>
  <si>
    <t>' and title contains 'xlsx' and trashed = false and '0aahmilf7dfxpuk9pva' in parents,actionitems,approvalmetadata(approvalversion,approvalsummaries),canaddchildren,cancopy,candelete,candownload,canedit,canmoveitemoutofteamdrive,canmoveitemwithinteamdrive,canmoveteamdriveitem),canreadteamdrive,canremovechildren,canrename,canrequestapproval,canshare,cantrash,cantrashchildren,canuntrash,capabilities(canmoveitemintoteamdrive,contentrestrictions(readonly),copyable,createddate,displayname,domain,editable,emailaddress,explicitlytrashed,fileextension,filesize,flaggedforabuse,foldercolor,folderfeatures,hasaugmentedpermissions,haschildfolders,hasthumbnail,hidden,id,id),incompletesearch,labels(starred,lastmodifyinguser(kind,lastviewedbymedate,mimetype,modifiedbymedate,ontainsunsubscribedchildren,organizationdisplayname,owners(kind,parents(id),passivelysubscribed,permissionid,picture,primarydomainname,primarysyncparentid,quotabytesused,recency,recencyreason,restricted,shareable,shared,sharedwithmedate,sharinguser(kind,sh</t>
  </si>
  <si>
    <t>09/24/2019 10:10:41</t>
  </si>
  <si>
    <t>09/24/2019 10:13:49</t>
  </si>
  <si>
    <t>09/24/2019 10:12:26</t>
  </si>
  <si>
    <t>09/24/2019 10:12:28</t>
  </si>
  <si>
    <t>09/24/2019 10:15:49</t>
  </si>
  <si>
    <t>09/24/2019 10:14:27</t>
  </si>
  <si>
    <t>09/24/2019 10:16:49</t>
  </si>
  <si>
    <t>09/24/2019 10:13:10</t>
  </si>
  <si>
    <t>10.201.28.62</t>
  </si>
  <si>
    <t>/o=exchangelabs/ou=exchange administrative group (fydibohf23spdlt)/cn=recipients/cn=0b6a994899de4cd3af0f6d1091e97ebf-arones abre;</t>
  </si>
  <si>
    <t>/o=exchangelabs/ou=exchange administrative group (fydibohf23spdlt)/cn=recipients/cn=0b6a994899de4cd3af0f6d1091e97ebf-arones abre</t>
  </si>
  <si>
    <t>09/24/2019 10:15:09</t>
  </si>
  <si>
    <t>DAF OP LOGISTICA</t>
  </si>
  <si>
    <t>10.16.72.102</t>
  </si>
  <si>
    <t>58-20-B1-0D-DC-3A</t>
  </si>
  <si>
    <t>NBHE-FERNANDOOR</t>
  </si>
  <si>
    <t>lucashdsi</t>
  </si>
  <si>
    <t>LUCAS HENRIQUE DA SILVA</t>
  </si>
  <si>
    <t>/o=exchangelabs/ou=exchange administrative group (fydibohf23spdlt)/cn=recipients/cn=5876a52919c440598f015f22bceb7eeb-antonio car;/o=exchangelabs/ou=exchange administrative group (fydibohf23spdlt)/cn=recipients/cn=65f2464c9a2e4d2981cae7124572133d-cristiane c;/o=exchangelabs/ou=exchange administrative group (fydibohf23spdlt)/cn=recipients/cn=8c01e71056fe4e1a8ecc4e24420bd9ef-fellyp cros;bjusto_amerinode@timbrasil.com.br;efagundes_pronto@timbrasil.com.br;esantana@timbrasil.com.br;llana@timbrasil.com.br;logisticatimopm@grupotpc.com;</t>
  </si>
  <si>
    <t>RES: ERRO DE CADASTRO SISTEMICO</t>
  </si>
  <si>
    <t>PLANILHA SGS.xlsx</t>
  </si>
  <si>
    <t>/o=exchangelabs/ou=exchange administrative group (fydibohf23spdlt)/cn=recipients/cn=5876a52919c440598f015f22bceb7eeb-antonio car,/o=exchangelabs/ou=exchange administrative group (fydibohf23spdlt)/cn=recipients/cn=65f2464c9a2e4d2981cae7124572133d-cristiane c,/o=exchangelabs/ou=exchange administrative group (fydibohf23spdlt)/cn=recipients/cn=8c01e71056fe4e1a8ecc4e24420bd9ef-fellyp cros,bjusto_amerinode@timbrasil.com.br,efagundes_pronto@timbrasil.com.br,esantana@timbrasil.com.br,llana@timbrasil.com.br,logisticatimopm@grupotpc.com</t>
  </si>
  <si>
    <t>09/24/2019 10:14:30</t>
  </si>
  <si>
    <t>ENC: Verificação (circularização) de PO´s pendentes de faturamento - ENGESET</t>
  </si>
  <si>
    <t>Circularização ENGESET.xlsx</t>
  </si>
  <si>
    <t>09/24/2019 10:13:55</t>
  </si>
  <si>
    <t>09/24/2019 10:18:50</t>
  </si>
  <si>
    <t>/o=exchangelabs/ou=exchange administrative group (fydibohf23spdlt)/cn=recipients/cn=b144f37bc5a4455085d413d0b7993628-daniela de;</t>
  </si>
  <si>
    <t>DANIELA DE OLIVEIRA FLORES.xlsx</t>
  </si>
  <si>
    <t>/o=exchangelabs/ou=exchange administrative group (fydibohf23spdlt)/cn=recipients/cn=b144f37bc5a4455085d413d0b7993628-daniela de</t>
  </si>
  <si>
    <t>09/24/2019 10:05:27</t>
  </si>
  <si>
    <t>09/24/2019 10:19:49</t>
  </si>
  <si>
    <t>10.200.59.243</t>
  </si>
  <si>
    <t>FC-01-7C-B3-59-4D</t>
  </si>
  <si>
    <t>NB-KARINARS</t>
  </si>
  <si>
    <t>karinars</t>
  </si>
  <si>
    <t>Karina Rodrigues de Souza</t>
  </si>
  <si>
    <t>/o=exchangelabs/ou=exchange administrative group (fydibohf23spdlt)/cn=recipients/cn=0ca6cc8d100949a7866a928f62ef5778-rosilene de;/o=exchangelabs/ou=exchange administrative group (fydibohf23spdlt)/cn=recipients/cn=93fbfc821dab48cf91184b5c6c1bf60c-ianny raiss;/o=exchangelabs/ou=exchange administrative group (fydibohf23spdlt)/cn=recipients/cn=d1d015f213f648abbf348b5ccdf8e9d9-senilda per;/o=exchangelabs/ou=exchange administrative group (fydibohf23spdlt)/cn=recipients/cn=e39e329fc16a43329eb2766bae675122-mariana gon;/o=exchangelabs/ou=exchange administrative group (fydibohf23spdlt)/cn=recipients/cn=userd3ef8196;</t>
  </si>
  <si>
    <t>Report_Programação de férias 1709 - Alessandra.xlsx</t>
  </si>
  <si>
    <t>/o=exchangelabs/ou=exchange administrative group (fydibohf23spdlt)/cn=recipients/cn=0ca6cc8d100949a7866a928f62ef5778-rosilene de,/o=exchangelabs/ou=exchange administrative group (fydibohf23spdlt)/cn=recipients/cn=93fbfc821dab48cf91184b5c6c1bf60c-ianny raiss,/o=exchangelabs/ou=exchange administrative group (fydibohf23spdlt)/cn=recipients/cn=d1d015f213f648abbf348b5ccdf8e9d9-senilda per,/o=exchangelabs/ou=exchange administrative group (fydibohf23spdlt)/cn=recipients/cn=e39e329fc16a43329eb2766bae675122-mariana gon,/o=exchangelabs/ou=exchange administrative group (fydibohf23spdlt)/cn=recipients/cn=userd3ef8196</t>
  </si>
  <si>
    <t>09/24/2019 10:18:47</t>
  </si>
  <si>
    <t>09/24/2019 10:21:49</t>
  </si>
  <si>
    <t>10.200.35.142</t>
  </si>
  <si>
    <t>64-1C-67-9B-A2-1A</t>
  </si>
  <si>
    <t>/o=exchangelabs/ou=exchange administrative group (fydibohf23spdlt)/cn=recipients/cn=f87f494a8d1d405d8a7b42a51dd5ab84-iris eugeni;</t>
  </si>
  <si>
    <t>Média TD e Assiduidade - Caixa</t>
  </si>
  <si>
    <t>TD e Ab.xls</t>
  </si>
  <si>
    <t>/o=exchangelabs/ou=exchange administrative group (fydibohf23spdlt)/cn=recipients/cn=f87f494a8d1d405d8a7b42a51dd5ab84-iris eugeni</t>
  </si>
  <si>
    <t>09/24/2019 10:19:43</t>
  </si>
  <si>
    <t>09/24/2019 10:23:49</t>
  </si>
  <si>
    <t>/o=exchangelabs/ou=exchange administrative group (fydibohf23spdlt)/cn=recipients/cn=16a29ec14a2c4cceae5d6ba9fc205b24-jaqueline a;/o=exchangelabs/ou=exchange administrative group (fydibohf23spdlt)/cn=recipients/cn=1ecce82c5b51492fa29d75f448efd6fa-claudineia;/o=exchangelabs/ou=exchange administrative group (fydibohf23spdlt)/cn=recipients/cn=2531782e0fc64d898e2b26119c64f4d3-laura beatr;/o=exchangelabs/ou=exchange administrative group (fydibohf23spdlt)/cn=recipients/cn=615c2ff727e24f248b441574479da1fe-jussara gon;/o=exchangelabs/ou=exchange administrative group (fydibohf23spdlt)/cn=recipients/cn=793b51fd8ee9452bb2da870c5dc56d05-mariana sil;/o=exchangelabs/ou=exchange administrative group (fydibohf23spdlt)/cn=recipients/cn=8e974a0c2c3f4521ad84c5b1aa62616e-caroline fe;/o=exchangelabs/ou=exchange administrative group (fydibohf23spdlt)/cn=recipients/cn=b37cc0eb51c94a76b1594a2448bac973-alessandra;/o=exchangelabs/ou=exchange administrative group (fydibohf23spdlt)/cn=recipients/cn=ca5634aac17d42dc9af0f58d88acc615-simone</t>
  </si>
  <si>
    <t>Validação de férias</t>
  </si>
  <si>
    <t>Relatório de AVOS - OFICIAL - SETEMBR1.xls</t>
  </si>
  <si>
    <t>/o=exchangelabs/ou=exchange administrative group (fydibohf23spdlt)/cn=recipients/cn=16a29ec14a2c4cceae5d6ba9fc205b24-jaqueline a,/o=exchangelabs/ou=exchange administrative group (fydibohf23spdlt)/cn=recipients/cn=1ecce82c5b51492fa29d75f448efd6fa-claudineia,/o=exchangelabs/ou=exchange administrative group (fydibohf23spdlt)/cn=recipients/cn=2531782e0fc64d898e2b26119c64f4d3-laura beatr,/o=exchangelabs/ou=exchange administrative group (fydibohf23spdlt)/cn=recipients/cn=615c2ff727e24f248b441574479da1fe-jussara gon,/o=exchangelabs/ou=exchange administrative group (fydibohf23spdlt)/cn=recipients/cn=793b51fd8ee9452bb2da870c5dc56d05-mariana sil,/o=exchangelabs/ou=exchange administrative group (fydibohf23spdlt)/cn=recipients/cn=8e974a0c2c3f4521ad84c5b1aa62616e-caroline fe,/o=exchangelabs/ou=exchange administrative group (fydibohf23spdlt)/cn=recipients/cn=b37cc0eb51c94a76b1594a2448bac973-alessandra,/o=exchangelabs/ou=exchange administrative group (fydibohf23spdlt)/cn=recipients/cn=ca5634aac17d42dc9af0f58d88acc615-simone</t>
  </si>
  <si>
    <t>09/24/2019 10:20:08</t>
  </si>
  <si>
    <t>09/24/2019 10:24:49</t>
  </si>
  <si>
    <t>09/24/2019 10:24:29</t>
  </si>
  <si>
    <t>09/24/2019 10:26:49</t>
  </si>
  <si>
    <t>Diversos</t>
  </si>
  <si>
    <t>09/24/2019 10:22:22</t>
  </si>
  <si>
    <t>/o=exchangelabs/ou=exchange administrative group (fydibohf23spdlt)/cn=recipients/cn=32fe8a14424941da83c2bf35a8a5709e-fabiana car;/o=exchangelabs/ou=exchange administrative group (fydibohf23spdlt)/cn=recipients/cn=3cbbbf2b74034adf96410f8599fd666d-moana pauli;/o=exchangelabs/ou=exchange administrative group (fydibohf23spdlt)/cn=recipients/cn=3f81420aa09a45308e82efb501d64cad-rafaela alv;/o=exchangelabs/ou=exchange administrative group (fydibohf23spdlt)/cn=recipients/cn=574b9ba530ca42ac8eeb3eea750f0f34-jose carlos;/o=exchangelabs/ou=exchange administrative group (fydibohf23spdlt)/cn=recipients/cn=6573e917996e42d293f3f3e9455809ed-marcellarr_;/o=exchangelabs/ou=exchange administrative group (fydibohf23spdlt)/cn=recipients/cn=6901f2f3357443da88f5bf4e300f5409-tamiresgp_a;/o=exchangelabs/ou=exchange administrative group (fydibohf23spdlt)/cn=recipients/cn=7c9970c256ec48dc92afbec3310a41f1-alineso_alg;/o=exchangelabs/ou=exchange administrative group (fydibohf23spdlt)/cn=recipients/cn=8de8fcf040a747469bae24396a3c832b-josi</t>
  </si>
  <si>
    <t>Que tal conhecer um pouco mais dos seus associados ? Acesse e fique por dentro!</t>
  </si>
  <si>
    <t>Análise das Gerações.xlsx</t>
  </si>
  <si>
    <t>/o=exchangelabs/ou=exchange administrative group (fydibohf23spdlt)/cn=recipients/cn=32fe8a14424941da83c2bf35a8a5709e-fabiana car,/o=exchangelabs/ou=exchange administrative group (fydibohf23spdlt)/cn=recipients/cn=3cbbbf2b74034adf96410f8599fd666d-moana pauli,/o=exchangelabs/ou=exchange administrative group (fydibohf23spdlt)/cn=recipients/cn=3f81420aa09a45308e82efb501d64cad-rafaela alv,/o=exchangelabs/ou=exchange administrative group (fydibohf23spdlt)/cn=recipients/cn=574b9ba530ca42ac8eeb3eea750f0f34-jose carlos,/o=exchangelabs/ou=exchange administrative group (fydibohf23spdlt)/cn=recipients/cn=6573e917996e42d293f3f3e9455809ed-marcellarr_,/o=exchangelabs/ou=exchange administrative group (fydibohf23spdlt)/cn=recipients/cn=6901f2f3357443da88f5bf4e300f5409-tamiresgp_a,/o=exchangelabs/ou=exchange administrative group (fydibohf23spdlt)/cn=recipients/cn=7c9970c256ec48dc92afbec3310a41f1-alineso_alg,/o=exchangelabs/ou=exchange administrative group (fydibohf23spdlt)/cn=recipients/cn=8de8fcf040a747469bae24396a3c832b-josi</t>
  </si>
  <si>
    <t>09/24/2019 10:23:17</t>
  </si>
  <si>
    <t>/o=exchangelabs/ou=exchange administrative group (fydibohf23spdlt)/cn=recipients/cn=7f100576a0d642769861fae5d58c2022-diego barda;</t>
  </si>
  <si>
    <t>ENC: Análise de Avos de Férias - Alessandra</t>
  </si>
  <si>
    <t>Report_Programação de férias 1309 - Alessandra - Tays.xlsx</t>
  </si>
  <si>
    <t>/o=exchangelabs/ou=exchange administrative group (fydibohf23spdlt)/cn=recipients/cn=7f100576a0d642769861fae5d58c2022-diego barda</t>
  </si>
  <si>
    <t>09/24/2019 10:25:22</t>
  </si>
  <si>
    <t>ENC: Daily Report Suporte Unica</t>
  </si>
  <si>
    <t>Daily Report - Setembro - 2019 v2.xlsx</t>
  </si>
  <si>
    <t>09/24/2019 10:25:48</t>
  </si>
  <si>
    <t>09/24/2019 10:27:49</t>
  </si>
  <si>
    <t>/o=exchangelabs/ou=exchange administrative group (fydibohf23spdlt)/cn=recipients/cn=590012d55fae421587844918af7bc53c-daiane mari;/o=exchangelabs/ou=exchange administrative group (fydibohf23spdlt)/cn=recipients/cn=ed2578a7fad746b59b0f586e2ee82bbd-heliel de f;</t>
  </si>
  <si>
    <t>folha 1 proj</t>
  </si>
  <si>
    <t>Relatorio_Desconto_Folha_1PROJ.xlsx</t>
  </si>
  <si>
    <t>/o=exchangelabs/ou=exchange administrative group (fydibohf23spdlt)/cn=recipients/cn=590012d55fae421587844918af7bc53c-daiane mari,/o=exchangelabs/ou=exchange administrative group (fydibohf23spdlt)/cn=recipients/cn=ed2578a7fad746b59b0f586e2ee82bbd-heliel de f</t>
  </si>
  <si>
    <t>09/24/2019 10:24:40</t>
  </si>
  <si>
    <t>Relatório de OSs Executadas com Sucesso.xlsm</t>
  </si>
  <si>
    <t>09/24/2019 10:27:07</t>
  </si>
  <si>
    <t>09/24/2019 10:29:22</t>
  </si>
  <si>
    <t>09/24/2019 10:29:49</t>
  </si>
  <si>
    <t>/o=exchangelabs/ou=exchange administrative group (fydibohf23spdlt)/cn=recipients/cn=90da2ce1966f46d7ab19fc9aab29d663-almir silva;kassiacps@algartech.com.br;</t>
  </si>
  <si>
    <t>RES: Escala para treinamento CPB - Urgente!</t>
  </si>
  <si>
    <t>/o=exchangelabs/ou=exchange administrative group (fydibohf23spdlt)/cn=recipients/cn=90da2ce1966f46d7ab19fc9aab29d663-almir silva,kassiacps@algartech.com.br</t>
  </si>
  <si>
    <t>09/24/2019 10:30:12</t>
  </si>
  <si>
    <t>09/24/2019 10:33:49</t>
  </si>
  <si>
    <t>/o=exchangelabs/ou=exchange administrative group (fydibohf23spdlt)/cn=recipients/cn=57b3e0724b2344fcbd88f738d223dd7a-leticia bor;</t>
  </si>
  <si>
    <t>Consolidado Não Faturado Agosto - Operações - Acompanhamento .xlsx</t>
  </si>
  <si>
    <t>/o=exchangelabs/ou=exchange administrative group (fydibohf23spdlt)/cn=recipients/cn=57b3e0724b2344fcbd88f738d223dd7a-leticia bor</t>
  </si>
  <si>
    <t>09/24/2019 10:33:25</t>
  </si>
  <si>
    <t>10.200.61.44</t>
  </si>
  <si>
    <t>FC-01-7C-B3-AD-87</t>
  </si>
  <si>
    <t>NB-RUDNEYLC</t>
  </si>
  <si>
    <t>rudneylc</t>
  </si>
  <si>
    <t>Rudney Lemes Costa</t>
  </si>
  <si>
    <t>/o=exchangelabs/ou=exchange administrative group (fydibohf23spdlt)/cn=recipients/cn=1635ed1077024674b65c52767dacde9a-jullian pac;/o=exchangelabs/ou=exchange administrative group (fydibohf23spdlt)/cn=recipients/cn=2d3379e2d04c40db810b4b1f41dd2aea-erica carol;/o=exchangelabs/ou=exchange administrative group (fydibohf23spdlt)/cn=recipients/cn=a4d4dbc88c434f8ba2bceed730d83878-marcellus r;</t>
  </si>
  <si>
    <t>ENC: URGENTE! Comprovantes de bloqueios e transferências - BRADESCO</t>
  </si>
  <si>
    <t>TRANSFERENCIAS_BRADESCO chamado 3310729 v.2.xlsx</t>
  </si>
  <si>
    <t>/o=exchangelabs/ou=exchange administrative group (fydibohf23spdlt)/cn=recipients/cn=1635ed1077024674b65c52767dacde9a-jullian pac,/o=exchangelabs/ou=exchange administrative group (fydibohf23spdlt)/cn=recipients/cn=2d3379e2d04c40db810b4b1f41dd2aea-erica carol,/o=exchangelabs/ou=exchange administrative group (fydibohf23spdlt)/cn=recipients/cn=a4d4dbc88c434f8ba2bceed730d83878-marcellus r</t>
  </si>
  <si>
    <t>09/24/2019 10:33:17</t>
  </si>
  <si>
    <t>09/24/2019 10:35:49</t>
  </si>
  <si>
    <t>\\acsfs\dsti\CIT- Coordenação de Inteligência de Tecnologia\05 - Gerenciamento Orçamento e Contabilização\5. Contabilidade 2019\9. Setembro\Despesa Antecipada\Oracle NF276946 OC 8379\</t>
  </si>
  <si>
    <t>09/24/2019 10:34:30</t>
  </si>
  <si>
    <t>09/24/2019 10:39:49</t>
  </si>
  <si>
    <t>D:\OneDrive\AlgarTech\Pré-Vendas\Processo Transacional\2017\Transacional - Comercial\</t>
  </si>
  <si>
    <t>LPU_DataCenter_Comercial_V8_Maio-2019.xlsm</t>
  </si>
  <si>
    <t>09/24/2019 10:35:52</t>
  </si>
  <si>
    <t>Template_Proposta_Transacional.xls</t>
  </si>
  <si>
    <t>09/24/2019 10:40:21</t>
  </si>
  <si>
    <t>09/24/2019 10:41:49</t>
  </si>
  <si>
    <t>/o=exchangelabs/ou=exchange administrative group (fydibohf23spdlt)/cn=recipients/cn=65f2464c9a2e4d2981cae7124572133d-cristiane c;/o=exchangelabs/ou=exchange administrative group (fydibohf23spdlt)/cn=recipients/cn=8bab2e9eaf824d2d93602784a48ac5f9-ronan salus;</t>
  </si>
  <si>
    <t>ENC: Projetos para tombar 2019 (legado para orçamento depreciação)</t>
  </si>
  <si>
    <t>Algar_CSC___Relatorio__Orc_X_R_180919_Grupo_Tech_at..xlsb</t>
  </si>
  <si>
    <t>/o=exchangelabs/ou=exchange administrative group (fydibohf23spdlt)/cn=recipients/cn=65f2464c9a2e4d2981cae7124572133d-cristiane c,/o=exchangelabs/ou=exchange administrative group (fydibohf23spdlt)/cn=recipients/cn=8bab2e9eaf824d2d93602784a48ac5f9-ronan salus</t>
  </si>
  <si>
    <t>09/24/2019 10:38:31</t>
  </si>
  <si>
    <t>09/24/2019 10:42:49</t>
  </si>
  <si>
    <t>C:\Users\filemoncmj\OneDrive - Grupo Algar\01. Algar Tech\02. Projetos Corporativos\06. PPE\GIAT\05. Cronograma\</t>
  </si>
  <si>
    <t>Burndown GIAT.xlsx</t>
  </si>
  <si>
    <t>09/24/2019 10:38:51</t>
  </si>
  <si>
    <t>CSGSB - COORDENACAO DE SERVICOS GERENCIADOS S</t>
  </si>
  <si>
    <t>10.208.12.71</t>
  </si>
  <si>
    <t>74-86-7A-FD-D6-F0</t>
  </si>
  <si>
    <t>DFSTAFF-01</t>
  </si>
  <si>
    <t>simoneesm</t>
  </si>
  <si>
    <t>C:\Users\simoneesm\OneDrive - Grupo Algar\Controle\ALGAR\FINANCEIRO\Orçamento Original\2020\1º semestre\Demais Pacotes\</t>
  </si>
  <si>
    <t>340500088 - Template Orçamentário Demais Pacotes - 2020.xlsb</t>
  </si>
  <si>
    <t>09/24/2019 10:45:44</t>
  </si>
  <si>
    <t>09/24/2019 10:47:49</t>
  </si>
  <si>
    <t>Simone Eloi de Souza Martins</t>
  </si>
  <si>
    <t>/o=exchangelabs/ou=exchange administrative group (fydibohf23spdlt)/cn=recipients/cn=98317c61309146baaae737fd3a6c03f2-kamila da s;</t>
  </si>
  <si>
    <t>ENC: VALIDAÇÃO DE HORA EXTRA</t>
  </si>
  <si>
    <t>CONSOLIDADO HE _ 01A22.09.2019.xlsx</t>
  </si>
  <si>
    <t>/o=exchangelabs/ou=exchange administrative group (fydibohf23spdlt)/cn=recipients/cn=98317c61309146baaae737fd3a6c03f2-kamila da s</t>
  </si>
  <si>
    <t>09/24/2019 10:47:21</t>
  </si>
  <si>
    <t>/o=exchangelabs/ou=exchange administrative group (fydibohf23spdlt)/cn=recipients/cn=287c26b08a0f48578479a15a452f025d-edilson rod;/o=exchangelabs/ou=exchange administrative group (fydibohf23spdlt)/cn=recipients/cn=49b6e1f6bd244c358b9dd8147887de7b-algar tech;/o=exchangelabs/ou=exchange administrative group (fydibohf23spdlt)/cn=recipients/cn=848be0d33936493e9c3744e62acc4a38-andre sergi;/o=exchangelabs/ou=exchange administrative group (fydibohf23spdlt)/cn=recipients/cn=a6fdcf35c45e45dfadc49f28aecbf053-ingo rodrig;/o=exchangelabs/ou=exchange administrative group (fydibohf23spdlt)/cn=recipients/cn=c6f5c50e91244036872327464dc6624a-cinthia mar;/o=exchangelabs/ou=exchange administrative group (fydibohf23spdlt)/cn=recipients/cn=ece15ffd767d4c3fa09934598464b80f-alexandre a;ingorodrigues@gmail.com;</t>
  </si>
  <si>
    <t>RES: SE_Competência SET (de 21/08 a 20/09/19)-Atendimento SCC - PRAZO: 14h00 de 25/09/19</t>
  </si>
  <si>
    <t>SE_Competência SET_Atendimento SCC.xlsx</t>
  </si>
  <si>
    <t>/o=exchangelabs/ou=exchange administrative group (fydibohf23spdlt)/cn=recipients/cn=287c26b08a0f48578479a15a452f025d-edilson rod,/o=exchangelabs/ou=exchange administrative group (fydibohf23spdlt)/cn=recipients/cn=49b6e1f6bd244c358b9dd8147887de7b-algar tech,/o=exchangelabs/ou=exchange administrative group (fydibohf23spdlt)/cn=recipients/cn=848be0d33936493e9c3744e62acc4a38-andre sergi,/o=exchangelabs/ou=exchange administrative group (fydibohf23spdlt)/cn=recipients/cn=a6fdcf35c45e45dfadc49f28aecbf053-ingo rodrig,/o=exchangelabs/ou=exchange administrative group (fydibohf23spdlt)/cn=recipients/cn=c6f5c50e91244036872327464dc6624a-cinthia mar,/o=exchangelabs/ou=exchange administrative group (fydibohf23spdlt)/cn=recipients/cn=ece15ffd767d4c3fa09934598464b80f-alexandre a,ingorodrigues@gmail.com</t>
  </si>
  <si>
    <t>09/24/2019 10:49:46</t>
  </si>
  <si>
    <t>09/24/2019 10:50:49</t>
  </si>
  <si>
    <t>/o=exchangelabs/ou=exchange administrative group (fydibohf23spdlt)/cn=recipients/cn=7903c13fa0504ff0bc7dd2644020b0e8-mirna prado;/o=exchangelabs/ou=exchange administrative group (fydibohf23spdlt)/cn=recipients/cn=98e18f75c1d448d18c2b385d101db11f-luiz alfred;/o=exchangelabs/ou=exchange administrative group (fydibohf23spdlt)/cn=recipients/cn=e174366906884bd1b4d4c5ddfc8c9433-rodrigo men;/o=exchangelabs/ou=exchange administrative group (fydibohf23spdlt)/cn=recipients/cn=eeccfec6dd26453db576a7c3b3bc44ec-pablo perei;</t>
  </si>
  <si>
    <t>ABRIR STH - CONTROL</t>
  </si>
  <si>
    <t>BP RECALL - v1 - 6 Meses - com Telco - vf -.xlsb</t>
  </si>
  <si>
    <t>/o=exchangelabs/ou=exchange administrative group (fydibohf23spdlt)/cn=recipients/cn=7903c13fa0504ff0bc7dd2644020b0e8-mirna prado,/o=exchangelabs/ou=exchange administrative group (fydibohf23spdlt)/cn=recipients/cn=98e18f75c1d448d18c2b385d101db11f-luiz alfred,/o=exchangelabs/ou=exchange administrative group (fydibohf23spdlt)/cn=recipients/cn=e174366906884bd1b4d4c5ddfc8c9433-rodrigo men,/o=exchangelabs/ou=exchange administrative group (fydibohf23spdlt)/cn=recipients/cn=eeccfec6dd26453db576a7c3b3bc44ec-pablo perei</t>
  </si>
  <si>
    <t>09/24/2019 10:50:15</t>
  </si>
  <si>
    <t>09/24/2019 10:52:49</t>
  </si>
  <si>
    <t>/o=exchangelabs/ou=exchange administrative group (fydibohf23spdlt)/cn=recipients/cn=1e212ef08dab4f26b88cba944f2ab7cb-pmo.governa;/o=exchangelabs/ou=exchange administrative group (fydibohf23spdlt)/cn=recipients/cn=8a0784ccebb14202a66b1b8f3a285b61-thais de al;</t>
  </si>
  <si>
    <t>BP Crescimento Outubro - v2.xlsb</t>
  </si>
  <si>
    <t>/o=exchangelabs/ou=exchange administrative group (fydibohf23spdlt)/cn=recipients/cn=1e212ef08dab4f26b88cba944f2ab7cb-pmo.governa,/o=exchangelabs/ou=exchange administrative group (fydibohf23spdlt)/cn=recipients/cn=8a0784ccebb14202a66b1b8f3a285b61-thais de al</t>
  </si>
  <si>
    <t>09/23/2019 22:05:50</t>
  </si>
  <si>
    <t>09/24/2019 10:56:49</t>
  </si>
  <si>
    <t>10.211.2.156</t>
  </si>
  <si>
    <t>2C-6F-C9-66-33-17</t>
  </si>
  <si>
    <t>NB-EDILSONR</t>
  </si>
  <si>
    <t>C:\Users\edilsonrb\OneDrive - Grupo Algar\01.Particular\02.Cyrella\</t>
  </si>
  <si>
    <t>Calculo.Jan.2016.xlsx</t>
  </si>
  <si>
    <t>Cloud Storage (OneDriveForBusiness)</t>
  </si>
  <si>
    <t>Calculo.Pagto.xlsx</t>
  </si>
  <si>
    <t>Calculo.Stefan.xlsx</t>
  </si>
  <si>
    <t>09/23/2019 22:05:51</t>
  </si>
  <si>
    <t>C:\Users\edilsonrb\OneDrive - Grupo Algar\01.Particular\03.Diversos\</t>
  </si>
  <si>
    <t>Cópia de Folha-AND-2014.xlsx</t>
  </si>
  <si>
    <t>Cópia de Folha-IVO-2014.xlsx</t>
  </si>
  <si>
    <t>Despesas.Viagem.TO.Nov.2014.xlsx</t>
  </si>
  <si>
    <t>09/23/2019 22:05:52</t>
  </si>
  <si>
    <t>Gastos.Carnaval.2015.xlsx</t>
  </si>
  <si>
    <t>09/23/2019 22:05:57</t>
  </si>
  <si>
    <t>C:\Users\edilsonrb\OneDrive - Grupo Algar\01.Particular\04.RFP\EMS_HP_Proposta_Tecnica_Anexo_B_Outros_Documentos_v1.docx\</t>
  </si>
  <si>
    <t>Microsoft_Excel_97-2003_Worksheet1.xls</t>
  </si>
  <si>
    <t>09/23/2019 22:06:01</t>
  </si>
  <si>
    <t>C:\Users\edilsonrb\OneDrive - Grupo Algar\01.Particular\07.Estacionamento\</t>
  </si>
  <si>
    <t>Dados.Para.Boleto.xlsx</t>
  </si>
  <si>
    <t>Fluxo.Caixa.xlsx</t>
  </si>
  <si>
    <t>Fluxo.Caixa1.xlsx</t>
  </si>
  <si>
    <t>C:\Users\edilsonrb\OneDrive - Grupo Algar\01.Particular\08.ESOCIAL.2016\</t>
  </si>
  <si>
    <t>Folha-AND.xlsx</t>
  </si>
  <si>
    <t>Folha-IVO.xlsx</t>
  </si>
  <si>
    <t>09/23/2019 22:07:35</t>
  </si>
  <si>
    <t>C:\Users\edilsonrb\OneDrive - Grupo Algar\01.Particular\13.FAZENDA\</t>
  </si>
  <si>
    <t>Controle de Custo.xlsx</t>
  </si>
  <si>
    <t>C:\Users\edilsonrb\OneDrive - Grupo Algar\01.Particular\</t>
  </si>
  <si>
    <t>bradesco.xlsx</t>
  </si>
  <si>
    <t>C:\Users\edilsonrb\OneDrive - Grupo Algar\02.Trabalho\02.Estrutura.NOC\</t>
  </si>
  <si>
    <t>Associados.SD.DC.xlsx</t>
  </si>
  <si>
    <t>Business Case Migração NOC Asyst Final.xlsx</t>
  </si>
  <si>
    <t>09/23/2019 22:07:36</t>
  </si>
  <si>
    <t>Business Case Migração NOC Asyst.xlsx</t>
  </si>
  <si>
    <t>09/23/2019 22:07:37</t>
  </si>
  <si>
    <t>C:\Users\edilsonrb\OneDrive - Grupo Algar\02.Trabalho\03.Orçamento\01.Receita.2014.31.Dezembro\</t>
  </si>
  <si>
    <t>CONSOLIDADO SG + INFRA 2014 - 24012014.xls</t>
  </si>
  <si>
    <t>Estudo.xlsx</t>
  </si>
  <si>
    <t>Receita.Amanda.xls</t>
  </si>
  <si>
    <t>Receita.Andre.xls</t>
  </si>
  <si>
    <t>Receita.Fred.xls</t>
  </si>
  <si>
    <t>Receita.Infra.TI.21.01.14.xlsx</t>
  </si>
  <si>
    <t>09/23/2019 22:07:38</t>
  </si>
  <si>
    <t>Receita.Recorrente.SG.Infra.TI.xls</t>
  </si>
  <si>
    <t>C:\Users\edilsonrb\OneDrive - Grupo Algar\02.Trabalho\03.Orçamento\02.Validação.CRs\</t>
  </si>
  <si>
    <t>Infra.TI.xls</t>
  </si>
  <si>
    <t>Serviços.Gerenciados.xls</t>
  </si>
  <si>
    <t>C:\Users\edilsonrb\OneDrive - Grupo Algar\02.Trabalho\03.Orçamento\03.Revisão.Orçamento.2014\</t>
  </si>
  <si>
    <t>Infra.TI.2013x2014.xls</t>
  </si>
  <si>
    <t>C:\Users\edilsonrb\OneDrive - Grupo Algar\02.Trabalho\03.Orçamento\04.Trabalho.07.03.2014\</t>
  </si>
  <si>
    <t>INFRA.TI.2014.xls</t>
  </si>
  <si>
    <t>C:\Users\edilsonrb\OneDrive - Grupo Algar\02.Trabalho\03.Orçamento\04.Trabalho.07.03.2014\ORC-INFRA-2014.pptx\</t>
  </si>
  <si>
    <t>Planilha_do_Microsoft_Excel_97-20031.xls</t>
  </si>
  <si>
    <t>Planilha_do_Microsoft_Excel_97-200310.xls</t>
  </si>
  <si>
    <t>Planilha_do_Microsoft_Excel_97-20032.xls</t>
  </si>
  <si>
    <t>Planilha_do_Microsoft_Excel_97-20033.xls</t>
  </si>
  <si>
    <t>Planilha_do_Microsoft_Excel_97-20034.xls</t>
  </si>
  <si>
    <t>Planilha_do_Microsoft_Excel_97-20035.xls</t>
  </si>
  <si>
    <t>Planilha_do_Microsoft_Excel_97-20036.xls</t>
  </si>
  <si>
    <t>Planilha_do_Microsoft_Excel_97-20037.xls</t>
  </si>
  <si>
    <t>Planilha_do_Microsoft_Excel_97-20038.xls</t>
  </si>
  <si>
    <t>Planilha_do_Microsoft_Excel_97-20039.xls</t>
  </si>
  <si>
    <t>C:\Users\edilsonrb\OneDrive - Grupo Algar\02.Trabalho\03.Orçamento\05.Trabalho.24.03.2014\</t>
  </si>
  <si>
    <t>Análise PMO X Custo 2013 - TI Interna.xlsx</t>
  </si>
  <si>
    <t>META INFRA TI (3).xls</t>
  </si>
  <si>
    <t>09/23/2019 22:07:39</t>
  </si>
  <si>
    <t>META INFRA TI.xls</t>
  </si>
  <si>
    <t>C:\Users\edilsonrb\OneDrive - Grupo Algar\02.Trabalho\03.Orçamento\05.Trabalho.24.03.2014\ORC-INFRA-2014.pptx\</t>
  </si>
  <si>
    <t>Planilha_do_Microsoft_Excel_97-200311.xls</t>
  </si>
  <si>
    <t>Planilha_do_Microsoft_Excel_97-200312.xls</t>
  </si>
  <si>
    <t>C:\Users\edilsonrb\OneDrive - Grupo Algar\02.Trabalho\03.Orçamento\05.Trabalho.24.03.2014\ORC-INFRA-20141.pptx\</t>
  </si>
  <si>
    <t>09/23/2019 22:07:56</t>
  </si>
  <si>
    <t>C:\Users\edilsonrb\OneDrive - Grupo Algar\02.Trabalho\03.Orçamento\05.Trabalho.24.03.2014\ORC-INFRA-2014F.pptx\</t>
  </si>
  <si>
    <t>Planilha_do_Microsoft_Excel1.xlsx</t>
  </si>
  <si>
    <t>Planilha_do_Microsoft_Excel2.xlsx</t>
  </si>
  <si>
    <t>Planilha_do_Microsoft_Excel3.xlsx</t>
  </si>
  <si>
    <t>Planilha_do_Microsoft_Excel4.xlsx</t>
  </si>
  <si>
    <t>09/23/2019 22:07:57</t>
  </si>
  <si>
    <t>C:\Users\edilsonrb\OneDrive - Grupo Algar\02.Trabalho\03.Orçamento\06.Trabalho.17.12.2014\</t>
  </si>
  <si>
    <t>Detalhamento Amazon orçamento.xlsx</t>
  </si>
  <si>
    <t>C:\Users\edilsonrb\OneDrive - Grupo Algar\02.Trabalho\03.Orçamento\07.Rev.Orç.Mai.2015\</t>
  </si>
  <si>
    <t>CRs.Renato.Março.xlsx</t>
  </si>
  <si>
    <t>CRs.Renato.xlsx</t>
  </si>
  <si>
    <t>09/23/2019 22:07:59</t>
  </si>
  <si>
    <t>C:\Users\edilsonrb\OneDrive - Grupo Algar\02.Trabalho\03.Orçamento\08.Proj.Resul.2015\</t>
  </si>
  <si>
    <t>Cópia de RL Trimestral 22-05.xlsx</t>
  </si>
  <si>
    <t>Proj.Resultado.2015.22.05.xlsx</t>
  </si>
  <si>
    <t>09/23/2019 22:08:00</t>
  </si>
  <si>
    <t>Proj.Resultado.2015.xlsx</t>
  </si>
  <si>
    <t>C:\Users\edilsonrb\OneDrive - Grupo Algar\02.Trabalho\03.Orçamento\09.Rev.Orç.Ago.2015\</t>
  </si>
  <si>
    <t>Custo.Folha.xls</t>
  </si>
  <si>
    <t>Infraestrutura de TI 2015 v2.xlsx</t>
  </si>
  <si>
    <t>09/23/2019 22:08:02</t>
  </si>
  <si>
    <t>Revisão incremental 2 sem 2015 V11.xlsx</t>
  </si>
  <si>
    <t>C:\Users\edilsonrb\OneDrive - Grupo Algar\02.Trabalho\03.Orçamento\10.Orç.Set.2015\</t>
  </si>
  <si>
    <t>Template de Receita - Infra de TI - V3.xlsx</t>
  </si>
  <si>
    <t>09/23/2019 22:08:03</t>
  </si>
  <si>
    <t>C:\Users\edilsonrb\OneDrive - Grupo Algar\02.Trabalho\03.Orçamento\11.Rec.Out.Dez.2015\</t>
  </si>
  <si>
    <t>3ª Prévia de Novembro.xls</t>
  </si>
  <si>
    <t>Custo.xls</t>
  </si>
  <si>
    <t>09/23/2019 22:08:04</t>
  </si>
  <si>
    <t>Cópia de Template de Receita - Infra de TI - V8.xlsx</t>
  </si>
  <si>
    <t>Cópia de Template de Receita - Infra de TI v8.xlsx</t>
  </si>
  <si>
    <t>Projeção Resultado Infra.xls</t>
  </si>
  <si>
    <t>09/23/2019 22:08:05</t>
  </si>
  <si>
    <t>Template de Receita - Infra de TI - V6 - COM BRADESCO.xlsx</t>
  </si>
  <si>
    <t>C:\Users\edilsonrb\OneDrive - Grupo Algar\02.Trabalho\03.Orçamento\12.ORÇAMENTO.2017\</t>
  </si>
  <si>
    <t>Incremental 2017.xlsx</t>
  </si>
  <si>
    <t>Projeção.Receita.2017.xlsx</t>
  </si>
  <si>
    <t>C:\Users\edilsonrb\OneDrive - Grupo Algar\02.Trabalho\03.Orçamento\</t>
  </si>
  <si>
    <t>09/23/2019 22:08:12</t>
  </si>
  <si>
    <t>Prévia Orçado Oficial 2014 30012014.xls</t>
  </si>
  <si>
    <t>Prévia Outubro-14.xlsx</t>
  </si>
  <si>
    <t>09/23/2019 22:08:13</t>
  </si>
  <si>
    <t>C:\Users\edilsonrb\OneDrive - Grupo Algar\02.Trabalho\04.Apresentações.Diversas\01.Serviços.Gerenciados\</t>
  </si>
  <si>
    <t>Cronograma - UnimedBH.xlsx</t>
  </si>
  <si>
    <t>09/23/2019 22:08:36</t>
  </si>
  <si>
    <t>Provisão DNSG - Maio.xlsx</t>
  </si>
  <si>
    <t>09/23/2019 22:08:37</t>
  </si>
  <si>
    <t>C:\Users\edilsonrb\OneDrive - Grupo Algar\02.Trabalho\04.Apresentações.Diversas\01.Serviços.Gerenciados\Revitalização - UnimedBH.pptx\</t>
  </si>
  <si>
    <t>C:\Users\edilsonrb\OneDrive - Grupo Algar\02.Trabalho\04.Apresentações.Diversas\02.Genericas\</t>
  </si>
  <si>
    <t>Avaliação.Coletiva.2014.xlsx</t>
  </si>
  <si>
    <t>C:\Users\edilsonrb\OneDrive - Grupo Algar\02.Trabalho\04.Apresentações.Diversas\02.Genericas\Organograma.Coordenação.Geral.Infra.pptx\</t>
  </si>
  <si>
    <t>oleObject10.dat</t>
  </si>
  <si>
    <t>oleObject11.dat</t>
  </si>
  <si>
    <t>oleObject12.dat</t>
  </si>
  <si>
    <t>oleObject13.dat</t>
  </si>
  <si>
    <t>oleObject14.dat</t>
  </si>
  <si>
    <t>oleObject15.dat</t>
  </si>
  <si>
    <t>oleObject3.dat</t>
  </si>
  <si>
    <t>oleObject4.dat</t>
  </si>
  <si>
    <t>oleObject5.dat</t>
  </si>
  <si>
    <t>oleObject6.dat</t>
  </si>
  <si>
    <t>oleObject7.dat</t>
  </si>
  <si>
    <t>oleObject8.dat</t>
  </si>
  <si>
    <t>oleObject9.dat</t>
  </si>
  <si>
    <t>09/23/2019 22:08:38</t>
  </si>
  <si>
    <t>Relação.CRs.Infra.Governo.xlsx</t>
  </si>
  <si>
    <t>09/23/2019 22:08:40</t>
  </si>
  <si>
    <t>C:\Users\edilsonrb\OneDrive - Grupo Algar\02.Trabalho\04.Apresentações.Diversas\03.Infra.TI\</t>
  </si>
  <si>
    <t>Cancelamentos.Novos.2013.2014.xlsx</t>
  </si>
  <si>
    <t>09/23/2019 22:08:45</t>
  </si>
  <si>
    <t>C:\Users\edilsonrb\OneDrive - Grupo Algar\02.Trabalho\04.Apresentações.Diversas\04.Reunião.VMWare.Fechio\</t>
  </si>
  <si>
    <t>Base de clientes_Algar Tech.xlsx</t>
  </si>
  <si>
    <t>09/23/2019 22:08:46</t>
  </si>
  <si>
    <t>C:\Users\edilsonrb\OneDrive - Grupo Algar\02.Trabalho\04.Apresentações.Diversas\05.Organograma.KPMG\</t>
  </si>
  <si>
    <t>Organograma.Amanda.SG.xlsx</t>
  </si>
  <si>
    <t>Organograma.Andre.SG.xlsx</t>
  </si>
  <si>
    <t>Organograma.Fred.SG.xlsx</t>
  </si>
  <si>
    <t>Organograma.Infra.TI.xlsx</t>
  </si>
  <si>
    <t>C:\Users\edilsonrb\OneDrive - Grupo Algar\02.Trabalho\04.Apresentações.Diversas\06.TH.GCD\</t>
  </si>
  <si>
    <t>GCD(Cargos Indicadores e PDI) Coord Edilson Rodrigues.xlsx</t>
  </si>
  <si>
    <t>C:\Users\edilsonrb\OneDrive - Grupo Algar\02.Trabalho\04.Apresentações.Diversas\08.CIS\</t>
  </si>
  <si>
    <t>Analise.folha.CIS.2014.xlsx</t>
  </si>
  <si>
    <t>09/23/2019 22:08:47</t>
  </si>
  <si>
    <t>Custo.CIS.2014.xlsx</t>
  </si>
  <si>
    <t>C:\Users\edilsonrb\OneDrive - Grupo Algar\02.Trabalho\04.Apresentações.Diversas\10.Atlantic.Ativas\</t>
  </si>
  <si>
    <t>Atlantic_30.08.2013_v2-Alterado.xlsx</t>
  </si>
  <si>
    <t>09/23/2019 22:08:48</t>
  </si>
  <si>
    <t>C:\Users\edilsonrb\OneDrive - Grupo Algar\02.Trabalho\04.Apresentações.Diversas\11.ADVISIA\Bolograma Estrutura Junho-2013.pptx\</t>
  </si>
  <si>
    <t>oleObject16.dat</t>
  </si>
  <si>
    <t>oleObject17.dat</t>
  </si>
  <si>
    <t>09/23/2019 22:08:49</t>
  </si>
  <si>
    <t>C:\Users\edilsonrb\OneDrive - Grupo Algar\02.Trabalho\04.Apresentações.Diversas\11.ADVISIA\Bolograma Estruturas Infra TI - Advisia.pptx\</t>
  </si>
  <si>
    <t>C:\Users\edilsonrb\OneDrive - Grupo Algar\02.Trabalho\04.Apresentações.Diversas\11.ADVISIA\Bolograma Estruturas Infra TI.pptx\</t>
  </si>
  <si>
    <t>C:\Users\edilsonrb\OneDrive - Grupo Algar\02.Trabalho\04.Apresentações.Diversas\12.PEQ.2013\PEQ Algar Tec Lean Proposta de Governanca 2013 vFinal v3.pptx\</t>
  </si>
  <si>
    <t>oleObject2.dat</t>
  </si>
  <si>
    <t>09/23/2019 22:08:50</t>
  </si>
  <si>
    <t>C:\Users\edilsonrb\OneDrive - Grupo Algar\02.Trabalho\04.Apresentações.Diversas\12.PEQ.2013\PEQ Infra.pptx\</t>
  </si>
  <si>
    <t>C:\Users\edilsonrb\OneDrive - Grupo Algar\02.Trabalho\04.Apresentações.Diversas\13.Nao.Conformidades\</t>
  </si>
  <si>
    <t>Não conformidades.Edilson.xlsx</t>
  </si>
  <si>
    <t>Não conformidades.Maschio.xlsx</t>
  </si>
  <si>
    <t>09/23/2019 22:08:51</t>
  </si>
  <si>
    <t>C:\Users\edilsonrb\OneDrive - Grupo Algar\02.Trabalho\04.Apresentações.Diversas\14.Escopo.Governança\</t>
  </si>
  <si>
    <t>Detalhamento de Atividades Gov TI.xlsx</t>
  </si>
  <si>
    <t>Verificação de Licenças.xlsx</t>
  </si>
  <si>
    <t>C:\Users\edilsonrb\OneDrive - Grupo Algar\02.Trabalho\04.Apresentações.Diversas\</t>
  </si>
  <si>
    <t>5w2h_White Label_12abr v2.xlsx</t>
  </si>
  <si>
    <t>Avaliação da Estabilidade do Service Desk 2014 - Consolidado_Tod.xlsx</t>
  </si>
  <si>
    <t>09/23/2019 22:08:52</t>
  </si>
  <si>
    <t>CR's Edilson (2).xlsx</t>
  </si>
  <si>
    <t>CR.LemonTech.xlsx</t>
  </si>
  <si>
    <t>IT-EXPO.2014.xls</t>
  </si>
  <si>
    <t>Justificativa de Horas Extras_EDILSON RODRIGUES BRAGA.xlsx</t>
  </si>
  <si>
    <t>levantamento conhecimento Chave.xlsx</t>
  </si>
  <si>
    <t>Levantamento Spam Estrutura Algar Tech.xlsx</t>
  </si>
  <si>
    <t>09/23/2019 22:08:53</t>
  </si>
  <si>
    <t>Multiplicadores - Levantamento - Treinamentos SAP, BD, SO, REDES, EXCHANGE.xlsx</t>
  </si>
  <si>
    <t>Necessidades.Backup.Storage.xlsx</t>
  </si>
  <si>
    <t>Objetivos de Contribuição_Geral Algar Tech-2S.2016.xlsx</t>
  </si>
  <si>
    <t>Objetivos de Contribuição_Geral Algar Tech.xlsx</t>
  </si>
  <si>
    <t>Objetivos de Contribuição_Silvio.ITO.xlsx</t>
  </si>
  <si>
    <t>09/23/2019 22:08:54</t>
  </si>
  <si>
    <t>C:\Users\edilsonrb\OneDrive - Grupo Algar\02.Trabalho\05.SLA\A100\</t>
  </si>
  <si>
    <t>SLA.xlsx</t>
  </si>
  <si>
    <t>C:\Users\edilsonrb\OneDrive - Grupo Algar\02.Trabalho\05.SLA\</t>
  </si>
  <si>
    <t>Central.BR.xlsx</t>
  </si>
  <si>
    <t>C:\Users\edilsonrb\OneDrive - Grupo Algar\02.Trabalho\06.Financeiro\02.Analise.2015\</t>
  </si>
  <si>
    <t>Analise.05.06.2015t.xls</t>
  </si>
  <si>
    <t>Analise.05.06.2015tf.xls</t>
  </si>
  <si>
    <t>MC Cenario Desafio_Consolidado.xlsx</t>
  </si>
  <si>
    <t>C:\Users\edilsonrb\OneDrive - Grupo Algar\02.Trabalho\07.RAO\Abril.2014\</t>
  </si>
  <si>
    <t>1º Trimestre 2014 - Infra de TI.xlsx</t>
  </si>
  <si>
    <t>1º Trimestre 2014 - Serviços Gerenciados.xlsx</t>
  </si>
  <si>
    <t>09/23/2019 22:08:55</t>
  </si>
  <si>
    <t>C:\Users\edilsonrb\OneDrive - Grupo Algar\02.Trabalho\07.RAO\Abril.2014\RAO 14-11 - SG-INFRA - MARÇO 2014.pptx\</t>
  </si>
  <si>
    <t>C:\Users\edilsonrb\OneDrive - Grupo Algar\02.Trabalho\07.RAO\Abril.2014\RAO 14-11 - SG-INFRA - MARÇO 2014F.pptx\</t>
  </si>
  <si>
    <t>C:\Users\edilsonrb\OneDrive - Grupo Algar\02.Trabalho\07.RAO\Abril.2014\RAO MARÇO 2014 ---- SG - INFRA.pptx\</t>
  </si>
  <si>
    <t>09/23/2019 22:08:56</t>
  </si>
  <si>
    <t>C:\Users\edilsonrb\OneDrive - Grupo Algar\02.Trabalho\07.RAO\Abril.2014\SG-INFRA-MAR-2014.pptx\</t>
  </si>
  <si>
    <t>Planilha_do_Microsoft_Excel5.xlsx</t>
  </si>
  <si>
    <t>09/23/2019 22:09:18</t>
  </si>
  <si>
    <t>C:\Users\edilsonrb\OneDrive - Grupo Algar\02.Trabalho\07.RAO\Agosto.2014\RAO INFRA TI SG Governo.pptx\</t>
  </si>
  <si>
    <t>09/23/2019 22:09:43</t>
  </si>
  <si>
    <t>C:\Users\edilsonrb\OneDrive - Grupo Algar\02.Trabalho\07.RAO\Agosto.2014\RAO.INFRA TI.SG.Governo.F.pptx\</t>
  </si>
  <si>
    <t>09/23/2019 22:10:47</t>
  </si>
  <si>
    <t>C:\Users\edilsonrb\OneDrive - Grupo Algar\02.Trabalho\07.RAO\Fevereiro.2014\RAO.Financeira.pptx\</t>
  </si>
  <si>
    <t>oleObject1.dat</t>
  </si>
  <si>
    <t>Planilha_do_Microsoft_Excel10.xlsx</t>
  </si>
  <si>
    <t>Planilha_do_Microsoft_Excel11.xlsx</t>
  </si>
  <si>
    <t>Planilha_do_Microsoft_Excel12.xlsx</t>
  </si>
  <si>
    <t>Planilha_do_Microsoft_Excel13.xlsx</t>
  </si>
  <si>
    <t>Planilha_do_Microsoft_Excel14.xlsx</t>
  </si>
  <si>
    <t>Planilha_do_Microsoft_Excel15.xlsx</t>
  </si>
  <si>
    <t>Planilha_do_Microsoft_Excel16.xlsx</t>
  </si>
  <si>
    <t>09/23/2019 22:10:48</t>
  </si>
  <si>
    <t>Planilha_do_Microsoft_Excel6.xlsx</t>
  </si>
  <si>
    <t>Planilha_do_Microsoft_Excel7.xlsx</t>
  </si>
  <si>
    <t>Planilha_do_Microsoft_Excel8.xlsx</t>
  </si>
  <si>
    <t>Planilha_do_Microsoft_Excel9.xlsx</t>
  </si>
  <si>
    <t>C:\Users\edilsonrb\OneDrive - Grupo Algar\02.Trabalho\07.RAO\Fevereiro.2014\</t>
  </si>
  <si>
    <t>RAO.Serviços.Infra.TI.Implantação..xls</t>
  </si>
  <si>
    <t>RAO.Serviços.SG.TI.Implantação..xls</t>
  </si>
  <si>
    <t>Rateio.Fixo.Infra.SG.xls</t>
  </si>
  <si>
    <t>Rateio.Fixo.Infra.TI.xls</t>
  </si>
  <si>
    <t>Receitas 2014 - Infra TIF - 2a Revisão.xlsx</t>
  </si>
  <si>
    <t>Resultado.Implantação.vs.Desativação.xlsx</t>
  </si>
  <si>
    <t>09/23/2019 22:10:50</t>
  </si>
  <si>
    <t>C:\Users\edilsonrb\OneDrive - Grupo Algar\02.Trabalho\07.RAO\Fevereiro.2014\SG-INFRA-FEV-2014-D.pptx\</t>
  </si>
  <si>
    <t>09/23/2019 22:10:51</t>
  </si>
  <si>
    <t>C:\Users\edilsonrb\OneDrive - Grupo Algar\02.Trabalho\07.RAO\Fevereiro.2014\SG-INFRA-FEV-2014.pptx\</t>
  </si>
  <si>
    <t>Variações.Receita.SG.Orcado.Real.xlsx</t>
  </si>
  <si>
    <t>09/23/2019 22:10:52</t>
  </si>
  <si>
    <t>C:\Users\edilsonrb\OneDrive - Grupo Algar\02.Trabalho\07.RAO\Janeiro.2014\</t>
  </si>
  <si>
    <t>Fechamento.SG.2013.xlsx</t>
  </si>
  <si>
    <t>09/23/2019 22:10:53</t>
  </si>
  <si>
    <t>C:\Users\edilsonrb\OneDrive - Grupo Algar\02.Trabalho\07.RAO\Janeiro.2014\RAO13-01-2014-FIN.pptx\</t>
  </si>
  <si>
    <t>oleObject18.dat</t>
  </si>
  <si>
    <t>oleObject19.dat</t>
  </si>
  <si>
    <t>oleObject20.dat</t>
  </si>
  <si>
    <t>oleObject21.dat</t>
  </si>
  <si>
    <t>oleObject22.dat</t>
  </si>
  <si>
    <t>oleObject23.dat</t>
  </si>
  <si>
    <t>oleObject24.dat</t>
  </si>
  <si>
    <t>C:\Users\edilsonrb\OneDrive - Grupo Algar\02.Trabalho\07.RAO\Janeiro.2014\RES-SG-2013.pptx\</t>
  </si>
  <si>
    <t>09/23/2019 22:10:54</t>
  </si>
  <si>
    <t>Resumo.Executivo.SG.2013.BH.xlsx</t>
  </si>
  <si>
    <t>Resumo.Executivo.SG.2013.xlsx</t>
  </si>
  <si>
    <t>09/23/2019 22:10:55</t>
  </si>
  <si>
    <t>Resumo.Infra.TI.xlsx</t>
  </si>
  <si>
    <t>09/23/2019 22:10:56</t>
  </si>
  <si>
    <t>C:\Users\edilsonrb\OneDrive - Grupo Algar\02.Trabalho\07.RAO\Janeiro.2014\SG-INFRA-JAN-2014.pptx\</t>
  </si>
  <si>
    <t>C:\Users\edilsonrb\OneDrive - Grupo Algar\02.Trabalho\07.RAO\Janeiro.2015\</t>
  </si>
  <si>
    <t>Análise.Financeira.SG.Governo.xlsx</t>
  </si>
  <si>
    <t>09/23/2019 22:10:57</t>
  </si>
  <si>
    <t>Cópia de Infraestrutura de TI 2015 v7.xlsx</t>
  </si>
  <si>
    <t>Simulação.InfraTI.1T.2015.xlsx</t>
  </si>
  <si>
    <t>09/23/2019 22:10:59</t>
  </si>
  <si>
    <t>C:\Users\edilsonrb\OneDrive - Grupo Algar\02.Trabalho\07.RAO\Junho.2014\RAO.Junho.InfraTI.SG.F.pptx\</t>
  </si>
  <si>
    <t>09/23/2019 22:11:00</t>
  </si>
  <si>
    <t>C:\Users\edilsonrb\OneDrive - Grupo Algar\02.Trabalho\07.RAO\Junho.2014\RAO.Junho.InfraTI.SG.pptx\</t>
  </si>
  <si>
    <t>C:\Users\edilsonrb\OneDrive - Grupo Algar\02.Trabalho\07.RAO\junho.2015\</t>
  </si>
  <si>
    <t>AnaliseInfra.TI.xls</t>
  </si>
  <si>
    <t>C:\Users\edilsonrb\OneDrive - Grupo Algar\02.Trabalho\07.RAO\Maio.2014\</t>
  </si>
  <si>
    <t>PRO-SG-INFRA-TI.xlsx</t>
  </si>
  <si>
    <t>09/23/2019 22:11:23</t>
  </si>
  <si>
    <t>PROV-REC-DNSG.xlsx</t>
  </si>
  <si>
    <t>C:\Users\edilsonrb\OneDrive - Grupo Algar\02.Trabalho\07.RAO\Maio.2015\</t>
  </si>
  <si>
    <t>Projeção.Infraestrutura de TI 2015.xlsx</t>
  </si>
  <si>
    <t>09/23/2019 22:11:27</t>
  </si>
  <si>
    <t>Vendas.SDM - 2015v3.xlsx</t>
  </si>
  <si>
    <t>C:\Users\edilsonrb\OneDrive - Grupo Algar\02.Trabalho\07.RAO\Março-2013\RAO SG SET.pptx\</t>
  </si>
  <si>
    <t>09/23/2019 22:11:28</t>
  </si>
  <si>
    <t>C:\Users\edilsonrb\OneDrive - Grupo Algar\02.Trabalho\07.RAO\Março.2014\</t>
  </si>
  <si>
    <t>Infra.TI - Resumo Executivo.xlsx</t>
  </si>
  <si>
    <t>C:\Users\edilsonrb\OneDrive - Grupo Algar\02.Trabalho\07.RAO\Março.2014\RES-SG - 2013 - Final.pptx\</t>
  </si>
  <si>
    <t>09/23/2019 22:11:29</t>
  </si>
  <si>
    <t>C:\Users\edilsonrb\OneDrive - Grupo Algar\02.Trabalho\07.RAO\Março.2014\RES-SG - 2013V2.pptx\</t>
  </si>
  <si>
    <t>09/23/2019 22:11:30</t>
  </si>
  <si>
    <t>C:\Users\edilsonrb\OneDrive - Grupo Algar\02.Trabalho\07.RAO\Março.2014\RES-SG - 2013V3.pptx\</t>
  </si>
  <si>
    <t>Resultado_Implantação_Infra_SG.xlsx</t>
  </si>
  <si>
    <t>SG - Resumo Executivo.xlsx</t>
  </si>
  <si>
    <t>09/23/2019 22:11:31</t>
  </si>
  <si>
    <t>C:\Users\edilsonrb\OneDrive - Grupo Algar\02.Trabalho\07.RAO\Março.2014\SG-INFRA-MAR-2014.pptx\</t>
  </si>
  <si>
    <t>C:\Users\edilsonrb\OneDrive - Grupo Algar\02.Trabalho\07.RAO\Março.2014\SG-INFRA-MAR-2014O.pptx\</t>
  </si>
  <si>
    <t>C:\Users\edilsonrb\OneDrive - Grupo Algar\02.Trabalho\07.RAO\Outubro.2013\</t>
  </si>
  <si>
    <t>Ind-Infra-TI.xls</t>
  </si>
  <si>
    <t>09/23/2019 22:11:32</t>
  </si>
  <si>
    <t>Ind-SG-1.xls</t>
  </si>
  <si>
    <t>Ind-SG.xls</t>
  </si>
  <si>
    <t>C:\Users\edilsonrb\OneDrive - Grupo Algar\02.Trabalho\07.RAO\Outubro.2014\</t>
  </si>
  <si>
    <t>Analise.Pre.Closing.xlsx</t>
  </si>
  <si>
    <t>Analise.SG.Empresas.xlsx</t>
  </si>
  <si>
    <t>09/23/2019 22:11:33</t>
  </si>
  <si>
    <t>C:\Users\edilsonrb\OneDrive - Grupo Algar\02.Trabalho\07.RAO\Outubro.2014\Apresentação RAO SG.INFRA.TI.pptx\</t>
  </si>
  <si>
    <t>09/23/2019 22:11:34</t>
  </si>
  <si>
    <t>C:\Users\edilsonrb\OneDrive - Grupo Algar\02.Trabalho\07.RAO\Outubro.2014\Pré-Closing 2014(F).pptx\</t>
  </si>
  <si>
    <t>09/23/2019 22:11:35</t>
  </si>
  <si>
    <t>C:\Users\edilsonrb\OneDrive - Grupo Algar\02.Trabalho\07.RAO\Outubro.2014\Pré-Closing 2014.pptx\</t>
  </si>
  <si>
    <t>C:\Users\edilsonrb\OneDrive - Grupo Algar\02.Trabalho\07.RAO\Outubro.2014\Pré-Closing.2014.pptx\</t>
  </si>
  <si>
    <t>C:\Users\edilsonrb\OneDrive - Grupo Algar\02.Trabalho\07.RAO\RAO-16-12-13\</t>
  </si>
  <si>
    <t>Comparativo Rateio SG.xls</t>
  </si>
  <si>
    <t>09/23/2019 22:11:36</t>
  </si>
  <si>
    <t>C:\Users\edilsonrb\OneDrive - Grupo Algar\02.Trabalho\07.RAO\Setembro.2014\</t>
  </si>
  <si>
    <t>Prévia.25.09.xls</t>
  </si>
  <si>
    <t>C:\Users\edilsonrb\OneDrive - Grupo Algar\02.Trabalho\08.PEQ\PEQ-2013.pptx\</t>
  </si>
  <si>
    <t>09/23/2019 22:11:37</t>
  </si>
  <si>
    <t>C:\Users\edilsonrb\OneDrive - Grupo Algar\02.Trabalho\09.Viagens\</t>
  </si>
  <si>
    <t>CUSTO EVENTO GARTNER.xls</t>
  </si>
  <si>
    <t>Cópia de Formulário - Protocolo Relatório de Despesas Capgemini.xls</t>
  </si>
  <si>
    <t>FERNANDO GARCEZ - Solicitação de Passagem Hospedagem e Locação de carro - SP 28 10 14.xlsx</t>
  </si>
  <si>
    <t>Protocolo-10051439.xls</t>
  </si>
  <si>
    <t>Protocolo-10313440.xls</t>
  </si>
  <si>
    <t>Protocolo-11866450.xls</t>
  </si>
  <si>
    <t>Protocolo-11866460.xls</t>
  </si>
  <si>
    <t>Protocolo-11915481.xls</t>
  </si>
  <si>
    <t>Protocolo-11938696.xls</t>
  </si>
  <si>
    <t>Protocolo-11938699.xls</t>
  </si>
  <si>
    <t>Protocolo-11971658.xls</t>
  </si>
  <si>
    <t>Protocolo-12074807.xls</t>
  </si>
  <si>
    <t>Protocolo-12086808.xls</t>
  </si>
  <si>
    <t>Protocolo-12134025.xls</t>
  </si>
  <si>
    <t>Protocolo-12294849.xls</t>
  </si>
  <si>
    <t>Protocolo-12536004.xls</t>
  </si>
  <si>
    <t>Protocolo-12685852.xls</t>
  </si>
  <si>
    <t>Protocolo-12738882.xls</t>
  </si>
  <si>
    <t>Protocolo-12742926.xls</t>
  </si>
  <si>
    <t>Protocolo-12750861.xls</t>
  </si>
  <si>
    <t>Protocolo-12759868.xls</t>
  </si>
  <si>
    <t>Protocolo-12766902.xls</t>
  </si>
  <si>
    <t>Protocolo-12776918.xls</t>
  </si>
  <si>
    <t>Protocolo-12847866.xls</t>
  </si>
  <si>
    <t>Protocolo-12997871.xls</t>
  </si>
  <si>
    <t>Protocolo-13169932.xls</t>
  </si>
  <si>
    <t>Protocolo-13305864.xls</t>
  </si>
  <si>
    <t>Protocolo-13478893.xls</t>
  </si>
  <si>
    <t>Protocolo-13914902.xls</t>
  </si>
  <si>
    <t>Protocolo-1400368.xls</t>
  </si>
  <si>
    <t>Protocolo-14274875.xls</t>
  </si>
  <si>
    <t>Protocolo-14494971.xls</t>
  </si>
  <si>
    <t>Protocolo-1802370.xls</t>
  </si>
  <si>
    <t>Protocolo-2124371.xls</t>
  </si>
  <si>
    <t>Protocolo-2126371.xls</t>
  </si>
  <si>
    <t>Protocolo-2126372.xls</t>
  </si>
  <si>
    <t>09/23/2019 22:11:38</t>
  </si>
  <si>
    <t>Protocolo-2404371.xls</t>
  </si>
  <si>
    <t>Protocolo-2644374.xls</t>
  </si>
  <si>
    <t>Protocolo-2644375.xls</t>
  </si>
  <si>
    <t>Protocolo-3038379.xls</t>
  </si>
  <si>
    <t>Protocolo-3280378.xls</t>
  </si>
  <si>
    <t>Protocolo-3583379.xls</t>
  </si>
  <si>
    <t>Protocolo-3749380.xls</t>
  </si>
  <si>
    <t>Protocolo-3752384.xls</t>
  </si>
  <si>
    <t>Protocolo-4168383.xls</t>
  </si>
  <si>
    <t>Protocolo-4221379.xls</t>
  </si>
  <si>
    <t>Protocolo-4976378.xls</t>
  </si>
  <si>
    <t>Protocolo-5122378.xls</t>
  </si>
  <si>
    <t>Protocolo-5190378.xls</t>
  </si>
  <si>
    <t>Protocolo-5534381.xls</t>
  </si>
  <si>
    <t>Protocolo-5547378.xls</t>
  </si>
  <si>
    <t>Protocolo-5801380.xls</t>
  </si>
  <si>
    <t>Protocolo-5920381.xls</t>
  </si>
  <si>
    <t>Protocolo-6029383.xls</t>
  </si>
  <si>
    <t>Protocolo-6459414.xls</t>
  </si>
  <si>
    <t>Protocolo-7398431.xls</t>
  </si>
  <si>
    <t>Protocolo-7562433.xls</t>
  </si>
  <si>
    <t>Protocolo-8189437.xls</t>
  </si>
  <si>
    <t>Protocolo-8681435.xls</t>
  </si>
  <si>
    <t>Protocolo-8849433.xls</t>
  </si>
  <si>
    <t>Protocolo-8895450.xls</t>
  </si>
  <si>
    <t>09/23/2019 22:11:39</t>
  </si>
  <si>
    <t>Protocolo-9410439.xls</t>
  </si>
  <si>
    <t>Solicitação de Passagem Hospedagem e Locação de carro - BH.11.04.14.xlsx</t>
  </si>
  <si>
    <t>Solicitação de Passagem Hospedagem e Locação de carro - BH.11.06.14.xlsx</t>
  </si>
  <si>
    <t>Solicitação de Passagem Hospedagem e Locação de carro - BH.26.11.14.xlsx</t>
  </si>
  <si>
    <t>Solicitação de Passagem Hospedagem e Locação de carro - BR.03.12.14.xlsx</t>
  </si>
  <si>
    <t>Solicitação de Passagem Hospedagem e Locação de carro - BR.09.09.14.xlsx</t>
  </si>
  <si>
    <t>Solicitação de Passagem Hospedagem e Locação de carro - BR.19.08.14.xlsx</t>
  </si>
  <si>
    <t>Solicitação de Passagem Hospedagem e Locação de carro - BR.25.08.14.xlsx</t>
  </si>
  <si>
    <t>Solicitação de Passagem Hospedagem e Locação de carro - Brasília.09.04.14.xlsx</t>
  </si>
  <si>
    <t>Solicitação de Passagem Hospedagem e Locação de carro - Brasília.10.06.14.xlsx</t>
  </si>
  <si>
    <t>Solicitação de Passagem Hospedagem e Locação de carro - Brasília.20.05.14.xlsx</t>
  </si>
  <si>
    <t>Solicitação de Passagem Hospedagem e Locação de carro - CU.14.01.15.xlsx</t>
  </si>
  <si>
    <t>Solicitação de Passagem Hospedagem e Locação de carro - RJ.24.06.14.xlsx</t>
  </si>
  <si>
    <t>Solicitação de Passagem Hospedagem e Locação de carro - RJ.27.05.14.xlsx</t>
  </si>
  <si>
    <t>Solicitação de Passagem Hospedagem e Locação de carro - SP.02.07.14.xlsx</t>
  </si>
  <si>
    <t>09/23/2019 22:11:40</t>
  </si>
  <si>
    <t>Solicitação de Passagem Hospedagem e Locação de carro - SP.04.06.14.xlsx</t>
  </si>
  <si>
    <t>Solicitação de Passagem Hospedagem e Locação de carro - SP.07.10.14.xlsx</t>
  </si>
  <si>
    <t>Solicitação de Passagem Hospedagem e Locação de carro - SP.15.07.14.xlsx</t>
  </si>
  <si>
    <t>Solicitação de Passagem Hospedagem e Locação de carro - SP.28.10.14.xlsx</t>
  </si>
  <si>
    <t>Solicitação de Passagem Hospedagem e Locação de carro.xlsx</t>
  </si>
  <si>
    <t>C:\Users\edilsonrb\OneDrive - Grupo Algar\02.Trabalho\11.Avaliação.Coletiva.2014\Avaliação Performance - Equipe Edilson Braga.ppt\s4\</t>
  </si>
  <si>
    <t>Planilha do Microsoft Excel.xlsx</t>
  </si>
  <si>
    <t>Planilha do Microsoft Excel1.xlsx</t>
  </si>
  <si>
    <t>Planilha do Microsoft Excel2.xlsx</t>
  </si>
  <si>
    <t>PowerPoint.OleObj.dat</t>
  </si>
  <si>
    <t>PowerPoint.OleObj1.dat</t>
  </si>
  <si>
    <t>C:\Users\edilsonrb\OneDrive - Grupo Algar\02.Trabalho\11.Avaliação.Coletiva.2014\</t>
  </si>
  <si>
    <t>Programação.Avaliação.Coletiva.Edilson.xlsx</t>
  </si>
  <si>
    <t>09/23/2019 22:11:41</t>
  </si>
  <si>
    <t>C:\Users\edilsonrb\OneDrive - Grupo Algar\02.Trabalho\11.Avaliação.Coletiva.2014\Resultado.Financeiro.pptx\</t>
  </si>
  <si>
    <t>C:\Users\edilsonrb\OneDrive - Grupo Algar\02.Trabalho\12.RAE\</t>
  </si>
  <si>
    <t>Infra de TI - Matrizes de Avaliação Eficiência Operacional(Edilson).xlsx</t>
  </si>
  <si>
    <t>09/23/2019 22:11:42</t>
  </si>
  <si>
    <t>C:\Users\edilsonrb\OneDrive - Grupo Algar\02.Trabalho\15.Departamental\01.AGO.2016\</t>
  </si>
  <si>
    <t>Departamental.csv</t>
  </si>
  <si>
    <t>C:\Users\edilsonrb\OneDrive - Grupo Algar\02.Trabalho\15.Departamental\02.SET.2016\</t>
  </si>
  <si>
    <t>C:\Users\edilsonrb\OneDrive - Grupo Algar\02.Trabalho\15.Departamental\</t>
  </si>
  <si>
    <t>Dep.27.05.16.csv</t>
  </si>
  <si>
    <t>Dep.27.05.16.REDIR.06.06.csv</t>
  </si>
  <si>
    <t>09/23/2019 22:11:45</t>
  </si>
  <si>
    <t>Edilson_RelCustos_012014.xlsx</t>
  </si>
  <si>
    <t>09/23/2019 22:11:49</t>
  </si>
  <si>
    <t>Edilson_RelCustos_042014.xlsx</t>
  </si>
  <si>
    <t>09/23/2019 22:11:51</t>
  </si>
  <si>
    <t>Edilson_RelCustos_042015.xlsx</t>
  </si>
  <si>
    <t>Estrutura.DEZ.2014.xlsx</t>
  </si>
  <si>
    <t>09/23/2019 22:11:53</t>
  </si>
  <si>
    <t>Lista.Associados.DEZ.2014.xlsx</t>
  </si>
  <si>
    <t>09/23/2019 22:11:55</t>
  </si>
  <si>
    <t>Lista.Associados.Enviada.xlsx</t>
  </si>
  <si>
    <t>Proposta Merito 05 2015.xlsx</t>
  </si>
  <si>
    <t>Proposta.Merito.05.2015.xlsx</t>
  </si>
  <si>
    <t>Proposta.Sup.Master.05.2015.xlsx</t>
  </si>
  <si>
    <t>09/23/2019 22:11:56</t>
  </si>
  <si>
    <t>C:\Users\edilsonrb\OneDrive - Grupo Algar\02.Trabalho\16.Clientes\03.BAND\</t>
  </si>
  <si>
    <t>Diário de bordo-Band.xlsx</t>
  </si>
  <si>
    <t>09/23/2019 22:11:58</t>
  </si>
  <si>
    <t>C:\Users\edilsonrb\OneDrive - Grupo Algar\02.Trabalho\16.Clientes\03.BAND\DossieBand\Dossie Band\Consolidado_emails_all\Band Documentos validados_Pacote Quézia.msg\s1\Entrega.rar\</t>
  </si>
  <si>
    <t>DiÃ¡rio de bordo-Band.xlsx</t>
  </si>
  <si>
    <t>09/23/2019 22:11:59</t>
  </si>
  <si>
    <t>C:\Users\edilsonrb\OneDrive - Grupo Algar\02.Trabalho\16.Clientes\03.BAND\DossieBand\Dossie Band\Consolidado_emails_all\N3_Paulo\RE Band Para validação_v03.msg\s1\</t>
  </si>
  <si>
    <t>PACOTE CA-SDM_BAND-05022013.xls</t>
  </si>
  <si>
    <t>C:\Users\edilsonrb\OneDrive - Grupo Algar\02.Trabalho\16.Clientes\03.BAND\DossieBand\Dossie Band\Consolidado_emails_all\N3_Paulo\RE Band Reunião 07-02.msg\s1\</t>
  </si>
  <si>
    <t>Plano de comunicação.xlsx</t>
  </si>
  <si>
    <t>09/23/2019 22:12:03</t>
  </si>
  <si>
    <t>C:\Users\edilsonrb\OneDrive - Grupo Algar\02.Trabalho\16.Clientes\03.BAND\DossieBand\Dossie Band\Consolidado_emails_all\RES RES Catálogo de Serviços_N3_Ely.msg\s1\</t>
  </si>
  <si>
    <t>Catalogo Desenvolvimento.xlsx</t>
  </si>
  <si>
    <t>C:\Users\edilsonrb\OneDrive - Grupo Algar\02.Trabalho\16.Clientes\03.BAND\DossieBand\Dossie Band\Consolidado_emails_all\Reuniao 07-02_paulo_pl_com.msg\s1\</t>
  </si>
  <si>
    <t>C:\Users\edilsonrb\OneDrive - Grupo Algar\02.Trabalho\16.Clientes\03.BAND\DossieBand\Dossie Band\Consolidado_emails_all\Sis_Ely\ENC Catálogo de Serviços_02.msg\s1\</t>
  </si>
  <si>
    <t>09/23/2019 22:12:04</t>
  </si>
  <si>
    <t>C:\Users\edilsonrb\OneDrive - Grupo Algar\02.Trabalho\16.Clientes\03.BAND\DossieBand\Dossie Band\</t>
  </si>
  <si>
    <t>Validacoes_consolidado.xlsx</t>
  </si>
  <si>
    <t>09/23/2019 22:12:12</t>
  </si>
  <si>
    <t>C:\Users\edilsonrb\OneDrive - Grupo Algar\02.Trabalho\16.Clientes\03.BAND\DossieBand.rar\Dossie Band\</t>
  </si>
  <si>
    <t>C:\Users\edilsonrb\OneDrive - Grupo Algar\02.Trabalho\16.Clientes\03.BAND\DossieBand.rar\Dossie Band\Consolidado_emails_all\N3_Paulo\RE Band Para validaÃ§Ã£o_v03.msg\s1\</t>
  </si>
  <si>
    <t>C:\Users\edilsonrb\OneDrive - Grupo Algar\02.Trabalho\16.Clientes\03.BAND\DossieBand.rar\Dossie Band\Consolidado_emails_all\N3_Paulo\RE Band ReuniÃ£o 07-02.msg\s1\</t>
  </si>
  <si>
    <t>C:\Users\edilsonrb\OneDrive - Grupo Algar\02.Trabalho\16.Clientes\03.BAND\DossieBand.rar\Dossie Band\Consolidado_emails_all\RES RES CatÃ¡logo de ServiÃ§os_N3_Ely.msg\s1\</t>
  </si>
  <si>
    <t>C:\Users\edilsonrb\OneDrive - Grupo Algar\02.Trabalho\16.Clientes\03.BAND\DossieBand.rar\Dossie Band\Consolidado_emails_all\Reuniao 07-02_paulo_pl_com.msg\s1\</t>
  </si>
  <si>
    <t>C:\Users\edilsonrb\OneDrive - Grupo Algar\02.Trabalho\16.Clientes\03.BAND\DossieBand.rar\Dossie Band\Consolidado_emails_all\Sis_Ely\ENC CatÃ¡logo de ServiÃ§os_02.msg\s1\</t>
  </si>
  <si>
    <t>C:\Users\edilsonrb\OneDrive - Grupo Algar\02.Trabalho\16.Clientes\03.BAND\DossieBand.rar\Dossie Band\Consolidado_emails_all\Band Documentos validados_Pacote QuÃ©zia.msg\s1\Entrega.rar\</t>
  </si>
  <si>
    <t>09/23/2019 22:12:13</t>
  </si>
  <si>
    <t>C:\Users\edilsonrb\OneDrive - Grupo Algar\02.Trabalho\16.Clientes\05.EMS\</t>
  </si>
  <si>
    <t>EMS1.xlsx</t>
  </si>
  <si>
    <t>09/23/2019 22:12:14</t>
  </si>
  <si>
    <t>C:\Users\edilsonrb\OneDrive - Grupo Algar\02.Trabalho\16.Clientes\06.Telecom\Clientes.Telecom.pptx\</t>
  </si>
  <si>
    <t>C:\Users\edilsonrb\OneDrive - Grupo Algar\02.Trabalho\16.Clientes\06.Telecom\</t>
  </si>
  <si>
    <t>FATURAMENTO PARCERIA HOSTING e CLOUD.xlsx</t>
  </si>
  <si>
    <t>09/23/2019 22:12:15</t>
  </si>
  <si>
    <t>C:\Users\edilsonrb\OneDrive - Grupo Algar\02.Trabalho\16.Clientes\07.Bradesco\</t>
  </si>
  <si>
    <t>Medição Agosto Setembro - 12 09 2016.xlsm</t>
  </si>
  <si>
    <t>09/23/2019 22:12:16</t>
  </si>
  <si>
    <t>C:\Users\edilsonrb\OneDrive - Grupo Algar\02.Trabalho\16.Clientes\09.LDC\</t>
  </si>
  <si>
    <t>Anexo IV_Planilha de RFP_Infra Nível 2_v5.xlsx</t>
  </si>
  <si>
    <t>Estratégia.3o.Nivel.xlsx</t>
  </si>
  <si>
    <t>09/23/2019 22:12:17</t>
  </si>
  <si>
    <t>Pricing FINAL - LDC Monitoramento e CIS.XLSX</t>
  </si>
  <si>
    <t>09/23/2019 22:12:22</t>
  </si>
  <si>
    <t>C:\Users\edilsonrb\OneDrive - Grupo Algar\02.Trabalho\16.Clientes\17.Unimed.Patos\</t>
  </si>
  <si>
    <t>Precificação Data Center.Legado.xlsb</t>
  </si>
  <si>
    <t>Precificação Data Center.Novo.xlsb</t>
  </si>
  <si>
    <t>09/23/2019 22:12:23</t>
  </si>
  <si>
    <t>Precificação Data Center.xlsb</t>
  </si>
  <si>
    <t>C:\Users\edilsonrb\OneDrive - Grupo Algar\02.Trabalho\16.Clientes\18.SUPERMIX\</t>
  </si>
  <si>
    <t>Precificação Data Center EM HOMOLOGAÇÂO V 003 25-05-2016_v3.xlsb</t>
  </si>
  <si>
    <t>09/23/2019 22:12:25</t>
  </si>
  <si>
    <t>C:\Users\edilsonrb\OneDrive - Grupo Algar\02.Trabalho\16.Clientes\</t>
  </si>
  <si>
    <t>Precificação_Cenário4-ikaro-v2(Bonsucesso).xlsb</t>
  </si>
  <si>
    <t>C:\Users\edilsonrb\OneDrive - Grupo Algar\02.Trabalho\17.Objetivos.2.2013\1S.2014\2014_Diretrizes Contratação Metas (1º sem.14).pptx\</t>
  </si>
  <si>
    <t>Planilha_do_Microsoft_Office_Excel1.xlsx</t>
  </si>
  <si>
    <t>Planilha_do_Microsoft_Office_Excel2.xlsx</t>
  </si>
  <si>
    <t>09/23/2019 22:12:26</t>
  </si>
  <si>
    <t>C:\Users\edilsonrb\OneDrive - Grupo Algar\02.Trabalho\17.Objetivos.2.2013\</t>
  </si>
  <si>
    <t>Comprovação MB - InfraTI.SG.xls</t>
  </si>
  <si>
    <t>Indicadores.SG.BSC.xlsx</t>
  </si>
  <si>
    <t>09/23/2019 22:12:27</t>
  </si>
  <si>
    <t>C:\Users\edilsonrb\OneDrive - Grupo Algar\02.Trabalho\18.Integração.Asyst\</t>
  </si>
  <si>
    <t>Matriz TN Asyst - Clientes de 3N.xlsx</t>
  </si>
  <si>
    <t>Pessoas TI - Área de Negócio.xlsx</t>
  </si>
  <si>
    <t>C:\Users\edilsonrb\OneDrive - Grupo Algar\02.Trabalho\19.Incentivo.SDM\01.2S.2013\</t>
  </si>
  <si>
    <t>Memoria de Calculo Incentivo SDM 2S2013.xlsx</t>
  </si>
  <si>
    <t>PEQ TI - Acompanhamento Financiero do PEQ.xlsx</t>
  </si>
  <si>
    <t>09/23/2019 22:12:28</t>
  </si>
  <si>
    <t>C:\Users\edilsonrb\OneDrive - Grupo Algar\02.Trabalho\20.Reunião.Fechio\Cenario Desafio 1o. Tri_14.eml\Metas 1º Trim 2014.pptx\</t>
  </si>
  <si>
    <t>C:\Users\edilsonrb\OneDrive - Grupo Algar\02.Trabalho\20.Reunião.Fechio\</t>
  </si>
  <si>
    <t>Estrutura Org_Avaliação da Estabilidade do Service Desk 2014 - Consolidado_Tod (2).xlsx</t>
  </si>
  <si>
    <t>09/23/2019 22:12:30</t>
  </si>
  <si>
    <t>C:\Users\edilsonrb\OneDrive - Grupo Algar\02.Trabalho\20.Reunião.Fechio\Infra TI - Contratos.pptx\</t>
  </si>
  <si>
    <t>09/23/2019 22:12:44</t>
  </si>
  <si>
    <t>C:\Users\edilsonrb\OneDrive - Grupo Algar\02.Trabalho\20.Reunião.Fechio\ORC-INFRA-2014-16-04.pptx\</t>
  </si>
  <si>
    <t>C:\Users\edilsonrb\OneDrive - Grupo Algar\02.Trabalho\20.Reunião.Fechio\Receita - Infra TI.pptx\</t>
  </si>
  <si>
    <t>09/23/2019 22:12:47</t>
  </si>
  <si>
    <t>C:\Users\edilsonrb\OneDrive - Grupo Algar\02.Trabalho\20.Reunião.Fechio\Receita - Infra TIF V2 - Alterado.pptx\</t>
  </si>
  <si>
    <t>09/23/2019 22:12:51</t>
  </si>
  <si>
    <t>C:\Users\edilsonrb\OneDrive - Grupo Algar\02.Trabalho\20.Reunião.Fechio\Receita - Infra TIF V2.pptx\</t>
  </si>
  <si>
    <t>09/23/2019 22:12:52</t>
  </si>
  <si>
    <t>C:\Users\edilsonrb\OneDrive - Grupo Algar\02.Trabalho\20.Reunião.Fechio\Receita - Infra TIF.pptx\</t>
  </si>
  <si>
    <t>09/23/2019 22:12:53</t>
  </si>
  <si>
    <t>C:\Users\edilsonrb\OneDrive - Grupo Algar\02.Trabalho\21.Multa.BR\TOP BRAssessmentFinalv17.pptx\</t>
  </si>
  <si>
    <t>09/23/2019 22:12:54</t>
  </si>
  <si>
    <t>C:\Users\edilsonrb\OneDrive - Grupo Algar\02.Trabalho\25.Plano.Tatico.2015\</t>
  </si>
  <si>
    <t>Detalhamento. Multiplicadores.Internos.xlsx</t>
  </si>
  <si>
    <t>Planejamento 2015 - Plano de Governo Revisado.xlsx</t>
  </si>
  <si>
    <t>Planejamento 2015 - Plano de Governo.xlsx</t>
  </si>
  <si>
    <t>Planejamento 2015 - Plano de Infra TI - Revisado.xlsx</t>
  </si>
  <si>
    <t>Planejamento 2015 - Plano de Infra TI.xlsx</t>
  </si>
  <si>
    <t>Planejamento 2015 - Plano de Marketing e Táticos - Final v2.xlsx</t>
  </si>
  <si>
    <t>Plano de ação detalhamento.xlsx</t>
  </si>
  <si>
    <t>Plano de ação.xlsx</t>
  </si>
  <si>
    <t>Plano Tatico Infra de TI Revisado Final.xlsx</t>
  </si>
  <si>
    <t>SSGI - Infra TI 02062015.xlsx</t>
  </si>
  <si>
    <t>SSGI - Infra TI 06072015.xlsx</t>
  </si>
  <si>
    <t>C:\Users\edilsonrb\OneDrive - Grupo Algar\02.Trabalho\27.Plano.Clima.2014\Solicitação de passagens (COTAÇÃO).oft\s1\</t>
  </si>
  <si>
    <t>VIAGEM-SP-28112014.xlsx</t>
  </si>
  <si>
    <t>C:\Users\edilsonrb\OneDrive - Grupo Algar\02.Trabalho\28.CIS\01.Dreyfus\</t>
  </si>
  <si>
    <t>Anexo I_Serviços Infra Nível 2.xlsx</t>
  </si>
  <si>
    <t>Anexo II_Formulário para envio de dúvidas.xlsx</t>
  </si>
  <si>
    <t>Anexo III_SLA Infra2.xls</t>
  </si>
  <si>
    <t>09/23/2019 22:12:55</t>
  </si>
  <si>
    <t>Anexo IV_Planilha de RFP_Infra Nível 2.xlsx</t>
  </si>
  <si>
    <t>Anexo VI - Descritivo de Servidores e Servicos.xlsx</t>
  </si>
  <si>
    <t>09/23/2019 22:12:56</t>
  </si>
  <si>
    <t>C:\Users\edilsonrb\OneDrive - Grupo Algar\02.Trabalho\28.CIS\01.Dreyfus\LDC_ RFP Infra Nível 2_material de cotação.zip\</t>
  </si>
  <si>
    <t>Anexo II_Formul rio para envio de d£vidas.xlsx</t>
  </si>
  <si>
    <t>Anexo IV_Planilha de RFP_Infra N¡vel 2.xlsx</t>
  </si>
  <si>
    <t>Anexo I_Servi‡os Infra N¡vel 2.xlsx</t>
  </si>
  <si>
    <t>09/23/2019 22:12:58</t>
  </si>
  <si>
    <t>Orçamento Dreyfus.ETEK.e.BRUCE.xlsx</t>
  </si>
  <si>
    <t>C:\Users\edilsonrb\OneDrive - Grupo Algar\02.Trabalho\28.CIS\</t>
  </si>
  <si>
    <t>Alocação.xlsx</t>
  </si>
  <si>
    <t>09/23/2019 22:13:00</t>
  </si>
  <si>
    <t>Apropriação.CIS.Fev.15.xlsx</t>
  </si>
  <si>
    <t>09/23/2019 22:13:02</t>
  </si>
  <si>
    <t>Departamental.JAN.1.xlsx</t>
  </si>
  <si>
    <t>Departamental.JAN.xlsx</t>
  </si>
  <si>
    <t>Plano de ação_03032015.xlsx</t>
  </si>
  <si>
    <t>09/23/2019 22:13:03</t>
  </si>
  <si>
    <t>Qtde.Atendimento.NOC.JAN.15.xls</t>
  </si>
  <si>
    <t>Valores Recorrente CIS - Clientes Brasília.xlsx</t>
  </si>
  <si>
    <t>Visão dos Valores Recorrente CIS - CAC.xlsx</t>
  </si>
  <si>
    <t>C:\Users\edilsonrb\OneDrive - Grupo Algar\02.Trabalho\29.Acordo.Judicial.2015\</t>
  </si>
  <si>
    <t>2015_Plano de Ação_Acordo Judicial_Algar Tech (3).xlsx</t>
  </si>
  <si>
    <t>Plano.Ação.30.01.xlsx</t>
  </si>
  <si>
    <t>09/23/2019 22:13:04</t>
  </si>
  <si>
    <t>TH Plano de ação - Banco de Dados - 19.02.xlsx</t>
  </si>
  <si>
    <t>C:\Users\edilsonrb\OneDrive - Grupo Algar\02.Trabalho\32.ACTs\</t>
  </si>
  <si>
    <t>ACTs InfraTI Fev 15 - JR.xlsx</t>
  </si>
  <si>
    <t>ACTs InfraTI Fev 15.xlsx</t>
  </si>
  <si>
    <t>ACTs.Brasília.Jan.15.xlsx</t>
  </si>
  <si>
    <t>ACTs.InfraTI.Fev.15.xlsx</t>
  </si>
  <si>
    <t>Edilson Junho.1.xlsx</t>
  </si>
  <si>
    <t>Edilson Junho.24.06.Orçado.xlsx</t>
  </si>
  <si>
    <t>Edilson Junho.24.06.xlsx</t>
  </si>
  <si>
    <t>Edilson.Junho.xlsx</t>
  </si>
  <si>
    <t>JR.ACT.MAR.xlsx</t>
  </si>
  <si>
    <t>C:\Users\edilsonrb\OneDrive - Grupo Algar\02.Trabalho\33.RV.2015\</t>
  </si>
  <si>
    <t>Análise RV - Infra.F.xlsx</t>
  </si>
  <si>
    <t>09/23/2019 22:13:05</t>
  </si>
  <si>
    <t>Análise RV - Infra.xlsx</t>
  </si>
  <si>
    <t>09/23/2019 22:13:06</t>
  </si>
  <si>
    <t>C:\Users\edilsonrb\OneDrive - Grupo Algar\02.Trabalho\34.Avaliação.2015\Avaliação Coletiva 2015 (002).pptx\</t>
  </si>
  <si>
    <t>09/23/2019 22:13:07</t>
  </si>
  <si>
    <t>C:\Users\edilsonrb\OneDrive - Grupo Algar\02.Trabalho\34.Avaliação.2015\Avaliação Coletiva 2016.pptx\</t>
  </si>
  <si>
    <t>C:\Users\edilsonrb\OneDrive - Grupo Algar\02.Trabalho\34.Avaliação.2015\Avaliação Coletiva Edilson BragaF.pptx\</t>
  </si>
  <si>
    <t>09/23/2019 22:13:09</t>
  </si>
  <si>
    <t>C:\Users\edilsonrb\OneDrive - Grupo Algar\02.Trabalho\34.Avaliação.2015\</t>
  </si>
  <si>
    <t>Indicadores.Desempenho.xlsx</t>
  </si>
  <si>
    <t>09/23/2019 22:13:10</t>
  </si>
  <si>
    <t>C:\Users\edilsonrb\OneDrive - Grupo Algar\02.Trabalho\35.APUR.OBJ.2S.2014\</t>
  </si>
  <si>
    <t>2014_Apuração objetivos corporativos.xlsx</t>
  </si>
  <si>
    <t>CIS.Financeiro.xlsx</t>
  </si>
  <si>
    <t>TCO_BACKUP_2014_V2.xlsx</t>
  </si>
  <si>
    <t>TCO_Balanceador_WAF_2014_V1.xlsx</t>
  </si>
  <si>
    <t>TCO_Firewall_2014_V1_Setembro_14.xlsx</t>
  </si>
  <si>
    <t>TCO_Monitoramento_Spectrum_2014_V1.xlsx</t>
  </si>
  <si>
    <t>TCO_PlataformaNuvemHibrida_AlgarTech_Gerencia_20140912_V1.xlsx</t>
  </si>
  <si>
    <t>TCO_PlataformaNuvemHibrida_AlgarTech_Recurso_20140912_V1.xlsx</t>
  </si>
  <si>
    <t>TCO_Redes_10G_1G_2014_V1.xlsx</t>
  </si>
  <si>
    <t>TCO_SAN_2014_V1.xlsx</t>
  </si>
  <si>
    <t>TCO_STORAGE_2014_V2.xlsx</t>
  </si>
  <si>
    <t>C:\Users\edilsonrb\OneDrive - Grupo Algar\02.Trabalho\37.Objetivos.1S.2015\</t>
  </si>
  <si>
    <t>Evidências Objetivos 1ºsem2015.xlsx</t>
  </si>
  <si>
    <t>09/23/2019 22:13:11</t>
  </si>
  <si>
    <t>Evidências para Apuração dos Objetivos Corporativos_2ºsem2015.xlsx</t>
  </si>
  <si>
    <t>C:\Users\edilsonrb\OneDrive - Grupo Algar\02.Trabalho\39.Clima.2015\</t>
  </si>
  <si>
    <t>2014x2015.xlsx</t>
  </si>
  <si>
    <t>CODIFICAÇÃO CLIMA 2015 - Equipe Edilson Braga.xlsx</t>
  </si>
  <si>
    <t>CODIFICAÇÃO CLIMA 2015 - Equipe José Rogério.xlsx</t>
  </si>
  <si>
    <t>CODIFICAÇÃO CLIMA 2015 - Equipe Marcio.xlsx</t>
  </si>
  <si>
    <t>09/23/2019 22:13:12</t>
  </si>
  <si>
    <t>CODIFICAÇÃO CLIMA 2015 - Equipe Nyara.xlsx</t>
  </si>
  <si>
    <t>CODIFICAÇÃO CLIMA 2015 - Equipe Raimundo.xlsx</t>
  </si>
  <si>
    <t>CODIFICAÇÃO CLIMA 2015 - Equipe Renat.xlsx</t>
  </si>
  <si>
    <t>CODIFICAÇÃO CLIMA 2015 - Equipe Renato.xlsx</t>
  </si>
  <si>
    <t>09/23/2019 22:13:16</t>
  </si>
  <si>
    <t>C:\Users\edilsonrb\OneDrive - Grupo Algar\02.Trabalho\44.TOP.TI.ACCENTURE\01.CIS.BRASILIA\</t>
  </si>
  <si>
    <t>2015 06 - CIS BSB - Transferências.xlsx</t>
  </si>
  <si>
    <t>2015 07 - CIS BSB - Transferências.xlsx</t>
  </si>
  <si>
    <t>2015 08 - CIS BSB - Transferências.xlsx</t>
  </si>
  <si>
    <t>09/23/2019 22:13:17</t>
  </si>
  <si>
    <t>2015 09 - CIS BSB - Transferências.xlsx</t>
  </si>
  <si>
    <t>2015 10 - CIS BSB - Transferências e Receita.xlsx</t>
  </si>
  <si>
    <t>_Consolidado.xlsx</t>
  </si>
  <si>
    <t>C:\Users\edilsonrb\OneDrive - Grupo Algar\02.Trabalho\44.TOP.TI.ACCENTURE\02.HE.SOBREAVISO\</t>
  </si>
  <si>
    <t>CIS - BSB - Sobreaviso.xls</t>
  </si>
  <si>
    <t>CIS - SP - Sobreaviso.xls</t>
  </si>
  <si>
    <t>INFRA.TI.xls</t>
  </si>
  <si>
    <t>09/23/2019 22:13:22</t>
  </si>
  <si>
    <t>C:\Users\edilsonrb\OneDrive - Grupo Algar\02.Trabalho\44.TOP.TI.ACCENTURE\Algar Tech - TOP Infra de TI - Deck Final - 20151209 vFinal (003).pptx\</t>
  </si>
  <si>
    <t>oleObject100.dat</t>
  </si>
  <si>
    <t>oleObject101.dat</t>
  </si>
  <si>
    <t>oleObject102.dat</t>
  </si>
  <si>
    <t>oleObject103.dat</t>
  </si>
  <si>
    <t>oleObject104.dat</t>
  </si>
  <si>
    <t>oleObject105.dat</t>
  </si>
  <si>
    <t>oleObject106.dat</t>
  </si>
  <si>
    <t>oleObject107.dat</t>
  </si>
  <si>
    <t>09/23/2019 22:13:23</t>
  </si>
  <si>
    <t>oleObject108.dat</t>
  </si>
  <si>
    <t>oleObject109.dat</t>
  </si>
  <si>
    <t>oleObject110.dat</t>
  </si>
  <si>
    <t>oleObject111.dat</t>
  </si>
  <si>
    <t>oleObject112.dat</t>
  </si>
  <si>
    <t>oleObject113.dat</t>
  </si>
  <si>
    <t>oleObject114.dat</t>
  </si>
  <si>
    <t>oleObject115.dat</t>
  </si>
  <si>
    <t>oleObject116.dat</t>
  </si>
  <si>
    <t>09/23/2019 22:13:24</t>
  </si>
  <si>
    <t>oleObject26.dat</t>
  </si>
  <si>
    <t>oleObject27.dat</t>
  </si>
  <si>
    <t>oleObject28.dat</t>
  </si>
  <si>
    <t>oleObject29.dat</t>
  </si>
  <si>
    <t>oleObject30.dat</t>
  </si>
  <si>
    <t>oleObject31.dat</t>
  </si>
  <si>
    <t>oleObject32.dat</t>
  </si>
  <si>
    <t>oleObject33.dat</t>
  </si>
  <si>
    <t>oleObject34.dat</t>
  </si>
  <si>
    <t>oleObject35.dat</t>
  </si>
  <si>
    <t>oleObject36.dat</t>
  </si>
  <si>
    <t>oleObject37.dat</t>
  </si>
  <si>
    <t>oleObject38.dat</t>
  </si>
  <si>
    <t>oleObject39.dat</t>
  </si>
  <si>
    <t>oleObject40.dat</t>
  </si>
  <si>
    <t>oleObject41.dat</t>
  </si>
  <si>
    <t>oleObject42.dat</t>
  </si>
  <si>
    <t>oleObject43.dat</t>
  </si>
  <si>
    <t>oleObject44.dat</t>
  </si>
  <si>
    <t>oleObject45.dat</t>
  </si>
  <si>
    <t>oleObject46.dat</t>
  </si>
  <si>
    <t>oleObject47.dat</t>
  </si>
  <si>
    <t>oleObject48.dat</t>
  </si>
  <si>
    <t>oleObject49.dat</t>
  </si>
  <si>
    <t>oleObject50.dat</t>
  </si>
  <si>
    <t>oleObject51.dat</t>
  </si>
  <si>
    <t>oleObject52.dat</t>
  </si>
  <si>
    <t>oleObject53.dat</t>
  </si>
  <si>
    <t>oleObject54.dat</t>
  </si>
  <si>
    <t>oleObject55.dat</t>
  </si>
  <si>
    <t>oleObject56.dat</t>
  </si>
  <si>
    <t>oleObject57.dat</t>
  </si>
  <si>
    <t>oleObject58.dat</t>
  </si>
  <si>
    <t>oleObject59.dat</t>
  </si>
  <si>
    <t>oleObject60.dat</t>
  </si>
  <si>
    <t>oleObject67.dat</t>
  </si>
  <si>
    <t>oleObject68.dat</t>
  </si>
  <si>
    <t>oleObject69.dat</t>
  </si>
  <si>
    <t>oleObject70.dat</t>
  </si>
  <si>
    <t>oleObject71.dat</t>
  </si>
  <si>
    <t>oleObject72.dat</t>
  </si>
  <si>
    <t>oleObject74.dat</t>
  </si>
  <si>
    <t>oleObject75.dat</t>
  </si>
  <si>
    <t>oleObject76.dat</t>
  </si>
  <si>
    <t>09/23/2019 22:13:25</t>
  </si>
  <si>
    <t>oleObject77.dat</t>
  </si>
  <si>
    <t>oleObject78.dat</t>
  </si>
  <si>
    <t>oleObject79.dat</t>
  </si>
  <si>
    <t>oleObject80.dat</t>
  </si>
  <si>
    <t>oleObject81.dat</t>
  </si>
  <si>
    <t>oleObject82.dat</t>
  </si>
  <si>
    <t>oleObject84.dat</t>
  </si>
  <si>
    <t>oleObject85.dat</t>
  </si>
  <si>
    <t>oleObject86.dat</t>
  </si>
  <si>
    <t>oleObject88.dat</t>
  </si>
  <si>
    <t>oleObject89.dat</t>
  </si>
  <si>
    <t>oleObject90.dat</t>
  </si>
  <si>
    <t>oleObject91.dat</t>
  </si>
  <si>
    <t>09/24/2019 10:52:12</t>
  </si>
  <si>
    <t>irisen@algartech.com;</t>
  </si>
  <si>
    <t>RES: Média TD e Assiduidade - Caixa</t>
  </si>
  <si>
    <t>Cópia de TD e Ab.xls</t>
  </si>
  <si>
    <t>irisen@algartech.com</t>
  </si>
  <si>
    <t>oleObject93.dat</t>
  </si>
  <si>
    <t>oleObject94.dat</t>
  </si>
  <si>
    <t>oleObject95.dat</t>
  </si>
  <si>
    <t>oleObject96.dat</t>
  </si>
  <si>
    <t>oleObject97.dat</t>
  </si>
  <si>
    <t>oleObject98.dat</t>
  </si>
  <si>
    <t>oleObject99.dat</t>
  </si>
  <si>
    <t>09/23/2019 22:13:26</t>
  </si>
  <si>
    <t>C:\Users\edilsonrb\OneDrive - Grupo Algar\02.Trabalho\44.TOP.TI.ACCENTURE\Algar Tech_Apresentacao_Infra.Abril.pptx\</t>
  </si>
  <si>
    <t>oleObject25.dat</t>
  </si>
  <si>
    <t>C:\Users\edilsonrb\OneDrive - Grupo Algar\02.Trabalho\44.TOP.TI.ACCENTURE\</t>
  </si>
  <si>
    <t>Apoio.xlsx</t>
  </si>
  <si>
    <t>09/23/2019 22:13:27</t>
  </si>
  <si>
    <t>Equipes NOC BKP e Pre-SITE.xlsx</t>
  </si>
  <si>
    <t>Incremental.2016.xlsx</t>
  </si>
  <si>
    <t>09/23/2019 22:13:29</t>
  </si>
  <si>
    <t>Prévia.RB.2016 - Infra de TI.xlsx</t>
  </si>
  <si>
    <t>TOP.STAFF.xlsx</t>
  </si>
  <si>
    <t>09/23/2019 22:13:30</t>
  </si>
  <si>
    <t>C:\Users\edilsonrb\OneDrive - Grupo Algar\02.Trabalho\46.ACOMPANHA.2016\01.RESUL.JAN\</t>
  </si>
  <si>
    <t>Faturamento Mensal INFRA.POR.CLIENTE.REAL.ORÇADOxlsx.xlsx</t>
  </si>
  <si>
    <t>previa faturamento fevereiro 2016.xlsx</t>
  </si>
  <si>
    <t>C:\Users\edilsonrb\OneDrive - Grupo Algar\02.Trabalho\46.ACOMPANHA.2016\</t>
  </si>
  <si>
    <t>Algar Tech - 2016 - Compras - ITO - Requisitos Técnicos Incremental - Urgênte.xlsx</t>
  </si>
  <si>
    <t>09/23/2019 22:13:42</t>
  </si>
  <si>
    <t>Orçamento RB 1º Trim.Final.xlsx</t>
  </si>
  <si>
    <t>09/23/2019 22:13:52</t>
  </si>
  <si>
    <t>Orçamento RB 1º Trim.xlsx</t>
  </si>
  <si>
    <t>Orçamento.ContratosTI.2016.xlsx</t>
  </si>
  <si>
    <t>Receita.2016.Farmer.Hunter.xlsx</t>
  </si>
  <si>
    <t>09/23/2019 22:13:53</t>
  </si>
  <si>
    <t>Receita.Orçada.2016 - Infra de TI v8.SDM.xlsx</t>
  </si>
  <si>
    <t>Receita.Orçada.2016 - Infra de TI v8.xlsx</t>
  </si>
  <si>
    <t>Receita_1_Trimestre_2016.xlsx</t>
  </si>
  <si>
    <t>09/23/2019 22:14:11</t>
  </si>
  <si>
    <t>C:\Users\edilsonrb\OneDrive - Grupo Algar\02.Trabalho\48.REDIR\01.06.06.2016\</t>
  </si>
  <si>
    <t>CustodePessoal SALBA ATIVOS SENIORIDADE HE_Geral Algar Tech-Infra_TI.xlsx</t>
  </si>
  <si>
    <t>09/23/2019 22:14:12</t>
  </si>
  <si>
    <t>Equipe Edilson - TI(IP).xlsx</t>
  </si>
  <si>
    <t>09/23/2019 22:14:58</t>
  </si>
  <si>
    <t>C:\Users\edilsonrb\OneDrive - Grupo Algar\02.Trabalho\48.REDIR\Infra.TI.Conversao.Final.pptx\</t>
  </si>
  <si>
    <t>C:\Users\edilsonrb\OneDrive - Grupo Algar\02.Trabalho\50.HE.2016\</t>
  </si>
  <si>
    <t>HE.JAN.2016.xls</t>
  </si>
  <si>
    <t>09/23/2019 22:14:59</t>
  </si>
  <si>
    <t>C:\Users\edilsonrb\OneDrive - Grupo Algar\02.Trabalho\51.PPT.SILVIO\01.RAO\01.MAIO.2016\</t>
  </si>
  <si>
    <t>FORECAST DA RECEITA - Banco de Dados v6.xlsx</t>
  </si>
  <si>
    <t>09/23/2019 22:15:00</t>
  </si>
  <si>
    <t>C:\Users\edilsonrb\OneDrive - Grupo Algar\02.Trabalho\51.PPT.SILVIO\01.RAO\01.MAIO.2016\Modelo para RAO (002).pptx\</t>
  </si>
  <si>
    <t>OFICIAL.F.xlsx</t>
  </si>
  <si>
    <t>09/23/2019 22:15:01</t>
  </si>
  <si>
    <t>OFICIAL.xlsx</t>
  </si>
  <si>
    <t>09/23/2019 22:15:02</t>
  </si>
  <si>
    <t>C:\Users\edilsonrb\OneDrive - Grupo Algar\02.Trabalho\51.PPT.SILVIO\01.RAO\02.JUNHO.2016\</t>
  </si>
  <si>
    <t>Avos de Férias.Nay.xlsx</t>
  </si>
  <si>
    <t>09/23/2019 22:15:04</t>
  </si>
  <si>
    <t>Avos de Férias.xlsx</t>
  </si>
  <si>
    <t>Avos.30.06.xlsx</t>
  </si>
  <si>
    <t>IP.Edilson.Braga.07.07.xlsx</t>
  </si>
  <si>
    <t>IP.Edilson.Braga.xlsx</t>
  </si>
  <si>
    <t>Razão.Maio.xls</t>
  </si>
  <si>
    <t>09/23/2019 22:15:05</t>
  </si>
  <si>
    <t>Redir.20.06.xlsx</t>
  </si>
  <si>
    <t>C:\Users\edilsonrb\OneDrive - Grupo Algar\02.Trabalho\51.PPT.SILVIO\01.RAO\03.AGOSTO.2016\</t>
  </si>
  <si>
    <t>Analise.xls</t>
  </si>
  <si>
    <t>C:\Users\edilsonrb\OneDrive - Grupo Algar\02.Trabalho\51.PPT.SILVIO\01.RAO\04.SETEMBRO.2016\</t>
  </si>
  <si>
    <t>Proj.C.2.Projeção.xlsx</t>
  </si>
  <si>
    <t>09/23/2019 22:15:06</t>
  </si>
  <si>
    <t>C:\Users\edilsonrb\OneDrive - Grupo Algar\02.Trabalho\51.PPT.SILVIO\02.ROADMAP.2016\</t>
  </si>
  <si>
    <t>BP Infra de TI 2016 a 2020 - v5.xlsb</t>
  </si>
  <si>
    <t>BP Infra de TI 2016 a 2020 - v5F.xlsb</t>
  </si>
  <si>
    <t>Resumo.xlsx</t>
  </si>
  <si>
    <t>09/23/2019 22:15:18</t>
  </si>
  <si>
    <t>C:\Users\edilsonrb\OneDrive - Grupo Algar\02.Trabalho\51.PPT.SILVIO\05.ESTOQUE.RECEITA\</t>
  </si>
  <si>
    <t>Governança do Estoque de Receita PMO 07 03 16 (003).xlsx</t>
  </si>
  <si>
    <t>C:\Users\edilsonrb\OneDrive - Grupo Algar\02.Trabalho\51.PPT.SILVIO\06.PROJEÇÃO.RECEITA\01.MAIO.2016\</t>
  </si>
  <si>
    <t>FORECAST DA RECEITA - Banco de Dados v5.xlsx</t>
  </si>
  <si>
    <t>C:\Users\edilsonrb\OneDrive - Grupo Algar\02.Trabalho\51.PPT.SILVIO\06.PROJEÇÃO.RECEITA\02.JUNHO.2016\</t>
  </si>
  <si>
    <t>FORECAST DA RECEITA - Banco de Dados ITO.xlsx</t>
  </si>
  <si>
    <t>FORECAST DA RECEITA - Banco de Dados v11 - NAYANNE.xlsx</t>
  </si>
  <si>
    <t>09/23/2019 22:15:19</t>
  </si>
  <si>
    <t>FORECAST DA RECEITA - Banco de Dados v11.xlsx</t>
  </si>
  <si>
    <t>FORECAST DA RECEITA - Banco de Dados v14.xlsx</t>
  </si>
  <si>
    <t>FORECAST ITO Maio 2016 09 06 v3.xlsx</t>
  </si>
  <si>
    <t>Modelo RAO 10 06 v2.xlsx</t>
  </si>
  <si>
    <t>C:\Users\edilsonrb\OneDrive - Grupo Algar\02.Trabalho\51.PPT.SILVIO\06.PROJEÇÃO.RECEITA\</t>
  </si>
  <si>
    <t>JAN.FEV.xls</t>
  </si>
  <si>
    <t>Projeção Abr-Dez 2016.F.xlsx</t>
  </si>
  <si>
    <t>09/23/2019 22:15:20</t>
  </si>
  <si>
    <t>Projeção Abr-Dez 2016.xlsx</t>
  </si>
  <si>
    <t>Projeção Mar-Dez 2016.xlsx</t>
  </si>
  <si>
    <t>Projeção.12.05.2016.xlsx</t>
  </si>
  <si>
    <t>Projeção.13.05.2016.xlsx</t>
  </si>
  <si>
    <t>Resultado por Custo_Mar-2016.xlsx</t>
  </si>
  <si>
    <t>C:\Users\edilsonrb\OneDrive - Grupo Algar\02.Trabalho\51.PPT.SILVIO\07.CLIENTE\01.AMAZON\</t>
  </si>
  <si>
    <t>Análise do Lucro Econômico Amazon.xlsx</t>
  </si>
  <si>
    <t>BP Amazon Consolidado as is+20.xlsb</t>
  </si>
  <si>
    <t>BP Amazon Consolidado as is.xlsb</t>
  </si>
  <si>
    <t>09/23/2019 22:15:21</t>
  </si>
  <si>
    <t>BP Amazon Consolidado cenário AS IS Mais 20.xlsb</t>
  </si>
  <si>
    <t>BP Amazon Consolidado cenário Holding.xlsb</t>
  </si>
  <si>
    <t>BP Amazon Consolidado cenário Silvio.xlsb</t>
  </si>
  <si>
    <t>09/23/2019 22:15:22</t>
  </si>
  <si>
    <t>BP Amazon Consolidado com desconto.xlsb</t>
  </si>
  <si>
    <t>BP Amazon Consolidado target do cliente.xlsb</t>
  </si>
  <si>
    <t>C:\Users\edilsonrb\OneDrive - Grupo Algar\02.Trabalho\51.PPT.SILVIO\09.GERENCIAL\01.ABR.2016\</t>
  </si>
  <si>
    <t>DCs.xlsx</t>
  </si>
  <si>
    <t>DRE.1T.2016.xls</t>
  </si>
  <si>
    <t>C:\Users\edilsonrb\OneDrive - Grupo Algar\02.Trabalho\51.PPT.SILVIO\10.DIVERSOS\01.FEV.25\Desafios.ITO.F.pptx\</t>
  </si>
  <si>
    <t>C:\Users\edilsonrb\OneDrive - Grupo Algar\02.Trabalho\51.PPT.SILVIO\10.DIVERSOS\01.FEV.25\Desafios.ITO.pptx\</t>
  </si>
  <si>
    <t>09/23/2019 22:15:23</t>
  </si>
  <si>
    <t>C:\Users\edilsonrb\OneDrive - Grupo Algar\02.Trabalho\51.PPT.SILVIO\10.DIVERSOS\01.FEV.25\</t>
  </si>
  <si>
    <t>Detalhado de Contas 2016.F.xls</t>
  </si>
  <si>
    <t>Detalhado de Contas 2016.xls</t>
  </si>
  <si>
    <t>09/23/2019 22:15:30</t>
  </si>
  <si>
    <t>C:\Users\edilsonrb\OneDrive - Grupo Algar\02.Trabalho\51.PPT.SILVIO\10.DIVERSOS\01.FEV.25\ITO.F.pptx\</t>
  </si>
  <si>
    <t>Microsoft_Excel_97-2003_Worksheet2.xls</t>
  </si>
  <si>
    <t>Microsoft_Excel_97-2003_Worksheet3.xls</t>
  </si>
  <si>
    <t>09/23/2019 22:15:38</t>
  </si>
  <si>
    <t>C:\Users\edilsonrb\OneDrive - Grupo Algar\02.Trabalho\51.PPT.SILVIO\10.DIVERSOS\01.FEV.25\ITO.pptx\</t>
  </si>
  <si>
    <t>Pontes Edilson.F.1.xlsx</t>
  </si>
  <si>
    <t>Pontes Edilson.F.2.xlsx</t>
  </si>
  <si>
    <t>Pontes Edilson.F.xlsx</t>
  </si>
  <si>
    <t>Pontes Edilson.xlsx</t>
  </si>
  <si>
    <t>09/23/2019 22:15:40</t>
  </si>
  <si>
    <t>RL Trimestral 13-15.xlsx</t>
  </si>
  <si>
    <t>09/23/2019 22:15:41</t>
  </si>
  <si>
    <t>C:\Users\edilsonrb\OneDrive - Grupo Algar\02.Trabalho\51.PPT.SILVIO\10.DIVERSOS\02.MAR.03\Infra-TI.pptx\</t>
  </si>
  <si>
    <t>09/23/2019 22:15:45</t>
  </si>
  <si>
    <t>C:\Users\edilsonrb\OneDrive - Grupo Algar\02.Trabalho\51.PPT.SILVIO\10.DIVERSOS\03.REDIR.07.03\</t>
  </si>
  <si>
    <t>ORÇADO X FATURADO 2016v2.xlsx</t>
  </si>
  <si>
    <t>C:\Users\edilsonrb\OneDrive - Grupo Algar\02.Trabalho\51.PPT.SILVIO\10.DIVERSOS\03.REDIR.07.03\Pontes Receita.pptx\</t>
  </si>
  <si>
    <t>09/23/2019 22:15:46</t>
  </si>
  <si>
    <t>RB.xlsx</t>
  </si>
  <si>
    <t>RL.4T.2015.xls</t>
  </si>
  <si>
    <t>C:\Users\edilsonrb\OneDrive - Grupo Algar\02.Trabalho\51.PPT.SILVIO\10.DIVERSOS\04.MAR.08\Desafios.ITO.F.pptx\</t>
  </si>
  <si>
    <t>C:\Users\edilsonrb\OneDrive - Grupo Algar\02.Trabalho\51.PPT.SILVIO\10.DIVERSOS\04.MAR.08\Levantamento DataCenter-v2.pptx\</t>
  </si>
  <si>
    <t>C:\Users\edilsonrb\OneDrive - Grupo Algar\02.Trabalho\51.PPT.SILVIO\10.DIVERSOS\04.MAR.08\</t>
  </si>
  <si>
    <t>09/23/2019 22:15:47</t>
  </si>
  <si>
    <t>C:\Users\edilsonrb\OneDrive - Grupo Algar\02.Trabalho\51.PPT.SILVIO\10.DIVERSOS\05.JULHO.2016\</t>
  </si>
  <si>
    <t>Análise RV.xlsx</t>
  </si>
  <si>
    <t>Infra TI HE.xlsx</t>
  </si>
  <si>
    <t>C:\Users\edilsonrb\OneDrive - Grupo Algar\02.Trabalho\51.PPT.SILVIO\10.DIVERSOS\06.AGOSTO.2016\</t>
  </si>
  <si>
    <t>Histórico Reajustes 2016 e Novos Negocios com MCs abaixo 2016 v2.xlsx</t>
  </si>
  <si>
    <t>09/23/2019 22:16:22</t>
  </si>
  <si>
    <t>Renovações.xlsx</t>
  </si>
  <si>
    <t>C:\Users\edilsonrb\OneDrive - Grupo Algar\02.Trabalho\51.PPT.SILVIO\10.DIVERSOS\07.SETEMBRO.2016\</t>
  </si>
  <si>
    <t>Ações Integração TI Interna.Executiva.xlsx</t>
  </si>
  <si>
    <t>Ações Integração TI Interna.xlsx</t>
  </si>
  <si>
    <t>09/23/2019 22:16:24</t>
  </si>
  <si>
    <t>C:\Users\edilsonrb\OneDrive - Grupo Algar\02.Trabalho\51.PPT.SILVIO\10.DIVERSOS\07.SETEMBRO.2016\Capex ITO.Storage.pptx\</t>
  </si>
  <si>
    <t>oleObject1.xlsx</t>
  </si>
  <si>
    <t>09/23/2019 22:16:25</t>
  </si>
  <si>
    <t>INCREMENTAL.2017.V1.xlsx</t>
  </si>
  <si>
    <t>09/23/2019 22:16:26</t>
  </si>
  <si>
    <t>INCREMENTAL.2017.V2.xlsx</t>
  </si>
  <si>
    <t>09/23/2019 22:16:27</t>
  </si>
  <si>
    <t>INCREMENTAL.2017.xlsx</t>
  </si>
  <si>
    <t>09/23/2019 22:16:28</t>
  </si>
  <si>
    <t>C:\Users\edilsonrb\OneDrive - Grupo Algar\02.Trabalho\51.PPT.SILVIO\10.DIVERSOS\07.SETEMBRO.2016\PMO Algar Tech - TAP - Incremental Storage 2016.pptx\</t>
  </si>
  <si>
    <t>09/23/2019 22:16:29</t>
  </si>
  <si>
    <t>C:\Users\edilsonrb\OneDrive - Grupo Algar\02.Trabalho\51.PPT.SILVIO\10.DIVERSOS\07.SETEMBRO.2016\Resumo Capex ITO 2016.pptx\</t>
  </si>
  <si>
    <t>09/23/2019 22:16:30</t>
  </si>
  <si>
    <t>C:\Users\edilsonrb\OneDrive - Grupo Algar\02.Trabalho\51.PPT.SILVIO\10.DIVERSOS\07.SETEMBRO.2016\Resumo-Necessidade-Storage-Setembro-2016.pptx\</t>
  </si>
  <si>
    <t>oleObject2.xlsx</t>
  </si>
  <si>
    <t>C:\Users\edilsonrb\OneDrive - Grupo Algar\02.Trabalho\51.PPT.SILVIO\10.DIVERSOS\11.MAIO.2016\</t>
  </si>
  <si>
    <t>Dep.ABR.2015.csv</t>
  </si>
  <si>
    <t>Dep.ABR.2016.csv</t>
  </si>
  <si>
    <t>Solicitações de Férias Irregulares.xls</t>
  </si>
  <si>
    <t>Template para Levantar Processos e ajudar Simplifica los v1.xlsx</t>
  </si>
  <si>
    <t>09/23/2019 22:16:31</t>
  </si>
  <si>
    <t>C:\Users\edilsonrb\OneDrive - Grupo Algar\02.Trabalho\51.PPT.SILVIO\11.EFICIENCIA.OPERACIONAL\</t>
  </si>
  <si>
    <t>Governança de Iniciativas COO_v23.xlsx</t>
  </si>
  <si>
    <t>C:\Users\edilsonrb\OneDrive - Grupo Algar\02.Trabalho\51.PPT.SILVIO\12.RMO\01.MAR.2016\</t>
  </si>
  <si>
    <t>2016_levantamento datacenter-v2.xlsx</t>
  </si>
  <si>
    <t>Cópia de Resultado por Custo_Fev2016 (ITO).xlsx</t>
  </si>
  <si>
    <t>Resultado por Custo_Fev2016 (ITO).xlsx</t>
  </si>
  <si>
    <t>C:\Users\edilsonrb\OneDrive - Grupo Algar\02.Trabalho\51.PPT.SILVIO\12.RMO\02.ABR.2016\</t>
  </si>
  <si>
    <t>Agrupamento.xls</t>
  </si>
  <si>
    <t>09/23/2019 22:16:32</t>
  </si>
  <si>
    <t>C:\Users\edilsonrb\OneDrive - Grupo Algar\02.Trabalho\51.PPT.SILVIO\12.RMO\02.ABR.2016\Infraestrutura de TI - RMOv2.pptx\</t>
  </si>
  <si>
    <t>Microsoft_Excel_Worksheet19.xlsx</t>
  </si>
  <si>
    <t>Microsoft_Excel_Worksheet20.xlsx</t>
  </si>
  <si>
    <t>Microsoft_Excel_Worksheet21.xlsx</t>
  </si>
  <si>
    <t>Microsoft_Excel_Worksheet22.xlsx</t>
  </si>
  <si>
    <t>Microsoft_Excel_Worksheet23.xlsx</t>
  </si>
  <si>
    <t>Microsoft_Excel_Worksheet24.xlsx</t>
  </si>
  <si>
    <t>Microsoft_Excel_Worksheet25.xlsx</t>
  </si>
  <si>
    <t>Microsoft_Excel_Worksheet26.xlsx</t>
  </si>
  <si>
    <t>Microsoft_Excel_Worksheet27.xlsx</t>
  </si>
  <si>
    <t>Microsoft_Excel_Worksheet28.xlsx</t>
  </si>
  <si>
    <t>Microsoft_Excel_Worksheet29.xlsx</t>
  </si>
  <si>
    <t>Microsoft_Excel_Worksheet30.xlsx</t>
  </si>
  <si>
    <t>Microsoft_Excel_Worksheet31.xlsx</t>
  </si>
  <si>
    <t>Microsoft_Excel_Worksheet32.xlsx</t>
  </si>
  <si>
    <t>Microsoft_Excel_Worksheet33.xlsx</t>
  </si>
  <si>
    <t>Projeção.Abr.Mai.xlsx</t>
  </si>
  <si>
    <t>Projeção.Abril.xls</t>
  </si>
  <si>
    <t>Projeção.Maio.xls</t>
  </si>
  <si>
    <t>Resultado por Custo_Mar-2016 (002).xlsx</t>
  </si>
  <si>
    <t>Resultado por Custo_Mar-2016 (FINAL).xlsx</t>
  </si>
  <si>
    <t>Resultado por Custo_Mar-2016.F1.xlsx</t>
  </si>
  <si>
    <t>09/23/2019 22:16:33</t>
  </si>
  <si>
    <t>C:\Users\edilsonrb\OneDrive - Grupo Algar\02.Trabalho\51.PPT.SILVIO\12.RMO\02.ABR.2016\RMO Consolidada.pptx\</t>
  </si>
  <si>
    <t>09/23/2019 22:16:34</t>
  </si>
  <si>
    <t>Microsoft_Excel_Worksheet34.xlsx</t>
  </si>
  <si>
    <t>Microsoft_Excel_Worksheet35.xlsx</t>
  </si>
  <si>
    <t>Microsoft_Excel_Worksheet36.xlsx</t>
  </si>
  <si>
    <t>C:\Users\edilsonrb\OneDrive - Grupo Algar\02.Trabalho\51.PPT.SILVIO\12.RMO\03.MAI.2016\</t>
  </si>
  <si>
    <t>Gráfico no Microsoft PowerPoint.xlsx</t>
  </si>
  <si>
    <t>09/23/2019 22:16:35</t>
  </si>
  <si>
    <t>C:\Users\edilsonrb\OneDrive - Grupo Algar\02.Trabalho\51.PPT.SILVIO\12.RMO\03.MAI.2016\Infraestrutura de TI - RMOv2.pptx\</t>
  </si>
  <si>
    <t>C:\Users\edilsonrb\OneDrive - Grupo Algar\02.Trabalho\51.PPT.SILVIO\12.RMO\03.MAI.2016\Modelo Infra- RMO v6 (003).pptx\</t>
  </si>
  <si>
    <t>C:\Users\edilsonrb\OneDrive - Grupo Algar\02.Trabalho\51.PPT.SILVIO\12.RMO\04.JUN.2016\</t>
  </si>
  <si>
    <t>Cenario e Capturas - Onda 1 - Ate Maio-2016.xlsx</t>
  </si>
  <si>
    <t>09/23/2019 22:16:36</t>
  </si>
  <si>
    <t>C:\Users\edilsonrb\OneDrive - Grupo Algar\02.Trabalho\51.PPT.SILVIO\12.RMO\04.JUN.2016\Modelo Infra- RMO v7 (17 06) (003).pptx\</t>
  </si>
  <si>
    <t>09/23/2019 22:16:37</t>
  </si>
  <si>
    <t>C:\Users\edilsonrb\OneDrive - Grupo Algar\02.Trabalho\51.PPT.SILVIO\12.RMO\04.JUN.2016\Modelo Infra- RMO v7 (17 06).pptx\</t>
  </si>
  <si>
    <t>Resultado por Custo_MAI-2016 v8 ROM 17 06.xlsx</t>
  </si>
  <si>
    <t>C:\Users\edilsonrb\OneDrive - Grupo Algar\02.Trabalho\51.PPT.SILVIO\12.RMO\05.JUL.2016\</t>
  </si>
  <si>
    <t>Cenario e Capturas.xlsx</t>
  </si>
  <si>
    <t>09/23/2019 22:16:51</t>
  </si>
  <si>
    <t>Forecast Operacional_Julho v15.xlsb</t>
  </si>
  <si>
    <t>C:\Users\edilsonrb\OneDrive - Grupo Algar\02.Trabalho\51.PPT.SILVIO\12.RMO\05.JUL.2016\Modelo Infra- RMO Julho.pptx\</t>
  </si>
  <si>
    <t>09/23/2019 22:16:52</t>
  </si>
  <si>
    <t>09/23/2019 22:16:53</t>
  </si>
  <si>
    <t>Modelo.E.xlsx</t>
  </si>
  <si>
    <t>09/23/2019 22:16:54</t>
  </si>
  <si>
    <t>09/23/2019 22:16:55</t>
  </si>
  <si>
    <t>C:\Users\edilsonrb\OneDrive - Grupo Algar\02.Trabalho\51.PPT.SILVIO\12.RMO\05.JUL.2016\RAO - Infra.Jul.pptx\</t>
  </si>
  <si>
    <t>09/23/2019 22:16:56</t>
  </si>
  <si>
    <t>C:\Users\edilsonrb\OneDrive - Grupo Algar\02.Trabalho\51.PPT.SILVIO\12.RMO\06.AGO.2016\</t>
  </si>
  <si>
    <t>Depreciação.xls</t>
  </si>
  <si>
    <t>Estudo 238 - Energia Eletrica_V2.xlsx</t>
  </si>
  <si>
    <t>09/23/2019 22:16:57</t>
  </si>
  <si>
    <t>Governança de Iniciativas COO_v24.xlsx</t>
  </si>
  <si>
    <t>C:\Users\edilsonrb\OneDrive - Grupo Algar\02.Trabalho\51.PPT.SILVIO\12.RMO\06.AGO.2016\RAO - Infra.Ago.pptx\</t>
  </si>
  <si>
    <t>09/24/2019 10:56:15</t>
  </si>
  <si>
    <t>C:\Users\karlosgc\Dropbox\C-BigBang\saude\</t>
  </si>
  <si>
    <t>controle_saude_2019.xlsx</t>
  </si>
  <si>
    <t>09/23/2019 22:17:01</t>
  </si>
  <si>
    <t>C:\Users\edilsonrb\OneDrive - Grupo Algar\02.Trabalho\51.PPT.SILVIO\12.RMO\06.AGO.2016\ROM 08 08 FINAL.pptx\</t>
  </si>
  <si>
    <t>09/23/2019 22:17:02</t>
  </si>
  <si>
    <t>C:\Users\edilsonrb\OneDrive - Grupo Algar\02.Trabalho\51.PPT.SILVIO\12.RMO\06.AGO.2016\ROM 09 08 FINAL.pptx\</t>
  </si>
  <si>
    <t>C:\Users\edilsonrb\OneDrive - Grupo Algar\02.Trabalho\51.PPT.SILVIO\12.RMO\07.SET.2016\ROM 201608 CONSOLIDADO vfinal.pptx\</t>
  </si>
  <si>
    <t>09/23/2019 22:17:03</t>
  </si>
  <si>
    <t>C:\Users\edilsonrb\OneDrive - Grupo Algar\02.Trabalho\51.PPT.SILVIO\13.RMN\01.ABRIL.2016\</t>
  </si>
  <si>
    <t>Cópia de Template preenchimento RNM v2-1 (004).xlsx</t>
  </si>
  <si>
    <t>Cópia de Template preenchimento RNM v2-1 (005).xlsx</t>
  </si>
  <si>
    <t>Cópia de Template preenchimento RNM v2-1.xlsx</t>
  </si>
  <si>
    <t>C:\Users\edilsonrb\OneDrive - Grupo Algar\02.Trabalho\51.PPT.SILVIO\13.RMN\01.ABRIL.2016\Modelo - RMN v3.pptx\</t>
  </si>
  <si>
    <t>Projeção Abr-Dez 2016 (002).xlsx</t>
  </si>
  <si>
    <t>09/23/2019 22:17:04</t>
  </si>
  <si>
    <t>Projeção.2016.ITO.xlsx</t>
  </si>
  <si>
    <t>Template preenchimento RNM v2-1 (002).xlsx</t>
  </si>
  <si>
    <t>Template preenchimento RNM v2.xlsx</t>
  </si>
  <si>
    <t>09/23/2019 22:17:05</t>
  </si>
  <si>
    <t>C:\Users\edilsonrb\OneDrive - Grupo Algar\02.Trabalho\51.PPT.SILVIO\13.RMN\03.JUNHO.2016\</t>
  </si>
  <si>
    <t>MAIO RMN TEMPLATE.xlsx</t>
  </si>
  <si>
    <t>C:\Users\edilsonrb\OneDrive - Grupo Algar\02.Trabalho\51.PPT.SILVIO\</t>
  </si>
  <si>
    <t>RoadMap Plataforma Digital v1.xlsx</t>
  </si>
  <si>
    <t>RoadMap Plataforma Digital v2.xlsx</t>
  </si>
  <si>
    <t>09/23/2019 22:17:06</t>
  </si>
  <si>
    <t>C:\Users\edilsonrb\OneDrive - Grupo Algar\02.Trabalho\52.DESLIGAMENTO.NEGRISOLI\</t>
  </si>
  <si>
    <t>Formulário - Entrevista de Desligamento.xls</t>
  </si>
  <si>
    <t>C:\Users\edilsonrb\OneDrive - Grupo Algar\02.Trabalho\53.INVENTARIO\</t>
  </si>
  <si>
    <t>PLANILHA DE INVENTÁRIO PADRAO.xlsx</t>
  </si>
  <si>
    <t>C:\Users\edilsonrb\OneDrive - Grupo Algar\02.Trabalho\55.TANGARA.FOODS\Ativas\</t>
  </si>
  <si>
    <t>Planilha TCO-TANGARÁ.XLSX</t>
  </si>
  <si>
    <t>Questionário Completo de Levantamento de Dados - ATIVAS - TANGARÁ.xlsx</t>
  </si>
  <si>
    <t>09/23/2019 22:17:10</t>
  </si>
  <si>
    <t>C:\Users\edilsonrb\OneDrive - Grupo Algar\02.Trabalho\55.TANGARA.FOODS\g0rbag3.zip\pr0ps.7z\Ativas\</t>
  </si>
  <si>
    <t>Planilha TCO-TANGARÃ.XLSX</t>
  </si>
  <si>
    <t>QuestionÃ¡rio Completo de Levantamento de Dados - ATIVAS - TANGARÃ.xlsx</t>
  </si>
  <si>
    <t>09/23/2019 22:17:13</t>
  </si>
  <si>
    <t>C:\Users\edilsonrb\OneDrive - Grupo Algar\02.Trabalho\55.TANGARA.FOODS\pr0ps.7z\Ativas\</t>
  </si>
  <si>
    <t>09/23/2019 22:17:15</t>
  </si>
  <si>
    <t>C:\Users\edilsonrb\OneDrive - Grupo Algar\02.Trabalho\56.LPUs\</t>
  </si>
  <si>
    <t>LPU_CA_Cervelo.xlsx</t>
  </si>
  <si>
    <t>C:\Users\edilsonrb\OneDrive - Grupo Algar\02.Trabalho\57.CLIMA.2016\</t>
  </si>
  <si>
    <t>Estrutura Edilson.xlsx</t>
  </si>
  <si>
    <t>ESTRUTURA PESQUISA DE CLIMA - EDILSON BRAGA.xlsx</t>
  </si>
  <si>
    <t>09/23/2019 22:17:27</t>
  </si>
  <si>
    <t>C:\Users\edilsonrb\OneDrive - Grupo Algar\02.Trabalho\59.DEMANDAS.FLAVIO\</t>
  </si>
  <si>
    <t>Novos Negocios com MCs 2016v3.xlsx</t>
  </si>
  <si>
    <t>09/23/2019 22:17:35</t>
  </si>
  <si>
    <t>C:\Users\edilsonrb\OneDrive - Grupo Algar\02.Trabalho\59.DEMANDAS.FLAVIO\Performance Farming x Hunting 2017 v1.pptx\</t>
  </si>
  <si>
    <t>Projeção_Captura.xlsx</t>
  </si>
  <si>
    <t>09/23/2019 22:18:02</t>
  </si>
  <si>
    <t>C:\Users\edilsonrb\OneDrive - Grupo Algar\02.Trabalho\60.FORECAST\01.set.15.2016\</t>
  </si>
  <si>
    <t>Forecast Operacional Oficial.xlsx</t>
  </si>
  <si>
    <t>C:\Users\edilsonrb\OneDrive - Grupo Algar\02.Trabalho\61.OBJETIVO.CONTRIBUIÇÃO\</t>
  </si>
  <si>
    <t>Objetivos de Contribuição Algar Tech 2ºsem2016_redir 0509.xlsx</t>
  </si>
  <si>
    <t>C:\Users\edilsonrb\OneDrive - Grupo Algar\02.Trabalho\</t>
  </si>
  <si>
    <t>Edilson Out 2015.xlsx</t>
  </si>
  <si>
    <t>C:\Users\edilsonrb\OneDrive - Grupo Algar\02.Trabalho\HE.2016\</t>
  </si>
  <si>
    <t>Edilson Dez 2015.xlsx</t>
  </si>
  <si>
    <t>Edilson Fev 2016.xlsx</t>
  </si>
  <si>
    <t>Edilson Jan 2016.xlsx</t>
  </si>
  <si>
    <t>Edilson Nov 2015.xlsx</t>
  </si>
  <si>
    <t>09/23/2019 22:18:03</t>
  </si>
  <si>
    <t>Relatorio.Clientes.xlsx</t>
  </si>
  <si>
    <t>09/23/2019 22:18:04</t>
  </si>
  <si>
    <t>TEMPLATE ORÇAMENTÁRIO - 2017 - V2 (002).xlsb</t>
  </si>
  <si>
    <t>C:\Users\edilsonrb\OneDrive - Grupo Algar\</t>
  </si>
  <si>
    <t>Pasta de trabalho.xlsx</t>
  </si>
  <si>
    <t>09/24/2019 10:57:49</t>
  </si>
  <si>
    <t>09/24/2019 10:52:46</t>
  </si>
  <si>
    <t>C:\Users\filemoncmj\OneDrive - Grupo Algar\01. Algar Tech\01. Projetos de Clientes\13. Yahsat\2019\01. BP\</t>
  </si>
  <si>
    <t>C:\Users\filemoncmj\OneDrive - Grupo Algar\01. Algar Tech\01. Projetos de Clientes\13. Yahsat\2019\01. BP\BP Crescimento Outubro - v2.xlsb\</t>
  </si>
  <si>
    <t>09/24/2019 10:52:48</t>
  </si>
  <si>
    <t>C:\Users\filemoncmj\OneDrive - Grupo Algar\01. Algar Tech\01. Projetos de Clientes\13. Yahsat\2019\01. BP\ENC_ Classificação de Itens ISD - Desktops Aumento Yahsat.msg\s99\</t>
  </si>
  <si>
    <t>C:\Users\filemoncmj\OneDrive - Grupo Algar\01. Algar Tech\01. Projetos de Clientes\13. Yahsat\2019\01. BP\ENC_ Classificação de Itens ISD - Desktops Aumento Yahsat.msg\s99\BP Crescimento Outubro - v2.xlsb\</t>
  </si>
  <si>
    <t>09/24/2019 10:55:28</t>
  </si>
  <si>
    <t>10.200.57.151</t>
  </si>
  <si>
    <t>14-2D-27-CD-04-97</t>
  </si>
  <si>
    <t>NB-YURIIFD</t>
  </si>
  <si>
    <t>yuriifd</t>
  </si>
  <si>
    <t>YURI IAN FREIRE DINIZ</t>
  </si>
  <si>
    <t>/o=exchangelabs/ou=exchange administrative group (fydibohf23spdlt)/cn=recipients/cn=0b12aab521944ecb8b32eb8c0929be5c-rafael gonz;/o=exchangelabs/ou=exchange administrative group (fydibohf23spdlt)/cn=recipients/cn=5af2cae509964078b2026f7f550380b0-andre luis;/o=exchangelabs/ou=exchange administrative group (fydibohf23spdlt)/cn=recipients/cn=8ab5e44d485043d59eb4f21463e63e6a-tays dos sa;/o=exchangelabs/ou=exchange administrative group (fydibohf23spdlt)/cn=recipients/cn=ca1f2dadbd0542a8ad075275acf52ff3-rondinele s;</t>
  </si>
  <si>
    <t>RES: Desktop - MVP Telas 2</t>
  </si>
  <si>
    <t>Análise MVP Telas 2.xlsx</t>
  </si>
  <si>
    <t>/o=exchangelabs/ou=exchange administrative group (fydibohf23spdlt)/cn=recipients/cn=0b12aab521944ecb8b32eb8c0929be5c-rafael gonz,/o=exchangelabs/ou=exchange administrative group (fydibohf23spdlt)/cn=recipients/cn=5af2cae509964078b2026f7f550380b0-andre luis,/o=exchangelabs/ou=exchange administrative group (fydibohf23spdlt)/cn=recipients/cn=8ab5e44d485043d59eb4f21463e63e6a-tays dos sa,/o=exchangelabs/ou=exchange administrative group (fydibohf23spdlt)/cn=recipients/cn=ca1f2dadbd0542a8ad075275acf52ff3-rondinele s</t>
  </si>
  <si>
    <t>09/24/2019 10:56:29</t>
  </si>
  <si>
    <t>09/24/2019 10:58:49</t>
  </si>
  <si>
    <t>crcevmc@algartech.com.br;suporte.vmc@bradescocartoes.com.br;</t>
  </si>
  <si>
    <t>ENC: RES: ENC: Migração cartões Cielo (Compras Cielo, Aliança e Stelo - bandeira ELO) CRM:000750002331</t>
  </si>
  <si>
    <t>ALIANCA.xlsx</t>
  </si>
  <si>
    <t>crcevmc@algartech.com.br,suporte.vmc@bradescocartoes.com.br</t>
  </si>
  <si>
    <t>09/24/2019 10:55:11</t>
  </si>
  <si>
    <t>09/24/2019 10:59:50</t>
  </si>
  <si>
    <t>/o=exchangelabs/ou=exchange administrative group (fydibohf23spdlt)/cn=recipients/cn=8b5b63d67af648d081a40c45cc800804-fabiana per;alessandra.oliveira@bradesco.com.br;douglas.r.almeida@bradesco.com.br;eleida.fraga@bradesco.com.br;ivia.santos@bradesco.com.br;jackson.diniz@bradesco.com.br;jhonatan.ventino@bradesco.com.br;leonardoamf@algartech.com.br;poliane.amaral@bradesco.com.br;suzane.b.rodrigues@bradesco.com.br;</t>
  </si>
  <si>
    <t>RES: Cadastro de Coordenadores</t>
  </si>
  <si>
    <t>Casos Especias Amex - Parcial Setembro.msg\s1\</t>
  </si>
  <si>
    <t>Casos Especiais - Setembro.xlsm</t>
  </si>
  <si>
    <t>/o=exchangelabs/ou=exchange administrative group (fydibohf23spdlt)/cn=recipients/cn=8b5b63d67af648d081a40c45cc800804-fabiana per,alessandra.oliveira@bradesco.com.br,douglas.r.almeida@bradesco.com.br,eleida.fraga@bradesco.com.br,ivia.santos@bradesco.com.br,jackson.diniz@bradesco.com.br,jhonatan.ventino@bradesco.com.br,leonardoamf@algartech.com.br,poliane.amaral@bradesco.com.br,suzane.b.rodrigues@bradesco.com.br</t>
  </si>
  <si>
    <t>09/24/2019 10:59:49</t>
  </si>
  <si>
    <t>09/24/2019 11:00:49</t>
  </si>
  <si>
    <t>Analise.xlsx</t>
  </si>
  <si>
    <t>09/24/2019 11:00:15</t>
  </si>
  <si>
    <t>09/24/2019 11:01:49</t>
  </si>
  <si>
    <t>ENC: LOGIN/LOGOUT Unica 23/09</t>
  </si>
  <si>
    <t>RELATORIO LOGIN-LOGOUT UNICA 23.09.xlsm</t>
  </si>
  <si>
    <t>09/24/2019 10:58:07</t>
  </si>
  <si>
    <t>09/24/2019 11:02:49</t>
  </si>
  <si>
    <t>/o=exchangelabs/ou=exchange administrative group (fydibohf23spdlt)/cn=recipients/cn=0b6a994899de4cd3af0f6d1091e97ebf-arones abre;/o=exchangelabs/ou=exchange administrative group (fydibohf23spdlt)/cn=recipients/cn=23686df447cc446eb0c1b6b47007d422-diogo de so;/o=exchangelabs/ou=exchange administrative group (fydibohf23spdlt)/cn=recipients/cn=8c89829ad534498fa4c85b5ac11174f1-suelen more;/o=exchangelabs/ou=exchange administrative group (fydibohf23spdlt)/cn=recipients/cn=97bf0b4d6b424f9fbf91192510276150-renata de o;/o=exchangelabs/ou=exchange administrative group (fydibohf23spdlt)/cn=recipients/cn=d34862636b3f4dd788a4b79302af038e-simone ribe;</t>
  </si>
  <si>
    <t>RES: Tickets Excedentes Baseline</t>
  </si>
  <si>
    <t>Quantidade de chamados.xlsx</t>
  </si>
  <si>
    <t>/o=exchangelabs/ou=exchange administrative group (fydibohf23spdlt)/cn=recipients/cn=0b6a994899de4cd3af0f6d1091e97ebf-arones abre,/o=exchangelabs/ou=exchange administrative group (fydibohf23spdlt)/cn=recipients/cn=23686df447cc446eb0c1b6b47007d422-diogo de so,/o=exchangelabs/ou=exchange administrative group (fydibohf23spdlt)/cn=recipients/cn=8c89829ad534498fa4c85b5ac11174f1-suelen more,/o=exchangelabs/ou=exchange administrative group (fydibohf23spdlt)/cn=recipients/cn=97bf0b4d6b424f9fbf91192510276150-renata de o,/o=exchangelabs/ou=exchange administrative group (fydibohf23spdlt)/cn=recipients/cn=d34862636b3f4dd788a4b79302af038e-simone ribe</t>
  </si>
  <si>
    <t>09/24/2019 10:58:55</t>
  </si>
  <si>
    <t>C:\Users\tiagorpf\OneDrive - Grupo Algar\Ecohouse\ATIVIDADES MIS\12 - CONFIRMAÇÃO DE AGENDA\Bases\</t>
  </si>
  <si>
    <t>Enriquecimento de Mailing e Import URA Ativa_20190924.xlsx</t>
  </si>
  <si>
    <t>09/24/2019 11:02:07</t>
  </si>
  <si>
    <t>09/24/2019 11:04:49</t>
  </si>
  <si>
    <t>/o=exchangelabs/ou=exchange administrative group (fydibohf23spdlt)/cn=recipients/cn=ddbbc013641646d08f8ffec122e83ef5-sandy yumi;</t>
  </si>
  <si>
    <t>Produtos Planilha x Produtos PO.xlsx</t>
  </si>
  <si>
    <t>/o=exchangelabs/ou=exchange administrative group (fydibohf23spdlt)/cn=recipients/cn=ddbbc013641646d08f8ffec122e83ef5-sandy yumi</t>
  </si>
  <si>
    <t>09/24/2019 11:03:34</t>
  </si>
  <si>
    <t>09/24/2019 11:06:49</t>
  </si>
  <si>
    <t>09/23/2019 20:36:10</t>
  </si>
  <si>
    <t>09/24/2019 11:07:49</t>
  </si>
  <si>
    <t>09/23/2019 20:41:55</t>
  </si>
  <si>
    <t>09/24/2019 11:03:52</t>
  </si>
  <si>
    <t>64-1C-67-89-7B-DF</t>
  </si>
  <si>
    <t>/o=exchangelabs/ou=exchange administrative group (fydibohf23spdlt)/cn=recipients/cn=214987ca45394b93a473a4e901f49d56-valmirian d;</t>
  </si>
  <si>
    <t>Bloqueio Aspect</t>
  </si>
  <si>
    <t>CH68_20190924_105908.csv</t>
  </si>
  <si>
    <t>/o=exchangelabs/ou=exchange administrative group (fydibohf23spdlt)/cn=recipients/cn=214987ca45394b93a473a4e901f49d56-valmirian d</t>
  </si>
  <si>
    <t>09/24/2019 11:06:03</t>
  </si>
  <si>
    <t>09/24/2019 11:09:49</t>
  </si>
  <si>
    <t>mail.google.com/_/upload?authuser=0&amp;dcp=asu-n&amp;upload_id=AEnB2UqluG8zOVoaf0WGC_eTEKBY_poa4VaGCCZb2saBAOWrcT27Hxst5Y1eAIC2vpyQWa1ZHz-YqM64Yp-TxoiZdmwwFaIJXWztMdestAx1RTD96gvTRJk&amp;upload_protocol=resumable</t>
  </si>
  <si>
    <t>20190913 - Requisitos projeto ERP.xlsx</t>
  </si>
  <si>
    <t>09/24/2019 11:11:24</t>
  </si>
  <si>
    <t>09/24/2019 11:11:49</t>
  </si>
  <si>
    <t>10.200.32.87</t>
  </si>
  <si>
    <t>/o=exchangelabs/ou=exchange administrative group (fydibohf23spdlt)/cn=recipients/cn=c54bebbd63a1403e83787e59fcd1acdc-joao sergio;</t>
  </si>
  <si>
    <t>Escopo - Desenvolvimento do Painel de Indicadores Toyota .doc</t>
  </si>
  <si>
    <t>Escopo - Desenvolvimento do Painel de Indicadores Toyota .doc\</t>
  </si>
  <si>
    <t>Package.xlsx</t>
  </si>
  <si>
    <t>/o=exchangelabs/ou=exchange administrative group (fydibohf23spdlt)/cn=recipients/cn=c54bebbd63a1403e83787e59fcd1acdc-joao sergio</t>
  </si>
  <si>
    <t>09/24/2019 11:07:31</t>
  </si>
  <si>
    <t>09/24/2019 11:12:49</t>
  </si>
  <si>
    <t>09/24/2019 11:09:33</t>
  </si>
  <si>
    <t>09/24/2019 11:13:49</t>
  </si>
  <si>
    <t>/o=exchangelabs/ou=exchange administrative group (fydibohf23spdlt)/cn=recipients/cn=89e58c8da071492dbdcb4fee4156b705-gustavo alm;</t>
  </si>
  <si>
    <t>ENC: PPE Evolução do Portfólio - BP's e apresentação 3ª REUGER</t>
  </si>
  <si>
    <t>Evolução Portifólio_REUGER Financeiro.pptx\</t>
  </si>
  <si>
    <t>/o=exchangelabs/ou=exchange administrative group (fydibohf23spdlt)/cn=recipients/cn=89e58c8da071492dbdcb4fee4156b705-gustavo alm</t>
  </si>
  <si>
    <t>09/23/2019 23:09:14</t>
  </si>
  <si>
    <t>09/24/2019 11:16:49</t>
  </si>
  <si>
    <t>Apuração Ação Guerra</t>
  </si>
  <si>
    <t>VALIDAÇÃO ESCALA DE TRABALHO.xlsx</t>
  </si>
  <si>
    <t>09/24/2019 11:13:19</t>
  </si>
  <si>
    <t>C:\Users\marcospr\OneDrive - Grupo Algar\Corporativo\01 - Projetos - Business Inteligence\Toyota\</t>
  </si>
  <si>
    <t>Escopo - Indicadores Toyota.xlsx</t>
  </si>
  <si>
    <t>09/24/2019 11:15:43</t>
  </si>
  <si>
    <t>09/24/2019 11:17:49</t>
  </si>
  <si>
    <t>disparo_24.09.csv</t>
  </si>
  <si>
    <t>09/24/2019 11:13:21</t>
  </si>
  <si>
    <t>09/24/2019 11:18:50</t>
  </si>
  <si>
    <t>/o=exchangelabs/ou=exchange administrative group (fydibohf23spdlt)/cn=recipients/cn=287c26b08a0f48578479a15a452f025d-edilson rod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b194f014572c4c36b52132f9199df1aa-jairo junio;/o=exchangelabs/ou=exchange administrative group (fydibohf23spdlt)/cn=recipients/cn=e5dfe65308934e02acfffcb2185133f4-daniel bier;</t>
  </si>
  <si>
    <t>199274_IBM_v5_Bodyshop_MULTI_(C017_B0171 - rev7.xlsb</t>
  </si>
  <si>
    <t>/o=exchangelabs/ou=exchange administrative group (fydibohf23spdlt)/cn=recipients/cn=287c26b08a0f48578479a15a452f025d-edilson rod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b194f014572c4c36b52132f9199df1aa-jairo junio,/o=exchangelabs/ou=exchange administrative group (fydibohf23spdlt)/cn=recipients/cn=e5dfe65308934e02acfffcb2185133f4-daniel bier</t>
  </si>
  <si>
    <t>09/24/2019 11:16:36</t>
  </si>
  <si>
    <t>/o=exchangelabs/ou=exchange administrative group (fydibohf23spdlt)/cn=recipients/cn=002ec1cd4de64cd68f3e33ca3518cc0b-fernando ro;/o=exchangelabs/ou=exchange administrative group (fydibohf23spdlt)/cn=recipients/cn=1823a757b34d42a79cc59911d7308161-simone carv;/o=exchangelabs/ou=exchange administrative group (fydibohf23spdlt)/cn=recipients/cn=25d3f620e7064ed5956d079ad387a6bf-cassio jose;/o=exchangelabs/ou=exchange administrative group (fydibohf23spdlt)/cn=recipients/cn=518109802f95454588121e2ff09bd792-marcio roge;/o=exchangelabs/ou=exchange administrative group (fydibohf23spdlt)/cn=recipients/cn=534d97a17bba4f5ab1ef393dcc1d012e-marina soar;/o=exchangelabs/ou=exchange administrative group (fydibohf23spdlt)/cn=recipients/cn=8c01e71056fe4e1a8ecc4e24420bd9ef-fellyp cros;/o=exchangelabs/ou=exchange administrative group (fydibohf23spdlt)/cn=recipients/cn=8cd5fde4a73a4b1fa3a9fe9b16f78925-vanessa ara;/o=exchangelabs/ou=exchange administrative group (fydibohf23spdlt)/cn=recipients/cn=993b6c4f5abb4a549a7e7c60032996e4-thya</t>
  </si>
  <si>
    <t>BFF 092019</t>
  </si>
  <si>
    <t>BFF 092019.xlsx</t>
  </si>
  <si>
    <t>/o=exchangelabs/ou=exchange administrative group (fydibohf23spdlt)/cn=recipients/cn=002ec1cd4de64cd68f3e33ca3518cc0b-fernando ro,/o=exchangelabs/ou=exchange administrative group (fydibohf23spdlt)/cn=recipients/cn=1823a757b34d42a79cc59911d7308161-simone carv,/o=exchangelabs/ou=exchange administrative group (fydibohf23spdlt)/cn=recipients/cn=25d3f620e7064ed5956d079ad387a6bf-cassio jose,/o=exchangelabs/ou=exchange administrative group (fydibohf23spdlt)/cn=recipients/cn=518109802f95454588121e2ff09bd792-marcio roge,/o=exchangelabs/ou=exchange administrative group (fydibohf23spdlt)/cn=recipients/cn=534d97a17bba4f5ab1ef393dcc1d012e-marina soar,/o=exchangelabs/ou=exchange administrative group (fydibohf23spdlt)/cn=recipients/cn=8c01e71056fe4e1a8ecc4e24420bd9ef-fellyp cros,/o=exchangelabs/ou=exchange administrative group (fydibohf23spdlt)/cn=recipients/cn=8cd5fde4a73a4b1fa3a9fe9b16f78925-vanessa ara,/o=exchangelabs/ou=exchange administrative group (fydibohf23spdlt)/cn=recipients/cn=993b6c4f5abb4a549a7e7c60032996e4-thya</t>
  </si>
  <si>
    <t>09/24/2019 11:16:24</t>
  </si>
  <si>
    <t>DTH DIRETORIA DE TALENTOS HUMANOS</t>
  </si>
  <si>
    <t>10.200.58.56</t>
  </si>
  <si>
    <t>F4-8E-38-E1-83-43</t>
  </si>
  <si>
    <t>NB-RAFAELQS</t>
  </si>
  <si>
    <t>rafaelqs</t>
  </si>
  <si>
    <t>https://cscatende.algarnet.com.br/html/hd/hdscriptresposta/request/uploadincidentattachment.php?cdclassificacao=7&amp;action=1&amp;lastpositionattachement=undefined&amp;cdquestao=9368&amp;idmaisanexos=t</t>
  </si>
  <si>
    <t>44369;</t>
  </si>
  <si>
    <t>\\acsfs\DEPTOS\TH\15. Rescisão\INDIRETOS\Migração\</t>
  </si>
  <si>
    <t>Template_Padrao_-_Transferencia (Dionizio e Cecilia).xlsx</t>
  </si>
  <si>
    <t>https://44369</t>
  </si>
  <si>
    <t>09/24/2019 11:17:21</t>
  </si>
  <si>
    <t>09/24/2019 11:19:49</t>
  </si>
  <si>
    <t>09/24/2019 11:18:47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</t>
  </si>
  <si>
    <t>6519;</t>
  </si>
  <si>
    <t>C:\Users\camilaammm\Desktop\</t>
  </si>
  <si>
    <t>Formulário TTV - Criação de Agente ATIVO (2).xlsx</t>
  </si>
  <si>
    <t>http://6519</t>
  </si>
  <si>
    <t>09/24/2019 11:18:51</t>
  </si>
  <si>
    <t>09/24/2019 11:21:49</t>
  </si>
  <si>
    <t>ENC: Não Faturado GST</t>
  </si>
  <si>
    <t>VISIBILIDADE BAIXA TIM.xlsx</t>
  </si>
  <si>
    <t>09/24/2019 11:17:10</t>
  </si>
  <si>
    <t>09/24/2019 11:22:50</t>
  </si>
  <si>
    <t>5 stars 24.09.csv</t>
  </si>
  <si>
    <t>09/24/2019 11:21:03</t>
  </si>
  <si>
    <t>10.200.60.9</t>
  </si>
  <si>
    <t>FC-01-7C-B3-56-31</t>
  </si>
  <si>
    <t>NB-PRISCILAFLO</t>
  </si>
  <si>
    <t>priscilaflo</t>
  </si>
  <si>
    <t>Priscila de Freitas Longano</t>
  </si>
  <si>
    <t>/o=exchangelabs/ou=exchange administrative group (fydibohf23spdlt)/cn=recipients/cn=3415fc6de1734fcdbc342cacddc4ffc6-felicia rab;/o=exchangelabs/ou=exchange administrative group (fydibohf23spdlt)/cn=recipients/cn=cce783223f4944368b1f97b2b2cb217f-robson vini;/o=exchangelabs/ou=exchange administrative group (fydibohf23spdlt)/cn=recipients/cn=d1492733c28f44e1ae0ffc98df3b1dbe-jessica alv;/o=exchangelabs/ou=exchange administrative group (fydibohf23spdlt)/cn=recipients/cn=d34e3f92704a4c03a278f908d41704dc-jovana sant;/o=exchangelabs/ou=exchange administrative group (fydibohf23spdlt)/cn=recipients/cn=user48e45127;</t>
  </si>
  <si>
    <t>RES: Lista de cargos para inserção Sinergy</t>
  </si>
  <si>
    <t>Cópia de Cópia de Alteraçao cargos tech_classe para novos cargos+classe PLR.xlsx</t>
  </si>
  <si>
    <t>/o=exchangelabs/ou=exchange administrative group (fydibohf23spdlt)/cn=recipients/cn=3415fc6de1734fcdbc342cacddc4ffc6-felicia rab,/o=exchangelabs/ou=exchange administrative group (fydibohf23spdlt)/cn=recipients/cn=cce783223f4944368b1f97b2b2cb217f-robson vini,/o=exchangelabs/ou=exchange administrative group (fydibohf23spdlt)/cn=recipients/cn=d1492733c28f44e1ae0ffc98df3b1dbe-jessica alv,/o=exchangelabs/ou=exchange administrative group (fydibohf23spdlt)/cn=recipients/cn=d34e3f92704a4c03a278f908d41704dc-jovana sant,/o=exchangelabs/ou=exchange administrative group (fydibohf23spdlt)/cn=recipients/cn=user48e45127</t>
  </si>
  <si>
    <t>09/24/2019 11:18:53</t>
  </si>
  <si>
    <t>http://shareit.global.avon.com/sites/arrmcm/forca-de-vendas/_layouts/upload.aspx?list={d7183758-c20b-457b-9a14-b83f7824798f}&amp;rootfolder=/sites/arrmcm/forca-de-vendas/executivas/incentivos/produtividade 2019&amp;source=http://shareit.global.avon.com/sites/arrmcm/forca-de-vendas/executivas/forms/allitems.aspx?rootfolder=%2fsites%2farrmcm%2fforca%2dde%2dvendas%2fexecutivas%2fincentivos%2fprodutividade%202019&amp;folderctid=&amp;view=%7bab5e306d%2d7e49%2d4dc6%2d9e6b%2ddb2cdc033b64%7d</t>
  </si>
  <si>
    <t>BASE DE APURAÇÃO DUPLA PREMIADA CP 11-2019.xls</t>
  </si>
  <si>
    <t>09/24/2019 11:19:41</t>
  </si>
  <si>
    <t>BASE TELEFONES DE GERENTES DE SETOR.xls</t>
  </si>
  <si>
    <t>09/24/2019 11:23:07</t>
  </si>
  <si>
    <t>09/24/2019 11:24:49</t>
  </si>
  <si>
    <t>/o=exchangelabs/ou=exchange administrative group (fydibohf23spdlt)/cn=recipients/cn=08495392e8ff447fa6268b697ae28485-flavia ferr;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26d35797a23841dda77608720c95f631-tiago dos r;/o=exchangelabs/ou=exchange administrative group (fydibohf23spdlt)/cn=recipients/cn=3231d815809d4256b0da40dff50c3bbc-thiago sora;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5f818969ff3f4716af75e27647ee664b-kaio</t>
  </si>
  <si>
    <t>Farol Churn - Parcial - Set/2019 - 23/10/19</t>
  </si>
  <si>
    <t>Base BW % Conversão - Set-2019 - Parcial - 23-09-19.xlsm</t>
  </si>
  <si>
    <t>/o=exchangelabs/ou=exchange administrative group (fydibohf23spdlt)/cn=recipients/cn=08495392e8ff447fa6268b697ae28485-flavia ferr,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26d35797a23841dda77608720c95f631-tiago dos r,/o=exchangelabs/ou=exchange administrative group (fydibohf23spdlt)/cn=recipients/cn=3231d815809d4256b0da40dff50c3bbc-thiago sora,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5f818969ff3f4716af75e27647ee664b-kaio</t>
  </si>
  <si>
    <t>09/24/2019 11:23:42</t>
  </si>
  <si>
    <t>C:\Users\rodrigombu\OneDrive - Grupo Algar\Whirlpool\2019\09 - Setembro\Arquivo\RAF\</t>
  </si>
  <si>
    <t>09/24/2019 11:22:10</t>
  </si>
  <si>
    <t>ericacdosc@algartech.com;lucasm@algartech.com;</t>
  </si>
  <si>
    <t>Requisitos ERP_CSC-Algar.xlsx</t>
  </si>
  <si>
    <t>ericacdosc@algartech.com,lucasm@algartech.com</t>
  </si>
  <si>
    <t>09/24/2019 11:22:13</t>
  </si>
  <si>
    <t>09/24/2019 11:21:55</t>
  </si>
  <si>
    <t>09/24/2019 11:26:49</t>
  </si>
  <si>
    <t>sonia.souza@bradesco.com.br;</t>
  </si>
  <si>
    <t>ENC: Validação Novo Skill CPB Conciliação</t>
  </si>
  <si>
    <t>NOVO SKILL CPB CONCILIAÇÃO_23 09 2019.zip\NOVO SKILL CPB CONCILIA€ÇO_23 09 2019\</t>
  </si>
  <si>
    <t>ROTEIRO_ CPB_CONCILIA€ÇO_20 09_19.xls</t>
  </si>
  <si>
    <t>sonia.souza@bradesco.com.br</t>
  </si>
  <si>
    <t>09/24/2019 11:26:25</t>
  </si>
  <si>
    <t>/o=exchangelabs/ou=exchange administrative group (fydibohf23spdlt)/cn=recipients/cn=1e45e12566d4418ba0325de92fea64a4-akassia bez;/o=exchangelabs/ou=exchange administrative group (fydibohf23spdlt)/cn=recipients/cn=2b69c7de1a3641269a7eed0596e1ddc2-wayner oliv;/o=exchangelabs/ou=exchange administrative group (fydibohf23spdlt)/cn=recipients/cn=4097402e2d3e4073b597d33928140586-paulo sergi;/o=exchangelabs/ou=exchange administrative group (fydibohf23spdlt)/cn=recipients/cn=57b3e0724b2344fcbd88f738d223dd7a-leticia bor;/o=exchangelabs/ou=exchange administrative group (fydibohf23spdlt)/cn=recipients/cn=9e20ba3b6afd447db98f75fb7bdc7037-francisco e;/o=exchangelabs/ou=exchange administrative group (fydibohf23spdlt)/cn=recipients/cn=e8a8131dc3334dc38d81db3d2a41a3fe-denise viei;</t>
  </si>
  <si>
    <t>/o=exchangelabs/ou=exchange administrative group (fydibohf23spdlt)/cn=recipients/cn=1e45e12566d4418ba0325de92fea64a4-akassia bez,/o=exchangelabs/ou=exchange administrative group (fydibohf23spdlt)/cn=recipients/cn=2b69c7de1a3641269a7eed0596e1ddc2-wayner oliv,/o=exchangelabs/ou=exchange administrative group (fydibohf23spdlt)/cn=recipients/cn=4097402e2d3e4073b597d33928140586-paulo sergi,/o=exchangelabs/ou=exchange administrative group (fydibohf23spdlt)/cn=recipients/cn=57b3e0724b2344fcbd88f738d223dd7a-leticia bor,/o=exchangelabs/ou=exchange administrative group (fydibohf23spdlt)/cn=recipients/cn=9e20ba3b6afd447db98f75fb7bdc7037-francisco e,/o=exchangelabs/ou=exchange administrative group (fydibohf23spdlt)/cn=recipients/cn=e8a8131dc3334dc38d81db3d2a41a3fe-denise viei</t>
  </si>
  <si>
    <t>09/24/2019 11:26:19</t>
  </si>
  <si>
    <t>09/24/2019 11:28:49</t>
  </si>
  <si>
    <t>/o=exchangelabs/ou=exchange administrative group (fydibohf23spdlt)/cn=recipients/cn=a4d4dbc88c434f8ba2bceed730d83878-marcellus r;</t>
  </si>
  <si>
    <t>ENC: Projeto Jornada ERP (CSC): Financeiro</t>
  </si>
  <si>
    <t>/o=exchangelabs/ou=exchange administrative group (fydibohf23spdlt)/cn=recipients/cn=a4d4dbc88c434f8ba2bceed730d83878-marcellus r</t>
  </si>
  <si>
    <t>09/24/2019 11:27:33</t>
  </si>
  <si>
    <t>09/24/2019 11:30:49</t>
  </si>
  <si>
    <t>10.201.28.87</t>
  </si>
  <si>
    <t>54-BF-64-F5-80-E6</t>
  </si>
  <si>
    <t>NTB-ADRIANAMAC</t>
  </si>
  <si>
    <t>adrianamac</t>
  </si>
  <si>
    <t>Adriana Mari da Costa</t>
  </si>
  <si>
    <t>/o=exchangelabs/ou=exchange administrative group (fydibohf23spdlt)/cn=recipients/cn=eb9f9f0c70f84f749c4ff3d87678fb63-larissa.paj;</t>
  </si>
  <si>
    <t>Prestação contas Murer</t>
  </si>
  <si>
    <t>Prestação de contas mes 04 à 07.xlsx</t>
  </si>
  <si>
    <t>/o=exchangelabs/ou=exchange administrative group (fydibohf23spdlt)/cn=recipients/cn=eb9f9f0c70f84f749c4ff3d87678fb63-larissa.paj</t>
  </si>
  <si>
    <t>09/24/2019 11:29:56</t>
  </si>
  <si>
    <t>09/24/2019 11:34:49</t>
  </si>
  <si>
    <t>09/24/2019 11:35:13</t>
  </si>
  <si>
    <t>09/24/2019 11:38:49</t>
  </si>
  <si>
    <t>ivia.santos@bradesco.com.br;</t>
  </si>
  <si>
    <t>RES: Abbott - Divergência entre Fatura e Boleto</t>
  </si>
  <si>
    <t>Cópia de NLOC ABBOTT.xlsx</t>
  </si>
  <si>
    <t>ivia.santos@bradesco.com.br</t>
  </si>
  <si>
    <t>09/24/2019 11:35:26</t>
  </si>
  <si>
    <t>09/24/2019 11:39:49</t>
  </si>
  <si>
    <t>10.200.60.252</t>
  </si>
  <si>
    <t>5C-EA-1D-CF-A4-79</t>
  </si>
  <si>
    <t>NB-DOLVANER</t>
  </si>
  <si>
    <t>dolvaner</t>
  </si>
  <si>
    <t>Dolvane Rodrigues</t>
  </si>
  <si>
    <t>/o=exchangelabs/ou=exchange administrative group (fydibohf23spdlt)/cn=recipients/cn=77d79854ca654c63999edee259f8c40c-arthur alve;/o=exchangelabs/ou=exchange administrative group (fydibohf23spdlt)/cn=recipients/cn=b72172958afd4864945ba220ebe46b7c-lanna there;/o=exchangelabs/ou=exchange administrative group (fydibohf23spdlt)/cn=recipients/cn=faf77f0ee4054e22b436cafb92084254-heitor ferr;arthur.amagalhaes@outlook.com;</t>
  </si>
  <si>
    <t>RES: Copa Algar - Remoção e inserção de jogador</t>
  </si>
  <si>
    <t>Ficha oficial de entrega dos dados_vf.xlsx</t>
  </si>
  <si>
    <t>/o=exchangelabs/ou=exchange administrative group (fydibohf23spdlt)/cn=recipients/cn=77d79854ca654c63999edee259f8c40c-arthur alve,/o=exchangelabs/ou=exchange administrative group (fydibohf23spdlt)/cn=recipients/cn=b72172958afd4864945ba220ebe46b7c-lanna there,/o=exchangelabs/ou=exchange administrative group (fydibohf23spdlt)/cn=recipients/cn=faf77f0ee4054e22b436cafb92084254-heitor ferr,arthur.amagalhaes@outlook.com</t>
  </si>
  <si>
    <t>09/24/2019 11:43:00</t>
  </si>
  <si>
    <t>09/24/2019 11:44:49</t>
  </si>
  <si>
    <t>C:\Users\luizavs\Desktop\LUIZ ALFREDO\00 - WHIRLPOOL\02 - COMPRA CERTA\2019\08 - AGOSTO\</t>
  </si>
  <si>
    <t>Árvore SAC Sinergia CC.xlsx</t>
  </si>
  <si>
    <t>' and title contains 'xlsx' and trashed = false and '15ghra0kyotovfdzygggtfrmk1-l1dhk-' in parents,actionitems,approvalmetadata(approvalversion,approvalsummaries),backgroundimagegridviewlink,backgroundimagelink,backgroundimagelistviewlink,canaddchildren,canchangeteamdrivebackground,cancomment,cancopy,candelete,candeletechildren,candeleteteamdrive,candownload,canedit,canmanagemembers,canmanagevisitors,canmoveitemoutofteamdrive,canmoveitemwithinteamdrive,canmoveteamdriveitem),canreadteamdrive,canremovechildren,canrename,canrenameteamdrive,canrequestapproval,canshare,canshareoutsidedomain,cantrash,cantrashchildren,cantrashchildren))),canuntrash,capabilities(canaddchildren,capabilities(canmoveitemintoteamdrive,colorrgb,containsunsubscribedchildren,contentrestrictions(readonly),copyable,createddate,displayname,domain,editable,emailaddress,explicitlytrashed,file(kind,fileextension,fileid,filesize,flaggedforabuse,foldercolor,folderfeatures,hasaugmentedpermissions,haschildfolders,hasthumbnail,hasvisitorpermissions,hi</t>
  </si>
  <si>
    <t>09/24/2019 11:43:01</t>
  </si>
  <si>
    <t>Árvore PA Digital CC.xlsx</t>
  </si>
  <si>
    <t>Árvore BKO.xlsx</t>
  </si>
  <si>
    <t>09/24/2019 11:45:00</t>
  </si>
  <si>
    <t>09/24/2019 11:45:50</t>
  </si>
  <si>
    <t>/o=exchangelabs/ou=exchange administrative group (fydibohf23spdlt)/cn=recipients/cn=453b61456320491dad510b65b310018f-kelen crist;/o=exchangelabs/ou=exchange administrative group (fydibohf23spdlt)/cn=recipients/cn=75cdb831ed9b44aca8d8bbc1f13d5a1d-rafaela sam;/o=exchangelabs/ou=exchange administrative group (fydibohf23spdlt)/cn=recipients/cn=a78f7dae304e472e9f75bd537683f6e5-hugo de oli;/o=exchangelabs/ou=exchange administrative group (fydibohf23spdlt)/cn=recipients/cn=b3f9afcbd2dd4282aa0db85ea5088e45-thiago kewl;daniel.cabeceira@bradesco.com.br;</t>
  </si>
  <si>
    <t>Analise Base Ativos - Cartões Custodia</t>
  </si>
  <si>
    <t>Analise Base Ativos - Cartões Custodia.xlsx</t>
  </si>
  <si>
    <t>/o=exchangelabs/ou=exchange administrative group (fydibohf23spdlt)/cn=recipients/cn=453b61456320491dad510b65b310018f-kelen crist,/o=exchangelabs/ou=exchange administrative group (fydibohf23spdlt)/cn=recipients/cn=75cdb831ed9b44aca8d8bbc1f13d5a1d-rafaela sam,/o=exchangelabs/ou=exchange administrative group (fydibohf23spdlt)/cn=recipients/cn=a78f7dae304e472e9f75bd537683f6e5-hugo de oli,/o=exchangelabs/ou=exchange administrative group (fydibohf23spdlt)/cn=recipients/cn=b3f9afcbd2dd4282aa0db85ea5088e45-thiago kewl,daniel.cabeceira@bradesco.com.br</t>
  </si>
  <si>
    <t>09/24/2019 11:48:24</t>
  </si>
  <si>
    <t>09/24/2019 11:51:48</t>
  </si>
  <si>
    <t>\\acsfs\deptos\controladoria\2 - business performance\2019\2 - longo prazo\revisão outubro\00. cronograma\</t>
  </si>
  <si>
    <t>macro cronograma.xlsx</t>
  </si>
  <si>
    <t>09/24/2019 11:49:52</t>
  </si>
  <si>
    <t>09/24/2019 11:51:18</t>
  </si>
  <si>
    <t>09/24/2019 11:55:48</t>
  </si>
  <si>
    <t>/o=exchangelabs/ou=exchange administrative group (fydibohf23spdlt)/cn=recipients/cn=9b3c029cc2ba4212bb4247e9ef6df7f1-andressa cr;/o=exchangelabs/ou=exchange administrative group (fydibohf23spdlt)/cn=recipients/cn=cac18c5388b04f6d979d1bc87a08825a-marcopaulo;/o=exchangelabs/ou=exchange administrative group (fydibohf23spdlt)/cn=recipients/cn=d3d28899a5be4c2c8b5b9e55717f7da7-fabio ribei;/o=exchangelabs/ou=exchange administrative group (fydibohf23spdlt)/cn=recipients/cn=f9e751102def46a896bc3ec6e90e1aed-katia dos r;</t>
  </si>
  <si>
    <t>RES: Desvio de volumetria - Consumidor.gov</t>
  </si>
  <si>
    <t>Análise atendente sênior.msg\s1\</t>
  </si>
  <si>
    <t>Resultados SR.xls</t>
  </si>
  <si>
    <t>/o=exchangelabs/ou=exchange administrative group (fydibohf23spdlt)/cn=recipients/cn=9b3c029cc2ba4212bb4247e9ef6df7f1-andressa cr,/o=exchangelabs/ou=exchange administrative group (fydibohf23spdlt)/cn=recipients/cn=cac18c5388b04f6d979d1bc87a08825a-marcopaulo,/o=exchangelabs/ou=exchange administrative group (fydibohf23spdlt)/cn=recipients/cn=d3d28899a5be4c2c8b5b9e55717f7da7-fabio ribei,/o=exchangelabs/ou=exchange administrative group (fydibohf23spdlt)/cn=recipients/cn=f9e751102def46a896bc3ec6e90e1aed-katia dos r</t>
  </si>
  <si>
    <t>09/24/2019 11:54:21</t>
  </si>
  <si>
    <t>09/24/2019 11:57:48</t>
  </si>
  <si>
    <t>/o=exchangelabs/ou=exchange administrative group (fydibohf23spdlt)/cn=recipients/cn=06d1aef02b19496ba2f61f7d94fbc2a7-davi edvald;/o=exchangelabs/ou=exchange administrative group (fydibohf23spdlt)/cn=recipients/cn=19f243ae735942c6ad57f0cd8a087a8a-edivaldo vi;/o=exchangelabs/ou=exchange administrative group (fydibohf23spdlt)/cn=recipients/cn=5c5f9086690040b2a551f7ed5d78e128-adriano ces;</t>
  </si>
  <si>
    <t>RES: Crescimento Yahsat 7 PA's</t>
  </si>
  <si>
    <t>Formulário Retirada de Ativo - Yahsat.xlsx</t>
  </si>
  <si>
    <t>/o=exchangelabs/ou=exchange administrative group (fydibohf23spdlt)/cn=recipients/cn=06d1aef02b19496ba2f61f7d94fbc2a7-davi edvald,/o=exchangelabs/ou=exchange administrative group (fydibohf23spdlt)/cn=recipients/cn=19f243ae735942c6ad57f0cd8a087a8a-edivaldo vi,/o=exchangelabs/ou=exchange administrative group (fydibohf23spdlt)/cn=recipients/cn=5c5f9086690040b2a551f7ed5d78e128-adriano ces</t>
  </si>
  <si>
    <t>09/24/2019 11:53:54</t>
  </si>
  <si>
    <t>/o=exchangelabs/ou=exchange administrative group (fydibohf23spdlt)/cn=recipients/cn=2504d5028b6b4fb89d14a5df6031358d-jane carla;</t>
  </si>
  <si>
    <t>/o=exchangelabs/ou=exchange administrative group (fydibohf23spdlt)/cn=recipients/cn=2504d5028b6b4fb89d14a5df6031358d-jane carla</t>
  </si>
  <si>
    <t>09/24/2019 11:58:54</t>
  </si>
  <si>
    <t>09/24/2019 12:03:48</t>
  </si>
  <si>
    <t>10.200.60.66</t>
  </si>
  <si>
    <t>FC-01-7C-FE-1C-43</t>
  </si>
  <si>
    <t>NB-HELDERRDS</t>
  </si>
  <si>
    <t>helderrds</t>
  </si>
  <si>
    <t>C:\Users\helderrds\OneDrive - Grupo Algar\</t>
  </si>
  <si>
    <t>Planilha custos - Orquestrador ASC - WhatsApp.xlsx</t>
  </si>
  <si>
    <t>09/24/2019 12:04:10</t>
  </si>
  <si>
    <t>09/24/2019 12:04:49</t>
  </si>
  <si>
    <t>/o=exchangelabs/ou=exchange administrative group (fydibohf23spdlt)/cn=recipients/cn=240fafdb21074ab9a87c95d3265e411c-rodrigo rod;/o=exchangelabs/ou=exchange administrative group (fydibohf23spdlt)/cn=recipients/cn=2f13f6d577d947158c5f81c08b0e5faf-tatiane dor;/o=exchangelabs/ou=exchange administrative group (fydibohf23spdlt)/cn=recipients/cn=5c0e0b883c0f4ccbb2cf13db05a00b36-luciene ivo;/o=exchangelabs/ou=exchange administrative group (fydibohf23spdlt)/cn=recipients/cn=a4ba92cba10f4fe498074594f937f3b6-leandro lop;/o=exchangelabs/ou=exchange administrative group (fydibohf23spdlt)/cn=recipients/cn=aef94c0f98b44279a41d719230c27333-sabrina dan;</t>
  </si>
  <si>
    <t>Report_Programação de férias 2009 - Fernando P..xlsx</t>
  </si>
  <si>
    <t>/o=exchangelabs/ou=exchange administrative group (fydibohf23spdlt)/cn=recipients/cn=240fafdb21074ab9a87c95d3265e411c-rodrigo rod,/o=exchangelabs/ou=exchange administrative group (fydibohf23spdlt)/cn=recipients/cn=2f13f6d577d947158c5f81c08b0e5faf-tatiane dor,/o=exchangelabs/ou=exchange administrative group (fydibohf23spdlt)/cn=recipients/cn=5c0e0b883c0f4ccbb2cf13db05a00b36-luciene ivo,/o=exchangelabs/ou=exchange administrative group (fydibohf23spdlt)/cn=recipients/cn=a4ba92cba10f4fe498074594f937f3b6-leandro lop,/o=exchangelabs/ou=exchange administrative group (fydibohf23spdlt)/cn=recipients/cn=aef94c0f98b44279a41d719230c27333-sabrina dan</t>
  </si>
  <si>
    <t>09/24/2019 12:07:58</t>
  </si>
  <si>
    <t>09/24/2019 12:09:49</t>
  </si>
  <si>
    <t>joseebm@algartech.com.br;vanusaos@algartech.com.br;</t>
  </si>
  <si>
    <t>Acompanhamento VALE</t>
  </si>
  <si>
    <t>FUP VALE.xlsx</t>
  </si>
  <si>
    <t>joseebm@algartech.com.br,vanusaos@algartech.com.br</t>
  </si>
  <si>
    <t>09/24/2019 12:08:11</t>
  </si>
  <si>
    <t>09/24/2019 12:10:49</t>
  </si>
  <si>
    <t>C:\Users\nadiagds\OneDrive - Grupo Algar\Mesa Digital\ISD_Gerência de Projetos\ISD_RECUPERAÇÃO DE CUSTOS\Curadoria\2019\08-AGOSTO\</t>
  </si>
  <si>
    <t>Curadoria Agosto - ASC.xlsx</t>
  </si>
  <si>
    <t>09/24/2019 12:08:17</t>
  </si>
  <si>
    <t>C:\Users\nadiagds\OneDrive - Grupo Algar\Mesa Digital\ISD_Gerência de Projetos\ISD_RECUPERAÇÃO DE CUSTOS\2019\07-JULHO\</t>
  </si>
  <si>
    <t>07_2019_Template Recuperação de Custos_Mesa Digital.xlsx</t>
  </si>
  <si>
    <t>C:\Users\nadiagds\OneDrive - Grupo Algar\Mesa Digital\ISD_Gerência de Projetos\ISD_RECUPERAÇÃO DE CUSTOS\2019\08-AGOSTO\</t>
  </si>
  <si>
    <t>08_Transferencia_Apropriação Mesa Digital_LEONARDO_CAETANO_341.xls</t>
  </si>
  <si>
    <t>09/24/2019 12:08:19</t>
  </si>
  <si>
    <t>08_2019_Template Recuperação de Custos_Mesa Digital.xlsx</t>
  </si>
  <si>
    <t>C:\Users\nadiagds\OneDrive - Grupo Algar\Mesa Digital\ISD_Gerência de Projetos\ISD_RECUPERAÇÃO DE CUSTOS\2019\05-ABRIL E MAIO\</t>
  </si>
  <si>
    <t>04_e_05_2019_Template Recuperação de Custos_Mesa Digital.xlsx</t>
  </si>
  <si>
    <t>06_Transferencia_Apropriação Mesa Digital_Renato_341((188893)).xls</t>
  </si>
  <si>
    <t>09/24/2019 12:08:21</t>
  </si>
  <si>
    <t>C:\Users\nadiagds\OneDrive - Grupo Algar\Mesa Digital\ISD_Gerência de Projetos\ISD_RECUPERAÇÃO DE CUSTOS\2019\06-JUNHO\</t>
  </si>
  <si>
    <t>06_2019_Template Recuperação de Custos_Mesa Digital.xlsx</t>
  </si>
  <si>
    <t>C:\Users\nadiagds\OneDrive - Grupo Algar\Mesa Digital\ISD_Gerência de Projetos\ISD_RECUPERAÇÃO DE CUSTOS\Curadoria\2019\07-JULHO\</t>
  </si>
  <si>
    <t>Curadoria Julho - ASC.xlsx</t>
  </si>
  <si>
    <t>Informações de Repasse de Custos - Interação.xlsx</t>
  </si>
  <si>
    <t>C:\Users\nadiagds\OneDrive - Grupo Algar\Mesa Digital\ISD_Gerência de Projetos\ISD_RECUPERAÇÃO DE CUSTOS\Curadoria\2019\06-JUNHO\</t>
  </si>
  <si>
    <t>Curadoria Junho - ASC.xlsx</t>
  </si>
  <si>
    <t>09/24/2019 12:08:22</t>
  </si>
  <si>
    <t>C:\Users\nadiagds\OneDrive - Grupo Algar\Mesa Digital\ISD_Gerência de Projetos\ISD_RECUPERAÇÃO DE CUSTOS\Curadoria\2019\05-MAIO\</t>
  </si>
  <si>
    <t>Curadoria Maio - ASC.xlsx</t>
  </si>
  <si>
    <t>C:\Users\nadiagds\OneDrive - Grupo Algar\Mesa Digital\ISD_Gerência de Projetos\ISD_RECUPERAÇÃO DE CUSTOS\</t>
  </si>
  <si>
    <t>CRs GAT.xlsx</t>
  </si>
  <si>
    <t>Planilha GP.xlsx</t>
  </si>
  <si>
    <t>C:\Users\nadiagds\OneDrive - Grupo Algar\Mesa Digital\ISD_Gerência de Projetos\ISD_RECUPERAÇÃO DE CUSTOS\CRs GAT.msg\s133\</t>
  </si>
  <si>
    <t>09/24/2019 12:08:24</t>
  </si>
  <si>
    <t>C:\Users\nadiagds\OneDrive - Grupo Algar\Mesa Digital\ISD_Gerência de Projetos\ISD_BP\</t>
  </si>
  <si>
    <t>BP-GAT_ISD_3a_CHANGE ASK_sem receita_v3(ANALISE ORÇADO X REAL).xlsx</t>
  </si>
  <si>
    <t>09/24/2019 12:08:52</t>
  </si>
  <si>
    <t>C:\Users\nadiagds\OneDrive - Grupo Algar\Mesa Digital\ISD_Gerência de Projetos\</t>
  </si>
  <si>
    <t>DIRECIONAMENTO DE DESENHO E IMPLANTAÇÃO ISD.xlsx</t>
  </si>
  <si>
    <t>C:\Users\nadiagds\OneDrive - Grupo Algar\Mesa Digital\ISD_Análise\Projeto ISD - Renault-Nissan\BR\00. Material de Apoio\</t>
  </si>
  <si>
    <t>Cópia de Estela - Menu BRASIL.xlsx</t>
  </si>
  <si>
    <t>09/24/2019 12:08:53</t>
  </si>
  <si>
    <t>C:\Users\nadiagds\OneDrive - Grupo Algar\Mesa Digital\ISD_Curadoria\</t>
  </si>
  <si>
    <t>Copia_Curadoria-Even.xlsx</t>
  </si>
  <si>
    <t>C:\Users\nadiagds\OneDrive - Grupo Algar\Mesa Digital\ISD_Administrativo\Processo de Implantação\</t>
  </si>
  <si>
    <t>Template de Cronograma Service Desk (CANAL).xlsx</t>
  </si>
  <si>
    <t>C:\Users\nadiagds\OneDrive - Grupo Algar\Mesa Digital\ISD_Gerência de Projetos\ISD_IMPLANTAÇÕES\12_SAGE\</t>
  </si>
  <si>
    <t>Cronograma de Atividades -_TEMPLATE_SAGE.xlsx</t>
  </si>
  <si>
    <t>C:\Users\nadiagds\OneDrive - Grupo Algar\Mesa Digital\ISD_Gerência de Projetos\ISD_DECLARAÇÃO DE ESCOPO\BANCO BMG\</t>
  </si>
  <si>
    <t>BANCO_BMG_FLUXOS_FINAL.xlsx</t>
  </si>
  <si>
    <t>C:\Users\nadiagds\OneDrive - Grupo Algar\Mesa Digital\ISD_Curadoria\Planilhas atualizadas de curadoria\</t>
  </si>
  <si>
    <t>Curadoria Estella.xlsx</t>
  </si>
  <si>
    <t>09/24/2019 12:08:54</t>
  </si>
  <si>
    <t>C:\Users\nadiagds\OneDrive - Grupo Algar\Mesa Digital\ISD_Análise\Projeto ISD - Renault-Nissan\LATAM\01. Fluxos\</t>
  </si>
  <si>
    <t>Projeto_ISD_Renault_Nissan_Desenho dos fluxos_LATAM_V3.0.xlsx</t>
  </si>
  <si>
    <t>C:\Users\nadiagds\OneDrive - Grupo Algar\Mesa Digital\ISD_Gerência de Projetos\ISD_AQUISIÇÕES\</t>
  </si>
  <si>
    <t>Controle de Aquisições OPEX BLINDAGEM GAT 2019.xlsx</t>
  </si>
  <si>
    <t>09/24/2019 12:08:55</t>
  </si>
  <si>
    <t>C:\Users\nadiagds\OneDrive - Grupo Algar\Mesa Digital\ISD_Gerência de Projetos\ISD_KICK OFF_STATUS REPORT\BANCO BMG\Status Report ISD Clientes GAT - BANCO BMGvSet_2019.pptx\</t>
  </si>
  <si>
    <t>09/24/2019 12:08:56</t>
  </si>
  <si>
    <t>C:\Users\nadiagds\OneDrive - Grupo Algar\Mesa Digital\ISD_Análise\Projeto ISD - Renault-Nissan\BR\01. Fluxos\</t>
  </si>
  <si>
    <t>Projeto_ISD_Renault_Nissan_Desenho dos fluxos_V4.xlsx</t>
  </si>
  <si>
    <t>09/24/2019 12:08:57</t>
  </si>
  <si>
    <t>C:\Users\nadiagds\OneDrive - Grupo Algar\Mesa Digital\ISD_Análise\Projeto ISD - Banco BMG\01. Fluxos\</t>
  </si>
  <si>
    <t>Projeto_ISD_Banco_BMG - Consolidado.xlsx</t>
  </si>
  <si>
    <t>09/24/2019 12:09:35</t>
  </si>
  <si>
    <t>Cópia de Curadoria_estela_Renault 2019.xlsx</t>
  </si>
  <si>
    <t>09/24/2019 12:12:20</t>
  </si>
  <si>
    <t>09/24/2019 12:14:49</t>
  </si>
  <si>
    <t>/o=exchangelabs/ou=exchange administrative group (fydibohf23spdlt)/cn=recipients/cn=651324bc204a42f6bbcdf62273ebdc5c-aluisio ant;</t>
  </si>
  <si>
    <t>Apresentação CAPEX</t>
  </si>
  <si>
    <t>CAPEX 2020 e Longo Prazo (PPE - GAT).pptx\</t>
  </si>
  <si>
    <t>/o=exchangelabs/ou=exchange administrative group (fydibohf23spdlt)/cn=recipients/cn=651324bc204a42f6bbcdf62273ebdc5c-aluisio ant</t>
  </si>
  <si>
    <t>09/24/2019 12:16:42</t>
  </si>
  <si>
    <t>09/24/2019 12:19:49</t>
  </si>
  <si>
    <t>/o=exchangelabs/ou=exchange administrative group (fydibohf23spdlt)/cn=recipients/cn=97028c61ebe04c3ca84c604712943944-fabiano wil;/o=exchangelabs/ou=exchange administrative group (fydibohf23spdlt)/cn=recipients/cn=c82d742f5f1e4122a86db0495b71e095-nilton j. g;/o=exchangelabs/ou=exchange administrative group (fydibohf23spdlt)/cn=recipients/cn=fabio martins sampaio - 004327;</t>
  </si>
  <si>
    <t>RES: Iguatemi PR187319 2019 - BID 10305977,- Atendimento de Service Desk</t>
  </si>
  <si>
    <t>BP Iguatemi.msg\s1\</t>
  </si>
  <si>
    <t>187319_BP Preço C015 B014 Desonerada_RV PL SL. Mín v1.4 (Cenário atual) v1.3.xlsb</t>
  </si>
  <si>
    <t>/o=exchangelabs/ou=exchange administrative group (fydibohf23spdlt)/cn=recipients/cn=97028c61ebe04c3ca84c604712943944-fabiano wil,/o=exchangelabs/ou=exchange administrative group (fydibohf23spdlt)/cn=recipients/cn=c82d742f5f1e4122a86db0495b71e095-nilton j. g,/o=exchangelabs/ou=exchange administrative group (fydibohf23spdlt)/cn=recipients/cn=fabio martins sampaio - 004327</t>
  </si>
  <si>
    <t>09/24/2019 12:18:08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5694f7d2b5fa4976af2d1dc576e3b544-louany barb;/o=exchangelabs/ou=exchange administrative group (fydibohf23spdlt)/cn=recipients/cn=f4de30cd53104832ac10bc8c610e453e-gustavo pae;/o=exchangelabs/ou=exchange administrative group (fydibohf23spdlt)/cn=recipients/cn=matheus ferreira santos;</t>
  </si>
  <si>
    <t>4ª Semana de Monitorias Setembro</t>
  </si>
  <si>
    <t>4ª semana Setembro Qualidade monitorias.xlsx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5694f7d2b5fa4976af2d1dc576e3b544-louany barb,/o=exchangelabs/ou=exchange administrative group (fydibohf23spdlt)/cn=recipients/cn=f4de30cd53104832ac10bc8c610e453e-gustavo pae,/o=exchangelabs/ou=exchange administrative group (fydibohf23spdlt)/cn=recipients/cn=matheus ferreira santos</t>
  </si>
  <si>
    <t>09/24/2019 12:19:23</t>
  </si>
  <si>
    <t>09/24/2019 12:21:49</t>
  </si>
  <si>
    <t>RES: Não Faturado GST</t>
  </si>
  <si>
    <t>09/24/2019 12:20:49</t>
  </si>
  <si>
    <t>09/24/2019 12:24:49</t>
  </si>
  <si>
    <t>/o=exchangelabs/ou=exchange administrative group (fydibohf23spdlt)/cn=recipients/cn=0bafe1ed27024338be4e911e19871cd1-william rob;/o=exchangelabs/ou=exchange administrative group (fydibohf23spdlt)/cn=recipients/cn=287c26b08a0f48578479a15a452f025d-edilson rod;/o=exchangelabs/ou=exchange administrative group (fydibohf23spdlt)/cn=recipients/cn=2efe26bca22a43cc89c6ed48ba5e50b4-luciano cor;/o=exchangelabs/ou=exchange administrative group (fydibohf23spdlt)/cn=recipients/cn=34a28d636a1b4c86b1ec79baed4b846a-marco anton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c514dbe8b91547adb4618232d1a650ba-afonso domi;/o=exchangelabs/ou=exchange administrative group (fydibohf23spdlt)/cn=recipients/cn=c82d742f5f1e4122a86db0495b71e095-nilt</t>
  </si>
  <si>
    <t>RES: FINALIZAR REVISÃO - PR199274 RFQ 2019 - Quotation Number 911903FA32 _RFP Field renegociação Multi</t>
  </si>
  <si>
    <t>199274_IBM_Planilha de custo RFQ 2019_60DD_Algar Tech_v5.xlsx</t>
  </si>
  <si>
    <t>/o=exchangelabs/ou=exchange administrative group (fydibohf23spdlt)/cn=recipients/cn=0bafe1ed27024338be4e911e19871cd1-william rob,/o=exchangelabs/ou=exchange administrative group (fydibohf23spdlt)/cn=recipients/cn=287c26b08a0f48578479a15a452f025d-edilson rod,/o=exchangelabs/ou=exchange administrative group (fydibohf23spdlt)/cn=recipients/cn=2efe26bca22a43cc89c6ed48ba5e50b4-luciano cor,/o=exchangelabs/ou=exchange administrative group (fydibohf23spdlt)/cn=recipients/cn=34a28d636a1b4c86b1ec79baed4b846a-marco anton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c514dbe8b91547adb4618232d1a650ba-afonso domi,/o=exchangelabs/ou=exchange administrative group (fydibohf23spdlt)/cn=recipients/cn=c82d742f5f1e4122a86db0495b71e095-nilt</t>
  </si>
  <si>
    <t>09/24/2019 11:57:43</t>
  </si>
  <si>
    <t>09/24/2019 12:25:49</t>
  </si>
  <si>
    <t>10.200.60.178</t>
  </si>
  <si>
    <t>64-1C-67-9C-56-D8</t>
  </si>
  <si>
    <t>NB-LUISERCP</t>
  </si>
  <si>
    <t>marianart</t>
  </si>
  <si>
    <t>MARIANA ROQUE TOGNETTI</t>
  </si>
  <si>
    <t>/o=exchangelabs/ou=exchange administrative group (fydibohf23spdlt)/cn=recipients/cn=089963f5f37f427c8a85f88a8c15a3bf-ricardo def;/o=exchangelabs/ou=exchange administrative group (fydibohf23spdlt)/cn=recipients/cn=0bafe1ed27024338be4e911e19871cd1-william rob;/o=exchangelabs/ou=exchange administrative group (fydibohf23spdlt)/cn=recipients/cn=1e212ef08dab4f26b88cba944f2ab7cb-pmo.governa;/o=exchangelabs/ou=exchange administrative group (fydibohf23spdlt)/cn=recipients/cn=287c26b08a0f48578479a15a452f025d-edilson rod;/o=exchangelabs/ou=exchange administrative group (fydibohf23spdlt)/cn=recipients/cn=4097402e2d3e4073b597d33928140586-paulo sergi;/o=exchangelabs/ou=exchange administrative group (fydibohf23spdlt)/cn=recipients/cn=49457acaa5584c6d8daec8f0ad186be2-carlos maur;/o=exchangelabs/ou=exchange administrative group (fydibohf23spdlt)/cn=recipients/cn=4b453b7f02914710b3e94bcf7b311ad4-fernando po;/o=exchangelabs/ou=exchange administrative group (fydibohf23spdlt)/cn=recipients/cn=55f846c335d7437f892f0b0d49c89e92-celm</t>
  </si>
  <si>
    <t>RAO - Setemebro/2019</t>
  </si>
  <si>
    <t>RAO SETEMBRO-2019.pptx\</t>
  </si>
  <si>
    <t>/o=exchangelabs/ou=exchange administrative group (fydibohf23spdlt)/cn=recipients/cn=089963f5f37f427c8a85f88a8c15a3bf-ricardo def,/o=exchangelabs/ou=exchange administrative group (fydibohf23spdlt)/cn=recipients/cn=0bafe1ed27024338be4e911e19871cd1-william rob,/o=exchangelabs/ou=exchange administrative group (fydibohf23spdlt)/cn=recipients/cn=1e212ef08dab4f26b88cba944f2ab7cb-pmo.governa,/o=exchangelabs/ou=exchange administrative group (fydibohf23spdlt)/cn=recipients/cn=287c26b08a0f48578479a15a452f025d-edilson rod,/o=exchangelabs/ou=exchange administrative group (fydibohf23spdlt)/cn=recipients/cn=4097402e2d3e4073b597d33928140586-paulo sergi,/o=exchangelabs/ou=exchange administrative group (fydibohf23spdlt)/cn=recipients/cn=49457acaa5584c6d8daec8f0ad186be2-carlos maur,/o=exchangelabs/ou=exchange administrative group (fydibohf23spdlt)/cn=recipients/cn=4b453b7f02914710b3e94bcf7b311ad4-fernando po,/o=exchangelabs/ou=exchange administrative group (fydibohf23spdlt)/cn=recipients/cn=55f846c335d7437f892f0b0d49c89e92-celm</t>
  </si>
  <si>
    <t>09/24/2019 12:25:15</t>
  </si>
  <si>
    <t>09/24/2019 12:26:49</t>
  </si>
  <si>
    <t>/o=exchangelabs/ou=exchange administrative group (fydibohf23spdlt)/cn=recipients/cn=55f846c335d7437f892f0b0d49c89e92-celma ribei;/o=exchangelabs/ou=exchange administrative group (fydibohf23spdlt)/cn=recipients/cn=fedd0b8e2dbf442f837981a40559d630-viviane bar;/o=exchangelabs/ou=exchange administrative group (fydibohf23spdlt)/cn=recipients/cn=user3949317b;</t>
  </si>
  <si>
    <t>LATAM / Cloud MSP / Cronograma LP</t>
  </si>
  <si>
    <t>Macro Cronograma.xlsx</t>
  </si>
  <si>
    <t>/o=exchangelabs/ou=exchange administrative group (fydibohf23spdlt)/cn=recipients/cn=55f846c335d7437f892f0b0d49c89e92-celma ribei,/o=exchangelabs/ou=exchange administrative group (fydibohf23spdlt)/cn=recipients/cn=fedd0b8e2dbf442f837981a40559d630-viviane bar,/o=exchangelabs/ou=exchange administrative group (fydibohf23spdlt)/cn=recipients/cn=user3949317b</t>
  </si>
  <si>
    <t>09/24/2019 12:28:32</t>
  </si>
  <si>
    <t>09/24/2019 12:30:49</t>
  </si>
  <si>
    <t>/o=exchangelabs/ou=exchange administrative group (fydibohf23spdlt)/cn=recipients/cn=089963f5f37f427c8a85f88a8c15a3bf-ricardo def;</t>
  </si>
  <si>
    <t>Prestação de contas Murer x Algar</t>
  </si>
  <si>
    <t>/o=exchangelabs/ou=exchange administrative group (fydibohf23spdlt)/cn=recipients/cn=089963f5f37f427c8a85f88a8c15a3bf-ricardo def</t>
  </si>
  <si>
    <t>09/24/2019 12:27:41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651324bc204a42f6bbcdf62273ebdc5c-aluisio ant;/o=exchangelabs/ou=exchange administrative group (fydibohf23spdlt)/cn=recipients/cn=89e58c8da071492dbdcb4fee4156b705-gustavo alm;</t>
  </si>
  <si>
    <t>ENC: ORÇAMENTO 2020 - OUTROS CUSTOS/RECUPERAÇÃO DE CUSTO</t>
  </si>
  <si>
    <t>Template Orçamentário Demais Pacotes - 2020.xlsb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651324bc204a42f6bbcdf62273ebdc5c-aluisio ant,/o=exchangelabs/ou=exchange administrative group (fydibohf23spdlt)/cn=recipients/cn=89e58c8da071492dbdcb4fee4156b705-gustavo alm</t>
  </si>
  <si>
    <t>09/24/2019 12:26:37</t>
  </si>
  <si>
    <t>/o=exchangelabs/ou=exchange administrative group (fydibohf23spdlt)/cn=recipients/cn=309572221fe14ce3af445b3983aaac9f-alizenete m;/o=exchangelabs/ou=exchange administrative group (fydibohf23spdlt)/cn=recipients/cn=356687541e6d4dba87a6d07b3c4b9c4a-paulinia av;/o=exchangelabs/ou=exchange administrative group (fydibohf23spdlt)/cn=recipients/cn=a78f7dae304e472e9f75bd537683f6e5-hugo de oli;</t>
  </si>
  <si>
    <t>Agent_Login-Logout_Details_Report 23.09.xlsx</t>
  </si>
  <si>
    <t>/o=exchangelabs/ou=exchange administrative group (fydibohf23spdlt)/cn=recipients/cn=309572221fe14ce3af445b3983aaac9f-alizenete m,/o=exchangelabs/ou=exchange administrative group (fydibohf23spdlt)/cn=recipients/cn=356687541e6d4dba87a6d07b3c4b9c4a-paulinia av,/o=exchangelabs/ou=exchange administrative group (fydibohf23spdlt)/cn=recipients/cn=a78f7dae304e472e9f75bd537683f6e5-hugo de oli</t>
  </si>
  <si>
    <t>09/24/2019 12:27:13</t>
  </si>
  <si>
    <t>09/24/2019 12:35:51</t>
  </si>
  <si>
    <t>09/24/2019 12:37:49</t>
  </si>
  <si>
    <t>Enriquecimento de Mailing e Import URA Ativa_20190923.xlsx</t>
  </si>
  <si>
    <t>09/24/2019 12:36:26</t>
  </si>
  <si>
    <t>Enriquecimento de Mailing e Import URA Ativa_20190921.xlsx</t>
  </si>
  <si>
    <t>09/24/2019 12:36:57</t>
  </si>
  <si>
    <t>Enriquecimento de Mailing e Import URA Ativa_20190920.xlsx</t>
  </si>
  <si>
    <t>09/24/2019 12:37:28</t>
  </si>
  <si>
    <t>Enriquecimento de Mailing e Import URA Ativa_20190919.xlsx</t>
  </si>
  <si>
    <t>09/24/2019 12:36:47</t>
  </si>
  <si>
    <t>/o=exchangelabs/ou=exchange administrative group (fydibohf23spdlt)/cn=recipients/cn=2504d5028b6b4fb89d14a5df6031358d-jane carla;/o=exchangelabs/ou=exchange administrative group (fydibohf23spdlt)/cn=recipients/cn=ed2578a7fad746b59b0f586e2ee82bbd-heliel de f;</t>
  </si>
  <si>
    <t>Base de contas contábeis</t>
  </si>
  <si>
    <t>Pasta3.xlsx</t>
  </si>
  <si>
    <t>/o=exchangelabs/ou=exchange administrative group (fydibohf23spdlt)/cn=recipients/cn=2504d5028b6b4fb89d14a5df6031358d-jane carla,/o=exchangelabs/ou=exchange administrative group (fydibohf23spdlt)/cn=recipients/cn=ed2578a7fad746b59b0f586e2ee82bbd-heliel de f</t>
  </si>
  <si>
    <t>09/24/2019 12:39:46</t>
  </si>
  <si>
    <t>09/24/2019 12:42:49</t>
  </si>
  <si>
    <t>http://shareit.global.avon.com/sites/arrmcm/forca-de-vendas/_layouts/upload.aspx?list={bfd161db-750f-4cbd-9e74-a6fb6ee0a6de}&amp;rootfolder=/sites/arrmcm/forca-de-vendas/revendedora/trocas e faltas&amp;source=http://shareit.global.avon.com/sites/arrmcm/forca-de-vendas/revendedora/forms/allitems.aspx?rootfolder=%2fsites%2farrmcm%2fforca%2dde%2dvendas%2frevendedora%2ftrocas%20e%20faltas&amp;folderctid=&amp;view=%7b993eba10%2d8cf7%2d4fbc%2dbe91%2de4ca00ce3956%7d</t>
  </si>
  <si>
    <t>RAS EM STOP LIST COM CONTINUARAM COM O ATENDIMENTO DE TEF.xls</t>
  </si>
  <si>
    <t>09/24/2019 12:39:34</t>
  </si>
  <si>
    <t>Enriquecimento de Mailing e Import URA Ativa_20190629.xlsx</t>
  </si>
  <si>
    <t>09/24/2019 12:41:17</t>
  </si>
  <si>
    <t>Enriquecimento de Mailing e Import URA Ativa_20190701.xlsx</t>
  </si>
  <si>
    <t>09/24/2019 12:41:25</t>
  </si>
  <si>
    <t>09/24/2019 12:45:49</t>
  </si>
  <si>
    <t>10.200.58.210</t>
  </si>
  <si>
    <t>BC-85-56-FE-00-DD</t>
  </si>
  <si>
    <t>Tullyo Luciano da Silva</t>
  </si>
  <si>
    <t>/o=exchangelabs/ou=exchange administrative group (fydibohf23spdlt)/cn=recipients/cn=93fbfc821dab48cf91184b5c6c1bf60c-ianny raiss;/o=exchangelabs/ou=exchange administrative group (fydibohf23spdlt)/cn=recipients/cn=c96fa2583f6c4d18b58c6c394ad007f2-franciele m;/o=exchangelabs/ou=exchange administrative group (fydibohf23spdlt)/cn=recipients/cn=d0093b7063a942388b31a7ba794f9061-dener benic;/o=exchangelabs/ou=exchange administrative group (fydibohf23spdlt)/cn=recipients/cn=e46cd96e8e9e452c8cc8ba65a6c4ec57-gustavo hen;</t>
  </si>
  <si>
    <t>RES: Projeto avos de férias</t>
  </si>
  <si>
    <t>Cópia de Report_Programação de férias 1309 - Egidio.xlsx</t>
  </si>
  <si>
    <t>/o=exchangelabs/ou=exchange administrative group (fydibohf23spdlt)/cn=recipients/cn=93fbfc821dab48cf91184b5c6c1bf60c-ianny raiss,/o=exchangelabs/ou=exchange administrative group (fydibohf23spdlt)/cn=recipients/cn=c96fa2583f6c4d18b58c6c394ad007f2-franciele m,/o=exchangelabs/ou=exchange administrative group (fydibohf23spdlt)/cn=recipients/cn=d0093b7063a942388b31a7ba794f9061-dener benic,/o=exchangelabs/ou=exchange administrative group (fydibohf23spdlt)/cn=recipients/cn=e46cd96e8e9e452c8cc8ba65a6c4ec57-gustavo hen</t>
  </si>
  <si>
    <t>09/24/2019 12:42:45</t>
  </si>
  <si>
    <t>09/24/2019 12:47:49</t>
  </si>
  <si>
    <t>Enriquecimento de Mailing e Import URA Ativa_20190702.xlsx</t>
  </si>
  <si>
    <t>09/24/2019 12:43:56</t>
  </si>
  <si>
    <t>Enriquecimento de Mailing e Import URA Ativa_20190703.xlsx</t>
  </si>
  <si>
    <t>09/24/2019 12:45:30</t>
  </si>
  <si>
    <t>Enriquecimento de Mailing e Import URA Ativa_20190704.xlsx</t>
  </si>
  <si>
    <t>09/24/2019 12:46:45</t>
  </si>
  <si>
    <t>Enriquecimento de Mailing e Import URA Ativa_20190705.xlsx</t>
  </si>
  <si>
    <t>09/24/2019 12:47:54</t>
  </si>
  <si>
    <t>09/24/2019 12:52:49</t>
  </si>
  <si>
    <t>Enriquecimento de Mailing e Import URA Ativa_20190708.xlsx</t>
  </si>
  <si>
    <t>09/24/2019 12:49:06</t>
  </si>
  <si>
    <t>Enriquecimento de Mailing e Import URA Ativa_20190709.xlsx</t>
  </si>
  <si>
    <t>09/24/2019 12:51:10</t>
  </si>
  <si>
    <t>Enriquecimento de Mailing e Import URA Ativa_20190710.xlsx</t>
  </si>
  <si>
    <t>09/24/2019 12:52:23</t>
  </si>
  <si>
    <t>Enriquecimento de Mailing e Import URA Ativa_20190711.xlsx</t>
  </si>
  <si>
    <t>09/24/2019 12:55:42</t>
  </si>
  <si>
    <t>09/24/2019 12:57:49</t>
  </si>
  <si>
    <t>/o=exchangelabs/ou=exchange administrative group (fydibohf23spdlt)/cn=recipients/cn=cce783223f4944368b1f97b2b2cb217f-robson vini;</t>
  </si>
  <si>
    <t>RES: Cargos no Sinergy</t>
  </si>
  <si>
    <t>Tabelas Salariais - Novos Cargos - Sinergy - v1.xlsx</t>
  </si>
  <si>
    <t>/o=exchangelabs/ou=exchange administrative group (fydibohf23spdlt)/cn=recipients/cn=cce783223f4944368b1f97b2b2cb217f-robson vini</t>
  </si>
  <si>
    <t>09/24/2019 12:53:22</t>
  </si>
  <si>
    <t>Enriquecimento de Mailing e Import URA Ativa_20190712.xlsx</t>
  </si>
  <si>
    <t>09/24/2019 12:54:38</t>
  </si>
  <si>
    <t>Enriquecimento de Mailing e Import URA Ativa_20190713.xlsx</t>
  </si>
  <si>
    <t>09/24/2019 12:55:39</t>
  </si>
  <si>
    <t>Enriquecimento de Mailing e Import URA Ativa_20190715.xlsx</t>
  </si>
  <si>
    <t>09/24/2019 12:57:11</t>
  </si>
  <si>
    <t>Enriquecimento de Mailing e Import URA Ativa_20190717.xlsx</t>
  </si>
  <si>
    <t>09/24/2019 12:58:44</t>
  </si>
  <si>
    <t>09/24/2019 13:02:49</t>
  </si>
  <si>
    <t>/o=exchangelabs/ou=exchange administrative group (fydibohf23spdlt)/cn=recipients/cn=06d1aef02b19496ba2f61f7d94fbc2a7-davi edvald;/o=exchangelabs/ou=exchange administrative group (fydibohf23spdlt)/cn=recipients/cn=19f243ae735942c6ad57f0cd8a087a8a-edivaldo vi;/o=exchangelabs/ou=exchange administrative group (fydibohf23spdlt)/cn=recipients/cn=2f31ad398af34dda87d2ceccc661b9fc-edilson bor;/o=exchangelabs/ou=exchange administrative group (fydibohf23spdlt)/cn=recipients/cn=5e786ac1f1f9466d8dfa1deb41dbd522-joao freder;/o=exchangelabs/ou=exchange administrative group (fydibohf23spdlt)/cn=recipients/cn=7cc366be59b94ae0b0eb89a952acf58b-valeria sev;</t>
  </si>
  <si>
    <t>Acessos Yahsat.xlsx</t>
  </si>
  <si>
    <t>/o=exchangelabs/ou=exchange administrative group (fydibohf23spdlt)/cn=recipients/cn=06d1aef02b19496ba2f61f7d94fbc2a7-davi edvald,/o=exchangelabs/ou=exchange administrative group (fydibohf23spdlt)/cn=recipients/cn=19f243ae735942c6ad57f0cd8a087a8a-edivaldo vi,/o=exchangelabs/ou=exchange administrative group (fydibohf23spdlt)/cn=recipients/cn=2f31ad398af34dda87d2ceccc661b9fc-edilson bor,/o=exchangelabs/ou=exchange administrative group (fydibohf23spdlt)/cn=recipients/cn=5e786ac1f1f9466d8dfa1deb41dbd522-joao freder,/o=exchangelabs/ou=exchange administrative group (fydibohf23spdlt)/cn=recipients/cn=7cc366be59b94ae0b0eb89a952acf58b-valeria sev</t>
  </si>
  <si>
    <t>09/24/2019 13:01:35</t>
  </si>
  <si>
    <t>C:\Users\filemoncmj\OneDrive - Grupo Algar\01. Algar Tech\01. Projetos de Clientes\13. Yahsat\2019\06. Infraestrutura\</t>
  </si>
  <si>
    <t>09/24/2019 12:58:17</t>
  </si>
  <si>
    <t>Enriquecimento de Mailing e Import URA Ativa_20190718.xlsx</t>
  </si>
  <si>
    <t>09/24/2019 12:59:45</t>
  </si>
  <si>
    <t>Enriquecimento de Mailing e Import URA Ativa_20190719.xlsx</t>
  </si>
  <si>
    <t>09/24/2019 13:01:43</t>
  </si>
  <si>
    <t>Enriquecimento de Mailing e Import URA Ativa_20190722.xlsx</t>
  </si>
  <si>
    <t>09/24/2019 13:04:36</t>
  </si>
  <si>
    <t>09/24/2019 13:07:50</t>
  </si>
  <si>
    <t>/o=exchangelabs/ou=exchange administrative group (fydibohf23spdlt)/cn=recipients/cn=97d172c8919b4efe9c4a5cda6727a6c7-walter robe;</t>
  </si>
  <si>
    <t>RES: Proposta Tcode WMRF02 - Guarda de materiasi WM/RF</t>
  </si>
  <si>
    <t>206423 - BP- v1.xlsb</t>
  </si>
  <si>
    <t>/o=exchangelabs/ou=exchange administrative group (fydibohf23spdlt)/cn=recipients/cn=97d172c8919b4efe9c4a5cda6727a6c7-walter robe</t>
  </si>
  <si>
    <t>09/24/2019 13:03:13</t>
  </si>
  <si>
    <t>Enriquecimento de Mailing e Import URA Ativa_20190723.xlsx</t>
  </si>
  <si>
    <t>09/24/2019 13:04:15</t>
  </si>
  <si>
    <t>Enriquecimento de Mailing e Import URA Ativa_20190724.xlsx</t>
  </si>
  <si>
    <t>09/24/2019 13:05:53</t>
  </si>
  <si>
    <t>Enriquecimento de Mailing e Import URA Ativa_20190725.xlsx</t>
  </si>
  <si>
    <t>09/24/2019 13:06:55</t>
  </si>
  <si>
    <t>Enriquecimento de Mailing e Import URA Ativa_20190726.xlsx</t>
  </si>
  <si>
    <t>09/24/2019 13:08:22</t>
  </si>
  <si>
    <t>09/24/2019 13:12:49</t>
  </si>
  <si>
    <t>Enriquecimento de Mailing e Import URA Ativa_20190727.xlsx</t>
  </si>
  <si>
    <t>09/24/2019 13:09:54</t>
  </si>
  <si>
    <t>Enriquecimento de Mailing e Import URA Ativa_20190729.xlsx</t>
  </si>
  <si>
    <t>09/24/2019 13:11:22</t>
  </si>
  <si>
    <t>Enriquecimento de Mailing e Import URA Ativa_20190730.xlsx</t>
  </si>
  <si>
    <t>09/24/2019 13:12:39</t>
  </si>
  <si>
    <t>09/24/2019 13:17:49</t>
  </si>
  <si>
    <t>Enriquecimento de Mailing e Import URA Ativa_20190731.xlsx</t>
  </si>
  <si>
    <t>09/24/2019 13:14:44</t>
  </si>
  <si>
    <t>Enriquecimento de Mailing e Import URA Ativa_20190801.xlsx</t>
  </si>
  <si>
    <t>09/24/2019 13:16:11</t>
  </si>
  <si>
    <t>Enriquecimento de Mailing e Import URA Ativa_20190802.xlsx</t>
  </si>
  <si>
    <t>09/24/2019 13:17:17</t>
  </si>
  <si>
    <t>Enriquecimento de Mailing e Import URA Ativa_20190803.xlsx</t>
  </si>
  <si>
    <t>09/24/2019 13:14:49</t>
  </si>
  <si>
    <t>09/24/2019 13:19:49</t>
  </si>
  <si>
    <t>/o=exchangelabs/ou=exchange administrative group (fydibohf23spdlt)/cn=recipients/cn=66892ec7505c4d138347b8eda5fa01e7-tassiana ap;/o=exchangelabs/ou=exchange administrative group (fydibohf23spdlt)/cn=recipients/cn=userd3ef8196;</t>
  </si>
  <si>
    <t>Acompanhamento Chat Compra Certa - Set/19</t>
  </si>
  <si>
    <t>09 - Quebra Diária - Chat Compra Certa _Setembro 2019.xlsx</t>
  </si>
  <si>
    <t>/o=exchangelabs/ou=exchange administrative group (fydibohf23spdlt)/cn=recipients/cn=66892ec7505c4d138347b8eda5fa01e7-tassiana ap,/o=exchangelabs/ou=exchange administrative group (fydibohf23spdlt)/cn=recipients/cn=userd3ef8196</t>
  </si>
  <si>
    <t>09/24/2019 13:22:49</t>
  </si>
  <si>
    <t>/o=exchangelabs/ou=exchange administrative group (fydibohf23spdlt)/cn=recipients/cn=0b6a994899de4cd3af0f6d1091e97ebf-arones abre;/o=exchangelabs/ou=exchange administrative group (fydibohf23spdlt)/cn=recipients/cn=23686df447cc446eb0c1b6b47007d422-diogo de so;/o=exchangelabs/ou=exchange administrative group (fydibohf23spdlt)/cn=recipients/cn=8c89829ad534498fa4c85b5ac11174f1-suelen more;/o=exchangelabs/ou=exchange administrative group (fydibohf23spdlt)/cn=recipients/cn=97bf0b4d6b424f9fbf91192510276150-renata de o;/o=exchangelabs/ou=exchange administrative group (fydibohf23spdlt)/cn=recipients/cn=fabio martins sampaio - 004327;</t>
  </si>
  <si>
    <t>ENC: Tickets Excedentes Baseline</t>
  </si>
  <si>
    <t>/o=exchangelabs/ou=exchange administrative group (fydibohf23spdlt)/cn=recipients/cn=0b6a994899de4cd3af0f6d1091e97ebf-arones abre,/o=exchangelabs/ou=exchange administrative group (fydibohf23spdlt)/cn=recipients/cn=23686df447cc446eb0c1b6b47007d422-diogo de so,/o=exchangelabs/ou=exchange administrative group (fydibohf23spdlt)/cn=recipients/cn=8c89829ad534498fa4c85b5ac11174f1-suelen more,/o=exchangelabs/ou=exchange administrative group (fydibohf23spdlt)/cn=recipients/cn=97bf0b4d6b424f9fbf91192510276150-renata de o,/o=exchangelabs/ou=exchange administrative group (fydibohf23spdlt)/cn=recipients/cn=fabio martins sampaio - 004327</t>
  </si>
  <si>
    <t>09/24/2019 13:18:42</t>
  </si>
  <si>
    <t>Enriquecimento de Mailing e Import URA Ativa_20190805.xlsx</t>
  </si>
  <si>
    <t>09/24/2019 13:22:15</t>
  </si>
  <si>
    <t>Enriquecimento de Mailing e Import URA Ativa_20190806.xlsx</t>
  </si>
  <si>
    <t>09/24/2019 13:21:57</t>
  </si>
  <si>
    <t>09/24/2019 13:25:50</t>
  </si>
  <si>
    <t>09/24/2019 13:23:59</t>
  </si>
  <si>
    <t>09/24/2019 13:23:46</t>
  </si>
  <si>
    <t>09/24/2019 13:27:50</t>
  </si>
  <si>
    <t>Enriquecimento de Mailing e Import URA Ativa_20190807.xlsx</t>
  </si>
  <si>
    <t>09/24/2019 13:25:16</t>
  </si>
  <si>
    <t>Enriquecimento de Mailing e Import URA Ativa_20190808.xlsx</t>
  </si>
  <si>
    <t>09/24/2019 13:26:30</t>
  </si>
  <si>
    <t>Enriquecimento de Mailing e Import URA Ativa_20190809.xlsx</t>
  </si>
  <si>
    <t>09/24/2019 13:26:05</t>
  </si>
  <si>
    <t>09/24/2019 13:30:49</t>
  </si>
  <si>
    <t>09/24/2019 13:28:58</t>
  </si>
  <si>
    <t>09/24/2019 13:32:49</t>
  </si>
  <si>
    <t>'premiumsupervisores@algartech.com.br';'raquelcl@algartech.com';'supervisores_rosilene@algartech.com.br';alessandracm@algartech.com;anapscl@algartech.com;andressacpd@algartech.com;b2k-supervisoreseunice@algarnet.onmicrosoft.com;b2ksupervisoresrafaela@algartech.com;carolinaasil@algartech.com;contestacao_supervisores@algartech.com.br;cristinahe@algartech.com;dayarag@algartech.com;elencassiapo@algartech.com;eunice.pimenta@algartech.com;fernandaccn@algartech.com;heloisaal@algartech.com;igorars@algartech.com;jussaragp@algartech.com;katiargf@algartech.com;kelencgt@algartech.com;luanaaoli@algartech.com;mariajcb@algartech.com;michelecdc@algartech.com;micheless@algartech.com;premiumatendimento@algartech.com;primeatendimento@algartech.com;priscilalb@algartech.com;rafaelaas@algartech.com;rafaeldsa@algartech.com;sabrinagc@algartech.com;tassianecv@algartech.com;tatianamac@algartech.com;thaisalves.oliveira@temposervicos.com.br;</t>
  </si>
  <si>
    <t>Microanálise - 23-09.xlsm</t>
  </si>
  <si>
    <t>'premiumsupervisores@algartech.com.br','raquelcl@algartech.com','supervisores_rosilene@algartech.com.br',alessandracm@algartech.com,anapscl@algartech.com,andressacpd@algartech.com,b2k-supervisoreseunice@algarnet.onmicrosoft.com,b2ksupervisoresrafaela@algartech.com,carolinaasil@algartech.com,contestacao_supervisores@algartech.com.br,cristinahe@algartech.com,dayarag@algartech.com,elencassiapo@algartech.com,eunice.pimenta@algartech.com,fernandaccn@algartech.com,heloisaal@algartech.com,igorars@algartech.com,jussaragp@algartech.com,katiargf@algartech.com,kelencgt@algartech.com,luanaaoli@algartech.com,mariajcb@algartech.com,michelecdc@algartech.com,micheless@algartech.com,premiumatendimento@algartech.com,primeatendimento@algartech.com,priscilalb@algartech.com,rafaelaas@algartech.com,rafaeldsa@algartech.com,sabrinagc@algartech.com,tassianecv@algartech.com,tatianamac@algartech.com,thaisalves.oliveira@temposervicos.com.br</t>
  </si>
  <si>
    <t>09/24/2019 13:27:57</t>
  </si>
  <si>
    <t>Enriquecimento de Mailing e Import URA Ativa_20190810.xlsx</t>
  </si>
  <si>
    <t>09/24/2019 13:29:18</t>
  </si>
  <si>
    <t>Enriquecimento de Mailing e Import URA Ativa_20190812.xlsx</t>
  </si>
  <si>
    <t>09/24/2019 13:33:20</t>
  </si>
  <si>
    <t>09/24/2019 13:37:49</t>
  </si>
  <si>
    <t>Enriquecimento de Mailing e Import URA Ativa_20190813.xlsx</t>
  </si>
  <si>
    <t>09/24/2019 13:34:49</t>
  </si>
  <si>
    <t>Enriquecimento de Mailing e Import URA Ativa_20190814.xlsx</t>
  </si>
  <si>
    <t>09/24/2019 13:36:03</t>
  </si>
  <si>
    <t>Enriquecimento de Mailing e Import URA Ativa_20190815.xlsx</t>
  </si>
  <si>
    <t>09/24/2019 13:36:46</t>
  </si>
  <si>
    <t>09/24/2019 13:39:49</t>
  </si>
  <si>
    <t>C:\Users\rodrigombu\OneDrive - Grupo Algar\Whirlpool\2019\09 - Setembro\Arquivo\</t>
  </si>
  <si>
    <t>09/24/2019 13:38:08</t>
  </si>
  <si>
    <t>09/24/2019 13:42:50</t>
  </si>
  <si>
    <t>Enriquecimento de Mailing e Import URA Ativa_20190816.xlsx</t>
  </si>
  <si>
    <t>09/24/2019 13:39:35</t>
  </si>
  <si>
    <t>Enriquecimento de Mailing e Import URA Ativa_20190817.xlsx</t>
  </si>
  <si>
    <t>09/24/2019 13:41:29</t>
  </si>
  <si>
    <t>Enriquecimento de Mailing e Import URA Ativa_20190819.xlsx</t>
  </si>
  <si>
    <t>09/24/2019 13:41:07</t>
  </si>
  <si>
    <t>09/24/2019 13:44:49</t>
  </si>
  <si>
    <t>09/24/2019 13:43:23</t>
  </si>
  <si>
    <t>09/24/2019 13:46:49</t>
  </si>
  <si>
    <t>C:\Users\elainemdlp\OD\_Projetos\Em andamento\EDP\</t>
  </si>
  <si>
    <t>Ficha do Projeto.xlsx</t>
  </si>
  <si>
    <t>09/24/2019 13:45:11</t>
  </si>
  <si>
    <t>/o=exchangelabs/ou=exchange administrative group (fydibohf23spdlt)/cn=recipients/cn=dc545318d7744217a865d0e9bb7ca61d-luciana gom;/o=exchangelabs/ou=exchange administrative group (fydibohf23spdlt)/cn=recipients/cn=groupf6411c2f;</t>
  </si>
  <si>
    <t>RES: Implantação EDP - Aspect</t>
  </si>
  <si>
    <t>Dados novatos EDP.xlsx</t>
  </si>
  <si>
    <t>/o=exchangelabs/ou=exchange administrative group (fydibohf23spdlt)/cn=recipients/cn=dc545318d7744217a865d0e9bb7ca61d-luciana gom,/o=exchangelabs/ou=exchange administrative group (fydibohf23spdlt)/cn=recipients/cn=groupf6411c2f</t>
  </si>
  <si>
    <t>09/24/2019 13:44:16</t>
  </si>
  <si>
    <t>09/24/2019 13:42:43</t>
  </si>
  <si>
    <t>09/24/2019 13:47:49</t>
  </si>
  <si>
    <t>Enriquecimento de Mailing e Import URA Ativa_20190820.xlsx</t>
  </si>
  <si>
    <t>09/24/2019 13:44:05</t>
  </si>
  <si>
    <t>Enriquecimento de Mailing e Import URA Ativa_20190821.xlsx</t>
  </si>
  <si>
    <t>09/24/2019 13:47:10</t>
  </si>
  <si>
    <t>Enriquecimento de Mailing e Import URA Ativa_20190822.xlsx</t>
  </si>
  <si>
    <t>09/24/2019 13:45:49</t>
  </si>
  <si>
    <t>09/24/2019 13:50:49</t>
  </si>
  <si>
    <t>leandrosma@algartech.com</t>
  </si>
  <si>
    <t>alexandremdo@algartech.com;carlos.pereira@invenit.com.br;fabriciovs@algartech.com;fernanda.favero@onlinegroup.com.br;flavioff@algartelecom.com.br;gustavorp@algartech.com;helbertbb@algartech.com;igoraraujo@algartelecom.com.br;katiuciaaa@algartelecom.com.br;newton.vaz@onlinegroup.com.br;</t>
  </si>
  <si>
    <t>C:\Users\leandrosma\Downloads\</t>
  </si>
  <si>
    <t>DETALHAMENTO VPN - ALGARTECH_CPS_INVENIT_CLOUD.xlsx</t>
  </si>
  <si>
    <t>alexandremdo@algartech.com,carlos.pereira@invenit.com.br,fabriciovs@algartech.com,fernanda.favero@onlinegroup.com.br,flavioff@algartelecom.com.br,gustavorp@algartech.com,helbertbb@algartech.com,igoraraujo@algartelecom.com.br,katiuciaaa@algartelecom.com.br,newton.vaz@onlinegroup.com.br</t>
  </si>
  <si>
    <t>09/24/2019 13:49:17</t>
  </si>
  <si>
    <t>09/24/2019 13:51:49</t>
  </si>
  <si>
    <t>C:\Users\elainemdlp\OD\_Projetos\Em andamento\EDP\03 - Execucao\Operadores\</t>
  </si>
  <si>
    <t>09/24/2019 13:50:13</t>
  </si>
  <si>
    <t>C:\Users\camilat\OneDrive - Grupo Algar\GERENCIAL\FINANCEIRO\Faturamento\340500033\OUTUBRO 19\</t>
  </si>
  <si>
    <t>Faturamento Consultoria Algar - OUTUBRO 2019 v3.xlsm</t>
  </si>
  <si>
    <t>09/24/2019 13:50:36</t>
  </si>
  <si>
    <t>Planilha de Rateio INFRA Outubro 2019 - Copia.xlsx</t>
  </si>
  <si>
    <t>09/24/2019 13:49:03</t>
  </si>
  <si>
    <t>09/24/2019 13:52:49</t>
  </si>
  <si>
    <t>Enriquecimento de Mailing e Import URA Ativa_20190823.xlsx</t>
  </si>
  <si>
    <t>09/24/2019 13:49:10</t>
  </si>
  <si>
    <t>09/24/2019 13:53:50</t>
  </si>
  <si>
    <t>10.200.32.59</t>
  </si>
  <si>
    <t>54-BF-64-F5-7F-74</t>
  </si>
  <si>
    <t>NB-WALESKAMM</t>
  </si>
  <si>
    <t>waleskamms</t>
  </si>
  <si>
    <t>Waleska Maria Miranda Storti</t>
  </si>
  <si>
    <t>/o=exchangelabs/ou=exchange administrative group (fydibohf23spdlt)/cn=recipients/cn=1c845834d063419c9b402eb012243625-marcelle so;/o=exchangelabs/ou=exchange administrative group (fydibohf23spdlt)/cn=recipients/cn=3262123ab1534746a91b362bb3b84436-higor silva;/o=exchangelabs/ou=exchange administrative group (fydibohf23spdlt)/cn=recipients/cn=98ea30ba409149f69837fad4ccd70171-leonardo el;/o=exchangelabs/ou=exchange administrative group (fydibohf23spdlt)/cn=recipients/cn=ac9855986ae749d2aa5c385e90f12849-danilo de a;</t>
  </si>
  <si>
    <t>ENC: Base Inf. Comitê de TH</t>
  </si>
  <si>
    <t>Levantamento Processos (Provisão e Med. Condenação Trabalhista) V.Final.xlsx</t>
  </si>
  <si>
    <t>/o=exchangelabs/ou=exchange administrative group (fydibohf23spdlt)/cn=recipients/cn=1c845834d063419c9b402eb012243625-marcelle so,/o=exchangelabs/ou=exchange administrative group (fydibohf23spdlt)/cn=recipients/cn=3262123ab1534746a91b362bb3b84436-higor silva,/o=exchangelabs/ou=exchange administrative group (fydibohf23spdlt)/cn=recipients/cn=98ea30ba409149f69837fad4ccd70171-leonardo el,/o=exchangelabs/ou=exchange administrative group (fydibohf23spdlt)/cn=recipients/cn=ac9855986ae749d2aa5c385e90f12849-danilo de a</t>
  </si>
  <si>
    <t>09/24/2019 13:52:26</t>
  </si>
  <si>
    <t>C:\Users\douglassp\OneDrive - Grupo Algar\GEP - Performance\Orçamento 2020\</t>
  </si>
  <si>
    <t>Orçamento20.xlsx</t>
  </si>
  <si>
    <t>09/24/2019 13:48:43</t>
  </si>
  <si>
    <t>09/24/2019 13:51:43</t>
  </si>
  <si>
    <t>09/24/2019 13:54:49</t>
  </si>
  <si>
    <t>/o=exchangelabs/ou=exchange administrative group (fydibohf23spdlt)/cn=recipients/cn=11bb200cf0df4427aa7112a6917255a1-ana alyce c;/o=exchangelabs/ou=exchange administrative group (fydibohf23spdlt)/cn=recipients/cn=5dd03a66f797451390d7113259343399-aline da si;/o=exchangelabs/ou=exchange administrative group (fydibohf23spdlt)/cn=recipients/cn=7903c13fa0504ff0bc7dd2644020b0e8-mirna prado;/o=exchangelabs/ou=exchange administrative group (fydibohf23spdlt)/cn=recipients/cn=a7e592821d864418bccf1424f02e2670-felipe alve;/o=exchangelabs/ou=exchange administrative group (fydibohf23spdlt)/cn=recipients/cn=b4af4243d22d4dfa8c6b1830b913b4d3-caio cesar;/o=exchangelabs/ou=exchange administrative group (fydibohf23spdlt)/cn=recipients/cn=c4b23e6138fe46adb73485e66347ad18-cpc - contr;/o=exchangelabs/ou=exchange administrative group (fydibohf23spdlt)/cn=recipients/cn=eeccfec6dd26453db576a7c3b3bc44ec-pablo perei;/o=exchangelabs/ou=exchange administrative group (fydibohf23spdlt)/cn=recipients/cn=f4de30cd53104832ac10bc8c610e453e-gusta</t>
  </si>
  <si>
    <t>RES: Tv Analógico e Lego 4.0</t>
  </si>
  <si>
    <t>/o=exchangelabs/ou=exchange administrative group (fydibohf23spdlt)/cn=recipients/cn=11bb200cf0df4427aa7112a6917255a1-ana alyce c,/o=exchangelabs/ou=exchange administrative group (fydibohf23spdlt)/cn=recipients/cn=5dd03a66f797451390d7113259343399-aline da si,/o=exchangelabs/ou=exchange administrative group (fydibohf23spdlt)/cn=recipients/cn=7903c13fa0504ff0bc7dd2644020b0e8-mirna prado,/o=exchangelabs/ou=exchange administrative group (fydibohf23spdlt)/cn=recipients/cn=a7e592821d864418bccf1424f02e2670-felipe alve,/o=exchangelabs/ou=exchange administrative group (fydibohf23spdlt)/cn=recipients/cn=b4af4243d22d4dfa8c6b1830b913b4d3-caio cesar,/o=exchangelabs/ou=exchange administrative group (fydibohf23spdlt)/cn=recipients/cn=c4b23e6138fe46adb73485e66347ad18-cpc - contr,/o=exchangelabs/ou=exchange administrative group (fydibohf23spdlt)/cn=recipients/cn=eeccfec6dd26453db576a7c3b3bc44ec-pablo perei,/o=exchangelabs/ou=exchange administrative group (fydibohf23spdlt)/cn=recipients/cn=f4de30cd53104832ac10bc8c610e453e-gusta</t>
  </si>
  <si>
    <t>09/24/2019 13:54:31</t>
  </si>
  <si>
    <t>09/24/2019 13:56:50</t>
  </si>
  <si>
    <t>/o=exchangelabs/ou=exchange administrative group (fydibohf23spdlt)/cn=recipients/cn=1b32b0449c704beabb4b228c31856a2d-tatiana mar;/o=exchangelabs/ou=exchange administrative group (fydibohf23spdlt)/cn=recipients/cn=9e7c445894a4474a86a42a5f271a0d12-viviane res;/o=exchangelabs/ou=exchange administrative group (fydibohf23spdlt)/cn=recipients/cn=b1a72fc2d0234efca84c7771ea70c7ee-roberta cri;bruna.vernalha@bradesco.com.br;daiane.alves@bradesco.com.br;denisev.carvalho@bradesco.com.br;saramfg@algartech.com;vanessa.crisan.santos@bradesco.com.br;</t>
  </si>
  <si>
    <t>RES: Faturamento Algar Terceiros - Outubro/19</t>
  </si>
  <si>
    <t>/o=exchangelabs/ou=exchange administrative group (fydibohf23spdlt)/cn=recipients/cn=1b32b0449c704beabb4b228c31856a2d-tatiana mar,/o=exchangelabs/ou=exchange administrative group (fydibohf23spdlt)/cn=recipients/cn=9e7c445894a4474a86a42a5f271a0d12-viviane res,/o=exchangelabs/ou=exchange administrative group (fydibohf23spdlt)/cn=recipients/cn=b1a72fc2d0234efca84c7771ea70c7ee-roberta cri,bruna.vernalha@bradesco.com.br,daiane.alves@bradesco.com.br,denisev.carvalho@bradesco.com.br,saramfg@algartech.com,vanessa.crisan.santos@bradesco.com.br</t>
  </si>
  <si>
    <t>09/24/2019 13:52:42</t>
  </si>
  <si>
    <t>09/24/2019 13:57:49</t>
  </si>
  <si>
    <t>Enriquecimento de Mailing e Import URA Ativa_20190824.xlsx</t>
  </si>
  <si>
    <t>09/24/2019 13:53:58</t>
  </si>
  <si>
    <t>Enriquecimento de Mailing e Import URA Ativa_20190826.xlsx</t>
  </si>
  <si>
    <t>09/24/2019 13:56:46</t>
  </si>
  <si>
    <t>09/24/2019 13:59:50</t>
  </si>
  <si>
    <t>10.207.12.74</t>
  </si>
  <si>
    <t>64-1C-67-9C-56-43</t>
  </si>
  <si>
    <t>/o=exchangelabs/ou=exchange administrative group (fydibohf23spdlt)/cn=recipients/cn=9e72be441e9e4b08a759859a5b3a336a-daniela de;erica@quilleconsultoria.com.br;</t>
  </si>
  <si>
    <t>Clientes_240919.xlsx</t>
  </si>
  <si>
    <t>/o=exchangelabs/ou=exchange administrative group (fydibohf23spdlt)/cn=recipients/cn=9e72be441e9e4b08a759859a5b3a336a-daniela de,erica@quilleconsultoria.com.br</t>
  </si>
  <si>
    <t>09/24/2019 14:03:40</t>
  </si>
  <si>
    <t>09/24/2019 14:04:50</t>
  </si>
  <si>
    <t>10.200.60.126</t>
  </si>
  <si>
    <t>D4-6A-6A-F9-67-B5</t>
  </si>
  <si>
    <t>/o=exchangelabs/ou=exchange administrative group (fydibohf23spdlt)/cn=recipients/cn=c29ec9dae022497281c840087cccddec-patricia ar;/o=exchangelabs/ou=exchange administrative group (fydibohf23spdlt)/cn=recipients/cn=f167860e3f1940cc81730e5f24d2f0bb-alexandre f;</t>
  </si>
  <si>
    <t>RES: Projeto PWC / Assaí - Reunião 19/09/2019</t>
  </si>
  <si>
    <t>Curvas PwC_Assaí.xlsx</t>
  </si>
  <si>
    <t>/o=exchangelabs/ou=exchange administrative group (fydibohf23spdlt)/cn=recipients/cn=c29ec9dae022497281c840087cccddec-patricia ar,/o=exchangelabs/ou=exchange administrative group (fydibohf23spdlt)/cn=recipients/cn=f167860e3f1940cc81730e5f24d2f0bb-alexandre f</t>
  </si>
  <si>
    <t>09/24/2019 14:08:28</t>
  </si>
  <si>
    <t>09/24/2019 14:09:49</t>
  </si>
  <si>
    <t>/o=exchangelabs/ou=exchange administrative group (fydibohf23spdlt)/cn=recipients/cn=083204b1bd464d0fbbd2451a3a305923-katia gonca;/o=exchangelabs/ou=exchange administrative group (fydibohf23spdlt)/cn=recipients/cn=becbf63a159f4bfb8b84af5031d7e03a-ludicele al;/o=exchangelabs/ou=exchange administrative group (fydibohf23spdlt)/cn=recipients/cn=c21a296f15b34260b849c0ae1e7b942d-suelaine fe;/o=exchangelabs/ou=exchange administrative group (fydibohf23spdlt)/cn=recipients/cn=user07db2088;maicon_morata_algar@whirlpool.com;</t>
  </si>
  <si>
    <t>Robô resposta O.A (Informação em aberto)</t>
  </si>
  <si>
    <t>Export BKO.xlsx</t>
  </si>
  <si>
    <t>/o=exchangelabs/ou=exchange administrative group (fydibohf23spdlt)/cn=recipients/cn=083204b1bd464d0fbbd2451a3a305923-katia gonca,/o=exchangelabs/ou=exchange administrative group (fydibohf23spdlt)/cn=recipients/cn=becbf63a159f4bfb8b84af5031d7e03a-ludicele al,/o=exchangelabs/ou=exchange administrative group (fydibohf23spdlt)/cn=recipients/cn=c21a296f15b34260b849c0ae1e7b942d-suelaine fe,/o=exchangelabs/ou=exchange administrative group (fydibohf23spdlt)/cn=recipients/cn=user07db2088,maicon_morata_algar@whirlpool.com</t>
  </si>
  <si>
    <t>09/24/2019 14:08:42</t>
  </si>
  <si>
    <t>09/24/2019 14:13:50</t>
  </si>
  <si>
    <t>10.207.12.85</t>
  </si>
  <si>
    <t>18-66-DA-FE-9C-78</t>
  </si>
  <si>
    <t>NB-RCALAREZO</t>
  </si>
  <si>
    <t>rcalarezo</t>
  </si>
  <si>
    <t>Roberto da Silva Calarezo</t>
  </si>
  <si>
    <t>/o=exchangelabs/ou=exchange administrative group (fydibohf23spdlt)/cn=recipients/cn=b5ef1f826e364d2aa99a0df5d1906feb-liliane apa;</t>
  </si>
  <si>
    <t>ENC: RFI - BID SERVICE DESK</t>
  </si>
  <si>
    <t>RFI_Padrão_v2.xlsx</t>
  </si>
  <si>
    <t>/o=exchangelabs/ou=exchange administrative group (fydibohf23spdlt)/cn=recipients/cn=b5ef1f826e364d2aa99a0df5d1906feb-liliane apa</t>
  </si>
  <si>
    <t>09/24/2019 14:15:10</t>
  </si>
  <si>
    <t>09/24/2019 14:18:49</t>
  </si>
  <si>
    <t>/o=exchangelabs/ou=exchange administrative group (fydibohf23spdlt)/cn=recipients/cn=de0f673c593b4288a5db2260f23f514a-erica rodri;</t>
  </si>
  <si>
    <t>ERICA RODRIGUES FERREIRA.xlsx</t>
  </si>
  <si>
    <t>/o=exchangelabs/ou=exchange administrative group (fydibohf23spdlt)/cn=recipients/cn=de0f673c593b4288a5db2260f23f514a-erica rodri</t>
  </si>
  <si>
    <t>09/24/2019 14:15:22</t>
  </si>
  <si>
    <t>09/24/2019 14:19:50</t>
  </si>
  <si>
    <t>10.200.61.20</t>
  </si>
  <si>
    <t>A4-1F-72-FA-78-9D</t>
  </si>
  <si>
    <t>/o=exchangelabs/ou=exchange administrative group (fydibohf23spdlt)/cn=recipients/cn=287c26b08a0f48578479a15a452f025d-edilson rod;/o=exchangelabs/ou=exchange administrative group (fydibohf23spdlt)/cn=recipients/cn=54abac0a4fdc4ad1bec39bb51d85eab1-victor hugo;/o=exchangelabs/ou=exchange administrative group (fydibohf23spdlt)/cn=recipients/cn=651324bc204a42f6bbcdf62273ebdc5c-aluisio ant;/o=exchangelabs/ou=exchange administrative group (fydibohf23spdlt)/cn=recipients/cn=fedd0b8e2dbf442f837981a40559d630-viviane bar;</t>
  </si>
  <si>
    <t>RES: Apresentação Capex</t>
  </si>
  <si>
    <t>CAPEX 2020 e Longo Prazo (PPE - GAT - CONSOLIDADO_v2.pptx\</t>
  </si>
  <si>
    <t>/o=exchangelabs/ou=exchange administrative group (fydibohf23spdlt)/cn=recipients/cn=287c26b08a0f48578479a15a452f025d-edilson rod,/o=exchangelabs/ou=exchange administrative group (fydibohf23spdlt)/cn=recipients/cn=54abac0a4fdc4ad1bec39bb51d85eab1-victor hugo,/o=exchangelabs/ou=exchange administrative group (fydibohf23spdlt)/cn=recipients/cn=651324bc204a42f6bbcdf62273ebdc5c-aluisio ant,/o=exchangelabs/ou=exchange administrative group (fydibohf23spdlt)/cn=recipients/cn=fedd0b8e2dbf442f837981a40559d630-viviane bar</t>
  </si>
  <si>
    <t>09/24/2019 14:20:30</t>
  </si>
  <si>
    <t>09/24/2019 14:23:49</t>
  </si>
  <si>
    <t>/o=exchangelabs/ou=exchange administrative group (fydibohf23spdlt)/cn=recipients/cn=b36412a54b154c07b0a876537a78fce8-jheniffer g;</t>
  </si>
  <si>
    <t>Template_Orçamento_1102.xlsb</t>
  </si>
  <si>
    <t>/o=exchangelabs/ou=exchange administrative group (fydibohf23spdlt)/cn=recipients/cn=b36412a54b154c07b0a876537a78fce8-jheniffer g</t>
  </si>
  <si>
    <t>09/24/2019 14:20:53</t>
  </si>
  <si>
    <t>/o=exchangelabs/ou=exchange administrative group (fydibohf23spdlt)/cn=recipients/cn=626f88f0427049a1bc09ea3f8adf9b1d-marcio rica;</t>
  </si>
  <si>
    <t>FABRICIO GABRIEL SOUZA TARGINO.xlsx</t>
  </si>
  <si>
    <t>/o=exchangelabs/ou=exchange administrative group (fydibohf23spdlt)/cn=recipients/cn=626f88f0427049a1bc09ea3f8adf9b1d-marcio rica</t>
  </si>
  <si>
    <t>09/24/2019 14:26:24</t>
  </si>
  <si>
    <t>09/24/2019 14:27:49</t>
  </si>
  <si>
    <t>10.200.57.95</t>
  </si>
  <si>
    <t>64-1C-67-9B-A1-7F</t>
  </si>
  <si>
    <t>NB-EUNICEA</t>
  </si>
  <si>
    <t>eunice.pimenta</t>
  </si>
  <si>
    <t>Eunice Aparecida Pimenta Silva</t>
  </si>
  <si>
    <t>/o=exchangelabs/ou=exchange administrative group (fydibohf23spdlt)/cn=recipients/cn=97471864d9c14b599dd6d8b5bf3190c9-erika beatr;</t>
  </si>
  <si>
    <t>ENC: Painel de Auditoria - Ligações Transferidas Ilha de Especialistas</t>
  </si>
  <si>
    <t>MIS Auditoria Ilha Especialistas.xlsx</t>
  </si>
  <si>
    <t>/o=exchangelabs/ou=exchange administrative group (fydibohf23spdlt)/cn=recipients/cn=97471864d9c14b599dd6d8b5bf3190c9-erika beatr</t>
  </si>
  <si>
    <t>09/24/2019 14:28:40</t>
  </si>
  <si>
    <t>09/24/2019 14:30:49</t>
  </si>
  <si>
    <t>10.200.57.134</t>
  </si>
  <si>
    <t>D8-9C-67-6F-29-EF</t>
  </si>
  <si>
    <t>/o=exchangelabs/ou=exchange administrative group (fydibohf23spdlt)/cn=recipients/cn=f9fe932422d84c28aad0bc6079f59209-daniele dos;</t>
  </si>
  <si>
    <t>Possibilidade de acionamento - megatendências</t>
  </si>
  <si>
    <t>possibilidade de acionamento.xlsx</t>
  </si>
  <si>
    <t>/o=exchangelabs/ou=exchange administrative group (fydibohf23spdlt)/cn=recipients/cn=f9fe932422d84c28aad0bc6079f59209-daniele dos</t>
  </si>
  <si>
    <t>09/24/2019 14:30:06</t>
  </si>
  <si>
    <t>c:\users\tullyols\desktop\</t>
  </si>
  <si>
    <t>preventivas.xlsx</t>
  </si>
  <si>
    <t>09/24/2019 14:28:59</t>
  </si>
  <si>
    <t>09/24/2019 14:31:49</t>
  </si>
  <si>
    <t>10.200.36.10</t>
  </si>
  <si>
    <t>20-04-0F-FE-47-88</t>
  </si>
  <si>
    <t>NB-CRISTINAHE</t>
  </si>
  <si>
    <t>cristinahe</t>
  </si>
  <si>
    <t>Cristina Herminio Silva</t>
  </si>
  <si>
    <t>/o=exchangelabs/ou=exchange administrative group (fydibohf23spdlt)/cn=recipients/cn=3f81420aa09a45308e82efb501d64cad-rafaela alv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a75579a499254c2291e852b70c4d70d1-eunice apar;/o=exchangelabs/ou=exchange administrative group (fydibohf23spdlt)/cn=recipients/cn=b1a72fc2d0234efca84c7771ea70c7ee-roberta cri;</t>
  </si>
  <si>
    <t>RES: URGENTE! Orçamento 2020 - Pacote de Treinamento</t>
  </si>
  <si>
    <t>DRE Treinamento_2020 com premissas.xlsx</t>
  </si>
  <si>
    <t>/o=exchangelabs/ou=exchange administrative group (fydibohf23spdlt)/cn=recipients/cn=3f81420aa09a45308e82efb501d64cad-rafaela alv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a75579a499254c2291e852b70c4d70d1-eunice apar,/o=exchangelabs/ou=exchange administrative group (fydibohf23spdlt)/cn=recipients/cn=b1a72fc2d0234efca84c7771ea70c7ee-roberta cri</t>
  </si>
  <si>
    <t>09/24/2019 14:28:01</t>
  </si>
  <si>
    <t>09/24/2019 14:33:49</t>
  </si>
  <si>
    <t>/o=exchangelabs/ou=exchange administrative group (fydibohf23spdlt)/cn=recipients/cn=0b12aab521944ecb8b32eb8c0929be5c-rafael gonz;/o=exchangelabs/ou=exchange administrative group (fydibohf23spdlt)/cn=recipients/cn=5af2cae509964078b2026f7f550380b0-andre luis;/o=exchangelabs/ou=exchange administrative group (fydibohf23spdlt)/cn=recipients/cn=6f1e854114534422b54fccf103cdd81d-gabriel da;/o=exchangelabs/ou=exchange administrative group (fydibohf23spdlt)/cn=recipients/cn=9b52022a6e624c30a92f50cf4538a4bf-talmaia rod;gabrielsma@bv.algartech.com;</t>
  </si>
  <si>
    <t>ENC: Desktop - MVP Telas 2</t>
  </si>
  <si>
    <t>/o=exchangelabs/ou=exchange administrative group (fydibohf23spdlt)/cn=recipients/cn=0b12aab521944ecb8b32eb8c0929be5c-rafael gonz,/o=exchangelabs/ou=exchange administrative group (fydibohf23spdlt)/cn=recipients/cn=5af2cae509964078b2026f7f550380b0-andre luis,/o=exchangelabs/ou=exchange administrative group (fydibohf23spdlt)/cn=recipients/cn=6f1e854114534422b54fccf103cdd81d-gabriel da,/o=exchangelabs/ou=exchange administrative group (fydibohf23spdlt)/cn=recipients/cn=9b52022a6e624c30a92f50cf4538a4bf-talmaia rod,gabrielsma@bv.algartech.com</t>
  </si>
  <si>
    <t>09/24/2019 09:33:11</t>
  </si>
  <si>
    <t>10.207.12.95</t>
  </si>
  <si>
    <t>20190725 CAPEX - Revisão Ativações_Validação TI_v2 - Copia.xlsx</t>
  </si>
  <si>
    <t>09/24/2019 10:10:14</t>
  </si>
  <si>
    <t>20190826 Rampas RD - Novo Classificação.xlsx</t>
  </si>
  <si>
    <t>09/24/2019 10:10:16</t>
  </si>
  <si>
    <t>C:\Users\homerodcc\OneDrive - Grupo Algar\Atendimento Digital\Tecnologia\Diferenciadoras\</t>
  </si>
  <si>
    <t>20190321 BP Hisperstream - Telecom Alto Nível.xlsx</t>
  </si>
  <si>
    <t>09/24/2019 10:13:58</t>
  </si>
  <si>
    <t>20190923 CAPEX - Revisão Ativações_Validação TI_v2.xlsx</t>
  </si>
  <si>
    <t>09/24/2019 14:32:12</t>
  </si>
  <si>
    <t>09/24/2019 14:35:49</t>
  </si>
  <si>
    <t>Matriz-Requisitos-EPP Antivírus 2019 V_Iron_Telecom.xlsx</t>
  </si>
  <si>
    <t>09/24/2019 14:33:16</t>
  </si>
  <si>
    <t>Fluxos_Mês.xlsx</t>
  </si>
  <si>
    <t>09/24/2019 14:34:54</t>
  </si>
  <si>
    <t>preventivas.xlsm</t>
  </si>
  <si>
    <t>09/24/2019 14:34:30</t>
  </si>
  <si>
    <t>09/24/2019 14:38:49</t>
  </si>
  <si>
    <t>http://shareit.global.avon.com/sites/arrmcm/forca-de-vendas/_layouts/upload.aspx?list={d7183758-c20b-457b-9a14-b83f7824798f}&amp;rootfolder=/sites/arrmcm/forca-de-vendas/executivas/m?0e9dia de ganho e objetivos campanhais&amp;source=http://shareit.global.avon.com/sites/arrmcm/forca-de-vendas/executivas/forms/allitems.aspx?rootfolder=http%3a%2f%2fshareit%2eglobal%2eavon%2ecom%2fsites%2farrmcm%2fforca%2dde%2dvendas%2fexecutivas%2fm%c3%a9dia%20de%20ganho%20e%20objetivos%20campanhais&amp;folderctid=0x012000239372184a066741ae9c59580c49d41d</t>
  </si>
  <si>
    <t>AJUSTE NO COMISSIONAMENTO DE EVA E GS PEDIDOS - CP 16-2019 - PRÉVIA.xls</t>
  </si>
  <si>
    <t>http://shareit.global.avon.com/sites/arrmcm/forca-de-vendas/_layouts/upload.aspx?list={d7183758-c20b-457b-9a14-b83f7824798f}&amp;rootfolder=/sites/arrmcm/forca-de-vendas/executivas/m�0e9dia de ganho e objetivos campanhais&amp;source=http://shareit.global.avon.com/sites/arrmcm/forca-de-vendas/executivas/forms/allitems.aspx?rootfolder=http%3a%2f%2fshareit%2eglobal%2eavon%2ecom%2fsites%2farrmcm%2fforca%2dde%2dvendas%2fexecutivas%2fm%c3%a9dia%20de%20ganho%20e%20objetivos%20campanhais&amp;folderctid=0x012000239372184a066741ae9c59580c49d41d</t>
  </si>
  <si>
    <t>09/24/2019 14:34:47</t>
  </si>
  <si>
    <t>09/24/2019 14:39:49</t>
  </si>
  <si>
    <t>Rafael Quintao Da Silva</t>
  </si>
  <si>
    <t>/o=exchangelabs/ou=exchange administrative group (fydibohf23spdlt)/cn=recipients/cn=0724131ea0e6413f81b96734f1d8db35-larissa men;/o=exchangelabs/ou=exchange administrative group (fydibohf23spdlt)/cn=recipients/cn=0ee39e9e189c42369588db5cf6d2866d-celia regin;/o=exchangelabs/ou=exchange administrative group (fydibohf23spdlt)/cn=recipients/cn=2144abc9537143519f505fcb8550b74c-juliana emi;/o=exchangelabs/ou=exchange administrative group (fydibohf23spdlt)/cn=recipients/cn=33eadc062e4e444685992c7de4b20cbb-ana carolin;/o=exchangelabs/ou=exchange administrative group (fydibohf23spdlt)/cn=recipients/cn=685a6c7fa4684b9ab51c683ec151a83c-kelly crist;/o=exchangelabs/ou=exchange administrative group (fydibohf23spdlt)/cn=recipients/cn=9ec15fdf8a374c6f80ea1bf33684216e-roberta alv;/o=exchangelabs/ou=exchange administrative group (fydibohf23spdlt)/cn=recipients/cn=ab45243d601947128cfe3dec663408bf-pamela tava;</t>
  </si>
  <si>
    <t>RES: GH X Associados</t>
  </si>
  <si>
    <t>Relação de Funcionários Sem Gestor - Parte Quintão.xlsx</t>
  </si>
  <si>
    <t>/o=exchangelabs/ou=exchange administrative group (fydibohf23spdlt)/cn=recipients/cn=0724131ea0e6413f81b96734f1d8db35-larissa men,/o=exchangelabs/ou=exchange administrative group (fydibohf23spdlt)/cn=recipients/cn=0ee39e9e189c42369588db5cf6d2866d-celia regin,/o=exchangelabs/ou=exchange administrative group (fydibohf23spdlt)/cn=recipients/cn=2144abc9537143519f505fcb8550b74c-juliana emi,/o=exchangelabs/ou=exchange administrative group (fydibohf23spdlt)/cn=recipients/cn=33eadc062e4e444685992c7de4b20cbb-ana carolin,/o=exchangelabs/ou=exchange administrative group (fydibohf23spdlt)/cn=recipients/cn=685a6c7fa4684b9ab51c683ec151a83c-kelly crist,/o=exchangelabs/ou=exchange administrative group (fydibohf23spdlt)/cn=recipients/cn=9ec15fdf8a374c6f80ea1bf33684216e-roberta alv,/o=exchangelabs/ou=exchange administrative group (fydibohf23spdlt)/cn=recipients/cn=ab45243d601947128cfe3dec663408bf-pamela tava</t>
  </si>
  <si>
    <t>/o=exchangelabs/ou=exchange administrative group (fydibohf23spdlt)/cn=recipients/cn=3a10c1d788234688b257ab253389ec06-mateus mala;/o=exchangelabs/ou=exchange administrative group (fydibohf23spdlt)/cn=recipients/cn=cd9a537135134b65a0d7151c4bba7129-brenda bruc;</t>
  </si>
  <si>
    <t>Análise AHT - Serv KitchenAid</t>
  </si>
  <si>
    <t>AHT KitchenAid N1.xlsm</t>
  </si>
  <si>
    <t>/o=exchangelabs/ou=exchange administrative group (fydibohf23spdlt)/cn=recipients/cn=3a10c1d788234688b257ab253389ec06-mateus mala,/o=exchangelabs/ou=exchange administrative group (fydibohf23spdlt)/cn=recipients/cn=cd9a537135134b65a0d7151c4bba7129-brenda bruc</t>
  </si>
  <si>
    <t>09/24/2019 14:35:56</t>
  </si>
  <si>
    <t>09/24/2019 14:40:49</t>
  </si>
  <si>
    <t>/o=exchangelabs/ou=exchange administrative group (fydibohf23spdlt)/cn=recipients/cn=8c01e71056fe4e1a8ecc4e24420bd9ef-fellyp cros;</t>
  </si>
  <si>
    <t>RES: Inservíveis Julho/2019 e Agosto/2019</t>
  </si>
  <si>
    <t>RES Inventário Player Algar Salvador.msg\s1\</t>
  </si>
  <si>
    <t>Cenário Salvador.xlsb</t>
  </si>
  <si>
    <t>/o=exchangelabs/ou=exchange administrative group (fydibohf23spdlt)/cn=recipients/cn=8c01e71056fe4e1a8ecc4e24420bd9ef-fellyp cros</t>
  </si>
  <si>
    <t>09/24/2019 14:39:47</t>
  </si>
  <si>
    <t>09/24/2019 14:44:49</t>
  </si>
  <si>
    <t>/o=exchangelabs/ou=exchange administrative group (fydibohf23spdlt)/cn=recipients/cn=168e05cabbf14ae289464a0c09955b31-sara ferrei;/o=exchangelabs/ou=exchange administrative group (fydibohf23spdlt)/cn=recipients/cn=287c26b08a0f48578479a15a452f025d-edilson rod;/o=exchangelabs/ou=exchange administrative group (fydibohf23spdlt)/cn=recipients/cn=3d85af75e9a44da5bad9ced68d6c53ed-rosana peix;/o=exchangelabs/ou=exchange administrative group (fydibohf23spdlt)/cn=recipients/cn=9e7c445894a4474a86a42a5f271a0d12-viviane res;/o=exchangelabs/ou=exchange administrative group (fydibohf23spdlt)/cn=recipients/cn=f71035a74a95411c8b0276261ec8a527-rafael barr;</t>
  </si>
  <si>
    <t>Faturamento Setembro/19 - Amazon</t>
  </si>
  <si>
    <t>GRU-2 Energy Consumption.xlsx</t>
  </si>
  <si>
    <t>/o=exchangelabs/ou=exchange administrative group (fydibohf23spdlt)/cn=recipients/cn=168e05cabbf14ae289464a0c09955b31-sara ferrei,/o=exchangelabs/ou=exchange administrative group (fydibohf23spdlt)/cn=recipients/cn=287c26b08a0f48578479a15a452f025d-edilson rod,/o=exchangelabs/ou=exchange administrative group (fydibohf23spdlt)/cn=recipients/cn=3d85af75e9a44da5bad9ced68d6c53ed-rosana peix,/o=exchangelabs/ou=exchange administrative group (fydibohf23spdlt)/cn=recipients/cn=9e7c445894a4474a86a42a5f271a0d12-viviane res,/o=exchangelabs/ou=exchange administrative group (fydibohf23spdlt)/cn=recipients/cn=f71035a74a95411c8b0276261ec8a527-rafael barr</t>
  </si>
  <si>
    <t>09/24/2019 14:46:30</t>
  </si>
  <si>
    <t>09/24/2019 14:46:50</t>
  </si>
  <si>
    <t>/o=exchangelabs/ou=exchange administrative group (fydibohf23spdlt)/cn=recipients/cn=1e45e12566d4418ba0325de92fea64a4-akassia bez;/o=exchangelabs/ou=exchange administrative group (fydibohf23spdlt)/cn=recipients/cn=2b69c7de1a3641269a7eed0596e1ddc2-wayner oliv;/o=exchangelabs/ou=exchange administrative group (fydibohf23spdlt)/cn=recipients/cn=9e20ba3b6afd447db98f75fb7bdc7037-francisco e;</t>
  </si>
  <si>
    <t>Receitamento FAT B</t>
  </si>
  <si>
    <t>Lote 1 FAT B SETEMBRO.xlsx</t>
  </si>
  <si>
    <t>/o=exchangelabs/ou=exchange administrative group (fydibohf23spdlt)/cn=recipients/cn=1e45e12566d4418ba0325de92fea64a4-akassia bez,/o=exchangelabs/ou=exchange administrative group (fydibohf23spdlt)/cn=recipients/cn=2b69c7de1a3641269a7eed0596e1ddc2-wayner oliv,/o=exchangelabs/ou=exchange administrative group (fydibohf23spdlt)/cn=recipients/cn=9e20ba3b6afd447db98f75fb7bdc7037-francisco e</t>
  </si>
  <si>
    <t>09/24/2019 14:45:10</t>
  </si>
  <si>
    <t>09/24/2019 14:47:49</t>
  </si>
  <si>
    <t>hewersong@algartech.com;</t>
  </si>
  <si>
    <t>RES: Projeto Jornada ERP (CSC): Financeiro</t>
  </si>
  <si>
    <t>20190913 - Requisitos projeto ERP. Faturamento.xlsx</t>
  </si>
  <si>
    <t>09/24/2019 14:46:14</t>
  </si>
  <si>
    <t>09/24/2019 14:50:49</t>
  </si>
  <si>
    <t>RES: Analise Base Ativos - Cartões Custodia</t>
  </si>
  <si>
    <t>Arquivo de retorno - Cartão Custodia - 23.09 .xlsx</t>
  </si>
  <si>
    <t>09/24/2019 14:24:44</t>
  </si>
  <si>
    <t>09/24/2019 14:51:49</t>
  </si>
  <si>
    <t>FRANCISCO EDMAR BATISTA FURTADO.xlsx</t>
  </si>
  <si>
    <t>09/24/2019 14:53:23</t>
  </si>
  <si>
    <t>09/24/2019 14:54:49</t>
  </si>
  <si>
    <t>/o=exchangelabs/ou=exchange administrative group (fydibohf23spdlt)/cn=recipients/cn=2c78a4eeb6094d32b8959b52525ffb44-mayara ribe;/o=exchangelabs/ou=exchange administrative group (fydibohf23spdlt)/cn=recipients/cn=f4de30cd53104832ac10bc8c610e453e-gustavo pae;</t>
  </si>
  <si>
    <t>/o=exchangelabs/ou=exchange administrative group (fydibohf23spdlt)/cn=recipients/cn=2c78a4eeb6094d32b8959b52525ffb44-mayara ribe,/o=exchangelabs/ou=exchange administrative group (fydibohf23spdlt)/cn=recipients/cn=f4de30cd53104832ac10bc8c610e453e-gustavo pae</t>
  </si>
  <si>
    <t>09/24/2019 14:54:24</t>
  </si>
  <si>
    <t>09/24/2019 14:58:50</t>
  </si>
  <si>
    <t>10.200.60.36</t>
  </si>
  <si>
    <t>54-BF-64-F5-7E-0A</t>
  </si>
  <si>
    <t>NB-MOIRAGT</t>
  </si>
  <si>
    <t>moiragt</t>
  </si>
  <si>
    <t>ceciliame@algartech.com;cibeleag@algartech.com;thiagocso@algartech.com;</t>
  </si>
  <si>
    <t>\\acsfs\deptos\DME\CME - Coordenacao de Marketing e Estrategia\Assessoria de Comunicação\1. Clientes\Régua de Relacionamento\2019\Dia D\NEXT 20 SET\Apresentação Dia D Next - 20-09 vfer (003).pptx\</t>
  </si>
  <si>
    <t>ceciliame@algartech.com,cibeleag@algartech.com,thiagocso@algartech.com</t>
  </si>
  <si>
    <t>09/24/2019 14:57:34</t>
  </si>
  <si>
    <t>09/24/2019 15:00:49</t>
  </si>
  <si>
    <t>C:\Users\leandrosma\OneDrive - Grupo Algar\Projetos\Projetos\2016\3 - Encerrados\INOVAÇÃO TELEFONIA\DE - Inovação Plataforma de Telefonia - v1.doc\</t>
  </si>
  <si>
    <t>Package2.xlsx</t>
  </si>
  <si>
    <t>Package3.xlsx</t>
  </si>
  <si>
    <t>09/24/2019 14:57:44</t>
  </si>
  <si>
    <t>09/24/2019 15:01:49</t>
  </si>
  <si>
    <t>/o=exchangelabs/ou=exchange administrative group (fydibohf23spdlt)/cn=recipients/cn=748626653e664517a8268bc0a35e32b6-henrique nu;</t>
  </si>
  <si>
    <t>GELMIREZ HENRIQUE NUNES DA SILVA.xlsx</t>
  </si>
  <si>
    <t>/o=exchangelabs/ou=exchange administrative group (fydibohf23spdlt)/cn=recipients/cn=748626653e664517a8268bc0a35e32b6-henrique nu</t>
  </si>
  <si>
    <t>09/24/2019 15:04:49</t>
  </si>
  <si>
    <t>09/24/2019 15:06:49</t>
  </si>
  <si>
    <t>GILDA ELAINE PEREIRA MIRANDA ANSELMO.xlsx</t>
  </si>
  <si>
    <t>09/24/2019 15:08:01</t>
  </si>
  <si>
    <t>09/24/2019 15:11:49</t>
  </si>
  <si>
    <t>/o=exchangelabs/ou=exchange administrative group (fydibohf23spdlt)/cn=recipients/cn=c96fa2583f6c4d18b58c6c394ad007f2-franciele m;</t>
  </si>
  <si>
    <t>RES: AJUSTE - 341003111</t>
  </si>
  <si>
    <t>DRE_Aluguel infra estrutura_2020.xlsx</t>
  </si>
  <si>
    <t>/o=exchangelabs/ou=exchange administrative group (fydibohf23spdlt)/cn=recipients/cn=c96fa2583f6c4d18b58c6c394ad007f2-franciele m</t>
  </si>
  <si>
    <t>09/24/2019 15:06:43</t>
  </si>
  <si>
    <t>HIGOR SILVA RODRIGUES.xlsx</t>
  </si>
  <si>
    <t>09/24/2019 15:11:42</t>
  </si>
  <si>
    <t>09/24/2019 15:16:49</t>
  </si>
  <si>
    <t>/o=exchangelabs/ou=exchange administrative group (fydibohf23spdlt)/cn=recipients/cn=782d75ab3cda4cfa88d22b405cd49ea0-sueleide al;/o=exchangelabs/ou=exchange administrative group (fydibohf23spdlt)/cn=recipients/cn=f4b2ca11f1274dff9b442727f3d982af-lais de sou;</t>
  </si>
  <si>
    <t>ENC: Preclosing e Orçamento 2020</t>
  </si>
  <si>
    <t>/o=exchangelabs/ou=exchange administrative group (fydibohf23spdlt)/cn=recipients/cn=782d75ab3cda4cfa88d22b405cd49ea0-sueleide al,/o=exchangelabs/ou=exchange administrative group (fydibohf23spdlt)/cn=recipients/cn=f4b2ca11f1274dff9b442727f3d982af-lais de sou</t>
  </si>
  <si>
    <t>09/24/2019 15:12:35</t>
  </si>
  <si>
    <t>/o=exchangelabs/ou=exchange administrative group (fydibohf23spdlt)/cn=recipients/cn=626f88f0427049a1bc09ea3f8adf9b1d-marcio rica;/o=exchangelabs/ou=exchange administrative group (fydibohf23spdlt)/cn=recipients/cn=7cb6001599784c1cbec636ec062c0b0d-jefferson d;</t>
  </si>
  <si>
    <t>JEFFERSON DONIZETE DA SILVA.xlsx</t>
  </si>
  <si>
    <t>/o=exchangelabs/ou=exchange administrative group (fydibohf23spdlt)/cn=recipients/cn=626f88f0427049a1bc09ea3f8adf9b1d-marcio rica,/o=exchangelabs/ou=exchange administrative group (fydibohf23spdlt)/cn=recipients/cn=7cb6001599784c1cbec636ec062c0b0d-jefferson d</t>
  </si>
  <si>
    <t>09/24/2019 15:18:00</t>
  </si>
  <si>
    <t>09/24/2019 15:18:49</t>
  </si>
  <si>
    <t>C:\Users\lucianocle\OneDrive\Algar\Business Performance - Onedrive\Apresentação Comite\Apresentação modelo Whirpool.pptx\</t>
  </si>
  <si>
    <t>09/24/2019 15:16:24</t>
  </si>
  <si>
    <t>09/24/2019 15:19:50</t>
  </si>
  <si>
    <t>/o=exchangelabs/ou=exchange administrative group (fydibohf23spdlt)/cn=recipients/cn=cbe0503d4e2f45b7829777176658c86d-sucielle ro;</t>
  </si>
  <si>
    <t>ENC: Piloto do Novo procedimento e Planilha de Qualidade</t>
  </si>
  <si>
    <t>Procedimentos Mesas de Formalização v15 de 06.09.2019.xlsx</t>
  </si>
  <si>
    <t>/o=exchangelabs/ou=exchange administrative group (fydibohf23spdlt)/cn=recipients/cn=cbe0503d4e2f45b7829777176658c86d-sucielle ro</t>
  </si>
  <si>
    <t>09/24/2019 15:25:22</t>
  </si>
  <si>
    <t>09/24/2019 15:26:49</t>
  </si>
  <si>
    <t>/o=exchangelabs/ou=exchange administrative group (fydibohf23spdlt)/cn=recipients/cn=dfd8189826174c8c8af3a40aeb0807c4-lucas perei;</t>
  </si>
  <si>
    <t>LUCAS PEREIRA DOS SANTOS.xlsx</t>
  </si>
  <si>
    <t>/o=exchangelabs/ou=exchange administrative group (fydibohf23spdlt)/cn=recipients/cn=dfd8189826174c8c8af3a40aeb0807c4-lucas perei</t>
  </si>
  <si>
    <t>09/24/2019 15:26:17</t>
  </si>
  <si>
    <t>09/24/2019 15:29:50</t>
  </si>
  <si>
    <t>09/24/2019 15:26:28</t>
  </si>
  <si>
    <t>09/24/2019 15:31:50</t>
  </si>
  <si>
    <t>/o=exchangelabs/ou=exchange administrative group (fydibohf23spdlt)/cn=recipients/cn=fe134ce6f7124ebfa00395a14326bd71-luciana ber;</t>
  </si>
  <si>
    <t>LUCIANA BERNARDES DE OLIVEIRA.xlsx</t>
  </si>
  <si>
    <t>/o=exchangelabs/ou=exchange administrative group (fydibohf23spdlt)/cn=recipients/cn=fe134ce6f7124ebfa00395a14326bd71-luciana ber</t>
  </si>
  <si>
    <t>09/24/2019 15:30:49</t>
  </si>
  <si>
    <t>09/24/2019 15:32:49</t>
  </si>
  <si>
    <t>\\acsfs\dsti\CIT- Coordenação de Inteligência de Tecnologia\05 - Gerenciamento Orçamento e Contabilização\5. Contabilidade 2019\9. Setembro\Despesa Antecipada\Nova pasta\</t>
  </si>
  <si>
    <t>09/24/2019 15:31:12</t>
  </si>
  <si>
    <t>Ythia Karla Gomes da Matta</t>
  </si>
  <si>
    <t>/o=exchangelabs/ou=exchange administrative group (fydibohf23spdlt)/cn=recipients/cn=0addf5d63aa844c7a80c4c80b8d6351e-edson barbo;/o=exchangelabs/ou=exchange administrative group (fydibohf23spdlt)/cn=recipients/cn=1698f5af44b14116ad2d0b751d584c7d-danilo rafa;</t>
  </si>
  <si>
    <t>Ações Obrigatórias</t>
  </si>
  <si>
    <t>Documentos obrigatórios.xlsx</t>
  </si>
  <si>
    <t>/o=exchangelabs/ou=exchange administrative group (fydibohf23spdlt)/cn=recipients/cn=0addf5d63aa844c7a80c4c80b8d6351e-edson barbo,/o=exchangelabs/ou=exchange administrative group (fydibohf23spdlt)/cn=recipients/cn=1698f5af44b14116ad2d0b751d584c7d-danilo rafa</t>
  </si>
  <si>
    <t>09/24/2019 15:34:35</t>
  </si>
  <si>
    <t>09/24/2019 15:36:49</t>
  </si>
  <si>
    <t>MARCIO RICARDO DA SILVA CABRAL.xlsx</t>
  </si>
  <si>
    <t>09/24/2019 15:36:43</t>
  </si>
  <si>
    <t>09/24/2019 15:41:50</t>
  </si>
  <si>
    <t>/o=exchangelabs/ou=exchange administrative group (fydibohf23spdlt)/cn=recipients/cn=a64358504a8645ceb4699161acd442b8-patricia le;</t>
  </si>
  <si>
    <t>PATRICIA LEAL LIMA DAVID.xlsx</t>
  </si>
  <si>
    <t>/o=exchangelabs/ou=exchange administrative group (fydibohf23spdlt)/cn=recipients/cn=a64358504a8645ceb4699161acd442b8-patricia le</t>
  </si>
  <si>
    <t>09/24/2019 15:39:19</t>
  </si>
  <si>
    <t>/o=exchangelabs/ou=exchange administrative group (fydibohf23spdlt)/cn=recipients/cn=b1a72fc2d0234efca84c7771ea70c7ee-roberta cri;</t>
  </si>
  <si>
    <t>ROBERTA CRISTINA MORAIS FERREIRA.xlsx</t>
  </si>
  <si>
    <t>/o=exchangelabs/ou=exchange administrative group (fydibohf23spdlt)/cn=recipients/cn=b1a72fc2d0234efca84c7771ea70c7ee-roberta cri</t>
  </si>
  <si>
    <t>09/24/2019 15:39:10</t>
  </si>
  <si>
    <t>09/24/2019 15:43:50</t>
  </si>
  <si>
    <t>/o=exchangelabs/ou=exchange administrative group (fydibohf23spdlt)/cn=recipients/cn=2b69c7de1a3641269a7eed0596e1ddc2-wayner oliv;/o=exchangelabs/ou=exchange administrative group (fydibohf23spdlt)/cn=recipients/cn=9e20ba3b6afd447db98f75fb7bdc7037-francisco e;/o=exchangelabs/ou=exchange administrative group (fydibohf23spdlt)/cn=recipients/cn=e8a8131dc3334dc38d81db3d2a41a3fe-denise viei;</t>
  </si>
  <si>
    <t>RES: Receitamento FAT B</t>
  </si>
  <si>
    <t>Cópia de Lote 1 FAT B SETEMBRO.xlsx</t>
  </si>
  <si>
    <t>/o=exchangelabs/ou=exchange administrative group (fydibohf23spdlt)/cn=recipients/cn=2b69c7de1a3641269a7eed0596e1ddc2-wayner oliv,/o=exchangelabs/ou=exchange administrative group (fydibohf23spdlt)/cn=recipients/cn=9e20ba3b6afd447db98f75fb7bdc7037-francisco e,/o=exchangelabs/ou=exchange administrative group (fydibohf23spdlt)/cn=recipients/cn=e8a8131dc3334dc38d81db3d2a41a3fe-denise viei</t>
  </si>
  <si>
    <t>09/24/2019 15:40:43</t>
  </si>
  <si>
    <t>HOMERO DE CAMPOS CARMONA</t>
  </si>
  <si>
    <t>/o=exchangelabs/ou=exchange administrative group (fydibohf23spdlt)/cn=recipients/cn=a387251d6d8c4b729d17257b1403e985-rodrigo agn;</t>
  </si>
  <si>
    <t>20190924 CAPEX - Revisão Ativações_Validação TI.xlsx</t>
  </si>
  <si>
    <t>/o=exchangelabs/ou=exchange administrative group (fydibohf23spdlt)/cn=recipients/cn=a387251d6d8c4b729d17257b1403e985-rodrigo agn</t>
  </si>
  <si>
    <t>09/24/2019 15:41:16</t>
  </si>
  <si>
    <t>09/24/2019 15:45:49</t>
  </si>
  <si>
    <t>c:\users\adrianamac\desktop\</t>
  </si>
  <si>
    <t>malote 2017.xlsx</t>
  </si>
  <si>
    <t>09/24/2019 15:41:47</t>
  </si>
  <si>
    <t>09/24/2019 15:46:50</t>
  </si>
  <si>
    <t>/o=exchangelabs/ou=exchange administrative group (fydibohf23spdlt)/cn=recipients/cn=e8f3542bfc144556bfda069280b71588-angela robe;</t>
  </si>
  <si>
    <t>ROBERTA SOUZA SANTOS.xlsx</t>
  </si>
  <si>
    <t>/o=exchangelabs/ou=exchange administrative group (fydibohf23spdlt)/cn=recipients/cn=e8f3542bfc144556bfda069280b71588-angela robe</t>
  </si>
  <si>
    <t>09/24/2019 15:43:54</t>
  </si>
  <si>
    <t>/o=exchangelabs/ou=exchange administrative group (fydibohf23spdlt)/cn=recipients/cn=8bab2e9eaf824d2d93602784a48ac5f9-ronan salus;</t>
  </si>
  <si>
    <t>RONAN SALUSTIANO DE MIRANDA.xlsx</t>
  </si>
  <si>
    <t>/o=exchangelabs/ou=exchange administrative group (fydibohf23spdlt)/cn=recipients/cn=8bab2e9eaf824d2d93602784a48ac5f9-ronan salus</t>
  </si>
  <si>
    <t>09/24/2019 15:45:08</t>
  </si>
  <si>
    <t>/o=exchangelabs/ou=exchange administrative group (fydibohf23spdlt)/cn=recipients/cn=33d249108a194f94ad1c0c445c411f81-sabrina vie;</t>
  </si>
  <si>
    <t>SABRINA VIEIRA DA SILVA.xlsx</t>
  </si>
  <si>
    <t>/o=exchangelabs/ou=exchange administrative group (fydibohf23spdlt)/cn=recipients/cn=33d249108a194f94ad1c0c445c411f81-sabrina vie</t>
  </si>
  <si>
    <t>09/24/2019 15:46:02</t>
  </si>
  <si>
    <t>THAIS MOZELLI OLIVEIRA.xlsx</t>
  </si>
  <si>
    <t>09/24/2019 15:50:19</t>
  </si>
  <si>
    <t>09/24/2019 15:51:49</t>
  </si>
  <si>
    <t>10.219.100.17</t>
  </si>
  <si>
    <t>D8-9C-67-6F-2A-AD</t>
  </si>
  <si>
    <t>C:\Users\fellypcsj\OneDrive - Grupo Algar\Engeset\ADMINISTRATIVO FINANCEIRO\GEO GOVERNANÇA\LOGISTÍCA\ESTOQUE PROPRIO\</t>
  </si>
  <si>
    <t>2019 - APROVAÇÃO DE COMPRAS.xlsx</t>
  </si>
  <si>
    <t>09/24/2019 15:51:28</t>
  </si>
  <si>
    <t>09/24/2019 15:52:49</t>
  </si>
  <si>
    <t>10.250.255.72</t>
  </si>
  <si>
    <t>NB-ROSANAPCCB</t>
  </si>
  <si>
    <t>rosanapccb</t>
  </si>
  <si>
    <t>Rosana Peixoto da Cunha Cacao Botta</t>
  </si>
  <si>
    <t>/o=exchangelabs/ou=exchange administrative group (fydibohf23spdlt)/cn=recipients/cn=35600680776041e0b2e3612c7a4448ea-laura venan;/o=exchangelabs/ou=exchange administrative group (fydibohf23spdlt)/cn=recipients/cn=9e20ba3b6afd447db98f75fb7bdc7037-francisco e;</t>
  </si>
  <si>
    <t>ENC: FORMAÇÃO DE PREÇOS</t>
  </si>
  <si>
    <t>ENGESET - FORMAÇÃO DE PREÇO setembro no SAP.xlsx</t>
  </si>
  <si>
    <t>/o=exchangelabs/ou=exchange administrative group (fydibohf23spdlt)/cn=recipients/cn=35600680776041e0b2e3612c7a4448ea-laura venan,/o=exchangelabs/ou=exchange administrative group (fydibohf23spdlt)/cn=recipients/cn=9e20ba3b6afd447db98f75fb7bdc7037-francisco e</t>
  </si>
  <si>
    <t>09/24/2019 15:51:53</t>
  </si>
  <si>
    <t>/o=exchangelabs/ou=exchange administrative group (fydibohf23spdlt)/cn=recipients/cn=168e05cabbf14ae289464a0c09955b31-sara ferrei;/o=exchangelabs/ou=exchange administrative group (fydibohf23spdlt)/cn=recipients/cn=83e5e0f05dcb4510a09e93c7d27271dd-hugo braga;/o=exchangelabs/ou=exchange administrative group (fydibohf23spdlt)/cn=recipients/cn=userdc05fc7c;</t>
  </si>
  <si>
    <t>RES: ORÇAMENTO 2020 - OUTROS CUSTOS</t>
  </si>
  <si>
    <t>340500094_FNDE - EP_v2.xlsb</t>
  </si>
  <si>
    <t>/o=exchangelabs/ou=exchange administrative group (fydibohf23spdlt)/cn=recipients/cn=168e05cabbf14ae289464a0c09955b31-sara ferrei,/o=exchangelabs/ou=exchange administrative group (fydibohf23spdlt)/cn=recipients/cn=83e5e0f05dcb4510a09e93c7d27271dd-hugo braga,/o=exchangelabs/ou=exchange administrative group (fydibohf23spdlt)/cn=recipients/cn=userdc05fc7c</t>
  </si>
  <si>
    <t>09/24/2019 15:49:38</t>
  </si>
  <si>
    <t>09/24/2019 15:53:50</t>
  </si>
  <si>
    <t>/o=exchangelabs/ou=exchange administrative group (fydibohf23spdlt)/cn=recipients/cn=9b52022a6e624c30a92f50cf4538a4bf-talmaia rod;</t>
  </si>
  <si>
    <t>ENC: ENC: Desktop - MVP Telas 2</t>
  </si>
  <si>
    <t>Evolutivo_NPS_Ven_Ofs_Conv.xlsx</t>
  </si>
  <si>
    <t>/o=exchangelabs/ou=exchange administrative group (fydibohf23spdlt)/cn=recipients/cn=9b52022a6e624c30a92f50cf4538a4bf-talmaia rod</t>
  </si>
  <si>
    <t>09/24/2019 15:50:41</t>
  </si>
  <si>
    <t>09/24/2019 15:54:49</t>
  </si>
  <si>
    <t>/o=nt5/ou=00000000000000000000000000000000/cn=9173ff9b13265b45be14a33bfbecc71b;</t>
  </si>
  <si>
    <t>ENC: GTO</t>
  </si>
  <si>
    <t>GTO.xlsx</t>
  </si>
  <si>
    <t>/o=nt5/ou=00000000000000000000000000000000/cn=9173ff9b13265b45be14a33bfbecc71b</t>
  </si>
  <si>
    <t>09/24/2019 15:51:43</t>
  </si>
  <si>
    <t>C:\Users\rodrigombu\OneDrive - Grupo Algar\Operações\CPC\Ponto\</t>
  </si>
  <si>
    <t>Inscritos-NB-RODRIGOMBU.xlt</t>
  </si>
  <si>
    <t>09/24/2019 15:54:15</t>
  </si>
  <si>
    <t>/o=exchangelabs/ou=exchange administrative group (fydibohf23spdlt)/cn=recipients/cn=083204b1bd464d0fbbd2451a3a305923-katia gonca;thalita_y_cardoso@whirlpool.com;</t>
  </si>
  <si>
    <t>RES: Informações de Troca e Cancelamento</t>
  </si>
  <si>
    <t>Base Categorizações.xlsx</t>
  </si>
  <si>
    <t>/o=exchangelabs/ou=exchange administrative group (fydibohf23spdlt)/cn=recipients/cn=083204b1bd464d0fbbd2451a3a305923-katia gonca,thalita_y_cardoso@whirlpool.com</t>
  </si>
  <si>
    <t>09/24/2019 15:52:07</t>
  </si>
  <si>
    <t>09/24/2019 15:56:49</t>
  </si>
  <si>
    <t>/o=exchangelabs/ou=exchange administrative group (fydibohf23spdlt)/cn=recipients/cn=a541140f84c0497d919eaa7797d6c613-vinicius mo;</t>
  </si>
  <si>
    <t>VINICIUS MONTEIRO DE LIMA FRANCA.xlsx</t>
  </si>
  <si>
    <t>/o=exchangelabs/ou=exchange administrative group (fydibohf23spdlt)/cn=recipients/cn=a541140f84c0497d919eaa7797d6c613-vinicius mo</t>
  </si>
  <si>
    <t>09/24/2019 15:53:12</t>
  </si>
  <si>
    <t>/o=exchangelabs/ou=exchange administrative group (fydibohf23spdlt)/cn=recipients/cn=9e7c445894a4474a86a42a5f271a0d12-viviane res;</t>
  </si>
  <si>
    <t>VIVIANE REZENDE CUNHA.xlsx</t>
  </si>
  <si>
    <t>/o=exchangelabs/ou=exchange administrative group (fydibohf23spdlt)/cn=recipients/cn=9e7c445894a4474a86a42a5f271a0d12-viviane res</t>
  </si>
  <si>
    <t>09/24/2019 15:55:57</t>
  </si>
  <si>
    <t>09/24/2019 15:57:49</t>
  </si>
  <si>
    <t>09/24/2019 15:54:11</t>
  </si>
  <si>
    <t>09/24/2019 15:59:49</t>
  </si>
  <si>
    <t>/o=exchangelabs/ou=exchange administrative group (fydibohf23spdlt)/cn=recipients/cn=15a9ce3696f84bd3bd22fa8d7811d314-fabiulla ca;/o=exchangelabs/ou=exchange administrative group (fydibohf23spdlt)/cn=recipients/cn=545f738e0fe740ba856f4eb6ef0135e0-vinicius si;/o=exchangelabs/ou=exchange administrative group (fydibohf23spdlt)/cn=recipients/cn=7903c13fa0504ff0bc7dd2644020b0e8-mirna prado;/o=exchangelabs/ou=exchange administrative group (fydibohf23spdlt)/cn=recipients/cn=98e18f75c1d448d18c2b385d101db11f-luiz alfred;/o=exchangelabs/ou=exchange administrative group (fydibohf23spdlt)/cn=recipients/cn=eeccfec6dd26453db576a7c3b3bc44ec-pablo perei;</t>
  </si>
  <si>
    <t>RES: Vaga - Analista de Planejamento e Controle Junior</t>
  </si>
  <si>
    <t>Inscritos Processo Analista PCP JR - 09-2019.xlsx</t>
  </si>
  <si>
    <t>/o=exchangelabs/ou=exchange administrative group (fydibohf23spdlt)/cn=recipients/cn=15a9ce3696f84bd3bd22fa8d7811d314-fabiulla ca,/o=exchangelabs/ou=exchange administrative group (fydibohf23spdlt)/cn=recipients/cn=545f738e0fe740ba856f4eb6ef0135e0-vinicius si,/o=exchangelabs/ou=exchange administrative group (fydibohf23spdlt)/cn=recipients/cn=7903c13fa0504ff0bc7dd2644020b0e8-mirna prado,/o=exchangelabs/ou=exchange administrative group (fydibohf23spdlt)/cn=recipients/cn=98e18f75c1d448d18c2b385d101db11f-luiz alfred,/o=exchangelabs/ou=exchange administrative group (fydibohf23spdlt)/cn=recipients/cn=eeccfec6dd26453db576a7c3b3bc44ec-pablo perei</t>
  </si>
  <si>
    <t>09/24/2019 16:03:42</t>
  </si>
  <si>
    <t>09/24/2019 16:04:49</t>
  </si>
  <si>
    <t>/o=exchangelabs/ou=exchange administrative group (fydibohf23spdlt)/cn=recipients/cn=de309567271c4871b341e820d0b7364e-luiz carlos;</t>
  </si>
  <si>
    <t>Informações Genesys - Ativo</t>
  </si>
  <si>
    <t>Cópia de INFORMAÇÕES GENESYS.xlsx</t>
  </si>
  <si>
    <t>/o=exchangelabs/ou=exchange administrative group (fydibohf23spdlt)/cn=recipients/cn=de309567271c4871b341e820d0b7364e-luiz carlos</t>
  </si>
  <si>
    <t>09/24/2019 16:03:53</t>
  </si>
  <si>
    <t>09/24/2019 16:07:49</t>
  </si>
  <si>
    <t>/o=exchangelabs/ou=exchange administrative group (fydibohf23spdlt)/cn=recipients/cn=3bff4ffb267e4ea2a4a3347f6a4c5cf8-tatiane mag;/o=exchangelabs/ou=exchange administrative group (fydibohf23spdlt)/cn=recipients/cn=3d85af75e9a44da5bad9ced68d6c53ed-rosana peix;/o=exchangelabs/ou=exchange administrative group (fydibohf23spdlt)/cn=recipients/cn=4e42be0c35fe437c89a815dbb8f1ffeb-faturamento;/o=exchangelabs/ou=exchange administrative group (fydibohf23spdlt)/cn=recipients/cn=9e20ba3b6afd447db98f75fb7bdc7037-francisco e;jose.roberto@centurylink.com;</t>
  </si>
  <si>
    <t>RES: FORMAÇÃO DE PREÇOS</t>
  </si>
  <si>
    <t>Cópia de ENGESET - FORMAÇÃO DE PREÇO setembro no SAP.xlsx</t>
  </si>
  <si>
    <t>/o=exchangelabs/ou=exchange administrative group (fydibohf23spdlt)/cn=recipients/cn=3bff4ffb267e4ea2a4a3347f6a4c5cf8-tatiane mag,/o=exchangelabs/ou=exchange administrative group (fydibohf23spdlt)/cn=recipients/cn=3d85af75e9a44da5bad9ced68d6c53ed-rosana peix,/o=exchangelabs/ou=exchange administrative group (fydibohf23spdlt)/cn=recipients/cn=4e42be0c35fe437c89a815dbb8f1ffeb-faturamento,/o=exchangelabs/ou=exchange administrative group (fydibohf23spdlt)/cn=recipients/cn=9e20ba3b6afd447db98f75fb7bdc7037-francisco e,jose.roberto@centurylink.com</t>
  </si>
  <si>
    <t>09/24/2019 16:04:51</t>
  </si>
  <si>
    <t>09/24/2019 16:08:50</t>
  </si>
  <si>
    <t>/o=exchangelabs/ou=exchange administrative group (fydibohf23spdlt)/cn=recipients/cn=ee384ffbd33e45dba34c337c366ab392-ligia maria;helderrds@algartech.com;simone.carneiro@cscalgar.com.br;</t>
  </si>
  <si>
    <t>RES: Ponto de Controle - Aquisições Broker</t>
  </si>
  <si>
    <t>20190924 RFP WhatsApp.xlsx</t>
  </si>
  <si>
    <t>/o=exchangelabs/ou=exchange administrative group (fydibohf23spdlt)/cn=recipients/cn=ee384ffbd33e45dba34c337c366ab392-ligia maria,helderrds@algartech.com,simone.carneiro@cscalgar.com.br</t>
  </si>
  <si>
    <t>09/24/2019 16:06:58</t>
  </si>
  <si>
    <t>09/24/2019 16:09:49</t>
  </si>
  <si>
    <t>/o=exchangelabs/ou=exchange administrative group (fydibohf23spdlt)/cn=recipients/cn=c08089b92f0643f18c949cb099a06593-tamara luis;/o=exchangelabs/ou=exchange administrative group (fydibohf23spdlt)/cn=recipients/cn=c29ec9dae022497281c840087cccddec-patricia ar;/o=exchangelabs/ou=exchange administrative group (fydibohf23spdlt)/cn=recipients/cn=f167860e3f1940cc81730e5f24d2f0bb-alexandre f;/o=exchangelabs/ou=exchange administrative group (fydibohf23spdlt)/cn=recipients/cn=f545a323f3be43dbbabfeb25fc86516a-rafael melv;</t>
  </si>
  <si>
    <t>Resumo dimensionamento Electrolux_Revisão 23092019.xlsx</t>
  </si>
  <si>
    <t>/o=exchangelabs/ou=exchange administrative group (fydibohf23spdlt)/cn=recipients/cn=c08089b92f0643f18c949cb099a06593-tamara luis,/o=exchangelabs/ou=exchange administrative group (fydibohf23spdlt)/cn=recipients/cn=c29ec9dae022497281c840087cccddec-patricia ar,/o=exchangelabs/ou=exchange administrative group (fydibohf23spdlt)/cn=recipients/cn=f167860e3f1940cc81730e5f24d2f0bb-alexandre f,/o=exchangelabs/ou=exchange administrative group (fydibohf23spdlt)/cn=recipients/cn=f545a323f3be43dbbabfeb25fc86516a-rafael melv</t>
  </si>
  <si>
    <t>09/24/2019 16:09:20</t>
  </si>
  <si>
    <t>isabella_massa@whirlpool.com;</t>
  </si>
  <si>
    <t>RES: [Plan Set'19] GMR Oficial</t>
  </si>
  <si>
    <t>2019-09 GMR D2C SET_19.xlsb</t>
  </si>
  <si>
    <t>isabella_massa@whirlpool.com</t>
  </si>
  <si>
    <t>09/24/2019 16:10:59</t>
  </si>
  <si>
    <t>09/24/2019 16:14:49</t>
  </si>
  <si>
    <t>http://fibra.engeset.com.br/relatorios/uploadrelatorio.aspx</t>
  </si>
  <si>
    <t>C:\A2\PAULAO\LEVEL 3\NODOS\SETEMBRO\</t>
  </si>
  <si>
    <t>assembleia 66.xls</t>
  </si>
  <si>
    <t>09/24/2019 16:11:49</t>
  </si>
  <si>
    <t>rio branco 156.xls</t>
  </si>
  <si>
    <t>09/24/2019 16:12:32</t>
  </si>
  <si>
    <t>Sete de Setembro 111.xls</t>
  </si>
  <si>
    <t>09/24/2019 16:11:34</t>
  </si>
  <si>
    <t>09/24/2019 16:15:50</t>
  </si>
  <si>
    <t>iramildass@algartech.com</t>
  </si>
  <si>
    <t>anacmma@algartech.com;juliana@algar.com.br;wilsianemf@algartech.com;</t>
  </si>
  <si>
    <t>C:\Users\iramildass\Desktop\Nova pasta\</t>
  </si>
  <si>
    <t>75083 FORMAÇÃO MIGRAÇÃO EMISSOR NÍVEL I_RAYANNE DIAS GONCALVES_27-05-2019.xlsm</t>
  </si>
  <si>
    <t>anacmma@algartech.com,juliana@algar.com.br,wilsianemf@algartech.com</t>
  </si>
  <si>
    <t>C:\Users\iramildass\Desktop\Nova pasta\75083 FORMAÇÃO MIGRAÇÃO EMISSOR NÍVEL I_RAYANNE DIAS GONCALVES_27-05-2019.xlsm\EE7F8163.zip\</t>
  </si>
  <si>
    <t>6709_VAREJO.xls</t>
  </si>
  <si>
    <t>09/24/2019 16:11:35</t>
  </si>
  <si>
    <t>mail.google.com/_/upload?authuser=0&amp;dcp=asu-n&amp;upload_id=AEnB2Upnwa1eDkj97IyoOwibywTX00w_PVBUiOZ0UG5p8LukdrrgJY3W-rukM1hND2fTB6JJg2AG-O57rsLjRuDhCFgSnm1iEw&amp;upload_protocol=resumable</t>
  </si>
  <si>
    <t>mail.google.com/_/upload?authuser=0&amp;dcp=asu-n&amp;upload_id=AEnB2UqdcsXvQtYjpfAc-QxlgXGQQnPlCr8cULmzjVeLif8X3lAZ2jHY_9ztFFHVHsAsGePBxr_PlcG7LmebXoC9BI-9BoQuiAlDc5DEwSuXjTUpx1ikAgE&amp;upload_protocol=resumable</t>
  </si>
  <si>
    <t>INFORME ALGAR TECH - CLAUDINEI DA SILVA OIER .xlsx</t>
  </si>
  <si>
    <t>09/24/2019 16:14:57</t>
  </si>
  <si>
    <t>09/24/2019 16:17:50</t>
  </si>
  <si>
    <t>/o=exchangelabs/ou=exchange administrative group (fydibohf23spdlt)/cn=recipients/cn=79b149cf7a984ca686e3b0e40b3bc8cf-danilo cesa;</t>
  </si>
  <si>
    <t>ENC: Faturamento Setembro/19 - Amazon</t>
  </si>
  <si>
    <t>/o=exchangelabs/ou=exchange administrative group (fydibohf23spdlt)/cn=recipients/cn=79b149cf7a984ca686e3b0e40b3bc8cf-danilo cesa</t>
  </si>
  <si>
    <t>09/24/2019 16:14:32</t>
  </si>
  <si>
    <t>09/24/2019 16:18:50</t>
  </si>
  <si>
    <t>igor@terospricing.com.br;</t>
  </si>
  <si>
    <t>Projeto Precificação - Abertura de metas</t>
  </si>
  <si>
    <t>Revisão meta AS IS_v1final.xlsx</t>
  </si>
  <si>
    <t>igor@terospricing.com.br</t>
  </si>
  <si>
    <t>09/24/2019 16:20:49</t>
  </si>
  <si>
    <t>C:\Users\danielhdm\OneDrive - Grupo Algar\Operações Bradesco Campinas\BRADESCO_DEEPCENTER\ESCOPO_ALGAR_FORNECEDORES.rar\</t>
  </si>
  <si>
    <t>DEEP_BRADESCO Anexo I - Layout de Dados_Bradesco_v2.xlsx</t>
  </si>
  <si>
    <t>C:\Users\danielhdm\OneDrive - Grupo Algar\Operações Bradesco Campinas\BRADESCO_DEEPCENTER\ESCOPO_ALGAR_FORNECEDORES.rar\DE - BASE BRADESCO - VCOM.docx\</t>
  </si>
  <si>
    <t>C:\Users\danielhdm\OneDrive - Grupo Algar\Operações Bradesco Campinas\BRADESCO_DEEPCENTER\ESCOPO_ALGAR_FORNECEDORES.rar\DE - BASE BRADESCO.docx\</t>
  </si>
  <si>
    <t>C:\Users\danielhdm\OneDrive - Grupo Algar\Operações Bradesco Campinas\BRADESCO_DEEPCENTER\ESCOPO_ALGAR_FORNECEDORES.rar\DE - DEEP CENTER ALGAR - CANAIS_DIGITAIS.docx\</t>
  </si>
  <si>
    <t>09/24/2019 16:17:20</t>
  </si>
  <si>
    <t>09/24/2019 16:21:49</t>
  </si>
  <si>
    <t>/o=exchangelabs/ou=exchange administrative group (fydibohf23spdlt)/cn=recipients/cn=34aeda102297467782869a3de80c6409-ali hussein;</t>
  </si>
  <si>
    <t>Planilha Volumetria - Lojas Bradescard</t>
  </si>
  <si>
    <t>Volumetria Lojas Jan a Ago 19.xlsx</t>
  </si>
  <si>
    <t>/o=exchangelabs/ou=exchange administrative group (fydibohf23spdlt)/cn=recipients/cn=34aeda102297467782869a3de80c6409-ali hussein</t>
  </si>
  <si>
    <t>09/24/2019 16:25:19</t>
  </si>
  <si>
    <t>09/24/2019 16:26:49</t>
  </si>
  <si>
    <t>RES: Planilha Volumetria - Lojas Bradescard</t>
  </si>
  <si>
    <t>09/24/2019 16:32:29</t>
  </si>
  <si>
    <t>09/24/2019 16:35:49</t>
  </si>
  <si>
    <t>Arquivo de retorno - Credito Parcelado - 23.09</t>
  </si>
  <si>
    <t>Arquivo de retorno - Credito Parcelado - 23.09.xlsx</t>
  </si>
  <si>
    <t>09/24/2019 16:32:23</t>
  </si>
  <si>
    <t>09/24/2019 16:36:48</t>
  </si>
  <si>
    <t>/o=exchangelabs/ou=exchange administrative group (fydibohf23spdlt)/cn=recipients/cn=2d3379e2d04c40db810b4b1f41dd2aea-erica carol;</t>
  </si>
  <si>
    <t>Memoria do orçamento da revisao 2019</t>
  </si>
  <si>
    <t>Template Viagens.xlsm</t>
  </si>
  <si>
    <t>/o=exchangelabs/ou=exchange administrative group (fydibohf23spdlt)/cn=recipients/cn=2d3379e2d04c40db810b4b1f41dd2aea-erica carol</t>
  </si>
  <si>
    <t>09/24/2019 16:35:02</t>
  </si>
  <si>
    <t>/o=exchangelabs/ou=exchange administrative group (fydibohf23spdlt)/cn=recipients/cn=1e45e12566d4418ba0325de92fea64a4-akassia bez;/o=exchangelabs/ou=exchange administrative group (fydibohf23spdlt)/cn=recipients/cn=2b69c7de1a3641269a7eed0596e1ddc2-wayner oliv;/o=exchangelabs/ou=exchange administrative group (fydibohf23spdlt)/cn=recipients/cn=376dc21df9294b1e98e06de29a805db8-algar tech;/o=exchangelabs/ou=exchange administrative group (fydibohf23spdlt)/cn=recipients/cn=9e20ba3b6afd447db98f75fb7bdc7037-francisco e;</t>
  </si>
  <si>
    <t>Padrao Solicitacao Receitamento SG Telecom FAT B LOTE1 Setembro.xlsm</t>
  </si>
  <si>
    <t>/o=exchangelabs/ou=exchange administrative group (fydibohf23spdlt)/cn=recipients/cn=1e45e12566d4418ba0325de92fea64a4-akassia bez,/o=exchangelabs/ou=exchange administrative group (fydibohf23spdlt)/cn=recipients/cn=2b69c7de1a3641269a7eed0596e1ddc2-wayner oliv,/o=exchangelabs/ou=exchange administrative group (fydibohf23spdlt)/cn=recipients/cn=376dc21df9294b1e98e06de29a805db8-algar tech,/o=exchangelabs/ou=exchange administrative group (fydibohf23spdlt)/cn=recipients/cn=9e20ba3b6afd447db98f75fb7bdc7037-francisco e</t>
  </si>
  <si>
    <t>09/24/2019 16:36:42</t>
  </si>
  <si>
    <t>C:\Users\camilat\OneDrive - Grupo Algar\CONTROLE HORAS\Pgto Horas Cliente\</t>
  </si>
  <si>
    <t>2019-10 - Luane Sobrinho.xlsx</t>
  </si>
  <si>
    <t>09/24/2019 16:33:32</t>
  </si>
  <si>
    <t>09/24/2019 16:37:49</t>
  </si>
  <si>
    <t>angelinegn@algartech.com</t>
  </si>
  <si>
    <t>mail.google.com/_/upload?authuser=0&amp;dcp=asu-n&amp;upload_id=AEnB2UrvlF8aq0kpEmI1qCtwjqf_7p3lmcT7_x39ljqv6RZvVU5QGMm7UASR-axEFkBYe6a1tesaHlOvlTNWtTbTtuiinVvwqVUiaLZws42NNAG08ZU1riY&amp;upload_protocol=resumable</t>
  </si>
  <si>
    <t>henriqueac@algartech.com;</t>
  </si>
  <si>
    <t>C:\Users\angelinegn\Desktop\</t>
  </si>
  <si>
    <t>henriqueac@algartech.com</t>
  </si>
  <si>
    <t>09/24/2019 16:34:28</t>
  </si>
  <si>
    <t>09/24/2019 16:39:49</t>
  </si>
  <si>
    <t>C:\Users\rodrigombu\OneDrive - Grupo Algar\Whirlpool\2019\05 - Maio\Arquivo\RAF\</t>
  </si>
  <si>
    <t>Produtividade RAF - Fechamento - Mai-2019.xlsm</t>
  </si>
  <si>
    <t>09/24/2019 16:39:31</t>
  </si>
  <si>
    <t>/o=exchangelabs/ou=exchange administrative group (fydibohf23spdlt)/cn=recipients/cn=9590810d44524cf49acee6103c18936a-denys guidi;</t>
  </si>
  <si>
    <t>ENC: Modelo de apresentação preço LDC - Otimização WIT</t>
  </si>
  <si>
    <t>Modelo de apresentação de Preço LDC.xlsx</t>
  </si>
  <si>
    <t>/o=exchangelabs/ou=exchange administrative group (fydibohf23spdlt)/cn=recipients/cn=9590810d44524cf49acee6103c18936a-denys guidi</t>
  </si>
  <si>
    <t>09/24/2019 16:37:55</t>
  </si>
  <si>
    <t>Nodo secundario av. das americas 500 rack 01.xls</t>
  </si>
  <si>
    <t>09/24/2019 16:38:45</t>
  </si>
  <si>
    <t>Nodo secundario av. das americas 500 rack 2.xls</t>
  </si>
  <si>
    <t>09/24/2019 16:39:37</t>
  </si>
  <si>
    <t>Nodo secundario av. das americas 500 rack 3.xls</t>
  </si>
  <si>
    <t>09/24/2019 16:40:02</t>
  </si>
  <si>
    <t>09/24/2019 16:41:49</t>
  </si>
  <si>
    <t>09/24/2019 16:39:12</t>
  </si>
  <si>
    <t>/o=exchangelabs/ou=exchange administrative group (fydibohf23spdlt)/cn=recipients/cn=1262e099c0f24b3489b19e6494cd5fca-rayssa da c;/o=exchangelabs/ou=exchange administrative group (fydibohf23spdlt)/cn=recipients/cn=249f643ba1e044588b45a020c76dadde-daniel de o;/o=exchangelabs/ou=exchange administrative group (fydibohf23spdlt)/cn=recipients/cn=504f2cfc403f495ebf675fe1e3d6931c-flavia ceci;brunasoliv@algartech.com;paulorsk@algartech.com;tatianeeg@algartech.com;vaniakto@algartecnologia.com.br;</t>
  </si>
  <si>
    <t>RES: URGENTE: HORA EXTRA AGOSTO</t>
  </si>
  <si>
    <t>GESTOR_BASE_HE_028_029_033_AGOSTO_01A3108.xlsm</t>
  </si>
  <si>
    <t>/o=exchangelabs/ou=exchange administrative group (fydibohf23spdlt)/cn=recipients/cn=1262e099c0f24b3489b19e6494cd5fca-rayssa da c,/o=exchangelabs/ou=exchange administrative group (fydibohf23spdlt)/cn=recipients/cn=249f643ba1e044588b45a020c76dadde-daniel de o,/o=exchangelabs/ou=exchange administrative group (fydibohf23spdlt)/cn=recipients/cn=504f2cfc403f495ebf675fe1e3d6931c-flavia ceci,brunasoliv@algartech.com,paulorsk@algartech.com,tatianeeg@algartech.com,vaniakto@algartecnologia.com.br</t>
  </si>
  <si>
    <t>09/24/2019 16:39:55</t>
  </si>
  <si>
    <t>09/24/2019 16:43:49</t>
  </si>
  <si>
    <t>/o=exchangelabs/ou=exchange administrative group (fydibohf23spdlt)/cn=recipients/cn=2b69c7de1a3641269a7eed0596e1ddc2-wayner oliv;/o=exchangelabs/ou=exchange administrative group (fydibohf23spdlt)/cn=recipients/cn=35600680776041e0b2e3612c7a4448ea-laura venan;/o=exchangelabs/ou=exchange administrative group (fydibohf23spdlt)/cn=recipients/cn=57b3e0724b2344fcbd88f738d223dd7a-leticia bor;/o=exchangelabs/ou=exchange administrative group (fydibohf23spdlt)/cn=recipients/cn=9e20ba3b6afd447db98f75fb7bdc7037-francisco e;</t>
  </si>
  <si>
    <t>Tranferência 1º Lote Tim</t>
  </si>
  <si>
    <t>TRANSF DE RECEITA TIM FMM TLE Cód.702.xls</t>
  </si>
  <si>
    <t>/o=exchangelabs/ou=exchange administrative group (fydibohf23spdlt)/cn=recipients/cn=2b69c7de1a3641269a7eed0596e1ddc2-wayner oliv,/o=exchangelabs/ou=exchange administrative group (fydibohf23spdlt)/cn=recipients/cn=35600680776041e0b2e3612c7a4448ea-laura venan,/o=exchangelabs/ou=exchange administrative group (fydibohf23spdlt)/cn=recipients/cn=57b3e0724b2344fcbd88f738d223dd7a-leticia bor,/o=exchangelabs/ou=exchange administrative group (fydibohf23spdlt)/cn=recipients/cn=9e20ba3b6afd447db98f75fb7bdc7037-francisco e</t>
  </si>
  <si>
    <t>09/24/2019 16:40:40</t>
  </si>
  <si>
    <t>09/24/2019 16:44:49</t>
  </si>
  <si>
    <t>Secundario av das américas 500 rack n5.xls</t>
  </si>
  <si>
    <t>09/24/2019 16:41:52</t>
  </si>
  <si>
    <t>09/24/2019 16:45:49</t>
  </si>
  <si>
    <t>/o=exchangelabs/ou=exchange administrative group (fydibohf23spdlt)/cn=recipients/cn=4b453b7f02914710b3e94bcf7b311ad4-fernando po;</t>
  </si>
  <si>
    <t>Penalizações SLA - ESCOPO B</t>
  </si>
  <si>
    <t>Penalizações SLA Escopo B.xlsx</t>
  </si>
  <si>
    <t>/o=exchangelabs/ou=exchange administrative group (fydibohf23spdlt)/cn=recipients/cn=4b453b7f02914710b3e94bcf7b311ad4-fernando po</t>
  </si>
  <si>
    <t>09/24/2019 16:44:55</t>
  </si>
  <si>
    <t>rodolfogv@algartech.com;</t>
  </si>
  <si>
    <t>rodolfogv@algartech.com</t>
  </si>
  <si>
    <t>09/24/2019 16:45:09</t>
  </si>
  <si>
    <t>09/24/2019 16:47:49</t>
  </si>
  <si>
    <t>10.211.2.94</t>
  </si>
  <si>
    <t>Automatizar Planilha de HE</t>
  </si>
  <si>
    <t>HE_033_01A220919.CSV</t>
  </si>
  <si>
    <t>09/24/2019 16:45:47</t>
  </si>
  <si>
    <t>09/24/2019 16:49:50</t>
  </si>
  <si>
    <t>/o=exchangelabs/ou=exchange administrative group (fydibohf23spdlt)/cn=recipients/cn=168e05cabbf14ae289464a0c09955b31-sara ferrei;/o=exchangelabs/ou=exchange administrative group (fydibohf23spdlt)/cn=recipients/cn=c6f5c50e91244036872327464dc6624a-cinthia mar;/o=exchangelabs/ou=exchange administrative group (fydibohf23spdlt)/cn=recipients/cn=eb7eb667da5b461a8e84d1db2016056f-joelson dos;</t>
  </si>
  <si>
    <t>RES: ORÇAMENTO 2020 - Serviços de Tercceiros - REPASSE SCC</t>
  </si>
  <si>
    <t>JR_Orcamento 2020_Recup Custo v2.xlsx</t>
  </si>
  <si>
    <t>/o=exchangelabs/ou=exchange administrative group (fydibohf23spdlt)/cn=recipients/cn=168e05cabbf14ae289464a0c09955b31-sara ferrei,/o=exchangelabs/ou=exchange administrative group (fydibohf23spdlt)/cn=recipients/cn=c6f5c50e91244036872327464dc6624a-cinthia mar,/o=exchangelabs/ou=exchange administrative group (fydibohf23spdlt)/cn=recipients/cn=eb7eb667da5b461a8e84d1db2016056f-joelson dos</t>
  </si>
  <si>
    <t>09/24/2019 16:48:21</t>
  </si>
  <si>
    <t>reag_24.09.csv</t>
  </si>
  <si>
    <t>09/24/2019 16:48:54</t>
  </si>
  <si>
    <t>09/24/2019 16:51:49</t>
  </si>
  <si>
    <t>ENC: DRE Pré Closing GST 2019.xlsb</t>
  </si>
  <si>
    <t>DRE Pré Closing GST 2019.xlsb</t>
  </si>
  <si>
    <t>09/24/2019 16:55:23</t>
  </si>
  <si>
    <t>09/24/2019 16:56:49</t>
  </si>
  <si>
    <t>adrianimv@algartech.com.br;andreacs@algartech.com.br;cesaradsg@algartech.com.br;denisems@algartech.com.br;dyenniferdff@algartech.com.br;elbamdll@algartech.com.br;erikasl@algartech.com.br;eversonmc@algartech.com.br;fernandass@algartech.com.br;franciellemn@algartech.com.br;gabrielaog@algartech.com.br;grizanibda@algartech.com.br;ideniraa@algartech.com.br;jacquelinece@algartech.com.br;janainapa@algartech.com.br;leticiaado@algartech.com.br;lorrainepmdf@algartech.com.br;mariaads@algartech.com.br;marinalsc@algartech.com.br;marinesos@algartech.com.br;naianefo@algartech.com.br;quelencf@algartech.com.br;rayannerd@algartech.com.br;rosaliamfv@algartech.com.br;talouanecsr@algartech.com.br;vivianeas@algartech.com.br;whelingtoncg@algartech.com.br;</t>
  </si>
  <si>
    <t>Resultado parcial setembro</t>
  </si>
  <si>
    <t>adrianimv@algartech.com.br,andreacs@algartech.com.br,cesaradsg@algartech.com.br,denisems@algartech.com.br,dyenniferdff@algartech.com.br,elbamdll@algartech.com.br,erikasl@algartech.com.br,eversonmc@algartech.com.br,fernandass@algartech.com.br,franciellemn@algartech.com.br,gabrielaog@algartech.com.br,grizanibda@algartech.com.br,ideniraa@algartech.com.br,jacquelinece@algartech.com.br,janainapa@algartech.com.br,leticiaado@algartech.com.br,lorrainepmdf@algartech.com.br,mariaads@algartech.com.br,marinalsc@algartech.com.br,marinesos@algartech.com.br,naianefo@algartech.com.br,quelencf@algartech.com.br,rayannerd@algartech.com.br,rosaliamfv@algartech.com.br,talouanecsr@algartech.com.br,vivianeas@algartech.com.br,whelingtoncg@algartech.com.br</t>
  </si>
  <si>
    <t>09/24/2019 16:52:41</t>
  </si>
  <si>
    <t>09/24/2019 16:57:50</t>
  </si>
  <si>
    <t>/o=exchangelabs/ou=exchange administrative group (fydibohf23spdlt)/cn=recipients/cn=18106b2c2b164f0f859ac301d85fc885-luis carlos;/o=exchangelabs/ou=exchange administrative group (fydibohf23spdlt)/cn=recipients/cn=4a12565b1fd641949c422bae61f78467-antonia jaq;/o=exchangelabs/ou=exchange administrative group (fydibohf23spdlt)/cn=recipients/cn=71d61cf74988455d8586a88b31233851-pablo mathe;/o=exchangelabs/ou=exchange administrative group (fydibohf23spdlt)/cn=recipients/cn=d41c94bf333f464089dc06b44bfb2b17-tayna cosme;</t>
  </si>
  <si>
    <t>ENC: Planilha de ocorrências atualizada: 01 a 23 de Setembro</t>
  </si>
  <si>
    <t>01 a 23 de Sentembro.xlsx</t>
  </si>
  <si>
    <t>/o=exchangelabs/ou=exchange administrative group (fydibohf23spdlt)/cn=recipients/cn=18106b2c2b164f0f859ac301d85fc885-luis carlos,/o=exchangelabs/ou=exchange administrative group (fydibohf23spdlt)/cn=recipients/cn=4a12565b1fd641949c422bae61f78467-antonia jaq,/o=exchangelabs/ou=exchange administrative group (fydibohf23spdlt)/cn=recipients/cn=71d61cf74988455d8586a88b31233851-pablo mathe,/o=exchangelabs/ou=exchange administrative group (fydibohf23spdlt)/cn=recipients/cn=d41c94bf333f464089dc06b44bfb2b17-tayna cosme</t>
  </si>
  <si>
    <t>09/24/2019 16:58:17</t>
  </si>
  <si>
    <t>09/24/2019 16:58:49</t>
  </si>
  <si>
    <t>10.211.2.160</t>
  </si>
  <si>
    <t>D4-6A-6A-F9-D4-83</t>
  </si>
  <si>
    <t>/o=exchangelabs/ou=exchange administrative group (fydibohf23spdlt)/cn=recipients/cn=0795838d79a14bcaabfa98fc69aaefbb-business pe;/o=exchangelabs/ou=exchange administrative group (fydibohf23spdlt)/cn=recipients/cn=97028c61ebe04c3ca84c604712943944-fabiano wil;</t>
  </si>
  <si>
    <t>Aprovações Pendentes</t>
  </si>
  <si>
    <t>Propostas Pendentes Comitê de Business.xlsx</t>
  </si>
  <si>
    <t>/o=exchangelabs/ou=exchange administrative group (fydibohf23spdlt)/cn=recipients/cn=0795838d79a14bcaabfa98fc69aaefbb-business pe,/o=exchangelabs/ou=exchange administrative group (fydibohf23spdlt)/cn=recipients/cn=97028c61ebe04c3ca84c604712943944-fabiano wil</t>
  </si>
  <si>
    <t>09/24/2019 17:00:26</t>
  </si>
  <si>
    <t>09/24/2019 17:01:49</t>
  </si>
  <si>
    <t>09/24/2019 16:59:19</t>
  </si>
  <si>
    <t>09/24/2019 17:03:50</t>
  </si>
  <si>
    <t>/o=nt5/ou=00000000000000000000000000000000/cn=4ab8a779b63b894bac2f05ae1a5fd995;</t>
  </si>
  <si>
    <t>/o=nt5/ou=00000000000000000000000000000000/cn=4ab8a779b63b894bac2f05ae1a5fd995</t>
  </si>
  <si>
    <t>09/24/2019 17:07:57</t>
  </si>
  <si>
    <t>09/24/2019 17:11:50</t>
  </si>
  <si>
    <t>/o=exchangelabs/ou=exchange administrative group (fydibohf23spdlt)/cn=recipients/cn=f7a4290a46314a3cbb0d392508a7b5c5-luciana sil;</t>
  </si>
  <si>
    <t>ENC: Follow HDI e IT Forum.xlsx</t>
  </si>
  <si>
    <t>Follow HDI e IT Forum.xlsx</t>
  </si>
  <si>
    <t>/o=exchangelabs/ou=exchange administrative group (fydibohf23spdlt)/cn=recipients/cn=f7a4290a46314a3cbb0d392508a7b5c5-luciana sil</t>
  </si>
  <si>
    <t>09/24/2019 17:09:21</t>
  </si>
  <si>
    <t>/o=exchangelabs/ou=exchange administrative group (fydibohf23spdlt)/cn=recipients/cn=a111820ea97a440c83191c55259f676f-marcelo rod;</t>
  </si>
  <si>
    <t>/o=exchangelabs/ou=exchange administrative group (fydibohf23spdlt)/cn=recipients/cn=a111820ea97a440c83191c55259f676f-marcelo rod</t>
  </si>
  <si>
    <t>09/24/2019 17:08:26</t>
  </si>
  <si>
    <t>09/24/2019 17:12:50</t>
  </si>
  <si>
    <t>10.200.57.12</t>
  </si>
  <si>
    <t>80-86-F2-FD-40-A8</t>
  </si>
  <si>
    <t>NB-JOAONSM</t>
  </si>
  <si>
    <t>joaonsm</t>
  </si>
  <si>
    <t>C:\Users\joaonsm\OneDrive - Grupo Algar\João Neto\</t>
  </si>
  <si>
    <t>MEZANINO_CPS.xlsx</t>
  </si>
  <si>
    <t>09/24/2019 17:09:09</t>
  </si>
  <si>
    <t>09/24/2019 17:13:50</t>
  </si>
  <si>
    <t>Template Orçamentário Demais Pacotes - 2020-341500059.xlsb</t>
  </si>
  <si>
    <t>09/24/2019 17:12:00</t>
  </si>
  <si>
    <t>09/24/2019 17:14:50</t>
  </si>
  <si>
    <t>D:\OneDrive\AlgarTech\Pré-Vendas\Cliente\2019\SuperFrio\213383 - UpgradeDB\</t>
  </si>
  <si>
    <t>ServidoresExistentes.xlsx</t>
  </si>
  <si>
    <t>Preco_UpgradeProc&amp;RAM_V4.xlsb</t>
  </si>
  <si>
    <t>09/24/2019 17:12:01</t>
  </si>
  <si>
    <t>Preco_UpgradeProc&amp;RAM_V3.xlsb</t>
  </si>
  <si>
    <t>Preco_UpgradeMemoria_ServidorFisico_V1.xlsb</t>
  </si>
  <si>
    <t>Preco_UpgradeMemoria^MNewServer_ServidorFisico_V2.xlsb</t>
  </si>
  <si>
    <t>Preco_UpgradeMemoria+NewServer_ServidorFisico_V2.xlsb</t>
  </si>
  <si>
    <t>09/24/2019 17:12:02</t>
  </si>
  <si>
    <t>LPU Algar - R640 - 13052019 v12.5 - 12-06.xlsm</t>
  </si>
  <si>
    <t>09/24/2019 17:22:34</t>
  </si>
  <si>
    <t>09/24/2019 17:25:50</t>
  </si>
  <si>
    <t>10.200.57.49</t>
  </si>
  <si>
    <t>FC-01-7C-FE-64-8D</t>
  </si>
  <si>
    <t>NB-MARILIAFSC</t>
  </si>
  <si>
    <t>mariliafsc</t>
  </si>
  <si>
    <t>Marilia de Fatima Silva Cruz</t>
  </si>
  <si>
    <t>/o=exchangelabs/ou=exchange administrative group (fydibohf23spdlt)/cn=recipients/cn=696f712aa5c841708a095699a50884db-luan kevem;carolinafdsa@operacao.algartech.com;</t>
  </si>
  <si>
    <t>Validação das quebras</t>
  </si>
  <si>
    <t>Cópia de Analitico_Algar_Set19.xlsx</t>
  </si>
  <si>
    <t>/o=exchangelabs/ou=exchange administrative group (fydibohf23spdlt)/cn=recipients/cn=696f712aa5c841708a095699a50884db-luan kevem,carolinafdsa@operacao.algartech.com</t>
  </si>
  <si>
    <t>09/24/2019 17:20:55</t>
  </si>
  <si>
    <t>/o=exchangelabs/ou=exchange administrative group (fydibohf23spdlt)/cn=recipients/cn=02b715e2a3c744dbab0f4054efc9d2d2-raquel corr;/o=exchangelabs/ou=exchange administrative group (fydibohf23spdlt)/cn=recipients/cn=2361e4251bf74fc4a50ab766b8d95847-algar tech;/o=exchangelabs/ou=exchange administrative group (fydibohf23spdlt)/cn=recipients/cn=446acf0cbd3a4363854caa15000ea254-homero de c;/o=exchangelabs/ou=exchange administrative group (fydibohf23spdlt)/cn=recipients/cn=546d63420d554c4d858776a48a93ef0f-gustavo de;/o=exchangelabs/ou=exchange administrative group (fydibohf23spdlt)/cn=recipients/cn=5dc660c055e14f5ab5647ab38237cbdc-eduardo aug;/o=exchangelabs/ou=exchange administrative group (fydibohf23spdlt)/cn=recipients/cn=b5ef1f826e364d2aa99a0df5d1906feb-liliane apa;/o=exchangelabs/ou=exchange administrative group (fydibohf23spdlt)/cn=recipients/cn=cd93dacc38404a95a829585c2e317a9f-dionizio ri;</t>
  </si>
  <si>
    <t>ENC: 213381 - BR DISTRIBUIDORA - Processo de Cotação GATEND 01/2019 - Serviço de Central de Atendimento Ativo/Receptivo - PRAZO: 27/09/2019</t>
  </si>
  <si>
    <t>Anexo II - Planilha de Preços (PPU &amp; Rampa Digital).xlsx</t>
  </si>
  <si>
    <t>/o=exchangelabs/ou=exchange administrative group (fydibohf23spdlt)/cn=recipients/cn=02b715e2a3c744dbab0f4054efc9d2d2-raquel corr,/o=exchangelabs/ou=exchange administrative group (fydibohf23spdlt)/cn=recipients/cn=2361e4251bf74fc4a50ab766b8d95847-algar tech,/o=exchangelabs/ou=exchange administrative group (fydibohf23spdlt)/cn=recipients/cn=446acf0cbd3a4363854caa15000ea254-homero de c,/o=exchangelabs/ou=exchange administrative group (fydibohf23spdlt)/cn=recipients/cn=546d63420d554c4d858776a48a93ef0f-gustavo de,/o=exchangelabs/ou=exchange administrative group (fydibohf23spdlt)/cn=recipients/cn=5dc660c055e14f5ab5647ab38237cbdc-eduardo aug,/o=exchangelabs/ou=exchange administrative group (fydibohf23spdlt)/cn=recipients/cn=b5ef1f826e364d2aa99a0df5d1906feb-liliane apa,/o=exchangelabs/ou=exchange administrative group (fydibohf23spdlt)/cn=recipients/cn=cd93dacc38404a95a829585c2e317a9f-dionizio ri</t>
  </si>
  <si>
    <t>09/24/2019 17:28:08</t>
  </si>
  <si>
    <t>09/24/2019 17:28:50</t>
  </si>
  <si>
    <t>10.200.58.186</t>
  </si>
  <si>
    <t>FC-01-7C-B3-BD-F1</t>
  </si>
  <si>
    <t>C:\Users\lucasfbr\OneDrive - Grupo Algar\Área de Trabalho\</t>
  </si>
  <si>
    <t>Windows10Assessment-09-24-2019-17h26m41s.xlsx</t>
  </si>
  <si>
    <t>09/24/2019 17:26:00</t>
  </si>
  <si>
    <t>09/24/2019 17:29:51</t>
  </si>
  <si>
    <t>Preco_UpgradeProc&amp;RAM_V1.xlsb</t>
  </si>
  <si>
    <t>09/24/2019 17:28:29</t>
  </si>
  <si>
    <t>09/24/2019 17:30:50</t>
  </si>
  <si>
    <t>C:\Users\nadiagds\OneDrive - Grupo Algar\Mesa Digital\ISD_Gerência de Projetos\ISD_HOMOLOGAÇÃO\BMG\</t>
  </si>
  <si>
    <t>BMG_ISD_TEMPLATE DE TESTES COM AS OPERAÇÕES.xlsx</t>
  </si>
  <si>
    <t>09/24/2019 17:28:38</t>
  </si>
  <si>
    <t>09/24/2019 17:29:00</t>
  </si>
  <si>
    <t>09/24/2019 17:29:41</t>
  </si>
  <si>
    <t>09/24/2019 17:33:46</t>
  </si>
  <si>
    <t>09/24/2019 17:35:50</t>
  </si>
  <si>
    <t>/o=exchangelabs/ou=exchange administrative group (fydibohf23spdlt)/cn=recipients/cn=f00c439d0d474c0586a503a0209ed1f2-bruno wande;</t>
  </si>
  <si>
    <t>ENC: Planilha Precificação temporária</t>
  </si>
  <si>
    <t>Plan Precificacao C017 B017 GRC.xlsb</t>
  </si>
  <si>
    <t>/o=exchangelabs/ou=exchange administrative group (fydibohf23spdlt)/cn=recipients/cn=f00c439d0d474c0586a503a0209ed1f2-bruno wande</t>
  </si>
  <si>
    <t>09/24/2019 17:32:12</t>
  </si>
  <si>
    <t>09/24/2019 17:35:00</t>
  </si>
  <si>
    <t>09/24/2019 17:38:38</t>
  </si>
  <si>
    <t>09/24/2019 17:39:50</t>
  </si>
  <si>
    <t>ILHA PF NIVEL 2</t>
  </si>
  <si>
    <t>10.200.58.89</t>
  </si>
  <si>
    <t>64-1C-67-9C-55-E3</t>
  </si>
  <si>
    <t>NB-RANIELLAR</t>
  </si>
  <si>
    <t>raniellarl</t>
  </si>
  <si>
    <t>Raniella Rubian Domingues Lima</t>
  </si>
  <si>
    <t>/o=exchangelabs/ou=exchange administrative group (fydibohf23spdlt)/cn=recipients/cn=688b04bca82340fa8b99292e52eeaee2-lilian gomi;/o=exchangelabs/ou=exchange administrative group (fydibohf23spdlt)/cn=recipients/cn=b88fbbe7feb5433885019feb0ecb000c-lilian beat;/o=exchangelabs/ou=exchange administrative group (fydibohf23spdlt)/cn=recipients/cn=cbe0503d4e2f45b7829777176658c86d-sucielle ro;</t>
  </si>
  <si>
    <t>ENC: Box Memo AMEX - Validação</t>
  </si>
  <si>
    <t>Amex Full Oficial.xlsx</t>
  </si>
  <si>
    <t>/o=exchangelabs/ou=exchange administrative group (fydibohf23spdlt)/cn=recipients/cn=688b04bca82340fa8b99292e52eeaee2-lilian gomi,/o=exchangelabs/ou=exchange administrative group (fydibohf23spdlt)/cn=recipients/cn=b88fbbe7feb5433885019feb0ecb000c-lilian beat,/o=exchangelabs/ou=exchange administrative group (fydibohf23spdlt)/cn=recipients/cn=cbe0503d4e2f45b7829777176658c86d-sucielle ro</t>
  </si>
  <si>
    <t>09/24/2019 17:36:50</t>
  </si>
  <si>
    <t>09/24/2019 17:41:50</t>
  </si>
  <si>
    <t>09/24/2019 17:39:47</t>
  </si>
  <si>
    <t>10.200.36.79</t>
  </si>
  <si>
    <t>64-1C-67-9C-54-29</t>
  </si>
  <si>
    <t>mail.google.com/_/upload?authuser=0&amp;dcp=asu-n&amp;upload_id=AEnB2UoZPNGy--bJpfKwDW5R-gRi3NN7X4fVReeaFCFpBPsr6OR8xmu5qvow8a-P1fEdzNQzPdTZSYlHTRyl02ZUCbaBtPMwC_2b5BvCdhxArfjD32YkDg4&amp;upload_protocol=resumable</t>
  </si>
  <si>
    <t>C:\Projetos\AVON\SUPORTE\35_EXTRACAO_MANUAL_PESQUISA_SATISFACAO_URA_SAR\PESQUISA_SATISFACAO_URA_SAR.zip\</t>
  </si>
  <si>
    <t>Pesquisa_Satisfacao_RA_20190601_a_20190615.xlsx</t>
  </si>
  <si>
    <t>Pesquisa_Satisfacao_RA_20190616_a_20190630.xlsx</t>
  </si>
  <si>
    <t>Pesquisa_Satisfacao_RA_20190701_a_20190715.xlsx</t>
  </si>
  <si>
    <t>Pesquisa_Satisfacao_RA_20190716_a_20190731.xlsx</t>
  </si>
  <si>
    <t>09/24/2019 17:42:32</t>
  </si>
  <si>
    <t>09/24/2019 17:45:50</t>
  </si>
  <si>
    <t>09/24/2019 17:43:18</t>
  </si>
  <si>
    <t>09/24/2019 17:44:34</t>
  </si>
  <si>
    <t>09/24/2019 17:37:47</t>
  </si>
  <si>
    <t>09/24/2019 17:47:50</t>
  </si>
  <si>
    <t>10.211.2.169</t>
  </si>
  <si>
    <t>D8-9C-67-86-36-1F</t>
  </si>
  <si>
    <t>/o=exchangelabs/ou=exchange administrative group (fydibohf23spdlt)/cn=recipients/cn=user78f7a52d;</t>
  </si>
  <si>
    <t>Projeto Hub - Versão Final</t>
  </si>
  <si>
    <t>148219 BP Hub Preço C017 B017 Desonerada Tx Ad. Aplicada_TI_v24.xlsb</t>
  </si>
  <si>
    <t>/o=exchangelabs/ou=exchange administrative group (fydibohf23spdlt)/cn=recipients/cn=user78f7a52d</t>
  </si>
  <si>
    <t>09/24/2019 17:45:33</t>
  </si>
  <si>
    <t>09/24/2019 17:50:50</t>
  </si>
  <si>
    <t>09/24/2019 17:49:34</t>
  </si>
  <si>
    <t>09/24/2019 17:49:43</t>
  </si>
  <si>
    <t>09/24/2019 17:51:50</t>
  </si>
  <si>
    <t>MARINA SOARES FONSECA</t>
  </si>
  <si>
    <t>RES: BFF 092019</t>
  </si>
  <si>
    <t>BFF Marina Soares Fonseca.xls</t>
  </si>
  <si>
    <t>09/24/2019 17:50:01</t>
  </si>
  <si>
    <t>/o=exchangelabs/ou=exchange administrative group (fydibohf23spdlt)/cn=recipients/cn=545f738e0fe740ba856f4eb6ef0135e0-vinicius si;/o=exchangelabs/ou=exchange administrative group (fydibohf23spdlt)/cn=recipients/cn=56c2af2d07fd48c0aebfc00ddc006494-alessio rod;/o=exchangelabs/ou=exchange administrative group (fydibohf23spdlt)/cn=recipients/cn=a72a765de829420582b78941417073ac-karina rodr;/o=exchangelabs/ou=exchange administrative group (fydibohf23spdlt)/cn=recipients/cn=d1d015f213f648abbf348b5ccdf8e9d9-senilda per;/o=exchangelabs/ou=exchange administrative group (fydibohf23spdlt)/cn=recipients/cn=f00c439d0d474c0586a503a0209ed1f2-bruno wande;/o=exchangelabs/ou=exchange administrative group (fydibohf23spdlt)/cn=recipients/cn=usere11ed38c;</t>
  </si>
  <si>
    <t>RES: Revisão Nova proposta Front Avon</t>
  </si>
  <si>
    <t>Volumetria Front Avon.xlsx</t>
  </si>
  <si>
    <t>/o=exchangelabs/ou=exchange administrative group (fydibohf23spdlt)/cn=recipients/cn=545f738e0fe740ba856f4eb6ef0135e0-vinicius si,/o=exchangelabs/ou=exchange administrative group (fydibohf23spdlt)/cn=recipients/cn=56c2af2d07fd48c0aebfc00ddc006494-alessio rod,/o=exchangelabs/ou=exchange administrative group (fydibohf23spdlt)/cn=recipients/cn=a72a765de829420582b78941417073ac-karina rodr,/o=exchangelabs/ou=exchange administrative group (fydibohf23spdlt)/cn=recipients/cn=d1d015f213f648abbf348b5ccdf8e9d9-senilda per,/o=exchangelabs/ou=exchange administrative group (fydibohf23spdlt)/cn=recipients/cn=f00c439d0d474c0586a503a0209ed1f2-bruno wande,/o=exchangelabs/ou=exchange administrative group (fydibohf23spdlt)/cn=recipients/cn=usere11ed38c</t>
  </si>
  <si>
    <t>09/24/2019 17:46:41</t>
  </si>
  <si>
    <t>/o=exchangelabs/ou=exchange administrative group (fydibohf23spdlt)/cn=recipients/cn=65f2464c9a2e4d2981cae7124572133d-cristiane c;</t>
  </si>
  <si>
    <t>ENC: Memoria do orçamento da revisao 2019</t>
  </si>
  <si>
    <t>/o=exchangelabs/ou=exchange administrative group (fydibohf23spdlt)/cn=recipients/cn=65f2464c9a2e4d2981cae7124572133d-cristiane c</t>
  </si>
  <si>
    <t>09/24/2019 17:50:51</t>
  </si>
  <si>
    <t>09/24/2019 17:55:50</t>
  </si>
  <si>
    <t>09/24/2019 17:52:12</t>
  </si>
  <si>
    <t>09/24/2019 17:52:46</t>
  </si>
  <si>
    <t>09/24/2019 17:53:53</t>
  </si>
  <si>
    <t>09/24/2019 17:56:06</t>
  </si>
  <si>
    <t>09/24/2019 18:00:50</t>
  </si>
  <si>
    <t>09/24/2019 17:57:20</t>
  </si>
  <si>
    <t>09/24/2019 17:58:09</t>
  </si>
  <si>
    <t>09/24/2019 17:59:11</t>
  </si>
  <si>
    <t>09/24/2019 17:59:46</t>
  </si>
  <si>
    <t>09/24/2019 18:00:58</t>
  </si>
  <si>
    <t>09/24/2019 18:04:50</t>
  </si>
  <si>
    <t>/o=exchangelabs/ou=exchange administrative group (fydibohf23spdlt)/cn=recipients/cn=287c26b08a0f48578479a15a452f025d-edilson rod;/o=exchangelabs/ou=exchange administrative group (fydibohf23spdlt)/cn=recipients/cn=ba64882ecdca4e529551bc93e56e2f41-helbert bec;/o=exchangelabs/ou=exchange administrative group (fydibohf23spdlt)/cn=recipients/cn=f98150252e7d4ec38856314e08392d87-angeline gu;/o=exchangelabs/ou=exchange administrative group (fydibohf23spdlt)/cn=recipients/cn=user9f44a979;fabriciovs@algartech.com;</t>
  </si>
  <si>
    <t>RES: Recuperação.Outros.Custos.xls</t>
  </si>
  <si>
    <t>Recuperação de Custo.xls</t>
  </si>
  <si>
    <t>/o=exchangelabs/ou=exchange administrative group (fydibohf23spdlt)/cn=recipients/cn=287c26b08a0f48578479a15a452f025d-edilson rod,/o=exchangelabs/ou=exchange administrative group (fydibohf23spdlt)/cn=recipients/cn=ba64882ecdca4e529551bc93e56e2f41-helbert bec,/o=exchangelabs/ou=exchange administrative group (fydibohf23spdlt)/cn=recipients/cn=f98150252e7d4ec38856314e08392d87-angeline gu,/o=exchangelabs/ou=exchange administrative group (fydibohf23spdlt)/cn=recipients/cn=user9f44a979,fabriciovs@algartech.com</t>
  </si>
  <si>
    <t>09/24/2019 18:02:41</t>
  </si>
  <si>
    <t>/o=exchangelabs/ou=exchange administrative group (fydibohf23spdlt)/cn=recipients/cn=d16a69b66e8f48f996733ea1fc65459a-bruna roger;</t>
  </si>
  <si>
    <t>orçamento</t>
  </si>
  <si>
    <t>OUVIDORIA - Orcamento Final 2020V1.xlsm</t>
  </si>
  <si>
    <t>/o=exchangelabs/ou=exchange administrative group (fydibohf23spdlt)/cn=recipients/cn=d16a69b66e8f48f996733ea1fc65459a-bruna roger</t>
  </si>
  <si>
    <t>09/24/2019 18:04:02</t>
  </si>
  <si>
    <t>base</t>
  </si>
  <si>
    <t>Algar - Sumário Executivo Ouvidoria Jun-Ago 2019V2.pptx\</t>
  </si>
  <si>
    <t>09/24/2019 18:00:26</t>
  </si>
  <si>
    <t>09/24/2019 18:05:51</t>
  </si>
  <si>
    <t>09/24/2019 18:01:07</t>
  </si>
  <si>
    <t>09/24/2019 18:01:54</t>
  </si>
  <si>
    <t>09/24/2019 18:05:05</t>
  </si>
  <si>
    <t>09/24/2019 18:05:36</t>
  </si>
  <si>
    <t>09/24/2019 18:10:50</t>
  </si>
  <si>
    <t>09/24/2019 18:05:54</t>
  </si>
  <si>
    <t>09/24/2019 18:07:15</t>
  </si>
  <si>
    <t>09/24/2019 18:08:17</t>
  </si>
  <si>
    <t>09/24/2019 18:06:26</t>
  </si>
  <si>
    <t>09/24/2019 18:11:50</t>
  </si>
  <si>
    <t>/o=exchangelabs/ou=exchange administrative group (fydibohf23spdlt)/cn=recipients/cn=670d10f0276c47ba89a984b1a225496b-victor gala;/o=exchangelabs/ou=exchange administrative group (fydibohf23spdlt)/cn=recipients/cn=df6ea6cc78a840278b1e7acccac67692-thiago rodr;</t>
  </si>
  <si>
    <t>ENC: Lista treinamento</t>
  </si>
  <si>
    <t>Treinamento BV Cartões + IDs.xlsx</t>
  </si>
  <si>
    <t>/o=exchangelabs/ou=exchange administrative group (fydibohf23spdlt)/cn=recipients/cn=670d10f0276c47ba89a984b1a225496b-victor gala,/o=exchangelabs/ou=exchange administrative group (fydibohf23spdlt)/cn=recipients/cn=df6ea6cc78a840278b1e7acccac67692-thiago rodr</t>
  </si>
  <si>
    <t>09/24/2019 18:10:22</t>
  </si>
  <si>
    <t>C:\Users\elainemdlp\OD\_Projetos\Em andamento\Relacionamento Cartoes BV\03 - Execucao\Telecom\</t>
  </si>
  <si>
    <t>09/24/2019 18:10:02</t>
  </si>
  <si>
    <t>09/24/2019 18:14:51</t>
  </si>
  <si>
    <t>adalbertoms@algartech.com;brenocfm@algartech.com;carloselo@algartech.com;edilsonrb@algartech.com;fabriciovs@algartech.com;glaucioac@algartech.com;helbertbb@algartech.com;luizccga@algartech.com;maurojmdo@algartech.com;rafaelbdt@algartech.com;thiagopre@algartech.com;</t>
  </si>
  <si>
    <t>C:\Users\daniloasb\Desktop\</t>
  </si>
  <si>
    <t>PAs Whirlpool.xlsx</t>
  </si>
  <si>
    <t>adalbertoms@algartech.com,brenocfm@algartech.com,carloselo@algartech.com,edilsonrb@algartech.com,fabriciovs@algartech.com,glaucioac@algartech.com,helbertbb@algartech.com,luizccga@algartech.com,maurojmdo@algartech.com,rafaelbdt@algartech.com,thiagopre@algartech.com</t>
  </si>
  <si>
    <t>09/24/2019 17:57:47</t>
  </si>
  <si>
    <t>10.200.61.68</t>
  </si>
  <si>
    <t>D8-9C-67-6F-27-0F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a78f7dae304e472e9f75bd537683f6e5-hugo de oli;daniel.cabeceira@bradesco.com.br;</t>
  </si>
  <si>
    <t>ENC: Layout padrão Aspect Nex</t>
  </si>
  <si>
    <t>Layout Campanhas ASPECT - NEXT.xlsb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a78f7dae304e472e9f75bd537683f6e5-hugo de oli,daniel.cabeceira@bradesco.com.br</t>
  </si>
  <si>
    <t>09/24/2019 18:13:11</t>
  </si>
  <si>
    <t>/o=exchangelabs/ou=exchange administrative group (fydibohf23spdlt)/cn=recipients/cn=17d8f04fe62d4d3baddebc7b19339779-paulo henri;/o=exchangelabs/ou=exchange administrative group (fydibohf23spdlt)/cn=recipients/cn=b882fe4dd4d548e3a696b02e3de6e5d1-viviane pri;/o=exchangelabs/ou=exchange administrative group (fydibohf23spdlt)/cn=recipients/cn=c0266b8211e24bc5b1c5e59650b1724e-karolina da;claudiac.machado@bradesco.com.br;cristiano.j.cortez@bradesco.com.br;daniela.sotti@bradesco.com.br;danielex.carvalho@bradesco.com.br;elton.r.luz@bradesco.com.br;emerson.r.correia@bradesco.com.br;fernanda.l.pereira@bradesco.com.br;filype.s.przybylski@bradesco.com.br;francieli.gasparin@bradesco.com.br;marina.yokogawa@bradesco.com.br;renata.c.freitas@bradesco.com.br;sarah.henrique@bradesco.com.br;</t>
  </si>
  <si>
    <t>Daily Ativo e Daily Comercial</t>
  </si>
  <si>
    <t>Daily Unificado Correntista_201909.xlsx</t>
  </si>
  <si>
    <t>/o=exchangelabs/ou=exchange administrative group (fydibohf23spdlt)/cn=recipients/cn=17d8f04fe62d4d3baddebc7b19339779-paulo henri,/o=exchangelabs/ou=exchange administrative group (fydibohf23spdlt)/cn=recipients/cn=b882fe4dd4d548e3a696b02e3de6e5d1-viviane pri,/o=exchangelabs/ou=exchange administrative group (fydibohf23spdlt)/cn=recipients/cn=c0266b8211e24bc5b1c5e59650b1724e-karolina da,claudiac.machado@bradesco.com.br,cristiano.j.cortez@bradesco.com.br,daniela.sotti@bradesco.com.br,danielex.carvalho@bradesco.com.br,elton.r.luz@bradesco.com.br,emerson.r.correia@bradesco.com.br,fernanda.l.pereira@bradesco.com.br,filype.s.przybylski@bradesco.com.br,francieli.gasparin@bradesco.com.br,marina.yokogawa@bradesco.com.br,renata.c.freitas@bradesco.com.br,sarah.henrique@bradesco.com.br</t>
  </si>
  <si>
    <t>09/24/2019 18:10:46</t>
  </si>
  <si>
    <t>09/24/2019 18:15:50</t>
  </si>
  <si>
    <t>09/24/2019 18:11:00</t>
  </si>
  <si>
    <t>09/24/2019 18:15:03</t>
  </si>
  <si>
    <t>09/24/2019 18:18:51</t>
  </si>
  <si>
    <t>10.200.60.161</t>
  </si>
  <si>
    <t>FC-01-7C-B3-56-35</t>
  </si>
  <si>
    <t>NB-ERICACDOSC</t>
  </si>
  <si>
    <t>ericacdosc</t>
  </si>
  <si>
    <t>ERICA CAROLINA DE OLIVEIRA SILVA CARVALHO</t>
  </si>
  <si>
    <t>/o=exchangelabs/ou=exchange administrative group (fydibohf23spdlt)/cn=recipients/cn=tatiane de souza lemes panato_aed47a633b;</t>
  </si>
  <si>
    <t>RES: REsultados mes ago/19</t>
  </si>
  <si>
    <t>/o=exchangelabs/ou=exchange administrative group (fydibohf23spdlt)/cn=recipients/cn=tatiane de souza lemes panato_aed47a633b</t>
  </si>
  <si>
    <t>09/24/2019 18:14:32</t>
  </si>
  <si>
    <t>09/24/2019 18:19:50</t>
  </si>
  <si>
    <t>/o=exchangelabs/ou=exchange administrative group (fydibohf23spdlt)/cn=recipients/cn=17d8f04fe62d4d3baddebc7b19339779-paulo henri;/o=exchangelabs/ou=exchange administrative group (fydibohf23spdlt)/cn=recipients/cn=b882fe4dd4d548e3a696b02e3de6e5d1-viviane pri;/o=exchangelabs/ou=exchange administrative group (fydibohf23spdlt)/cn=recipients/cn=c0266b8211e24bc5b1c5e59650b1724e-karolina da;claudiac.machado@bradesco.com.br;cristiano.j.cortez@bradesco.com.br;daniela.sotti@bradesco.com.br;emerson.r.correia@bradesco.com.br;fernanda.l.pereira@bradesco.com.br;marina.yokogawa@bradesco.com.br;sarah.henrique@bradesco.com.br;</t>
  </si>
  <si>
    <t>Daily Operador</t>
  </si>
  <si>
    <t>Daily Operador_23-09-2019.xlsx</t>
  </si>
  <si>
    <t>/o=exchangelabs/ou=exchange administrative group (fydibohf23spdlt)/cn=recipients/cn=17d8f04fe62d4d3baddebc7b19339779-paulo henri,/o=exchangelabs/ou=exchange administrative group (fydibohf23spdlt)/cn=recipients/cn=b882fe4dd4d548e3a696b02e3de6e5d1-viviane pri,/o=exchangelabs/ou=exchange administrative group (fydibohf23spdlt)/cn=recipients/cn=c0266b8211e24bc5b1c5e59650b1724e-karolina da,claudiac.machado@bradesco.com.br,cristiano.j.cortez@bradesco.com.br,daniela.sotti@bradesco.com.br,emerson.r.correia@bradesco.com.br,fernanda.l.pereira@bradesco.com.br,marina.yokogawa@bradesco.com.br,sarah.henrique@bradesco.com.br</t>
  </si>
  <si>
    <t>09/24/2019 18:15:12</t>
  </si>
  <si>
    <t>/o=exchangelabs/ou=exchange administrative group (fydibohf23spdlt)/cn=recipients/cn=1388e760581940569776ffce7145c40e-patricia ap;carmem.peres@bradesco.com.br;claudiac.machado@bradesco.com.br;cristiano.j.cortez@bradesco.com.br;daniela.sotti@bradesco.com.br;danielex.carvalho@bradesco.com.br;emerson.r.correia@bradesco.com.br;fernanda.l.pereira@bradesco.com.br;marina.yokogawa@bradesco.com.br;sarah.henrique@bradesco.com.br;</t>
  </si>
  <si>
    <t>Daily URA</t>
  </si>
  <si>
    <t>Daily URA Ativa 092011.xlsx</t>
  </si>
  <si>
    <t>/o=exchangelabs/ou=exchange administrative group (fydibohf23spdlt)/cn=recipients/cn=1388e760581940569776ffce7145c40e-patricia ap,carmem.peres@bradesco.com.br,claudiac.machado@bradesco.com.br,cristiano.j.cortez@bradesco.com.br,daniela.sotti@bradesco.com.br,danielex.carvalho@bradesco.com.br,emerson.r.correia@bradesco.com.br,fernanda.l.pereira@bradesco.com.br,marina.yokogawa@bradesco.com.br,sarah.henrique@bradesco.com.br</t>
  </si>
  <si>
    <t>09/24/2019 18:15:54</t>
  </si>
  <si>
    <t>Daily Comercial</t>
  </si>
  <si>
    <t>Daily Algar Correntista_23setembro.xlsm</t>
  </si>
  <si>
    <t>09/24/2019 18:17:29</t>
  </si>
  <si>
    <t>/o=exchangelabs/ou=exchange administrative group (fydibohf23spdlt)/cn=recipients/cn=5dd03a66f797451390d7113259343399-aline da si;/o=exchangelabs/ou=exchange administrative group (fydibohf23spdlt)/cn=recipients/cn=a7e592821d864418bccf1424f02e2670-felipe alve;/o=exchangelabs/ou=exchange administrative group (fydibohf23spdlt)/cn=recipients/cn=b4af4243d22d4dfa8c6b1830b913b4d3-caio cesar;/o=exchangelabs/ou=exchange administrative group (fydibohf23spdlt)/cn=recipients/cn=user05f2c55d;</t>
  </si>
  <si>
    <t>RES: retido indevido</t>
  </si>
  <si>
    <t>/o=exchangelabs/ou=exchange administrative group (fydibohf23spdlt)/cn=recipients/cn=5dd03a66f797451390d7113259343399-aline da si,/o=exchangelabs/ou=exchange administrative group (fydibohf23spdlt)/cn=recipients/cn=a7e592821d864418bccf1424f02e2670-felipe alve,/o=exchangelabs/ou=exchange administrative group (fydibohf23spdlt)/cn=recipients/cn=b4af4243d22d4dfa8c6b1830b913b4d3-caio cesar,/o=exchangelabs/ou=exchange administrative group (fydibohf23spdlt)/cn=recipients/cn=user05f2c55d</t>
  </si>
  <si>
    <t>09/24/2019 18:15:51</t>
  </si>
  <si>
    <t>09/24/2019 18:20:50</t>
  </si>
  <si>
    <t>10.200.57.97</t>
  </si>
  <si>
    <t>9C-30-5B-FC-30-51</t>
  </si>
  <si>
    <t>/o=exchangelabs/ou=exchange administrative group (fydibohf23spdlt)/cn=recipients/cn=2504d5028b6b4fb89d14a5df6031358d-jane carla;/o=exchangelabs/ou=exchange administrative group (fydibohf23spdlt)/cn=recipients/cn=5ab64dc5178e4d66aadc5f660807b2c3-andre gomes;/o=exchangelabs/ou=exchange administrative group (fydibohf23spdlt)/cn=recipients/cn=user9f44a979;</t>
  </si>
  <si>
    <t>Renove DTI - Preclosing</t>
  </si>
  <si>
    <t>racional_renoveDTI.xlsx</t>
  </si>
  <si>
    <t>/o=exchangelabs/ou=exchange administrative group (fydibohf23spdlt)/cn=recipients/cn=2504d5028b6b4fb89d14a5df6031358d-jane carla,/o=exchangelabs/ou=exchange administrative group (fydibohf23spdlt)/cn=recipients/cn=5ab64dc5178e4d66aadc5f660807b2c3-andre gomes,/o=exchangelabs/ou=exchange administrative group (fydibohf23spdlt)/cn=recipients/cn=user9f44a979</t>
  </si>
  <si>
    <t>09/24/2019 18:16:42</t>
  </si>
  <si>
    <t>09/24/2019 18:21:50</t>
  </si>
  <si>
    <t>/o=exchangelabs/ou=exchange administrative group (fydibohf23spdlt)/cn=recipients/cn=3fdae55f800a40bf81283bd4e9732f23-ludimila ti;</t>
  </si>
  <si>
    <t>Ranking</t>
  </si>
  <si>
    <t>Ranking_Ago.19.xlsx</t>
  </si>
  <si>
    <t>/o=exchangelabs/ou=exchange administrative group (fydibohf23spdlt)/cn=recipients/cn=3fdae55f800a40bf81283bd4e9732f23-ludimila ti</t>
  </si>
  <si>
    <t>09/24/2019 18:22:21</t>
  </si>
  <si>
    <t>09/24/2019 18:25:49</t>
  </si>
  <si>
    <t>09/24/2019 18:23:04</t>
  </si>
  <si>
    <t>09/24/2019 18:23:19</t>
  </si>
  <si>
    <t>09/24/2019 18:23:34</t>
  </si>
  <si>
    <t>09/24/2019 18:28:32</t>
  </si>
  <si>
    <t>09/24/2019 18:33:50</t>
  </si>
  <si>
    <t>/o=exchangelabs/ou=exchange administrative group (fydibohf23spdlt)/cn=recipients/cn=55f846c335d7437f892f0b0d49c89e92-celma ribei;/o=exchangelabs/ou=exchange administrative group (fydibohf23spdlt)/cn=recipients/cn=b194f014572c4c36b52132f9199df1aa-jairo junio;</t>
  </si>
  <si>
    <t>ENC: BP's Prudential - Última versão</t>
  </si>
  <si>
    <t>BP GIAT - 24_08 8% Ano 1 3% demais anos.xlsb</t>
  </si>
  <si>
    <t>/o=exchangelabs/ou=exchange administrative group (fydibohf23spdlt)/cn=recipients/cn=55f846c335d7437f892f0b0d49c89e92-celma ribei,/o=exchangelabs/ou=exchange administrative group (fydibohf23spdlt)/cn=recipients/cn=b194f014572c4c36b52132f9199df1aa-jairo junio</t>
  </si>
  <si>
    <t>09/24/2019 18:31:07</t>
  </si>
  <si>
    <t>09/24/2019 18:35:51</t>
  </si>
  <si>
    <t>09/24/2019 18:34:45</t>
  </si>
  <si>
    <t>09/24/2019 18:39:01</t>
  </si>
  <si>
    <t>09/24/2019 18:41:51</t>
  </si>
  <si>
    <t>C:\Users\fellypcsj\OneDrive - Grupo Algar\Engeset\ADMINISTRATIVO FINANCEIRO\GEO GOVERNANÇA\LOGISTÍCA\ESTOQUE TERCEIRO\INSERVIVEIS\08 - AGOSTO\</t>
  </si>
  <si>
    <t>082019 - Analise Inserviveis.xlsx</t>
  </si>
  <si>
    <t>09/24/2019 18:39:13</t>
  </si>
  <si>
    <t>C:\Users\fellypcsj\OneDrive - Grupo Algar\Engeset\ADMINISTRATIVO FINANCEIRO\GEO GOVERNANÇA\LOGISTÍCA\ESTOQUE TERCEIRO\INSERVIVEIS\07 - JULHO\</t>
  </si>
  <si>
    <t>072019 - Analise Inserviveis.xlsx</t>
  </si>
  <si>
    <t>09/24/2019 18:39:30</t>
  </si>
  <si>
    <t>C:\Users\fellypcsj\OneDrive - Grupo Algar\Engeset\ADMINISTRATIVO FINANCEIRO\GEO GOVERNANÇA\LOGISTÍCA\ESTOQUE TERCEIRO\INSERVIVEIS\</t>
  </si>
  <si>
    <t>Historico inserviveis.xlsx</t>
  </si>
  <si>
    <t>09/24/2019 18:41:09</t>
  </si>
  <si>
    <t>09/24/2019 18:42:50</t>
  </si>
  <si>
    <t>CONS JUSTICA FEDERAL CJF-PROFESSIONAL SERVICE</t>
  </si>
  <si>
    <t>10.208.12.35</t>
  </si>
  <si>
    <t>FC-01-7C-B3-58-A3</t>
  </si>
  <si>
    <t>NB-DIEGOALS1</t>
  </si>
  <si>
    <t>diegoals</t>
  </si>
  <si>
    <t>Diego De Andrade Lucas E Silva</t>
  </si>
  <si>
    <t>/o=exchangelabs/ou=exchange administrative group (fydibohf23spdlt)/cn=recipients/cn=83e5e0f05dcb4510a09e93c7d27271dd-hugo braga;</t>
  </si>
  <si>
    <t>Calendário Wilbert</t>
  </si>
  <si>
    <t>Calendário Wilbert.xlsx</t>
  </si>
  <si>
    <t>/o=exchangelabs/ou=exchange administrative group (fydibohf23spdlt)/cn=recipients/cn=83e5e0f05dcb4510a09e93c7d27271dd-hugo braga</t>
  </si>
  <si>
    <t>09/24/2019 18:47:25</t>
  </si>
  <si>
    <t>09/24/2019 18:49:51</t>
  </si>
  <si>
    <t>09/24/2019 18:49:21</t>
  </si>
  <si>
    <t>09/24/2019 18:50:50</t>
  </si>
  <si>
    <t>09/24/2019 18:49:29</t>
  </si>
  <si>
    <t>09/24/2019 18:53:51</t>
  </si>
  <si>
    <t>09/24/2019 18:55:50</t>
  </si>
  <si>
    <t>09/24/2019 18:54:26</t>
  </si>
  <si>
    <t>09/24/2019 18:54:29</t>
  </si>
  <si>
    <t>09/24/2019 18:56:50</t>
  </si>
  <si>
    <t>mail.google.com/_/upload?authuser=0&amp;dcp=asu-n&amp;upload_id=AEnB2Uokp2jA2yQpY6IvT894SWqzdbhULu5ijHsS6iiWRO8ukvPk_XDf_A_j5fXMC3NSHSOE8sXKTnOU6PURFq4pUcENtVPK9IlcYlA2SI2zUGl-jQxd4cE&amp;upload_protocol=resumable</t>
  </si>
  <si>
    <t>henriqueac@algartech.com;leticiagri@algartech.com;lucianagd@algartech.com;</t>
  </si>
  <si>
    <t>RATEIO ref Agosto.19 ASC PARTE FIXA_Mensalidades.xlsx</t>
  </si>
  <si>
    <t>henriqueac@algartech.com,leticiagri@algartech.com,lucianagd@algartech.com</t>
  </si>
  <si>
    <t>09/24/2019 19:36:50</t>
  </si>
  <si>
    <t>09/24/2019 19:37:50</t>
  </si>
  <si>
    <t>09/24/2019 19:38:22</t>
  </si>
  <si>
    <t>09/24/2019 19:40:50</t>
  </si>
  <si>
    <t>/o=exchangelabs/ou=exchange administrative group (fydibohf23spdlt)/cn=recipients/cn=394721a68b3e435a9a70c1ea8a4fd176-eduardo hen;/o=exchangelabs/ou=exchange administrative group (fydibohf23spdlt)/cn=recipients/cn=525b3060f0654996a4c2979efbfaed04-douglas sil;/o=exchangelabs/ou=exchange administrative group (fydibohf23spdlt)/cn=recipients/cn=545f738e0fe740ba856f4eb6ef0135e0-vinicius si;/o=exchangelabs/ou=exchange administrative group (fydibohf23spdlt)/cn=recipients/cn=58ffc1e01a9d4eec8e3d842278cac233-helio reis;/o=exchangelabs/ou=exchange administrative group (fydibohf23spdlt)/cn=recipients/cn=746f10dd924a4e7dbfe2f813f74b1f2c-gilmar pres;/o=exchangelabs/ou=exchange administrative group (fydibohf23spdlt)/cn=recipients/cn=8da96f497b5c46ee81c2775857a1df84-pedro henri;/o=exchangelabs/ou=exchange administrative group (fydibohf23spdlt)/cn=recipients/cn=b284454839e94314a90d49e7ec00864f-antonio car;/o=exchangelabs/ou=exchange administrative group (fydibohf23spdlt)/cn=recipients/cn=e174366906884bd1b4d4c5ddfc8c9433-rodri</t>
  </si>
  <si>
    <t>S&amp;OP - Setembro 2019</t>
  </si>
  <si>
    <t>Planilha_SOP_19.xlsx</t>
  </si>
  <si>
    <t>/o=exchangelabs/ou=exchange administrative group (fydibohf23spdlt)/cn=recipients/cn=394721a68b3e435a9a70c1ea8a4fd176-eduardo hen,/o=exchangelabs/ou=exchange administrative group (fydibohf23spdlt)/cn=recipients/cn=525b3060f0654996a4c2979efbfaed04-douglas sil,/o=exchangelabs/ou=exchange administrative group (fydibohf23spdlt)/cn=recipients/cn=545f738e0fe740ba856f4eb6ef0135e0-vinicius si,/o=exchangelabs/ou=exchange administrative group (fydibohf23spdlt)/cn=recipients/cn=58ffc1e01a9d4eec8e3d842278cac233-helio reis,/o=exchangelabs/ou=exchange administrative group (fydibohf23spdlt)/cn=recipients/cn=746f10dd924a4e7dbfe2f813f74b1f2c-gilmar pres,/o=exchangelabs/ou=exchange administrative group (fydibohf23spdlt)/cn=recipients/cn=8da96f497b5c46ee81c2775857a1df84-pedro henri,/o=exchangelabs/ou=exchange administrative group (fydibohf23spdlt)/cn=recipients/cn=b284454839e94314a90d49e7ec00864f-antonio car,/o=exchangelabs/ou=exchange administrative group (fydibohf23spdlt)/cn=recipients/cn=e174366906884bd1b4d4c5ddfc8c9433-rodri</t>
  </si>
  <si>
    <t>09/24/2019 19:44:49</t>
  </si>
  <si>
    <t>09/24/2019 19:46:50</t>
  </si>
  <si>
    <t>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Acompanhamento Speak - Set/19</t>
  </si>
  <si>
    <t>09 - SPEAK SET.19_V2.xlsx</t>
  </si>
  <si>
    <t>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09/24/2019 21:07:24</t>
  </si>
  <si>
    <t>09/24/2019 21:12:50</t>
  </si>
  <si>
    <t>lucasfbr@algartech.com</t>
  </si>
  <si>
    <t>mail.google.com/_/upload?authuser=0&amp;dcp=asu-n&amp;upload_id=AEnB2UoeX9x4B0XYXsATfmNXYEs8h_-mFG9_zJDomOZTvy5WkXk3MwFPgW6zAlNkEH02jo6KU8Z97FFScTlwywE3UMBmRAcogXwe53jgGOJKmOI4TIyOaQA&amp;upload_protocol=resumable</t>
  </si>
  <si>
    <t>"15693591;"2":"1569262687138"};"2":{"1":254}}];"2":{"1":286}};"30":0}lychip-5\" href=\�;-ao3igrb2ufszrmkxbwd58eitfg1o9fenzcehkl5kej3tkjhpasum4zkcjtrp4anaa31_zq2yu0twnl-z1pa1qsywiuz9vmwxzzmlmfbikilduldhuhm6hwwr6yv20na5dedwatlwnflhwmeh5t8k86qpy_3zr_1sjdwlrbco0mzgzehzyfz4-0cae1fcdehqava0olb6pjvqkuosrbr-_38ambbvyo\";-ao3igrb2ufszrmkxbwd58eitfg1o9fenzcehkl5kej3tkjhpasum4zkcjtrp4anaa31_zq2yu0twnl-z1pa1qsywiuz9vmwxzzmlmfbikilduldhuhm6hwwr6yv20na5dedwatlwnflhwmeh5t8k86qpy_3zr_1sjdwlrbco0mzgzehzyfz4o0cae1vzeevymbx-rr2m2uka0cwvyhkwsl5vm_bpvu\";-ao3igrb2ufszrmkxbwd58eitfg1o9fenzcehkl5kej3tkjhpasum4zkcjtrp4anaa31_zq2yu0twnl-z1pa1qsywiuz9vmwxzzmlmfbikilduldhuhm6hwwr6yv20na5dedwatlwnflhwmeh5t8k86qpy_3zr_1sjdwlrbco0mzgzehzyfz4u0cae2exuxgnljgkjec1myfnrcii-pk_0dng3pxwwu\";-ao3igrb2ufszrmkxbwd58eitfg1o9fenzcehkl5kej3tkjhpasum4zkcjtrp4anaa31_zq2yu0twnl-z1pa1qsywiuz9vmwxzzmlmfbikilduldhuhm6hwwr6yv20na5dedwatlwnflhwmeh5t8k86qpy_3zr_1sjdwlrbco0mzgzehzyfz7-0cae3mwrtqmjtdgjgtrsjxdcej_6b3qcuc4eb-tse\";-ao3igrb2ufszrmkxbwd58eitfg1o9fe</t>
  </si>
  <si>
    <t>C:\Users\lucasfbr\Grupo Algar\Gerenciamento da Configuração - Documentos\Licenciamento\PROJETO GOOGLE G SUITE\IMPLANTAÇÃO\GSUITE\Arquivos Enviados\</t>
  </si>
  <si>
    <t>1 - [TEMPLATE - MIGRAÇÃO] Relação de Usuários_EARLY ADOPTERS.xlsx</t>
  </si>
  <si>
    <t>"15693591,"2":"1569262687138"},"2":{"1":254}}],"2":{"1":286}},"30":0}lychip-5\" href=\�,-ao3igrb2ufszrmkxbwd58eitfg1o9fenzcehkl5kej3tkjhpasum4zkcjtrp4anaa31_zq2yu0twnl-z1pa1qsywiuz9vmwxzzmlmfbikilduldhuhm6hwwr6yv20na5dedwatlwnflhwmeh5t8k86qpy_3zr_1sjdwlrbco0mzgzehzyfz4-0cae1fcdehqava0olb6pjvqkuosrbr-_38ambbvyo\",-ao3igrb2ufszrmkxbwd58eitfg1o9fenzcehkl5kej3tkjhpasum4zkcjtrp4anaa31_zq2yu0twnl-z1pa1qsywiuz9vmwxzzmlmfbikilduldhuhm6hwwr6yv20na5dedwatlwnflhwmeh5t8k86qpy_3zr_1sjdwlrbco0mzgzehzyfz4o0cae1vzeevymbx-rr2m2uka0cwvyhkwsl5vm_bpvu\",-ao3igrb2ufszrmkxbwd58eitfg1o9fenzcehkl5kej3tkjhpasum4zkcjtrp4anaa31_zq2yu0twnl-z1pa1qsywiuz9vmwxzzmlmfbikilduldhuhm6hwwr6yv20na5dedwatlwnflhwmeh5t8k86qpy_3zr_1sjdwlrbco0mzgzehzyfz4u0cae2exuxgnljgkjec1myfnrcii-pk_0dng3pxwwu\",-ao3igrb2ufszrmkxbwd58eitfg1o9fenzcehkl5kej3tkjhpasum4zkcjtrp4anaa31_zq2yu0twnl-z1pa1qsywiuz9vmwxzzmlmfbikilduldhuhm6hwwr6yv20na5dedwatlwnflhwmeh5t8k86qpy_3zr_1sjdwlrbco0mzgzehzyfz7-0cae3mwrtqmjtdgjgtrsjxdcej_6b3qcuc4eb-tse\",-ao3igrb2ufszrmkxbwd58eitfg1o9fe</t>
  </si>
  <si>
    <t>09/24/2019 23:56:53</t>
  </si>
  <si>
    <t>09/25/2019 00:01:52</t>
  </si>
  <si>
    <t>10.16.72.105</t>
  </si>
  <si>
    <t>78-E3-B5-E7-3F-A8</t>
  </si>
  <si>
    <t>BHE-STAFF53</t>
  </si>
  <si>
    <t>glaysongds</t>
  </si>
  <si>
    <t>acacioj@timbrasil.com.br;adourado@timbrasil.com.br;alairf@timbrasil.com.br;aleal@timbrasil.com.br;alfredomb@algartech.com;alinefsa@algartech.com;amandardso@algartech.com;antoniocb@algartech.com;cleitongp@algartech.com;jrsouza@timbrasil.com.br;julianocp@algartech.com;lsales@timbrasil.com.br;maiconaar@algartech.com;mvurro@timbrasil.com.br;nribeiro_act@timbrasil.com.br;</t>
  </si>
  <si>
    <t>C:\Users\glaysongds\Desktop\</t>
  </si>
  <si>
    <t>Status Minas 23 54.xls</t>
  </si>
  <si>
    <t>acacioj@timbrasil.com.br,adourado@timbrasil.com.br,alairf@timbrasil.com.br,aleal@timbrasil.com.br,alfredomb@algartech.com,alinefsa@algartech.com,amandardso@algartech.com,antoniocb@algartech.com,cleitongp@algartech.com,jrsouza@timbrasil.com.br,julianocp@algartech.com,lsales@timbrasil.com.br,maiconaar@algartech.com,mvurro@timbrasil.com.br,nribeiro_act@timbrasil.com.br</t>
  </si>
  <si>
    <t>09/25/2019 07:30:51</t>
  </si>
  <si>
    <t>09/25/2019 07:31:53</t>
  </si>
  <si>
    <t>C:\Users\danielhdm\OneDrive - Grupo Algar\Operações Bradesco Campinas\BRADESCO_DEEPCENTER\</t>
  </si>
  <si>
    <t>LAYOUT_COMENTADO_v3-NB-DANIELHDM.xlsx</t>
  </si>
  <si>
    <t>09/25/2019 07:30:59</t>
  </si>
  <si>
    <t>VALIDACAO_DEEP_CENTER_NOVA_EXPORTACAO.xlsx</t>
  </si>
  <si>
    <t>09/24/2019 18:15:07</t>
  </si>
  <si>
    <t>09/25/2019 07:38:53</t>
  </si>
  <si>
    <t>OS_PENDENTES.xlsx</t>
  </si>
  <si>
    <t>09/24/2019 18:15:13</t>
  </si>
  <si>
    <t>09/24/2019 18:15:44</t>
  </si>
  <si>
    <t>09/24/2019 18:15:53</t>
  </si>
  <si>
    <t>09/25/2019 07:39:53</t>
  </si>
  <si>
    <t>09/24/2019 21:22:10</t>
  </si>
  <si>
    <t>09/25/2019 07:52:53</t>
  </si>
  <si>
    <t>C:\Users\fellypcsj\OneDrive - Grupo Algar\Fellyp\Desenvolvimento Pessoal e Financeiro\Power BI\Capitulo 10\3-Cap10.zip\__MACOSX\</t>
  </si>
  <si>
    <t>._credit-card.csv</t>
  </si>
  <si>
    <t>09/24/2019 21:22:23</t>
  </si>
  <si>
    <t>C:\Users\fellypcsj\OneDrive - Grupo Algar\Fellyp\Desenvolvimento Pessoal e Financeiro\Power BI\Capitulo 10\</t>
  </si>
  <si>
    <t>credit-card.csv</t>
  </si>
  <si>
    <t>09/24/2019 21:09:50</t>
  </si>
  <si>
    <t>09/25/2019 07:57:53</t>
  </si>
  <si>
    <t>Vendas.csv</t>
  </si>
  <si>
    <t>C:\Users\fellypcsj\OneDrive - Grupo Algar\Fellyp\Desenvolvimento Pessoal e Financeiro\Power BI\Capitulo 10\3-Cap10.zip\</t>
  </si>
  <si>
    <t>09/24/2019 17:02:22</t>
  </si>
  <si>
    <t>09/25/2019 08:04:53</t>
  </si>
  <si>
    <t>Análise RAF X RPI - Jun a Set-2019.xlsx</t>
  </si>
  <si>
    <t>09/25/2019 08:01:53</t>
  </si>
  <si>
    <t>09/25/2019 08:06:53</t>
  </si>
  <si>
    <t>09/25/2019 08:02:52</t>
  </si>
  <si>
    <t>09/25/2019 08:07:53</t>
  </si>
  <si>
    <t>10.200.59.244</t>
  </si>
  <si>
    <t>5C-EA-1D-CF-A4-4F</t>
  </si>
  <si>
    <t>/o=exchangelabs/ou=exchange administrative group (fydibohf23spdlt)/cn=recipients/cn=user78fc8d63;</t>
  </si>
  <si>
    <t>ENC: Template demais pacotes - Validar</t>
  </si>
  <si>
    <t>/o=exchangelabs/ou=exchange administrative group (fydibohf23spdlt)/cn=recipients/cn=user78fc8d63</t>
  </si>
  <si>
    <t>09/24/2019 09:01:58</t>
  </si>
  <si>
    <t>09/25/2019 08:12:53</t>
  </si>
  <si>
    <t>Treinamentos Sinergy (2).xlsx</t>
  </si>
  <si>
    <t>09/25/2019 08:18:32</t>
  </si>
  <si>
    <t>09/25/2019 08:19:53</t>
  </si>
  <si>
    <t>0ANALYSIS_PATTERN (73).csv</t>
  </si>
  <si>
    <t>09/25/2019 08:19:05</t>
  </si>
  <si>
    <t>09/25/2019 08:24:54</t>
  </si>
  <si>
    <t>OSsCriadasV3.csv</t>
  </si>
  <si>
    <t>09/25/2019 08:21:06</t>
  </si>
  <si>
    <t>ENC: Volume Gerenciadas Amex e Visa - 25/09</t>
  </si>
  <si>
    <t>09/25/2019 08:23:37</t>
  </si>
  <si>
    <t>09/25/2019 08:27:53</t>
  </si>
  <si>
    <t>10.200.58.239</t>
  </si>
  <si>
    <t>64-1C-67-9C-32-2B</t>
  </si>
  <si>
    <t>NB-ERICSONNS</t>
  </si>
  <si>
    <t>ericsonns</t>
  </si>
  <si>
    <t>Ericson Nogueira Santos</t>
  </si>
  <si>
    <t>/o=exchangelabs/ou=exchange administrative group (fydibohf23spdlt)/cn=recipients/cn=16a29ec14a2c4cceae5d6ba9fc205b24-jaqueline a;/o=exchangelabs/ou=exchange administrative group (fydibohf23spdlt)/cn=recipients/cn=6d0e9455ff1e4e3b9070024c40f90751-felipe fern;/o=exchangelabs/ou=exchange administrative group (fydibohf23spdlt)/cn=recipients/cn=89acb3f5ee2b4dc3b59e7d604c93a5b9-acessosamex;/o=exchangelabs/ou=exchange administrative group (fydibohf23spdlt)/cn=recipients/cn=e8407a4595404fbdbacd410b45f6eba3-karine marq;/o=exchangelabs/ou=exchange administrative group (fydibohf23spdlt)/cn=recipients/cn=f9e751102def46a896bc3ec6e90e1aed-katia dos r;ariana.ribeiro@bradesco.com.br;guilhermedsp@algartech.com.br;karine.ferreira@temposervicos.com.br;leonardom.cescon@bradesco.com.br;nathalia.s.pereira@bradesco.com.br;</t>
  </si>
  <si>
    <t>RES: REVISÃO DE ACESSOS - VISION PLUS IBI - SET_19 - Algar Tech</t>
  </si>
  <si>
    <t>Relatório de Desligados Operações Bradesco - 01082019.msg\s1\</t>
  </si>
  <si>
    <t>Planilha de desligados Mensal.xlsx</t>
  </si>
  <si>
    <t>/o=exchangelabs/ou=exchange administrative group (fydibohf23spdlt)/cn=recipients/cn=16a29ec14a2c4cceae5d6ba9fc205b24-jaqueline a,/o=exchangelabs/ou=exchange administrative group (fydibohf23spdlt)/cn=recipients/cn=6d0e9455ff1e4e3b9070024c40f90751-felipe fern,/o=exchangelabs/ou=exchange administrative group (fydibohf23spdlt)/cn=recipients/cn=89acb3f5ee2b4dc3b59e7d604c93a5b9-acessosamex,/o=exchangelabs/ou=exchange administrative group (fydibohf23spdlt)/cn=recipients/cn=e8407a4595404fbdbacd410b45f6eba3-karine marq,/o=exchangelabs/ou=exchange administrative group (fydibohf23spdlt)/cn=recipients/cn=f9e751102def46a896bc3ec6e90e1aed-katia dos r,ariana.ribeiro@bradesco.com.br,guilhermedsp@algartech.com.br,karine.ferreira@temposervicos.com.br,leonardom.cescon@bradesco.com.br,nathalia.s.pereira@bradesco.com.br</t>
  </si>
  <si>
    <t>09/23/2019 21:22:11</t>
  </si>
  <si>
    <t>09/25/2019 08:32:54</t>
  </si>
  <si>
    <t>/o=exchangelabs/ou=exchange administrative group (fydibohf23spdlt)/cn=recipients/cn=1bb94002ad8a4305ae5eb7e08cf89c1a-marcio alve;/o=exchangelabs/ou=exchange administrative group (fydibohf23spdlt)/cn=recipients/cn=2083875ab19146848e9acf6dbac781d4-cleiton gom;/o=exchangelabs/ou=exchange administrative group (fydibohf23spdlt)/cn=recipients/cn=5876a52919c440598f015f22bceb7eeb-antonio car;/o=exchangelabs/ou=exchange administrative group (fydibohf23spdlt)/cn=recipients/cn=664fa0a51b2b45a1a8a38fd90c30d00a-nilton flav;/o=exchangelabs/ou=exchange administrative group (fydibohf23spdlt)/cn=recipients/cn=708d48f073ec47fa966d46b5b6656f0c-alexandre m;/o=exchangelabs/ou=exchange administrative group (fydibohf23spdlt)/cn=recipients/cn=7b7d4ed8baa64d1ebd9bf2d1c4baa1ce-marcos pere;/o=exchangelabs/ou=exchange administrative group (fydibohf23spdlt)/cn=recipients/cn=7f0583df7d3e4c2bb8108b334f4257df-marcelo fla;/o=exchangelabs/ou=exchange administrative group (fydibohf23spdlt)/cn=recipients/cn=a6ac85ac0d944e3fab75fd6397b4d83f-cleb</t>
  </si>
  <si>
    <t>RES: Planejamento compensações de horas</t>
  </si>
  <si>
    <t>/o=exchangelabs/ou=exchange administrative group (fydibohf23spdlt)/cn=recipients/cn=1bb94002ad8a4305ae5eb7e08cf89c1a-marcio alve,/o=exchangelabs/ou=exchange administrative group (fydibohf23spdlt)/cn=recipients/cn=2083875ab19146848e9acf6dbac781d4-cleiton gom,/o=exchangelabs/ou=exchange administrative group (fydibohf23spdlt)/cn=recipients/cn=5876a52919c440598f015f22bceb7eeb-antonio car,/o=exchangelabs/ou=exchange administrative group (fydibohf23spdlt)/cn=recipients/cn=664fa0a51b2b45a1a8a38fd90c30d00a-nilton flav,/o=exchangelabs/ou=exchange administrative group (fydibohf23spdlt)/cn=recipients/cn=708d48f073ec47fa966d46b5b6656f0c-alexandre m,/o=exchangelabs/ou=exchange administrative group (fydibohf23spdlt)/cn=recipients/cn=7b7d4ed8baa64d1ebd9bf2d1c4baa1ce-marcos pere,/o=exchangelabs/ou=exchange administrative group (fydibohf23spdlt)/cn=recipients/cn=7f0583df7d3e4c2bb8108b334f4257df-marcelo fla,/o=exchangelabs/ou=exchange administrative group (fydibohf23spdlt)/cn=recipients/cn=a6ac85ac0d944e3fab75fd6397b4d83f-cleb</t>
  </si>
  <si>
    <t>09/25/2019 08:30:52</t>
  </si>
  <si>
    <t>09/25/2019 08:34:54</t>
  </si>
  <si>
    <t>10.219.100.10</t>
  </si>
  <si>
    <t>EC-F4-BB-F7-4A-0C</t>
  </si>
  <si>
    <t>WILAME ARLES DA SILVA E SILVA SOUSA</t>
  </si>
  <si>
    <t>/o=exchangelabs/ou=exchange administrative group (fydibohf23spdlt)/cn=recipients/cn=092327d7955f47e78ad4a60dc2ac8d69-joaquim eli;/o=exchangelabs/ou=exchange administrative group (fydibohf23spdlt)/cn=recipients/cn=8f6e1392c4f24f4faa8b69e41e9921dd-francisco m;/o=exchangelabs/ou=exchange administrative group (fydibohf23spdlt)/cn=recipients/cn=b24a1bfdc1aa45a2a190e0a7a66455b6-caio ferrei;/o=exchangelabs/ou=exchange administrative group (fydibohf23spdlt)/cn=recipients/cn=e7f427be7b584aea9e176d0d2ce382fd-bruno costa;</t>
  </si>
  <si>
    <t>AJUSTE NO RELATORIO</t>
  </si>
  <si>
    <t>EVIDENCIAS DE EVIDENCIAS - PIBSA02 - GMG1 - PERKINS 1900009498.xlsx</t>
  </si>
  <si>
    <t>/o=exchangelabs/ou=exchange administrative group (fydibohf23spdlt)/cn=recipients/cn=092327d7955f47e78ad4a60dc2ac8d69-joaquim eli,/o=exchangelabs/ou=exchange administrative group (fydibohf23spdlt)/cn=recipients/cn=8f6e1392c4f24f4faa8b69e41e9921dd-francisco m,/o=exchangelabs/ou=exchange administrative group (fydibohf23spdlt)/cn=recipients/cn=b24a1bfdc1aa45a2a190e0a7a66455b6-caio ferrei,/o=exchangelabs/ou=exchange administrative group (fydibohf23spdlt)/cn=recipients/cn=e7f427be7b584aea9e176d0d2ce382fd-bruno costa</t>
  </si>
  <si>
    <t>09/25/2019 08:31:09</t>
  </si>
  <si>
    <t>09/25/2019 08:35:53</t>
  </si>
  <si>
    <t>/o=exchangelabs/ou=exchange administrative group (fydibohf23spdlt)/cn=recipients/cn=240fafdb21074ab9a87c95d3265e411c-rodrigo rod;/o=exchangelabs/ou=exchange administrative group (fydibohf23spdlt)/cn=recipients/cn=2f13f6d577d947158c5f81c08b0e5faf-tatiane dor;/o=exchangelabs/ou=exchange administrative group (fydibohf23spdlt)/cn=recipients/cn=5c0e0b883c0f4ccbb2cf13db05a00b36-luciene ivo;/o=exchangelabs/ou=exchange administrative group (fydibohf23spdlt)/cn=recipients/cn=93fbfc821dab48cf91184b5c6c1bf60c-ianny raiss;/o=exchangelabs/ou=exchange administrative group (fydibohf23spdlt)/cn=recipients/cn=a4ba92cba10f4fe498074594f937f3b6-leandro lop;/o=exchangelabs/ou=exchange administrative group (fydibohf23spdlt)/cn=recipients/cn=aef94c0f98b44279a41d719230c27333-sabrina dan;</t>
  </si>
  <si>
    <t>/o=exchangelabs/ou=exchange administrative group (fydibohf23spdlt)/cn=recipients/cn=240fafdb21074ab9a87c95d3265e411c-rodrigo rod,/o=exchangelabs/ou=exchange administrative group (fydibohf23spdlt)/cn=recipients/cn=2f13f6d577d947158c5f81c08b0e5faf-tatiane dor,/o=exchangelabs/ou=exchange administrative group (fydibohf23spdlt)/cn=recipients/cn=5c0e0b883c0f4ccbb2cf13db05a00b36-luciene ivo,/o=exchangelabs/ou=exchange administrative group (fydibohf23spdlt)/cn=recipients/cn=93fbfc821dab48cf91184b5c6c1bf60c-ianny raiss,/o=exchangelabs/ou=exchange administrative group (fydibohf23spdlt)/cn=recipients/cn=a4ba92cba10f4fe498074594f937f3b6-leandro lop,/o=exchangelabs/ou=exchange administrative group (fydibohf23spdlt)/cn=recipients/cn=aef94c0f98b44279a41d719230c27333-sabrina dan</t>
  </si>
  <si>
    <t>09/25/2019 08:36:14</t>
  </si>
  <si>
    <t>09/25/2019 08:40:53</t>
  </si>
  <si>
    <t>10.201.28.82</t>
  </si>
  <si>
    <t>2C-6F-C9-66-2D-A5</t>
  </si>
  <si>
    <t>NB-LEANDROLDS</t>
  </si>
  <si>
    <t>leandrolds</t>
  </si>
  <si>
    <t>LEANDRO LOPES DOS SANTOS</t>
  </si>
  <si>
    <t>/o=exchangelabs/ou=exchange administrative group (fydibohf23spdlt)/cn=recipients/cn=cac18c5388b04f6d979d1bc87a08825a-marcopaulo;</t>
  </si>
  <si>
    <t>/o=exchangelabs/ou=exchange administrative group (fydibohf23spdlt)/cn=recipients/cn=cac18c5388b04f6d979d1bc87a08825a-marcopaulo</t>
  </si>
  <si>
    <t>09/25/2019 08:39:04</t>
  </si>
  <si>
    <t>09/25/2019 08:42:54</t>
  </si>
  <si>
    <t>Atualização GH - Setembro</t>
  </si>
  <si>
    <t>092019 - ATUALIZAÇÃO GH.xlsx</t>
  </si>
  <si>
    <t>09/25/2019 08:43:31</t>
  </si>
  <si>
    <t>09/25/2019 08:44:54</t>
  </si>
  <si>
    <t>/o=exchangelabs/ou=exchange administrative group (fydibohf23spdlt)/cn=recipients/cn=092327d7955f47e78ad4a60dc2ac8d69-joaquim eli;/o=exchangelabs/ou=exchange administrative group (fydibohf23spdlt)/cn=recipients/cn=8f6e1392c4f24f4faa8b69e41e9921dd-francisco m;/o=exchangelabs/ou=exchange administrative group (fydibohf23spdlt)/cn=recipients/cn=b24a1bfdc1aa45a2a190e0a7a66455b6-caio ferrei;amdsousa@timbrasil.com.br;atsousa@timbrasil.com.br;ghsilva@timbrasil.com.br;mbfilho@timbrasil.com.br;</t>
  </si>
  <si>
    <t>RES: PREVENTIVA GMG VOLVO DF TICKET - 1900009499</t>
  </si>
  <si>
    <t>01 RELATÓRIO DE EVIDENCIAS E TROCA DE ÓLEO GERADOR 3 PIBSA01 - VOLVO - 1900009499.xlsx</t>
  </si>
  <si>
    <t>/o=exchangelabs/ou=exchange administrative group (fydibohf23spdlt)/cn=recipients/cn=092327d7955f47e78ad4a60dc2ac8d69-joaquim eli,/o=exchangelabs/ou=exchange administrative group (fydibohf23spdlt)/cn=recipients/cn=8f6e1392c4f24f4faa8b69e41e9921dd-francisco m,/o=exchangelabs/ou=exchange administrative group (fydibohf23spdlt)/cn=recipients/cn=b24a1bfdc1aa45a2a190e0a7a66455b6-caio ferrei,amdsousa@timbrasil.com.br,atsousa@timbrasil.com.br,ghsilva@timbrasil.com.br,mbfilho@timbrasil.com.br</t>
  </si>
  <si>
    <t>09/24/2019 17:38:14</t>
  </si>
  <si>
    <t>09/25/2019 08:53:53</t>
  </si>
  <si>
    <t>Report_Programação de férias 1709 - Marcelo R_.xlsx</t>
  </si>
  <si>
    <t>09/25/2019 08:54:26</t>
  </si>
  <si>
    <t>09/25/2019 08:54:53</t>
  </si>
  <si>
    <t>Alteração de Sindicatos TI</t>
  </si>
  <si>
    <t>09/25/2019 08:54:04</t>
  </si>
  <si>
    <t>09/25/2019 08:55:53</t>
  </si>
  <si>
    <t>ENC: Cópia de 3ª Reuger 2019 - template tabelas_v2.xlsx</t>
  </si>
  <si>
    <t>Cópia de 3ª Reuger 2019 - template tabelas_v2.xlsx</t>
  </si>
  <si>
    <t>09/25/2019 08:52:53</t>
  </si>
  <si>
    <t>09/25/2019 08:57:53</t>
  </si>
  <si>
    <t>/o=exchangelabs/ou=exchange administrative group (fydibohf23spdlt)/cn=recipients/cn=2efe26bca22a43cc89c6ed48ba5e50b4-luciano cor;/o=exchangelabs/ou=exchange administrative group (fydibohf23spdlt)/cn=recipients/cn=8c89829ad534498fa4c85b5ac11174f1-suelen more;/o=exchangelabs/ou=exchange administrative group (fydibohf23spdlt)/cn=recipients/cn=97028c61ebe04c3ca84c604712943944-fabiano wil;</t>
  </si>
  <si>
    <t>ENC:ID 187341 IBM - PA's</t>
  </si>
  <si>
    <t>187341_IBM_JR+PA_UDI_30DD_121_44H_v6 (+Setup).xlsb</t>
  </si>
  <si>
    <t>/o=exchangelabs/ou=exchange administrative group (fydibohf23spdlt)/cn=recipients/cn=2efe26bca22a43cc89c6ed48ba5e50b4-luciano cor,/o=exchangelabs/ou=exchange administrative group (fydibohf23spdlt)/cn=recipients/cn=8c89829ad534498fa4c85b5ac11174f1-suelen more,/o=exchangelabs/ou=exchange administrative group (fydibohf23spdlt)/cn=recipients/cn=97028c61ebe04c3ca84c604712943944-fabiano wil</t>
  </si>
  <si>
    <t>09/24/2019 15:55:00</t>
  </si>
  <si>
    <t>09/25/2019 09:02:53</t>
  </si>
  <si>
    <t>09/24/2019 15:55:22</t>
  </si>
  <si>
    <t>Enriquecimento de Mailing e Import URA Ativa_20190831.xlsx</t>
  </si>
  <si>
    <t>09/24/2019 15:55:30</t>
  </si>
  <si>
    <t>09/24/2019 15:55:41</t>
  </si>
  <si>
    <t>Enriquecimento de Mailing e Import URA Ativa_20190829.xlsx</t>
  </si>
  <si>
    <t>09/24/2019 15:55:52</t>
  </si>
  <si>
    <t>Enriquecimento de Mailing e Import URA Ativa_20190828.xlsx</t>
  </si>
  <si>
    <t>09/24/2019 15:56:05</t>
  </si>
  <si>
    <t>Enriquecimento de Mailing e Import URA Ativa_20190830.xlsx</t>
  </si>
  <si>
    <t>09/24/2019 15:56:18</t>
  </si>
  <si>
    <t>Enriquecimento de Mailing e Import URA Ativa_20190827.xlsx</t>
  </si>
  <si>
    <t>09/24/2019 21:20:03</t>
  </si>
  <si>
    <t>/o=exchangelabs/ou=exchange administrative group (fydibohf23spdlt)/cn=recipients/cn=32fe8a14424941da83c2bf35a8a5709e-fabiana car;/o=exchangelabs/ou=exchange administrative group (fydibohf23spdlt)/cn=recipients/cn=cac18c5388b04f6d979d1bc87a08825a-marcopaulo;/o=exchangelabs/ou=exchange administrative group (fydibohf23spdlt)/cn=recipients/cn=fd4a47c4d251414eb48a57376a49e773-marco tulio;</t>
  </si>
  <si>
    <t>DE / PARA TREINAMENTO INTER</t>
  </si>
  <si>
    <t>/o=exchangelabs/ou=exchange administrative group (fydibohf23spdlt)/cn=recipients/cn=32fe8a14424941da83c2bf35a8a5709e-fabiana car,/o=exchangelabs/ou=exchange administrative group (fydibohf23spdlt)/cn=recipients/cn=cac18c5388b04f6d979d1bc87a08825a-marcopaulo,/o=exchangelabs/ou=exchange administrative group (fydibohf23spdlt)/cn=recipients/cn=fd4a47c4d251414eb48a57376a49e773-marco tulio</t>
  </si>
  <si>
    <t>09/24/2019 23:14:49</t>
  </si>
  <si>
    <t>/o=exchangelabs/ou=exchange administrative group (fydibohf23spdlt)/cn=recipients/cn=0163bfef0e474630bdcf0a3698e9ffd4-amanda ferr;/o=exchangelabs/ou=exchange administrative group (fydibohf23spdlt)/cn=recipients/cn=1c3bae1d5aab4c72b84516e819cd16c9-wilton paim;/o=exchangelabs/ou=exchange administrative group (fydibohf23spdlt)/cn=recipients/cn=364505262032489d957753e77bf0043a-hugo naves;/o=exchangelabs/ou=exchange administrative group (fydibohf23spdlt)/cn=recipients/cn=44f0a666541444e787f23979b24aa3bd-reginaldo r;/o=exchangelabs/ou=exchange administrative group (fydibohf23spdlt)/cn=recipients/cn=453253b247e84735a37b453eeacdb5fe-bruno palud;/o=exchangelabs/ou=exchange administrative group (fydibohf23spdlt)/cn=recipients/cn=55f6d2312d044605af53c24cc378d064-ricardo ber;/o=exchangelabs/ou=exchange administrative group (fydibohf23spdlt)/cn=recipients/cn=822f65115a2046059fff20a916dd90e9-thais marti;/o=exchangelabs/ou=exchange administrative group (fydibohf23spdlt)/cn=recipients/cn=82e9af7034e542b3a622ab8e7d09ff5d-ricar</t>
  </si>
  <si>
    <t>RES: Bradesco - Indicadores padrões de BackOffice</t>
  </si>
  <si>
    <t>Fwd Relatório de Acompanhamento CRC (Equipes Fabiana).msg\s1\</t>
  </si>
  <si>
    <t>Acompanhamento GP - Bradesco V3.xlsb</t>
  </si>
  <si>
    <t>/o=exchangelabs/ou=exchange administrative group (fydibohf23spdlt)/cn=recipients/cn=0163bfef0e474630bdcf0a3698e9ffd4-amanda ferr,/o=exchangelabs/ou=exchange administrative group (fydibohf23spdlt)/cn=recipients/cn=1c3bae1d5aab4c72b84516e819cd16c9-wilton paim,/o=exchangelabs/ou=exchange administrative group (fydibohf23spdlt)/cn=recipients/cn=364505262032489d957753e77bf0043a-hugo naves,/o=exchangelabs/ou=exchange administrative group (fydibohf23spdlt)/cn=recipients/cn=44f0a666541444e787f23979b24aa3bd-reginaldo r,/o=exchangelabs/ou=exchange administrative group (fydibohf23spdlt)/cn=recipients/cn=453253b247e84735a37b453eeacdb5fe-bruno palud,/o=exchangelabs/ou=exchange administrative group (fydibohf23spdlt)/cn=recipients/cn=55f6d2312d044605af53c24cc378d064-ricardo ber,/o=exchangelabs/ou=exchange administrative group (fydibohf23spdlt)/cn=recipients/cn=822f65115a2046059fff20a916dd90e9-thais marti,/o=exchangelabs/ou=exchange administrative group (fydibohf23spdlt)/cn=recipients/cn=82e9af7034e542b3a622ab8e7d09ff5d-ricar</t>
  </si>
  <si>
    <t>09/24/2019 23:28:00</t>
  </si>
  <si>
    <t>/o=exchangelabs/ou=exchange administrative group (fydibohf23spdlt)/cn=recipients/cn=1c3bae1d5aab4c72b84516e819cd16c9-wilton paim;/o=exchangelabs/ou=exchange administrative group (fydibohf23spdlt)/cn=recipients/cn=d052f9c9a4404e849e00b751758229a8-carlos dos;/o=exchangelabs/ou=exchange administrative group (fydibohf23spdlt)/cn=recipients/cn=d1bcfb1498124af49c7d3ae622d9e2da-iara agosti;</t>
  </si>
  <si>
    <t>ENC: Lista Inconsistência</t>
  </si>
  <si>
    <t>Cópia de data (4).xlsx</t>
  </si>
  <si>
    <t>/o=exchangelabs/ou=exchange administrative group (fydibohf23spdlt)/cn=recipients/cn=1c3bae1d5aab4c72b84516e819cd16c9-wilton paim,/o=exchangelabs/ou=exchange administrative group (fydibohf23spdlt)/cn=recipients/cn=d052f9c9a4404e849e00b751758229a8-carlos dos,/o=exchangelabs/ou=exchange administrative group (fydibohf23spdlt)/cn=recipients/cn=d1bcfb1498124af49c7d3ae622d9e2da-iara agosti</t>
  </si>
  <si>
    <t>09/24/2019 19:33:35</t>
  </si>
  <si>
    <t>09/25/2019 09:05:53</t>
  </si>
  <si>
    <t>/o=exchangelabs/ou=exchange administrative group (fydibohf23spdlt)/cn=recipients/cn=d1ca1bbb859d4bb997649640237ba7cd-paulla rena;</t>
  </si>
  <si>
    <t>ENC: Implantação SQM EASY</t>
  </si>
  <si>
    <t>Checklist de Implantação - SQM EASY.xlsx</t>
  </si>
  <si>
    <t>/o=exchangelabs/ou=exchange administrative group (fydibohf23spdlt)/cn=recipients/cn=d1ca1bbb859d4bb997649640237ba7cd-paulla rena</t>
  </si>
  <si>
    <t>09/24/2019 17:29:02</t>
  </si>
  <si>
    <t>09/25/2019 09:07:53</t>
  </si>
  <si>
    <t>10.200.35.240</t>
  </si>
  <si>
    <t>54-BF-64-F5-57-6F</t>
  </si>
  <si>
    <t>NB-RENATOFOL</t>
  </si>
  <si>
    <t>renatofol</t>
  </si>
  <si>
    <t>C:\Users\renatofol\OneDrive - Grupo Algar\Particular\Particular\</t>
  </si>
  <si>
    <t>Controle Financeiro Renato_2019.xlsx</t>
  </si>
  <si>
    <t>09/25/2019 09:10:09</t>
  </si>
  <si>
    <t>09/25/2019 09:13:53</t>
  </si>
  <si>
    <t>/o=exchangelabs/ou=exchange administrative group (fydibohf23spdlt)/cn=recipients/cn=8ab5e44d485043d59eb4f21463e63e6a-tays dos sa;</t>
  </si>
  <si>
    <t>ENC: Férias GRC</t>
  </si>
  <si>
    <t>Alessandra.xlsx</t>
  </si>
  <si>
    <t>/o=exchangelabs/ou=exchange administrative group (fydibohf23spdlt)/cn=recipients/cn=8ab5e44d485043d59eb4f21463e63e6a-tays dos sa</t>
  </si>
  <si>
    <t>09/25/2019 09:11:46</t>
  </si>
  <si>
    <t>/o=exchangelabs/ou=exchange administrative group (fydibohf23spdlt)/cn=recipients/cn=d10b90d9e2a942398c84d3d8a8b32edd-victor sant;</t>
  </si>
  <si>
    <t>Marco Aurelio.xlsx</t>
  </si>
  <si>
    <t>/o=exchangelabs/ou=exchange administrative group (fydibohf23spdlt)/cn=recipients/cn=d10b90d9e2a942398c84d3d8a8b32edd-victor sant</t>
  </si>
  <si>
    <t>09/25/2019 09:10:19</t>
  </si>
  <si>
    <t>09/25/2019 09:14:53</t>
  </si>
  <si>
    <t>/o=exchangelabs/ou=exchange administrative group (fydibohf23spdlt)/cn=recipients/cn=d58aba3a464146c59939b5c60f05ebaf-lucineia ap;</t>
  </si>
  <si>
    <t>Alteração de sindicatos Tech</t>
  </si>
  <si>
    <t>/o=exchangelabs/ou=exchange administrative group (fydibohf23spdlt)/cn=recipients/cn=d58aba3a464146c59939b5c60f05ebaf-lucineia ap</t>
  </si>
  <si>
    <t>09/25/2019 09:13:13</t>
  </si>
  <si>
    <t>09/25/2019 09:15:53</t>
  </si>
  <si>
    <t>vcoelho_act@timbrasil.com.br;</t>
  </si>
  <si>
    <t>RES: Circularização Engeset_ Aracaju - Engeset</t>
  </si>
  <si>
    <t>Relatorio_BOQ_ORCAMENTO 5925.xlsx</t>
  </si>
  <si>
    <t>vcoelho_act@timbrasil.com.br</t>
  </si>
  <si>
    <t>09/25/2019 09:14:39</t>
  </si>
  <si>
    <t>09/25/2019 09:16:53</t>
  </si>
  <si>
    <t>10.200.58.152</t>
  </si>
  <si>
    <t>64-1C-67-9C-55-E8</t>
  </si>
  <si>
    <t>NB-VICTORS</t>
  </si>
  <si>
    <t>victorsm</t>
  </si>
  <si>
    <t>C:\Users\victorsm\OneDrive - Grupo Algar\04 - Trabalhos - Algar\</t>
  </si>
  <si>
    <t>Indicadores orçados Bradesco.xlsx</t>
  </si>
  <si>
    <t>09/25/2019 09:15:16</t>
  </si>
  <si>
    <t>09/25/2019 09:17:53</t>
  </si>
  <si>
    <t>10.200.35.127</t>
  </si>
  <si>
    <t>54-BF-64-F5-83-58</t>
  </si>
  <si>
    <t>NB-LUIZMDA</t>
  </si>
  <si>
    <t>luizmda</t>
  </si>
  <si>
    <t>C:\OneDrive\OneDrive - Grupo Algar\ONEDRIVE_SegInfo\PCI\Documentos_PCI_23092019\</t>
  </si>
  <si>
    <t>Papeis_Responsabilidades v2 12-06.xlsx</t>
  </si>
  <si>
    <t>Mapa de Processos PCI - 07062019.xlsm</t>
  </si>
  <si>
    <t>Mapa de Processos - PCI_06062019.xlsx</t>
  </si>
  <si>
    <t>09/25/2019 09:17:30</t>
  </si>
  <si>
    <t>09/25/2019 09:21:54</t>
  </si>
  <si>
    <t>C:\Users\victorsm\OneDrive - Grupo Algar\04 - Trabalhos - Algar\09 - Férias GRC\</t>
  </si>
  <si>
    <t>Polati.xlsx</t>
  </si>
  <si>
    <t>09/25/2019 09:17:59</t>
  </si>
  <si>
    <t>09/25/2019 09:22:54</t>
  </si>
  <si>
    <t>C:\OneDrive\OneDrive - Grupo Algar\ONEDRIVE_SegInfo\DOCUMENTOS\</t>
  </si>
  <si>
    <t>Lista_Nao-contem-GPO-RemoveAdminLocal.xlsx</t>
  </si>
  <si>
    <t>09/25/2019 09:24:27</t>
  </si>
  <si>
    <t>09/25/2019 09:28:54</t>
  </si>
  <si>
    <t>/o=exchangelabs/ou=exchange administrative group (fydibohf23spdlt)/cn=recipients/cn=35600680776041e0b2e3612c7a4448ea-laura venan;/o=exchangelabs/ou=exchange administrative group (fydibohf23spdlt)/cn=recipients/cn=57b3e0724b2344fcbd88f738d223dd7a-leticia bor;</t>
  </si>
  <si>
    <t>ENC: ALGARTECH // AUTORIZAÇÃO PARA FATURAMENTO - Reunião Sobre Contrato entre Century Link e Algar Tech.</t>
  </si>
  <si>
    <t>Revisao de Faturamento Algar_rvLH.xlsx</t>
  </si>
  <si>
    <t>/o=exchangelabs/ou=exchange administrative group (fydibohf23spdlt)/cn=recipients/cn=35600680776041e0b2e3612c7a4448ea-laura venan,/o=exchangelabs/ou=exchange administrative group (fydibohf23spdlt)/cn=recipients/cn=57b3e0724b2344fcbd88f738d223dd7a-leticia bor</t>
  </si>
  <si>
    <t>09/25/2019 09:30:42</t>
  </si>
  <si>
    <t>09/25/2019 09:31:54</t>
  </si>
  <si>
    <t>09/25/2019 09:33:16</t>
  </si>
  <si>
    <t>09/25/2019 09:36:54</t>
  </si>
  <si>
    <t>/o=exchangelabs/ou=exchange administrative group (fydibohf23spdlt)/cn=recipients/cn=376dc21df9294b1e98e06de29a805db8-algar tech;/o=exchangelabs/ou=exchange administrative group (fydibohf23spdlt)/cn=recipients/cn=57b3e0724b2344fcbd88f738d223dd7a-leticia bor;/o=exchangelabs/ou=exchange administrative group (fydibohf23spdlt)/cn=recipients/cn=fd90fae387f145908887589a75c16eb5-karen dara;</t>
  </si>
  <si>
    <t>Estorno Caixa Capitalização - NFAT</t>
  </si>
  <si>
    <t>RECEITAMENTO - TERCEIROS SET.19 - Estorno Caixa.xlsm</t>
  </si>
  <si>
    <t>/o=exchangelabs/ou=exchange administrative group (fydibohf23spdlt)/cn=recipients/cn=376dc21df9294b1e98e06de29a805db8-algar tech,/o=exchangelabs/ou=exchange administrative group (fydibohf23spdlt)/cn=recipients/cn=57b3e0724b2344fcbd88f738d223dd7a-leticia bor,/o=exchangelabs/ou=exchange administrative group (fydibohf23spdlt)/cn=recipients/cn=fd90fae387f145908887589a75c16eb5-karen dara</t>
  </si>
  <si>
    <t>09/25/2019 09:34:32</t>
  </si>
  <si>
    <t>09/25/2019 09:38:54</t>
  </si>
  <si>
    <t>/o=exchangelabs/ou=exchange administrative group (fydibohf23spdlt)/cn=recipients/cn=56dc126fba5b4a5f8fb1cd7e4f10477d-thais olive;/o=exchangelabs/ou=exchange administrative group (fydibohf23spdlt)/cn=recipients/cn=60c79fa1bc994449ac17a5e2109f7abd-claudio fer;/o=exchangelabs/ou=exchange administrative group (fydibohf23spdlt)/cn=recipients/cn=8da96f497b5c46ee81c2775857a1df84-pedro henri;/o=exchangelabs/ou=exchange administrative group (fydibohf23spdlt)/cn=recipients/cn=9b3c029cc2ba4212bb4247e9ef6df7f1-andressa cr;/o=exchangelabs/ou=exchange administrative group (fydibohf23spdlt)/cn=recipients/cn=ab46a8675a184bef8d8f2440330cff44-daise jesus;/o=exchangelabs/ou=exchange administrative group (fydibohf23spdlt)/cn=recipients/cn=b712c36eebee42428d3790abe2696417-romario gom;/o=exchangelabs/ou=exchange administrative group (fydibohf23spdlt)/cn=recipients/cn=ca7d1b1aa98d482ca2c948b11f486f8b-cynnara pim;</t>
  </si>
  <si>
    <t>Planejamento next Manifestações - Outubro/2019</t>
  </si>
  <si>
    <t>10 - PLANEJAMENTO_NEXT_MANIFESTAÇÕES-2019.xlsx</t>
  </si>
  <si>
    <t>/o=exchangelabs/ou=exchange administrative group (fydibohf23spdlt)/cn=recipients/cn=56dc126fba5b4a5f8fb1cd7e4f10477d-thais olive,/o=exchangelabs/ou=exchange administrative group (fydibohf23spdlt)/cn=recipients/cn=60c79fa1bc994449ac17a5e2109f7abd-claudio fer,/o=exchangelabs/ou=exchange administrative group (fydibohf23spdlt)/cn=recipients/cn=8da96f497b5c46ee81c2775857a1df84-pedro henri,/o=exchangelabs/ou=exchange administrative group (fydibohf23spdlt)/cn=recipients/cn=9b3c029cc2ba4212bb4247e9ef6df7f1-andressa cr,/o=exchangelabs/ou=exchange administrative group (fydibohf23spdlt)/cn=recipients/cn=ab46a8675a184bef8d8f2440330cff44-daise jesus,/o=exchangelabs/ou=exchange administrative group (fydibohf23spdlt)/cn=recipients/cn=b712c36eebee42428d3790abe2696417-romario gom,/o=exchangelabs/ou=exchange administrative group (fydibohf23spdlt)/cn=recipients/cn=ca7d1b1aa98d482ca2c948b11f486f8b-cynnara pim</t>
  </si>
  <si>
    <t>09/25/2019 09:45:54</t>
  </si>
  <si>
    <t>09/25/2019 09:46:54</t>
  </si>
  <si>
    <t>09/25/2019 09:42:34</t>
  </si>
  <si>
    <t>/o=exchangelabs/ou=exchange administrative group (fydibohf23spdlt)/cn=recipients/cn=376dc21df9294b1e98e06de29a805db8-algar tech;/o=exchangelabs/ou=exchange administrative group (fydibohf23spdlt)/cn=recipients/cn=57b3e0724b2344fcbd88f738d223dd7a-leticia bor;/o=exchangelabs/ou=exchange administrative group (fydibohf23spdlt)/cn=recipients/cn=a72a765de829420582b78941417073ac-karina rodr;/o=exchangelabs/ou=exchange administrative group (fydibohf23spdlt)/cn=recipients/cn=fd90fae387f145908887589a75c16eb5-karen dara;</t>
  </si>
  <si>
    <t>Antecipação de Receita Whirlpool Set.19</t>
  </si>
  <si>
    <t>Formulário Antec Receita Whirlpool Set.19.xlsx</t>
  </si>
  <si>
    <t>/o=exchangelabs/ou=exchange administrative group (fydibohf23spdlt)/cn=recipients/cn=376dc21df9294b1e98e06de29a805db8-algar tech,/o=exchangelabs/ou=exchange administrative group (fydibohf23spdlt)/cn=recipients/cn=57b3e0724b2344fcbd88f738d223dd7a-leticia bor,/o=exchangelabs/ou=exchange administrative group (fydibohf23spdlt)/cn=recipients/cn=a72a765de829420582b78941417073ac-karina rodr,/o=exchangelabs/ou=exchange administrative group (fydibohf23spdlt)/cn=recipients/cn=fd90fae387f145908887589a75c16eb5-karen dara</t>
  </si>
  <si>
    <t>09/25/2019 09:43:47</t>
  </si>
  <si>
    <t>09/25/2019 09:47:54</t>
  </si>
  <si>
    <t>/o=exchangelabs/ou=exchange administrative group (fydibohf23spdlt)/cn=recipients/cn=2482bf2ac5d744968702f5d67f34f2a4-gabriela al;/o=exchangelabs/ou=exchange administrative group (fydibohf23spdlt)/cn=recipients/cn=3b7902fbd47f4c1a8d33825d89cc1079-viviana man;/o=exchangelabs/ou=exchange administrative group (fydibohf23spdlt)/cn=recipients/cn=8f4e3aa524514f919832da77d1e13730-giselle nar;</t>
  </si>
  <si>
    <t>/o=exchangelabs/ou=exchange administrative group (fydibohf23spdlt)/cn=recipients/cn=2482bf2ac5d744968702f5d67f34f2a4-gabriela al,/o=exchangelabs/ou=exchange administrative group (fydibohf23spdlt)/cn=recipients/cn=3b7902fbd47f4c1a8d33825d89cc1079-viviana man,/o=exchangelabs/ou=exchange administrative group (fydibohf23spdlt)/cn=recipients/cn=8f4e3aa524514f919832da77d1e13730-giselle nar</t>
  </si>
  <si>
    <t>09/25/2019 09:45:04</t>
  </si>
  <si>
    <t>09/25/2019 09:49:55</t>
  </si>
  <si>
    <t>09/24/2019 20:22:12</t>
  </si>
  <si>
    <t>09/25/2019 09:50:54</t>
  </si>
  <si>
    <t>mail.google.com/_/upload?authuser=1&amp;dcp=asu-n&amp;upload_id=AEnB2UquBfBsVLkVT3C0m1QNzNxW9n2c0XFrPBlb2wpBArfsv8TuNwdkZQRvrpiHODT3X8GBgDanopeXsV8sRTaCjzqmZ9ZtGuVh1mFJtX_efEvPSqYQmYA&amp;upload_protocol=resumable</t>
  </si>
  <si>
    <t>ECO SEM VISITA.xlsx</t>
  </si>
  <si>
    <t>09/25/2019 09:47:34</t>
  </si>
  <si>
    <t>09/25/2019 09:51:54</t>
  </si>
  <si>
    <t>09/25/2019 09:48:25</t>
  </si>
  <si>
    <t>09/25/2019 09:52:54</t>
  </si>
  <si>
    <t>/o=exchangelabs/ou=exchange administrative group (fydibohf23spdlt)/cn=recipients/cn=bec14da9ad4d434b8151ce12587e9186-khassio mar;/o=exchangelabs/ou=exchange administrative group (fydibohf23spdlt)/cn=recipients/cn=d8ab77282d2d4f648a84840ef886dad9-eneias viei;cristiana.moura@bradesco.com.br;flavia@iclicconsultoria.com.br;thais.montes@bradesco.com.br;</t>
  </si>
  <si>
    <t>ENC: **URGENTE** Problemas e cobranças company 2771962 CRM:003330000284</t>
  </si>
  <si>
    <t>Conta Hotel Edinet.xls</t>
  </si>
  <si>
    <t>/o=exchangelabs/ou=exchange administrative group (fydibohf23spdlt)/cn=recipients/cn=bec14da9ad4d434b8151ce12587e9186-khassio mar,/o=exchangelabs/ou=exchange administrative group (fydibohf23spdlt)/cn=recipients/cn=d8ab77282d2d4f648a84840ef886dad9-eneias viei,cristiana.moura@bradesco.com.br,flavia@iclicconsultoria.com.br,thais.montes@bradesco.com.br</t>
  </si>
  <si>
    <t>09/25/2019 09:48:23</t>
  </si>
  <si>
    <t>10.200.57.191</t>
  </si>
  <si>
    <t>64-1C-67-9C-32-DC</t>
  </si>
  <si>
    <t>H:\PMO Governança\06 - GOVERNANÇA DO CAPEX\CAPEX 2019\EXECUÇÃO\02 - CAPITALIZAÇÃO\PPEs\</t>
  </si>
  <si>
    <t>Input_Registro_FTE_Realizado_PPEs_2019 - A19M08_v1.xlsb</t>
  </si>
  <si>
    <t>09/25/2019 09:47:42</t>
  </si>
  <si>
    <t>ENC: Reports Ativos</t>
  </si>
  <si>
    <t>Report Comercial Unica - Setembro.xlsx</t>
  </si>
  <si>
    <t>09/25/2019 09:51:22</t>
  </si>
  <si>
    <t>09/25/2019 09:55:54</t>
  </si>
  <si>
    <t>COMPROMISSADO_2019_ENGESET_ATUALIZADO.xls</t>
  </si>
  <si>
    <t>09/25/2019 09:55:03</t>
  </si>
  <si>
    <t>09/25/2019 09:57:54</t>
  </si>
  <si>
    <t>/o=exchangelabs/ou=exchange administrative group (fydibohf23spdlt)/cn=recipients/cn=1e212ef08dab4f26b88cba944f2ab7cb-pmo.governa;/o=exchangelabs/ou=exchange administrative group (fydibohf23spdlt)/cn=recipients/cn=443a648e2bd247c69659ca2ac6a18582-adriele fer;/o=exchangelabs/ou=exchange administrative group (fydibohf23spdlt)/cn=recipients/cn=56f1ed18d0b4438e8484a989403b0f53-ana paula c;</t>
  </si>
  <si>
    <t>Orc x Real em andamento.xlsb</t>
  </si>
  <si>
    <t>/o=exchangelabs/ou=exchange administrative group (fydibohf23spdlt)/cn=recipients/cn=1e212ef08dab4f26b88cba944f2ab7cb-pmo.governa,/o=exchangelabs/ou=exchange administrative group (fydibohf23spdlt)/cn=recipients/cn=443a648e2bd247c69659ca2ac6a18582-adriele fer,/o=exchangelabs/ou=exchange administrative group (fydibohf23spdlt)/cn=recipients/cn=56f1ed18d0b4438e8484a989403b0f53-ana paula c</t>
  </si>
  <si>
    <t>09/25/2019 09:53:09</t>
  </si>
  <si>
    <t>milenepf@algartech.com;</t>
  </si>
  <si>
    <t>Associados CR 1228</t>
  </si>
  <si>
    <t>milenepf@algartech.com</t>
  </si>
  <si>
    <t>09/25/2019 09:53:21</t>
  </si>
  <si>
    <t>Orçamento20_Atualizado.xls</t>
  </si>
  <si>
    <t>09/25/2019 09:53:01</t>
  </si>
  <si>
    <t>/o=exchangelabs/ou=exchange administrative group (fydibohf23spdlt)/cn=recipients/cn=1c3bae1d5aab4c72b84516e819cd16c9-wilton paim;/o=exchangelabs/ou=exchange administrative group (fydibohf23spdlt)/cn=recipients/cn=453253b247e84735a37b453eeacdb5fe-bruno palud;/o=exchangelabs/ou=exchange administrative group (fydibohf23spdlt)/cn=recipients/cn=8fabcedfac1a43b18f12cf2657e5a7c2-vitor soare;</t>
  </si>
  <si>
    <t>Televendas - Escopo 1 e 2</t>
  </si>
  <si>
    <t>Escopo - 1ª fase - Televendas - Sittel.xlsb</t>
  </si>
  <si>
    <t>/o=exchangelabs/ou=exchange administrative group (fydibohf23spdlt)/cn=recipients/cn=1c3bae1d5aab4c72b84516e819cd16c9-wilton paim,/o=exchangelabs/ou=exchange administrative group (fydibohf23spdlt)/cn=recipients/cn=453253b247e84735a37b453eeacdb5fe-bruno palud,/o=exchangelabs/ou=exchange administrative group (fydibohf23spdlt)/cn=recipients/cn=8fabcedfac1a43b18f12cf2657e5a7c2-vitor soare</t>
  </si>
  <si>
    <t>09/25/2019 09:54:47</t>
  </si>
  <si>
    <t>C:\Users\marcospr\OneDrive - Grupo Algar\Corporativo\01 - Projetos - Business Inteligence\Whirlpool - Nova Operação\Televendas\Escopo 2 - Televendas - Visão Comissionamento.doc\</t>
  </si>
  <si>
    <t>09/25/2019 09:57:38</t>
  </si>
  <si>
    <t>09/25/2019 10:01:54</t>
  </si>
  <si>
    <t>/o=exchangelabs/ou=exchange administrative group (fydibohf23spdlt)/cn=recipients/cn=2361e4251bf74fc4a50ab766b8d95847-algar tech;/o=exchangelabs/ou=exchange administrative group (fydibohf23spdlt)/cn=recipients/cn=34a28d636a1b4c86b1ec79baed4b846a-marco anton;/o=exchangelabs/ou=exchange administrative group (fydibohf23spdlt)/cn=recipients/cn=8c89829ad534498fa4c85b5ac11174f1-suelen more;/o=exchangelabs/ou=exchange administrative group (fydibohf23spdlt)/cn=recipients/cn=97028c61ebe04c3ca84c604712943944-fabiano wil;</t>
  </si>
  <si>
    <t>PR 213387 - Aumento de Salario - Kimberly</t>
  </si>
  <si>
    <t>FW Encerramento das Atividades - Eldorado do Sul - KCC.msg\s1\</t>
  </si>
  <si>
    <t>Departamental - Agosto 2019.csv</t>
  </si>
  <si>
    <t>/o=exchangelabs/ou=exchange administrative group (fydibohf23spdlt)/cn=recipients/cn=2361e4251bf74fc4a50ab766b8d95847-algar tech,/o=exchangelabs/ou=exchange administrative group (fydibohf23spdlt)/cn=recipients/cn=34a28d636a1b4c86b1ec79baed4b846a-marco anton,/o=exchangelabs/ou=exchange administrative group (fydibohf23spdlt)/cn=recipients/cn=8c89829ad534498fa4c85b5ac11174f1-suelen more,/o=exchangelabs/ou=exchange administrative group (fydibohf23spdlt)/cn=recipients/cn=97028c61ebe04c3ca84c604712943944-fabiano wil</t>
  </si>
  <si>
    <t>09/25/2019 09:59:51</t>
  </si>
  <si>
    <t>09/25/2019 10:02:53</t>
  </si>
  <si>
    <t>Cronograma Longo Prazo</t>
  </si>
  <si>
    <t>09/25/2019 10:05:02</t>
  </si>
  <si>
    <t>09/25/2019 10:08:54</t>
  </si>
  <si>
    <t>/o=exchangelabs/ou=exchange administrative group (fydibohf23spdlt)/cn=recipients/cn=4b453b7f02914710b3e94bcf7b311ad4-fernando po;/o=exchangelabs/ou=exchange administrative group (fydibohf23spdlt)/cn=recipients/cn=68e6aa2e3fef4ccaba997d98294c9ed5-cristina he;/o=exchangelabs/ou=exchange administrative group (fydibohf23spdlt)/cn=recipients/cn=8b5b63d67af648d081a40c45cc800804-fabiana per;/o=exchangelabs/ou=exchange administrative group (fydibohf23spdlt)/cn=recipients/cn=a4ba92cba10f4fe498074594f937f3b6-leandro lop;/o=exchangelabs/ou=exchange administrative group (fydibohf23spdlt)/cn=recipients/cn=d3d28899a5be4c2c8b5b9e55717f7da7-fabio ribei;/o=exchangelabs/ou=exchange administrative group (fydibohf23spdlt)/cn=recipients/cn=f45617401bdf436baf70c45766699413-frederico b;</t>
  </si>
  <si>
    <t>Férias GRC - URGENTE</t>
  </si>
  <si>
    <t>/o=exchangelabs/ou=exchange administrative group (fydibohf23spdlt)/cn=recipients/cn=4b453b7f02914710b3e94bcf7b311ad4-fernando po,/o=exchangelabs/ou=exchange administrative group (fydibohf23spdlt)/cn=recipients/cn=68e6aa2e3fef4ccaba997d98294c9ed5-cristina he,/o=exchangelabs/ou=exchange administrative group (fydibohf23spdlt)/cn=recipients/cn=8b5b63d67af648d081a40c45cc800804-fabiana per,/o=exchangelabs/ou=exchange administrative group (fydibohf23spdlt)/cn=recipients/cn=a4ba92cba10f4fe498074594f937f3b6-leandro lop,/o=exchangelabs/ou=exchange administrative group (fydibohf23spdlt)/cn=recipients/cn=d3d28899a5be4c2c8b5b9e55717f7da7-fabio ribei,/o=exchangelabs/ou=exchange administrative group (fydibohf23spdlt)/cn=recipients/cn=f45617401bdf436baf70c45766699413-frederico b</t>
  </si>
  <si>
    <t>09/25/2019 10:10:04</t>
  </si>
  <si>
    <t>09/25/2019 10:11:54</t>
  </si>
  <si>
    <t>/o=exchangelabs/ou=exchange administrative group (fydibohf23spdlt)/cn=recipients/cn=1d548783c10f4c62bcdf5de7a0f55a3e-lucas marqu;/o=exchangelabs/ou=exchange administrative group (fydibohf23spdlt)/cn=recipients/cn=2d3379e2d04c40db810b4b1f41dd2aea-erica carol;/o=exchangelabs/ou=exchange administrative group (fydibohf23spdlt)/cn=recipients/cn=35600680776041e0b2e3612c7a4448ea-laura venan;/o=exchangelabs/ou=exchange administrative group (fydibohf23spdlt)/cn=recipients/cn=509f93c55ee04a2db0c238b7a3e5d9a0-edval jose;/o=exchangelabs/ou=exchange administrative group (fydibohf23spdlt)/cn=recipients/cn=57b3e0724b2344fcbd88f738d223dd7a-leticia bor;hewersong@algartech.com;</t>
  </si>
  <si>
    <t>Requisitos projeto ERP.xlsx</t>
  </si>
  <si>
    <t>/o=exchangelabs/ou=exchange administrative group (fydibohf23spdlt)/cn=recipients/cn=1d548783c10f4c62bcdf5de7a0f55a3e-lucas marqu,/o=exchangelabs/ou=exchange administrative group (fydibohf23spdlt)/cn=recipients/cn=2d3379e2d04c40db810b4b1f41dd2aea-erica carol,/o=exchangelabs/ou=exchange administrative group (fydibohf23spdlt)/cn=recipients/cn=35600680776041e0b2e3612c7a4448ea-laura venan,/o=exchangelabs/ou=exchange administrative group (fydibohf23spdlt)/cn=recipients/cn=509f93c55ee04a2db0c238b7a3e5d9a0-edval jose,/o=exchangelabs/ou=exchange administrative group (fydibohf23spdlt)/cn=recipients/cn=57b3e0724b2344fcbd88f738d223dd7a-leticia bor,hewersong@algartech.com</t>
  </si>
  <si>
    <t>09/25/2019 10:11:28</t>
  </si>
  <si>
    <t>09/25/2019 10:09:54</t>
  </si>
  <si>
    <t>09/25/2019 10:14:54</t>
  </si>
  <si>
    <t xml:space="preserve">/o=exchangelabs/ou=exchange administrative group (fydibohf23spdlt)/cn=recipients/cn=0b12aab521944ecb8b32eb8c0929be5c-rafael gonz;/o=exchangelabs/ou=exchange administrative group (fydibohf23spdlt)/cn=recipients/cn=545f738e0fe740ba856f4eb6ef0135e0-vinicius si;/o=exchangelabs/ou=exchange administrative group (fydibohf23spdlt)/cn=recipients/cn=54861e79125f48cc952d00cf8160b9a8-jeferson fe;/o=exchangelabs/ou=exchange administrative group (fydibohf23spdlt)/cn=recipients/cn=8ab5e44d485043d59eb4f21463e63e6a-tays dos s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be0b59caa4dc43e39afaa089f44ef778-leonardo al;/o=exchangelabs/ou=exchange administrative group (fydibohf23spdlt)/cn=recipients/cn=db4783aa152745d2a683beb0f57fe5d4-rai </t>
  </si>
  <si>
    <t>RES: Renegociação Inadimplente (Treinamento)</t>
  </si>
  <si>
    <t>Simulador_Renegociação Inadimplentes (29.08.2019)- RCTV (com_repasse_Spread).xlsm</t>
  </si>
  <si>
    <t xml:space="preserve">/o=exchangelabs/ou=exchange administrative group (fydibohf23spdlt)/cn=recipients/cn=0b12aab521944ecb8b32eb8c0929be5c-rafael gonz,/o=exchangelabs/ou=exchange administrative group (fydibohf23spdlt)/cn=recipients/cn=545f738e0fe740ba856f4eb6ef0135e0-vinicius si,/o=exchangelabs/ou=exchange administrative group (fydibohf23spdlt)/cn=recipients/cn=54861e79125f48cc952d00cf8160b9a8-jeferson fe,/o=exchangelabs/ou=exchange administrative group (fydibohf23spdlt)/cn=recipients/cn=8ab5e44d485043d59eb4f21463e63e6a-tays dos s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be0b59caa4dc43e39afaa089f44ef778-leonardo al,/o=exchangelabs/ou=exchange administrative group (fydibohf23spdlt)/cn=recipients/cn=db4783aa152745d2a683beb0f57fe5d4-rai </t>
  </si>
  <si>
    <t>09/25/2019 10:09:15</t>
  </si>
  <si>
    <t>D:\Projetos\ACS\One_drive\OneDrive - Grupo Algar\Projetos\2019 Algar_-_Precificação\OneDrive Compartilhado\Orcado e Real\</t>
  </si>
  <si>
    <t>2018 Real.xlsx</t>
  </si>
  <si>
    <t>09/25/2019 10:10:23</t>
  </si>
  <si>
    <t>2018 Orcado.xlsx</t>
  </si>
  <si>
    <t>09/25/2019 10:11:43</t>
  </si>
  <si>
    <t>2017 Real.xlsx</t>
  </si>
  <si>
    <t>09/25/2019 10:12:48</t>
  </si>
  <si>
    <t>2017 Orcado.xlsx</t>
  </si>
  <si>
    <t>09/25/2019 10:13:32</t>
  </si>
  <si>
    <t>Algar - Sugestão de agenda processos_csc_negocio_v2.xlsx</t>
  </si>
  <si>
    <t>20190913 - Requisitos projeto ERP. Tech Faturamento.xlsx</t>
  </si>
  <si>
    <t>09/25/2019 10:14:01</t>
  </si>
  <si>
    <t>09/25/2019 10:17:54</t>
  </si>
  <si>
    <t>RES: PREVENTIVA GMG PERKINS DF TICKET - 1900009498</t>
  </si>
  <si>
    <t>1RELATÓRIO DE EVIDENCIAS E TROCA DE ÓLEO GERADOR 01 PIBSA01 - PERKINS - 1900009498.xlsx</t>
  </si>
  <si>
    <t>09/25/2019 10:15:28</t>
  </si>
  <si>
    <t>09/25/2019 10:19:54</t>
  </si>
  <si>
    <t>2019 Orçado.xlsx</t>
  </si>
  <si>
    <t>09/25/2019 10:17:20</t>
  </si>
  <si>
    <t>2019 Real.xlsx</t>
  </si>
  <si>
    <t>09/25/2019 10:19:51</t>
  </si>
  <si>
    <t>09/25/2019 10:22:54</t>
  </si>
  <si>
    <t>/o=exchangelabs/ou=exchange administrative group (fydibohf23spdlt)/cn=recipients/cn=5af2cae509964078b2026f7f550380b0-andre luis;</t>
  </si>
  <si>
    <t>Re ENC Desktop - MVP Telas 2.msg\s1\</t>
  </si>
  <si>
    <t>/o=exchangelabs/ou=exchange administrative group (fydibohf23spdlt)/cn=recipients/cn=5af2cae509964078b2026f7f550380b0-andre luis</t>
  </si>
  <si>
    <t>09/25/2019 10:25:12</t>
  </si>
  <si>
    <t>09/25/2019 10:25:54</t>
  </si>
  <si>
    <t>C:\Users\marcotb\Desktop\Xperience\</t>
  </si>
  <si>
    <t>Novo BP - SAC.xlsx</t>
  </si>
  <si>
    <t>09/25/2019 10:25:16</t>
  </si>
  <si>
    <t>09/25/2019 10:26:54</t>
  </si>
  <si>
    <t>10.200.57.186</t>
  </si>
  <si>
    <t>5C-EA-1D-CF-BF-5D</t>
  </si>
  <si>
    <t>/o=exchangelabs/ou=exchange administrative group (fydibohf23spdlt)/cn=recipients/cn=0cbce90bdb1a497884c650ccf6bb3f11-denise marq;/o=exchangelabs/ou=exchange administrative group (fydibohf23spdlt)/cn=recipients/cn=9b3c029cc2ba4212bb4247e9ef6df7f1-andressa cr;/o=exchangelabs/ou=exchange administrative group (fydibohf23spdlt)/cn=recipients/cn=groupadd70873;</t>
  </si>
  <si>
    <t>ENC: Férias GRC - URGENTE</t>
  </si>
  <si>
    <t>/o=exchangelabs/ou=exchange administrative group (fydibohf23spdlt)/cn=recipients/cn=0cbce90bdb1a497884c650ccf6bb3f11-denise marq,/o=exchangelabs/ou=exchange administrative group (fydibohf23spdlt)/cn=recipients/cn=9b3c029cc2ba4212bb4247e9ef6df7f1-andressa cr,/o=exchangelabs/ou=exchange administrative group (fydibohf23spdlt)/cn=recipients/cn=groupadd70873</t>
  </si>
  <si>
    <t>09/25/2019 10:27:55</t>
  </si>
  <si>
    <t>09/25/2019 10:28:54</t>
  </si>
  <si>
    <t>10.200.61.77</t>
  </si>
  <si>
    <t>D8-9C-67-01-55-2B</t>
  </si>
  <si>
    <t>NB-LUCINEIAA</t>
  </si>
  <si>
    <t>lucineiaale</t>
  </si>
  <si>
    <t>Lucineia Aparecida Leandro</t>
  </si>
  <si>
    <t>FERIAS IRREGULARES</t>
  </si>
  <si>
    <t>Formulário Solicitações de Férias Irregulares.xls</t>
  </si>
  <si>
    <t>09/25/2019 10:31:18</t>
  </si>
  <si>
    <t>09/25/2019 10:31:54</t>
  </si>
  <si>
    <t>RES: Base Inf. Comitê de TH</t>
  </si>
  <si>
    <t>09/25/2019 10:31:24</t>
  </si>
  <si>
    <t>09/25/2019 10:32:54</t>
  </si>
  <si>
    <t>/o=exchangelabs/ou=exchange administrative group (fydibohf23spdlt)/cn=recipients/cn=bec14da9ad4d434b8151ce12587e9186-khassio mar;flavia@iclicconsultoria.com.br;sheilacdf@algartech.com.br;vivianega@algartech.com.br;</t>
  </si>
  <si>
    <t>/o=exchangelabs/ou=exchange administrative group (fydibohf23spdlt)/cn=recipients/cn=bec14da9ad4d434b8151ce12587e9186-khassio mar,flavia@iclicconsultoria.com.br,sheilacdf@algartech.com.br,vivianega@algartech.com.br</t>
  </si>
  <si>
    <t>09/25/2019 10:29:05</t>
  </si>
  <si>
    <t>/o=exchangelabs/ou=exchange administrative group (fydibohf23spdlt)/cn=recipients/cn=1c3bae1d5aab4c72b84516e819cd16c9-wilton paim;/o=exchangelabs/ou=exchange administrative group (fydibohf23spdlt)/cn=recipients/cn=7903c13fa0504ff0bc7dd2644020b0e8-mirna prado;/o=exchangelabs/ou=exchange administrative group (fydibohf23spdlt)/cn=recipients/cn=a35622ae1b534401a6dd99bd801d1f97-marcos paul;rosilenedlf@algartech.com;</t>
  </si>
  <si>
    <t>Auditoria Vendas &gt;&gt;&gt; CAMINHO &lt;&lt;&lt;</t>
  </si>
  <si>
    <t>ACOMPANHAMENTO AUDITORIA VENDAS - 2109.msg\s1\</t>
  </si>
  <si>
    <t>ACOMPANHAMENTO AUDITORIA DE VENDAS_20190921.xlsx</t>
  </si>
  <si>
    <t>/o=exchangelabs/ou=exchange administrative group (fydibohf23spdlt)/cn=recipients/cn=1c3bae1d5aab4c72b84516e819cd16c9-wilton paim,/o=exchangelabs/ou=exchange administrative group (fydibohf23spdlt)/cn=recipients/cn=7903c13fa0504ff0bc7dd2644020b0e8-mirna prado,/o=exchangelabs/ou=exchange administrative group (fydibohf23spdlt)/cn=recipients/cn=a35622ae1b534401a6dd99bd801d1f97-marcos paul,rosilenedlf@algartech.com</t>
  </si>
  <si>
    <t>09/25/2019 10:34:21</t>
  </si>
  <si>
    <t>09/25/2019 10:36:54</t>
  </si>
  <si>
    <t>https://cscatende.algarnet.com.br/framework/qupload/request/uploadfile.php?name=anexoschamado&amp;classname=hdanexochamado&amp;streamfield=dsanexo&amp;contentfield=&amp;namefield=nmanexo&amp;keys=cdchamado&amp;uploadtype=attachment&amp;insertkeys=&amp;optionalkeys=cdsituacao,cdclassificacao&amp;arrayname=anexoschamado[]&amp;idcheckbeforeaddattachment=n&amp;idcheckafteraddattachment=n</t>
  </si>
  <si>
    <t>\\acsfs\dsti\CIT- Coordenação de Inteligência de Tecnologia\05 - Gerenciamento Orçamento e Contabilização\5. Contabilidade 2019\9. Setembro\Despesa Antecipada\PTLS_81k_ENVIADA\</t>
  </si>
  <si>
    <t>09/25/2019 10:37:08</t>
  </si>
  <si>
    <t>09/25/2019 10:41:54</t>
  </si>
  <si>
    <t>disparo_25.09.csv</t>
  </si>
  <si>
    <t>09/25/2019 10:37:59</t>
  </si>
  <si>
    <t>ENC: DEMANDA REJEIÇÃO DE PAGAMENTO - ATUALIZAÇÃO PLANILHA</t>
  </si>
  <si>
    <t>NOVA PLANILHA DE REJEIÇÃO DE PAGAMENTO - ATUALIZADA.msg\s1\</t>
  </si>
  <si>
    <t>Planilha de Rejeição_Atualizada.xlsx</t>
  </si>
  <si>
    <t>09/25/2019 10:42:00</t>
  </si>
  <si>
    <t>09/25/2019 10:42:54</t>
  </si>
  <si>
    <t>/o=exchangelabs/ou=exchange administrative group (fydibohf23spdlt)/cn=recipients/cn=34a28d636a1b4c86b1ec79baed4b846a-marco anton;/o=exchangelabs/ou=exchange administrative group (fydibohf23spdlt)/cn=recipients/cn=8c89829ad534498fa4c85b5ac11174f1-suelen more;/o=exchangelabs/ou=exchange administrative group (fydibohf23spdlt)/cn=recipients/cn=a27fa8e27f784e18b4732301ab7a6457-luciana sil;/o=exchangelabs/ou=exchange administrative group (fydibohf23spdlt)/cn=recipients/cn=e5dfe65308934e02acfffcb2185133f4-daniel bier;</t>
  </si>
  <si>
    <t>ENC: PR 213387 - Aumento de Salario - Kimberly</t>
  </si>
  <si>
    <t>/o=exchangelabs/ou=exchange administrative group (fydibohf23spdlt)/cn=recipients/cn=34a28d636a1b4c86b1ec79baed4b846a-marco anton,/o=exchangelabs/ou=exchange administrative group (fydibohf23spdlt)/cn=recipients/cn=8c89829ad534498fa4c85b5ac11174f1-suelen more,/o=exchangelabs/ou=exchange administrative group (fydibohf23spdlt)/cn=recipients/cn=a27fa8e27f784e18b4732301ab7a6457-luciana sil,/o=exchangelabs/ou=exchange administrative group (fydibohf23spdlt)/cn=recipients/cn=e5dfe65308934e02acfffcb2185133f4-daniel bier</t>
  </si>
  <si>
    <t>09/25/2019 10:43:44</t>
  </si>
  <si>
    <t>09/25/2019 10:44:54</t>
  </si>
  <si>
    <t>09/25/2019 10:45:55</t>
  </si>
  <si>
    <t>09/25/2019 10:46:54</t>
  </si>
  <si>
    <t>C:\Users\elainemdlp\OD\_Projetos\Em andamento\EDP\01 - Iniciacao\Classificacao de Itens\RES_ EDP_ Classificação de Itens _Parte2_classificado.msg\s133\</t>
  </si>
  <si>
    <t>EDP_Detalhamento_de_itens_v2_3188934_Classificado_Advanced_Collection.XLSX</t>
  </si>
  <si>
    <t>09/25/2019 10:49:35</t>
  </si>
  <si>
    <t>09/25/2019 10:51:54</t>
  </si>
  <si>
    <t>09/25/2019 10:46:53</t>
  </si>
  <si>
    <t>/o=exchangelabs/ou=exchange administrative group (fydibohf23spdlt)/cn=recipients/cn=49f99359e6eb40859d74af84425ca786-rodrigo mar;</t>
  </si>
  <si>
    <t>RES: RODRIGO MARQUES DE OLIVEIRA GOMES lhe enviou uma mensagem no Skype for Business</t>
  </si>
  <si>
    <t>FLEXFIELDS - Códigos de Contabilização OEBS - ATUALIZADA.xlsx</t>
  </si>
  <si>
    <t>/o=exchangelabs/ou=exchange administrative group (fydibohf23spdlt)/cn=recipients/cn=49f99359e6eb40859d74af84425ca786-rodrigo mar</t>
  </si>
  <si>
    <t>09/25/2019 10:47:37</t>
  </si>
  <si>
    <t>/o=exchangelabs/ou=exchange administrative group (fydibohf23spdlt)/cn=recipients/cn=096be01f3be1448b9e04fb22996909f1-michele sil;/o=exchangelabs/ou=exchange administrative group (fydibohf23spdlt)/cn=recipients/cn=22f2a579a06e409a9da375a7e8c4759d-raissa andr;/o=exchangelabs/ou=exchange administrative group (fydibohf23spdlt)/cn=recipients/cn=35869a39927a432c8d0daeede3b9e512-joyce virgi;/o=exchangelabs/ou=exchange administrative group (fydibohf23spdlt)/cn=recipients/cn=3fdae55f800a40bf81283bd4e9732f23-ludimila ti;/o=exchangelabs/ou=exchange administrative group (fydibohf23spdlt)/cn=recipients/cn=600af647fb55455794c404de163a9ce7-sharuels ca;/o=exchangelabs/ou=exchange administrative group (fydibohf23spdlt)/cn=recipients/cn=b4c27a00523743509c2a8673c01acf8b-emanuella g;/o=exchangelabs/ou=exchange administrative group (fydibohf23spdlt)/cn=recipients/cn=f0ff087361a245daa16e71ac77ecc3f0-ivan costa;/o=exchangelabs/ou=exchange administrative group (fydibohf23spdlt)/cn=recipients/cn=fbbb462fed0b402bbe147770ea84cf9e-adria</t>
  </si>
  <si>
    <t>RES: Desconexão</t>
  </si>
  <si>
    <t>bian.xls</t>
  </si>
  <si>
    <t>/o=exchangelabs/ou=exchange administrative group (fydibohf23spdlt)/cn=recipients/cn=096be01f3be1448b9e04fb22996909f1-michele sil,/o=exchangelabs/ou=exchange administrative group (fydibohf23spdlt)/cn=recipients/cn=22f2a579a06e409a9da375a7e8c4759d-raissa andr,/o=exchangelabs/ou=exchange administrative group (fydibohf23spdlt)/cn=recipients/cn=35869a39927a432c8d0daeede3b9e512-joyce virgi,/o=exchangelabs/ou=exchange administrative group (fydibohf23spdlt)/cn=recipients/cn=3fdae55f800a40bf81283bd4e9732f23-ludimila ti,/o=exchangelabs/ou=exchange administrative group (fydibohf23spdlt)/cn=recipients/cn=600af647fb55455794c404de163a9ce7-sharuels ca,/o=exchangelabs/ou=exchange administrative group (fydibohf23spdlt)/cn=recipients/cn=b4c27a00523743509c2a8673c01acf8b-emanuella g,/o=exchangelabs/ou=exchange administrative group (fydibohf23spdlt)/cn=recipients/cn=f0ff087361a245daa16e71ac77ecc3f0-ivan costa,/o=exchangelabs/ou=exchange administrative group (fydibohf23spdlt)/cn=recipients/cn=fbbb462fed0b402bbe147770ea84cf9e-adria</t>
  </si>
  <si>
    <t>09/25/2019 10:46:42</t>
  </si>
  <si>
    <t>09/25/2019 10:52:54</t>
  </si>
  <si>
    <t>C:\Users\wilameadsess\Desktop\</t>
  </si>
  <si>
    <t>Criação de acessos - Externo_v2.xlsx</t>
  </si>
  <si>
    <t>09/25/2019 10:47:10</t>
  </si>
  <si>
    <t>Criação de matrículas em massa.xls</t>
  </si>
  <si>
    <t>09/25/2019 10:50:35</t>
  </si>
  <si>
    <t>09/25/2019 10:53:54</t>
  </si>
  <si>
    <t>C:\Users\marcospr\OneDrive - Grupo Algar\Corporativo\01 - Projetos - Business Inteligence\Whirlpool - Nova Operação\Auditoria de Vendas - EcoHouse\Auditoria Vendas CAMINHO .msg\s240\</t>
  </si>
  <si>
    <t>ACOMPANHAMENTO REAGENDAMENTO DE VENDAS_20190921.xlsx</t>
  </si>
  <si>
    <t>C:\Users\marcospr\OneDrive - Grupo Algar\Corporativo\01 - Projetos - Business Inteligence\Whirlpool - Nova Operação\Auditoria de Vendas - EcoHouse\Auditoria Vendas CAMINHO .msg\s376\</t>
  </si>
  <si>
    <t>09/25/2019 10:51:18</t>
  </si>
  <si>
    <t>09/25/2019 10:54:54</t>
  </si>
  <si>
    <t>C:\Users\rodrigombu\OneDrive - Grupo Algar\Whirlpool\2019\09 - Setembro\Arquivo\Farol Churn\</t>
  </si>
  <si>
    <t>Base BW % Conversão - Set-2019 - Parcial - 24-09-19.xlsm</t>
  </si>
  <si>
    <t>09/25/2019 10:51:22</t>
  </si>
  <si>
    <t>09/25/2019 10:51:32</t>
  </si>
  <si>
    <t>Farol Churn - Parcial - Set/2019 - 24/10/19</t>
  </si>
  <si>
    <t>09/24/2019 19:02:24</t>
  </si>
  <si>
    <t>09/25/2019 10:56:55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</t>
  </si>
  <si>
    <t>Farol de Treinamentos NEXT</t>
  </si>
  <si>
    <t>FAROL NEXT - ATÉ 24.09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</t>
  </si>
  <si>
    <t>09/25/2019 10:57:48</t>
  </si>
  <si>
    <t>09/25/2019 10:59:54</t>
  </si>
  <si>
    <t>09/25/2019 10:57:39</t>
  </si>
  <si>
    <t>09/25/2019 11:01:54</t>
  </si>
  <si>
    <t>09/25/2019 10:59:53</t>
  </si>
  <si>
    <t>5 stars 25.09.csv</t>
  </si>
  <si>
    <t>09/25/2019 10:53:08</t>
  </si>
  <si>
    <t>09/25/2019 11:02:54</t>
  </si>
  <si>
    <t>/o=exchangelabs/ou=exchange administrative group (fydibohf23spdlt)/cn=recipients/cn=1d548783c10f4c62bcdf5de7a0f55a3e-lucas marqu;/o=exchangelabs/ou=exchange administrative group (fydibohf23spdlt)/cn=recipients/cn=55f846c335d7437f892f0b0d49c89e92-celma ribei;hewersong@algartech.com;</t>
  </si>
  <si>
    <t>RES: Projeto Jornada ERP (CSC): Algar Tech - Controladoria - planejamento orçamentário</t>
  </si>
  <si>
    <t>20190919 - Requisitos projeto ERP - Orçamento - Tech rev.xlsx</t>
  </si>
  <si>
    <t>/o=exchangelabs/ou=exchange administrative group (fydibohf23spdlt)/cn=recipients/cn=1d548783c10f4c62bcdf5de7a0f55a3e-lucas marqu,/o=exchangelabs/ou=exchange administrative group (fydibohf23spdlt)/cn=recipients/cn=55f846c335d7437f892f0b0d49c89e92-celma ribei,hewersong@algartech.com</t>
  </si>
  <si>
    <t>09/25/2019 10:59:59</t>
  </si>
  <si>
    <t>09/25/2019 11:03:54</t>
  </si>
  <si>
    <t>C:\Users\marcopaulolr\OneDrive - Grupo Algar\Pessoal\Projeto Casa\Custos\</t>
  </si>
  <si>
    <t>Custos Construção.xlsx</t>
  </si>
  <si>
    <t>09/25/2019 11:05:26</t>
  </si>
  <si>
    <t>09/25/2019 11:05:54</t>
  </si>
  <si>
    <t>09/25/2019 11:02:36</t>
  </si>
  <si>
    <t>09/25/2019 11:07:55</t>
  </si>
  <si>
    <t>10.200.61.27</t>
  </si>
  <si>
    <t>D8-9C-67-6F-2A-DD</t>
  </si>
  <si>
    <t>NB-RAPHAELAPM</t>
  </si>
  <si>
    <t>raphaelapm</t>
  </si>
  <si>
    <t>raphaelapm@algartech.com</t>
  </si>
  <si>
    <t>mail.google.com/_/upload?authuser=0&amp;dcp=asu-n&amp;upload_id=AEnB2UqE787Qe3i46b-GTWXhLanE_3vElqawcQnoTGq3KOLU8CI3merCSHlW8pRIKQWQYghKxt7BU3earXz_7wD2n75hHaKNJPk9X869_6MskdOLKvjUUtc&amp;upload_protocol=resumable</t>
  </si>
  <si>
    <t>C:\Users\raphaelapm\Desktop\MATERIAL DYNAMICS\DESORGANIZADOS\1-Modelos de importação\SAU_BRADESCARD\</t>
  </si>
  <si>
    <t>MODELO Importação BRADESCARD 1a INST.xlsx</t>
  </si>
  <si>
    <t>09/25/2019 11:02:49</t>
  </si>
  <si>
    <t>mail.google.com/_/upload?authuser=0&amp;dcp=asu-n&amp;upload_id=AEnB2UpCUBRO7Fk07ucg2T-AwTtq4EfDphTucQODM2njSMN5q50jL8CI5mVx6uToIyQVl6xgtMNYZlTpO46eiMTUhnQxiEgyszCiYcXCDFQEa9eBhdZJDcQ&amp;upload_protocol=resumable</t>
  </si>
  <si>
    <t>C:\Users\raphaelapm\Desktop\</t>
  </si>
  <si>
    <t>TO392956 - Attribute Import Custom_prod.xlsx</t>
  </si>
  <si>
    <t>09/25/2019 11:08:18</t>
  </si>
  <si>
    <t>09/25/2019 11:08:54</t>
  </si>
  <si>
    <t>10.200.57.20</t>
  </si>
  <si>
    <t>D8-9C-67-6F-31-9D</t>
  </si>
  <si>
    <t>NB-CLAIDSONE</t>
  </si>
  <si>
    <t>claidsones</t>
  </si>
  <si>
    <t>c:\users\claidsones\appdata\local\microsoft\windows\inetcache\content.outlook\grvi1m21\</t>
  </si>
  <si>
    <t>líderes tech uberlândia (003).xlsx</t>
  </si>
  <si>
    <t>09/25/2019 11:11:33</t>
  </si>
  <si>
    <t>09/25/2019 11:13:54</t>
  </si>
  <si>
    <t>09/25/2019 11:09:45</t>
  </si>
  <si>
    <t>09/25/2019 11:14:55</t>
  </si>
  <si>
    <t>C:\Users\rodrigombu\OneDrive - Grupo Algar\Operações\CPC\Processo Analista Jr 09-2019\</t>
  </si>
  <si>
    <t>09/25/2019 11:11:35</t>
  </si>
  <si>
    <t>10.211.2.93</t>
  </si>
  <si>
    <t>64-1C-67-9C-54-3C</t>
  </si>
  <si>
    <t>SPTI-340009497</t>
  </si>
  <si>
    <t>ricardoft</t>
  </si>
  <si>
    <t>RICARDO FERNANDO TARDIVO</t>
  </si>
  <si>
    <t>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c82d742f5f1e4122a86db0495b71e095-nilton j. g;</t>
  </si>
  <si>
    <t>RES: Planilha : RESPOSTA PR199264 2019 - Protocolo 606/2019 - Serviços/Alocação Recursos (SAP &amp; NonSAP) Américas</t>
  </si>
  <si>
    <t>T-Sytem Brazil (SP-SBC-Vinhedo).xlsx</t>
  </si>
  <si>
    <t>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c82d742f5f1e4122a86db0495b71e095-nilton j. g</t>
  </si>
  <si>
    <t>09/25/2019 11:12:35</t>
  </si>
  <si>
    <t>09/25/2019 11:16:55</t>
  </si>
  <si>
    <t>/o=exchangelabs/ou=exchange administrative group (fydibohf23spdlt)/cn=recipients/cn=14f0f77a226e48a79b5d6a7df54730c3-dayane gome;/o=exchangelabs/ou=exchange administrative group (fydibohf23spdlt)/cn=recipients/cn=1b4fe07f316b4c5fbd7323417e973dda-rosangela a;/o=exchangelabs/ou=exchange administrative group (fydibohf23spdlt)/cn=recipients/cn=525b3060f0654996a4c2979efbfaed04-douglas sil;/o=exchangelabs/ou=exchange administrative group (fydibohf23spdlt)/cn=recipients/cn=58ffc1e01a9d4eec8e3d842278cac233-helio reis;/o=exchangelabs/ou=exchange administrative group (fydibohf23spdlt)/cn=recipients/cn=59e2d42e513e4613a23971f0060032ed-gabriel ale;/o=exchangelabs/ou=exchange administrative group (fydibohf23spdlt)/cn=recipients/cn=5cff907b7abb465c8dbe10257a462656-diego iure;/o=exchangelabs/ou=exchange administrative group (fydibohf23spdlt)/cn=recipients/cn=8da96f497b5c46ee81c2775857a1df84-pedro henri;/o=exchangelabs/ou=exchange administrative group (fydibohf23spdlt)/cn=recipients/cn=a50ddd247a884fd18f7ff1cdaa6b6ad6-matheu</t>
  </si>
  <si>
    <t>S&amp;OP_PLANEJAMENTO.xlsx</t>
  </si>
  <si>
    <t>/o=exchangelabs/ou=exchange administrative group (fydibohf23spdlt)/cn=recipients/cn=14f0f77a226e48a79b5d6a7df54730c3-dayane gome,/o=exchangelabs/ou=exchange administrative group (fydibohf23spdlt)/cn=recipients/cn=1b4fe07f316b4c5fbd7323417e973dda-rosangela a,/o=exchangelabs/ou=exchange administrative group (fydibohf23spdlt)/cn=recipients/cn=525b3060f0654996a4c2979efbfaed04-douglas sil,/o=exchangelabs/ou=exchange administrative group (fydibohf23spdlt)/cn=recipients/cn=58ffc1e01a9d4eec8e3d842278cac233-helio reis,/o=exchangelabs/ou=exchange administrative group (fydibohf23spdlt)/cn=recipients/cn=59e2d42e513e4613a23971f0060032ed-gabriel ale,/o=exchangelabs/ou=exchange administrative group (fydibohf23spdlt)/cn=recipients/cn=5cff907b7abb465c8dbe10257a462656-diego iure,/o=exchangelabs/ou=exchange administrative group (fydibohf23spdlt)/cn=recipients/cn=8da96f497b5c46ee81c2775857a1df84-pedro henri,/o=exchangelabs/ou=exchange administrative group (fydibohf23spdlt)/cn=recipients/cn=a50ddd247a884fd18f7ff1cdaa6b6ad6-matheu</t>
  </si>
  <si>
    <t>09/25/2019 11:14:03</t>
  </si>
  <si>
    <t>09/25/2019 11:18:55</t>
  </si>
  <si>
    <t>R:\OneDrive - Grupo Algar\Advanced Collection\Marketing\</t>
  </si>
  <si>
    <t>20190925 - Empresas Prospecção Cobrança.xlsx</t>
  </si>
  <si>
    <t>09/25/2019 11:14:57</t>
  </si>
  <si>
    <t>09/25/2019 11:19:55</t>
  </si>
  <si>
    <t>09/25/2019 11:19:54</t>
  </si>
  <si>
    <t>09/25/2019 11:21:54</t>
  </si>
  <si>
    <t>Cartilha NR17 &amp; Ordem de Serviço e Lista de presença atualizada</t>
  </si>
  <si>
    <t>Lista de presença em branco (Atualizada).xlsx</t>
  </si>
  <si>
    <t>09/25/2019 11:18:54</t>
  </si>
  <si>
    <t>09/25/2019 11:22:54</t>
  </si>
  <si>
    <t>renata.veiga@bv.com.br;</t>
  </si>
  <si>
    <t>ENC: BV Design Thinking</t>
  </si>
  <si>
    <t>RES RES Operação BV - Validação TMO CRBV CDC.msg\s1\</t>
  </si>
  <si>
    <t>Diagnóstico TMO v4.2.xlsx</t>
  </si>
  <si>
    <t>renata.veiga@bv.com.br</t>
  </si>
  <si>
    <t>09/25/2019 11:19:42</t>
  </si>
  <si>
    <t>09/25/2019 11:24:54</t>
  </si>
  <si>
    <t>/o=exchangelabs/ou=exchange administrative group (fydibohf23spdlt)/cn=recipients/cn=eeccfec6dd26453db576a7c3b3bc44ec-pablo perei;</t>
  </si>
  <si>
    <t>Provas PCP</t>
  </si>
  <si>
    <t>PROVA PCP.xlsx</t>
  </si>
  <si>
    <t>/o=exchangelabs/ou=exchange administrative group (fydibohf23spdlt)/cn=recipients/cn=eeccfec6dd26453db576a7c3b3bc44ec-pablo perei</t>
  </si>
  <si>
    <t>09/25/2019 11:20:16</t>
  </si>
  <si>
    <t>09/25/2019 11:23:01</t>
  </si>
  <si>
    <t>10.200.58.98</t>
  </si>
  <si>
    <t>FC-01-7C-B3-BC-C7</t>
  </si>
  <si>
    <t>/o=exchangelabs/ou=exchange administrative group (fydibohf23spdlt)/cn=recipients/cn=4b6cf19daf2c458d8b05f18feeee95c3-vanessa cri;/o=exchangelabs/ou=exchange administrative group (fydibohf23spdlt)/cn=recipients/cn=efd108a07c6b499884a452ff50b3477b-isabella va;</t>
  </si>
  <si>
    <t>ENC: Inatividade do cliente</t>
  </si>
  <si>
    <t>TMT_-_CHAT_20190924_174105.csv</t>
  </si>
  <si>
    <t>/o=exchangelabs/ou=exchange administrative group (fydibohf23spdlt)/cn=recipients/cn=4b6cf19daf2c458d8b05f18feeee95c3-vanessa cri,/o=exchangelabs/ou=exchange administrative group (fydibohf23spdlt)/cn=recipients/cn=efd108a07c6b499884a452ff50b3477b-isabella va</t>
  </si>
  <si>
    <t>09/25/2019 11:23:50</t>
  </si>
  <si>
    <t>09/25/2019 11:28:54</t>
  </si>
  <si>
    <t>ENC: Material Indicadores</t>
  </si>
  <si>
    <t>Base Indicadores.xlsx</t>
  </si>
  <si>
    <t>09/25/2019 11:25:47</t>
  </si>
  <si>
    <t>09/25/2019 11:29:16</t>
  </si>
  <si>
    <t>09/25/2019 11:32:54</t>
  </si>
  <si>
    <t>/o=exchangelabs/ou=exchange administrative group (fydibohf23spdlt)/cn=recipients/cn=2f25493a7e37433d8dafca90f527b173-danubia cri;</t>
  </si>
  <si>
    <t>ENC: DE / PARA TREINAMENTO INTER</t>
  </si>
  <si>
    <t>/o=exchangelabs/ou=exchange administrative group (fydibohf23spdlt)/cn=recipients/cn=2f25493a7e37433d8dafca90f527b173-danubia cri</t>
  </si>
  <si>
    <t>09/25/2019 11:31:32</t>
  </si>
  <si>
    <t>/o=exchangelabs/ou=exchange administrative group (fydibohf23spdlt)/cn=recipients/cn=fedd0b8e2dbf442f837981a40559d630-viviane bar;</t>
  </si>
  <si>
    <t>ENC: Exercicio de atualizacao de BP LP Latam</t>
  </si>
  <si>
    <t>Consolidado Latam_Rev2208210.xlsx</t>
  </si>
  <si>
    <t>/o=exchangelabs/ou=exchange administrative group (fydibohf23spdlt)/cn=recipients/cn=fedd0b8e2dbf442f837981a40559d630-viviane bar</t>
  </si>
  <si>
    <t>09/25/2019 11:31:39</t>
  </si>
  <si>
    <t>09/25/2019 11:36:55</t>
  </si>
  <si>
    <t>ENC: Levantamento rateio Sesmet</t>
  </si>
  <si>
    <t>Rateio SESMT.xlsx</t>
  </si>
  <si>
    <t>09/25/2019 11:36:42</t>
  </si>
  <si>
    <t>09/25/2019 11:39:54</t>
  </si>
  <si>
    <t>09/25/2019 11:34:50</t>
  </si>
  <si>
    <t>micheless@algartech.com;</t>
  </si>
  <si>
    <t>Pesquisa</t>
  </si>
  <si>
    <t>Pesquisa de Satisfação - ENVIO.xlsx</t>
  </si>
  <si>
    <t>micheless@algartech.com</t>
  </si>
  <si>
    <t>09/25/2019 11:36:40</t>
  </si>
  <si>
    <t>09/25/2019 11:41:54</t>
  </si>
  <si>
    <t>09/25/2019 11:37:11</t>
  </si>
  <si>
    <t>mttechne.mpellegrini@bv.com.br;</t>
  </si>
  <si>
    <t>arquivo</t>
  </si>
  <si>
    <t>mttechne.mpellegrini@bv.com.br</t>
  </si>
  <si>
    <t>09/25/2019 11:39:52</t>
  </si>
  <si>
    <t>casos item 10.xlsx</t>
  </si>
  <si>
    <t>09/25/2019 11:40:42</t>
  </si>
  <si>
    <t>09/25/2019 11:42:54</t>
  </si>
  <si>
    <t>saramfg@algartech.com;victorhsr@algartech.com;vivianercu@algartech.com;</t>
  </si>
  <si>
    <t>Pacots 2017.xlsx</t>
  </si>
  <si>
    <t>saramfg@algartech.com,victorhsr@algartech.com,vivianercu@algartech.com</t>
  </si>
  <si>
    <t>09/25/2019 11:39:01</t>
  </si>
  <si>
    <t>marciohpr@algartech.com.br;vanusaos@algartech.com.br;</t>
  </si>
  <si>
    <t>RES: RES: RES: FATURA 2B CAPITAL CRM:002580000743</t>
  </si>
  <si>
    <t>RES Migração das Contas da UCB URGENTE.msg\s1\</t>
  </si>
  <si>
    <t>Migração UCB para CRC.xlsx</t>
  </si>
  <si>
    <t>marciohpr@algartech.com.br,vanusaos@algartech.com.br</t>
  </si>
  <si>
    <t>09/25/2019 11:39:20</t>
  </si>
  <si>
    <t>09/25/2019 11:43:54</t>
  </si>
  <si>
    <t>/o=exchangelabs/ou=exchange administrative group (fydibohf23spdlt)/cn=recipients/cn=738f64da88314610b103acc900ce8979-leandro san;/o=exchangelabs/ou=exchange administrative group (fydibohf23spdlt)/cn=recipients/cn=c29ec9dae022497281c840087cccddec-patricia ar;/o=exchangelabs/ou=exchange administrative group (fydibohf23spdlt)/cn=recipients/cn=f167860e3f1940cc81730e5f24d2f0bb-alexandre f;</t>
  </si>
  <si>
    <t>Revisão projeto Electrolux</t>
  </si>
  <si>
    <t>Dimensionamento_Sem_Curva_Electrolux_PROPOSTA ALTERNATIVA_20092019 v2_ENVIO.xls</t>
  </si>
  <si>
    <t>/o=exchangelabs/ou=exchange administrative group (fydibohf23spdlt)/cn=recipients/cn=738f64da88314610b103acc900ce8979-leandro san,/o=exchangelabs/ou=exchange administrative group (fydibohf23spdlt)/cn=recipients/cn=c29ec9dae022497281c840087cccddec-patricia ar,/o=exchangelabs/ou=exchange administrative group (fydibohf23spdlt)/cn=recipients/cn=f167860e3f1940cc81730e5f24d2f0bb-alexandre f</t>
  </si>
  <si>
    <t>09/25/2019 11:41:02</t>
  </si>
  <si>
    <t>09/25/2019 11:44:54</t>
  </si>
  <si>
    <t>D:\Projetos\ACS\One_drive\OneDrive - Grupo Algar\Projetos\CAPEX\2020-14. Capex planejamento financeiro\</t>
  </si>
  <si>
    <t>Capex planejamento financeiro.xlsx</t>
  </si>
  <si>
    <t>09/25/2019 11:41:43</t>
  </si>
  <si>
    <t>D:\Projetos\ACS\One_drive\OneDrive - Grupo Algar\Projetos\CAPEX\2020-16. Projeto precificação\</t>
  </si>
  <si>
    <t>Template Capex 2020.xlsx</t>
  </si>
  <si>
    <t>09/25/2019 11:41:44</t>
  </si>
  <si>
    <t>Macro Cronograma .xlsx</t>
  </si>
  <si>
    <t>09/25/2019 11:42:21</t>
  </si>
  <si>
    <t>09/25/2019 11:42:26</t>
  </si>
  <si>
    <t>09/25/2019 11:45:14</t>
  </si>
  <si>
    <t>09/25/2019 11:47:54</t>
  </si>
  <si>
    <t>http://shareit.global.avon.com/sites/arrmcm/forca-de-vendas/_layouts/upload.aspx?list={d7183758-c20b-457b-9a14-b83f7824798f}&amp;rootfolder=/sites/arrmcm/forca-de-vendas/executivas/regras e ganhos do programa&amp;source=http://shareit.global.avon.com/sites/arrmcm/forca-de-vendas/executivas/forms/allitems.aspx?rootfolder=http%3a%2f%2fshareit%2eglobal%2eavon%2ecom%2fsites%2farrmcm%2fforca%2dde%2dvendas%2fexecutivas%2fregras%20e%20ganhos%20do%20programa&amp;folderctid=0x012000239372184a066741ae9c59580c49d41d</t>
  </si>
  <si>
    <t>DESCONTO DE PAGAMENTO DE GANHOS DUPLICADO EVAS CP 14-2019.xls</t>
  </si>
  <si>
    <t>09/25/2019 11:46:43</t>
  </si>
  <si>
    <t>09/25/2019 11:49:54</t>
  </si>
  <si>
    <t>/o=exchangelabs/ou=exchange administrative group (fydibohf23spdlt)/cn=recipients/cn=2b69c7de1a3641269a7eed0596e1ddc2-wayner oliv;/o=exchangelabs/ou=exchange administrative group (fydibohf23spdlt)/cn=recipients/cn=e8a8131dc3334dc38d81db3d2a41a3fe-denise viei;</t>
  </si>
  <si>
    <t>RES: Verba para viagens de desmobilizações</t>
  </si>
  <si>
    <t>Viagens-Logistica.xlsx</t>
  </si>
  <si>
    <t>/o=exchangelabs/ou=exchange administrative group (fydibohf23spdlt)/cn=recipients/cn=2b69c7de1a3641269a7eed0596e1ddc2-wayner oliv,/o=exchangelabs/ou=exchange administrative group (fydibohf23spdlt)/cn=recipients/cn=e8a8131dc3334dc38d81db3d2a41a3fe-denise viei</t>
  </si>
  <si>
    <t>09/25/2019 11:50:27</t>
  </si>
  <si>
    <t>09/25/2019 11:50:54</t>
  </si>
  <si>
    <t>/o=exchangelabs/ou=exchange administrative group (fydibohf23spdlt)/cn=recipients/cn=372a4aee70df4061aed129651510b96b-raul montei;/o=exchangelabs/ou=exchange administrative group (fydibohf23spdlt)/cn=recipients/cn=d73c2a72ee8e45cfac0a50efc708425b-marissa amo;</t>
  </si>
  <si>
    <t>Pipe Latam</t>
  </si>
  <si>
    <t>Pipeline Detalhado Latam 2019_09_25.xlsx</t>
  </si>
  <si>
    <t>/o=exchangelabs/ou=exchange administrative group (fydibohf23spdlt)/cn=recipients/cn=372a4aee70df4061aed129651510b96b-raul montei,/o=exchangelabs/ou=exchange administrative group (fydibohf23spdlt)/cn=recipients/cn=d73c2a72ee8e45cfac0a50efc708425b-marissa amo</t>
  </si>
  <si>
    <t>09/25/2019 11:46:00</t>
  </si>
  <si>
    <t>09/25/2019 11:51:03</t>
  </si>
  <si>
    <t>09/25/2019 11:56:54</t>
  </si>
  <si>
    <t>\\acsfs\dsti\CIT- Coordenação de Inteligência de Tecnologia\05 - Gerenciamento Orçamento e Contabilização\5. Contabilidade 2019\9. Setembro\Despesa Antecipada\PTLS 61K\</t>
  </si>
  <si>
    <t>09/25/2019 11:52:28</t>
  </si>
  <si>
    <t>09/25/2019 11:55:16</t>
  </si>
  <si>
    <t>09/25/2019 11:57:55</t>
  </si>
  <si>
    <t>09/25/2019 11:55:23</t>
  </si>
  <si>
    <t>09/25/2019 11:58:54</t>
  </si>
  <si>
    <t>/o=exchangelabs/ou=exchange administrative group (fydibohf23spdlt)/cn=recipients/cn=cd8b2a090a5a4c598d5ed820d2d5af1e-luciano men;</t>
  </si>
  <si>
    <t>ENC: Processo 40143126H - Pleito de reajuste contrato 4700026946 - ALGAR</t>
  </si>
  <si>
    <t>Ressalva de Minuta.xlsx</t>
  </si>
  <si>
    <t>/o=exchangelabs/ou=exchange administrative group (fydibohf23spdlt)/cn=recipients/cn=cd8b2a090a5a4c598d5ed820d2d5af1e-luciano men</t>
  </si>
  <si>
    <t>09/25/2019 11:57:58</t>
  </si>
  <si>
    <t>09/25/2019 12:01:55</t>
  </si>
  <si>
    <t>09/25/2019 12:01:19</t>
  </si>
  <si>
    <t>10.211.2.128</t>
  </si>
  <si>
    <t>C:\Users\gustavohdsi\Desktop\</t>
  </si>
  <si>
    <t>2019.xlsx</t>
  </si>
  <si>
    <t>09/25/2019 11:57:36</t>
  </si>
  <si>
    <t>09/25/2019 12:02:54</t>
  </si>
  <si>
    <t>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54abac0a4fdc4ad1bec39bb51d85eab1-victor hugo;/o=exchangelabs/ou=exchange administrative group (fydibohf23spdlt)/cn=recipients/cn=e9b12c05d40743aeabb473b63d3b57f6-camila tirs;</t>
  </si>
  <si>
    <t>RES: Custos pacotes 340002017</t>
  </si>
  <si>
    <t>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54abac0a4fdc4ad1bec39bb51d85eab1-victor hugo,/o=exchangelabs/ou=exchange administrative group (fydibohf23spdlt)/cn=recipients/cn=e9b12c05d40743aeabb473b63d3b57f6-camila tirs</t>
  </si>
  <si>
    <t>09/25/2019 11:58:23</t>
  </si>
  <si>
    <t>09/25/2019 12:03:55</t>
  </si>
  <si>
    <t>C:\Users\Flavia\OneDrive - Grupo Algar\PROGRAMAÇÃO FÉRIAS GAT 2019\</t>
  </si>
  <si>
    <t>09/25/2019 12:00:07</t>
  </si>
  <si>
    <t>09/25/2019 12:04:54</t>
  </si>
  <si>
    <t>C:\Users\rodrigombu\OneDrive - Grupo Algar\Whirlpool\2019\10 - Outubro\Arquivo\Ressimulação\</t>
  </si>
  <si>
    <t>10-DIMENS_EH SAC_PJOTINHA_OUT.xlsm</t>
  </si>
  <si>
    <t>09/25/2019 12:03:34</t>
  </si>
  <si>
    <t>09/25/2019 12:07:54</t>
  </si>
  <si>
    <t>/o=exchangelabs/ou=exchange administrative group (fydibohf23spdlt)/cn=recipients/cn=34a28d636a1b4c86b1ec79baed4b846a-marco anton;/o=exchangelabs/ou=exchange administrative group (fydibohf23spdlt)/cn=recipients/cn=9a65d8734c444cbc8372a614d17d98e1-lucia maalo;/o=exchangelabs/ou=exchange administrative group (fydibohf23spdlt)/cn=recipients/cn=9e72be441e9e4b08a759859a5b3a336a-daniela de;/o=exchangelabs/ou=exchange administrative group (fydibohf23spdlt)/cn=recipients/cn=b29540aff7eb48b9b87128f6e26334c2-moises quei;</t>
  </si>
  <si>
    <t>AENs: Sage e Fundacentro</t>
  </si>
  <si>
    <t>AEN_FUNDACENTRO_set19.pptx\</t>
  </si>
  <si>
    <t>/o=exchangelabs/ou=exchange administrative group (fydibohf23spdlt)/cn=recipients/cn=34a28d636a1b4c86b1ec79baed4b846a-marco anton,/o=exchangelabs/ou=exchange administrative group (fydibohf23spdlt)/cn=recipients/cn=9a65d8734c444cbc8372a614d17d98e1-lucia maalo,/o=exchangelabs/ou=exchange administrative group (fydibohf23spdlt)/cn=recipients/cn=9e72be441e9e4b08a759859a5b3a336a-daniela de,/o=exchangelabs/ou=exchange administrative group (fydibohf23spdlt)/cn=recipients/cn=b29540aff7eb48b9b87128f6e26334c2-moises quei</t>
  </si>
  <si>
    <t>09/25/2019 12:06:34</t>
  </si>
  <si>
    <t>09/25/2019 12:08:54</t>
  </si>
  <si>
    <t>/o=exchangelabs/ou=exchange administrative group (fydibohf23spdlt)/cn=recipients/cn=1c23a421bdb44f94b937fb601a7f8381-ana vitoria;/o=exchangelabs/ou=exchange administrative group (fydibohf23spdlt)/cn=recipients/cn=4e1459e2c87c4c7d8d2896054a0500b3-ana paula n;/o=exchangelabs/ou=exchange administrative group (fydibohf23spdlt)/cn=recipients/cn=559c046856a541e781b58916784cdb17-mariana cus;/o=exchangelabs/ou=exchange administrative group (fydibohf23spdlt)/cn=recipients/cn=5a616a7c00474521bce6f578d9d68a83-vitor gabri;/o=exchangelabs/ou=exchange administrative group (fydibohf23spdlt)/cn=recipients/cn=9a00fc60faa94aea829131bb80eaf390-larisa cris;/o=exchangelabs/ou=exchange administrative group (fydibohf23spdlt)/cn=recipients/cn=aa4a979a0cee4f3e92fad15291a9328a-adilson lan;/o=exchangelabs/ou=exchange administrative group (fydibohf23spdlt)/cn=recipients/cn=e47f7192d7b143e286620292e5ce82f2-mirian pris;</t>
  </si>
  <si>
    <t>/o=exchangelabs/ou=exchange administrative group (fydibohf23spdlt)/cn=recipients/cn=1c23a421bdb44f94b937fb601a7f8381-ana vitoria,/o=exchangelabs/ou=exchange administrative group (fydibohf23spdlt)/cn=recipients/cn=4e1459e2c87c4c7d8d2896054a0500b3-ana paula n,/o=exchangelabs/ou=exchange administrative group (fydibohf23spdlt)/cn=recipients/cn=559c046856a541e781b58916784cdb17-mariana cus,/o=exchangelabs/ou=exchange administrative group (fydibohf23spdlt)/cn=recipients/cn=5a616a7c00474521bce6f578d9d68a83-vitor gabri,/o=exchangelabs/ou=exchange administrative group (fydibohf23spdlt)/cn=recipients/cn=9a00fc60faa94aea829131bb80eaf390-larisa cris,/o=exchangelabs/ou=exchange administrative group (fydibohf23spdlt)/cn=recipients/cn=aa4a979a0cee4f3e92fad15291a9328a-adilson lan,/o=exchangelabs/ou=exchange administrative group (fydibohf23spdlt)/cn=recipients/cn=e47f7192d7b143e286620292e5ce82f2-mirian pris</t>
  </si>
  <si>
    <t>09/25/2019 12:09:09</t>
  </si>
  <si>
    <t>09/25/2019 12:09:54</t>
  </si>
  <si>
    <t>10.200.66.171</t>
  </si>
  <si>
    <t>/o=exchangelabs/ou=exchange administrative group (fydibohf23spdlt)/cn=recipients/cn=453b61456320491dad510b65b310018f-kelen crist;/o=exchangelabs/ou=exchange administrative group (fydibohf23spdlt)/cn=recipients/cn=75cdb831ed9b44aca8d8bbc1f13d5a1d-rafaela sam;/o=exchangelabs/ou=exchange administrative group (fydibohf23spdlt)/cn=recipients/cn=a78f7dae304e472e9f75bd537683f6e5-hugo de oli;/o=exchangelabs/ou=exchange administrative group (fydibohf23spdlt)/cn=recipients/cn=b3f9afcbd2dd4282aa0db85ea5088e45-thiago kewl;antonio.p.albuquerque@next.b.br;daniel.cabeceira@bradesco.com.br;daniela.apoifis@next.b.br;veronica.gregorio@next.b.br;</t>
  </si>
  <si>
    <t>Analise Base Ativos - Reenvio Avon - Funil Avon</t>
  </si>
  <si>
    <t>Arquivo de retorno - Reenvio Avon - 25.09.xlsx</t>
  </si>
  <si>
    <t>/o=exchangelabs/ou=exchange administrative group (fydibohf23spdlt)/cn=recipients/cn=453b61456320491dad510b65b310018f-kelen crist,/o=exchangelabs/ou=exchange administrative group (fydibohf23spdlt)/cn=recipients/cn=75cdb831ed9b44aca8d8bbc1f13d5a1d-rafaela sam,/o=exchangelabs/ou=exchange administrative group (fydibohf23spdlt)/cn=recipients/cn=a78f7dae304e472e9f75bd537683f6e5-hugo de oli,/o=exchangelabs/ou=exchange administrative group (fydibohf23spdlt)/cn=recipients/cn=b3f9afcbd2dd4282aa0db85ea5088e45-thiago kewl,antonio.p.albuquerque@next.b.br,daniel.cabeceira@bradesco.com.br,daniela.apoifis@next.b.br,veronica.gregorio@next.b.br</t>
  </si>
  <si>
    <t>09/25/2019 12:13:40</t>
  </si>
  <si>
    <t>09/25/2019 12:14:54</t>
  </si>
  <si>
    <t>RES: Calendário Wilbert</t>
  </si>
  <si>
    <t>09/25/2019 12:14:40</t>
  </si>
  <si>
    <t>09/25/2019 12:18:54</t>
  </si>
  <si>
    <t>C:\Users\rafaelaas\Desktop\</t>
  </si>
  <si>
    <t>Férias - Equipe Rafaela.xlsx</t>
  </si>
  <si>
    <t>09/25/2019 12:23:10</t>
  </si>
  <si>
    <t>09/25/2019 12:23:54</t>
  </si>
  <si>
    <t>Consolidado -FERIAS_ORÇADO E NÃO ORÇADO_Programação férias_GAT 310719_REVISÃO V8_3008_INCLUSAO-NB-FLAVIACS.xlsm</t>
  </si>
  <si>
    <t>09/25/2019 12:20:04</t>
  </si>
  <si>
    <t>09/25/2019 12:24:54</t>
  </si>
  <si>
    <t>/o=exchangelabs/ou=exchange administrative group (fydibohf23spdlt)/cn=recipients/cn=49df841081c647dfa3c968230c8e613c-sabrina gon;/o=exchangelabs/ou=exchange administrative group (fydibohf23spdlt)/cn=recipients/cn=88e4fcbd3ea14730a81286cc0683fb42-manoel eloy;</t>
  </si>
  <si>
    <t>RES: TOP Performance - Cadastro GTH</t>
  </si>
  <si>
    <t>Cadastro GTH - NEXT TOP PERFORMANCE.xlsx</t>
  </si>
  <si>
    <t>/o=exchangelabs/ou=exchange administrative group (fydibohf23spdlt)/cn=recipients/cn=49df841081c647dfa3c968230c8e613c-sabrina gon,/o=exchangelabs/ou=exchange administrative group (fydibohf23spdlt)/cn=recipients/cn=88e4fcbd3ea14730a81286cc0683fb42-manoel eloy</t>
  </si>
  <si>
    <t>09/25/2019 12:24:44</t>
  </si>
  <si>
    <t>09/25/2019 12:25:54</t>
  </si>
  <si>
    <t>/o=exchangelabs/ou=exchange administrative group (fydibohf23spdlt)/cn=recipients/cn=372a4aee70df4061aed129651510b96b-raul montei;/o=exchangelabs/ou=exchange administrative group (fydibohf23spdlt)/cn=recipients/cn=bd4a6c1d532c4ca6b437020e0da70310-leonardo ar;/o=exchangelabs/ou=exchange administrative group (fydibohf23spdlt)/cn=recipients/cn=f81170438a4f41149eaff593d363a163-alejandro l;</t>
  </si>
  <si>
    <t>Pipelline Argentina</t>
  </si>
  <si>
    <t>Pipeline Detalhado Argentina 2019_09_25.xlsx</t>
  </si>
  <si>
    <t>/o=exchangelabs/ou=exchange administrative group (fydibohf23spdlt)/cn=recipients/cn=372a4aee70df4061aed129651510b96b-raul montei,/o=exchangelabs/ou=exchange administrative group (fydibohf23spdlt)/cn=recipients/cn=bd4a6c1d532c4ca6b437020e0da70310-leonardo ar,/o=exchangelabs/ou=exchange administrative group (fydibohf23spdlt)/cn=recipients/cn=f81170438a4f41149eaff593d363a163-alejandro l</t>
  </si>
  <si>
    <t>09/25/2019 12:24:49</t>
  </si>
  <si>
    <t>/o=exchangelabs/ou=exchange administrative group (fydibohf23spdlt)/cn=recipients/cn=1a891a11d41b4f2490d38c4920393403-hernan edua;/o=exchangelabs/ou=exchange administrative group (fydibohf23spdlt)/cn=recipients/cn=31530e847059489c86826d7f6601733b-yuly alejan;/o=exchangelabs/ou=exchange administrative group (fydibohf23spdlt)/cn=recipients/cn=372a4aee70df4061aed129651510b96b-raul montei;/o=exchangelabs/ou=exchange administrative group (fydibohf23spdlt)/cn=recipients/cn=88cfe72c15cd402bb9c857655af0f1c2-mauricio mo;/o=exchangelabs/ou=exchange administrative group (fydibohf23spdlt)/cn=recipients/cn=cd2f6a42331c43af8f518d787df888b8-diana milei;/o=exchangelabs/ou=exchange administrative group (fydibohf23spdlt)/cn=recipients/cn=dc2c5efff31d437e832479c059a1cb66-gonzalo art;/o=exchangelabs/ou=exchange administrative group (fydibohf23spdlt)/cn=recipients/cn=f7ce32d4dd56453fa44b9dcb07f56da4-daniela alv;</t>
  </si>
  <si>
    <t>Pipeline Colombia</t>
  </si>
  <si>
    <t>Pipeline Detalhado Colombia 2019_09_25.xlsx</t>
  </si>
  <si>
    <t>/o=exchangelabs/ou=exchange administrative group (fydibohf23spdlt)/cn=recipients/cn=1a891a11d41b4f2490d38c4920393403-hernan edua,/o=exchangelabs/ou=exchange administrative group (fydibohf23spdlt)/cn=recipients/cn=31530e847059489c86826d7f6601733b-yuly alejan,/o=exchangelabs/ou=exchange administrative group (fydibohf23spdlt)/cn=recipients/cn=372a4aee70df4061aed129651510b96b-raul montei,/o=exchangelabs/ou=exchange administrative group (fydibohf23spdlt)/cn=recipients/cn=88cfe72c15cd402bb9c857655af0f1c2-mauricio mo,/o=exchangelabs/ou=exchange administrative group (fydibohf23spdlt)/cn=recipients/cn=cd2f6a42331c43af8f518d787df888b8-diana milei,/o=exchangelabs/ou=exchange administrative group (fydibohf23spdlt)/cn=recipients/cn=dc2c5efff31d437e832479c059a1cb66-gonzalo art,/o=exchangelabs/ou=exchange administrative group (fydibohf23spdlt)/cn=recipients/cn=f7ce32d4dd56453fa44b9dcb07f56da4-daniela alv</t>
  </si>
  <si>
    <t>09/25/2019 12:24:04</t>
  </si>
  <si>
    <t>09/25/2019 12:26:54</t>
  </si>
  <si>
    <t>10.200.58.4</t>
  </si>
  <si>
    <t>FC-01-7C-B3-58-E3</t>
  </si>
  <si>
    <t>C:\Users\waleskamms\OneDrive - Grupo Algar\Bradesco\</t>
  </si>
  <si>
    <t>Cópia de Processos Bradesco Consolidado_VF6.xlsx</t>
  </si>
  <si>
    <t>09/25/2019 12:25:41</t>
  </si>
  <si>
    <t>adriana.oliveira@avon.com;</t>
  </si>
  <si>
    <t>ENC: Visita - Genpact para Conhecer os processos da Algar (Avon)</t>
  </si>
  <si>
    <t>Apresentação Unapam.pptx\</t>
  </si>
  <si>
    <t>adriana.oliveira@avon.com</t>
  </si>
  <si>
    <t>09/25/2019 12:23:50</t>
  </si>
  <si>
    <t>09/25/2019 12:27:54</t>
  </si>
  <si>
    <t>ENC: Fechamento de Qualidade Junho MIT/SVB</t>
  </si>
  <si>
    <t>Book Mitsubishi Junho - 18.xlsx</t>
  </si>
  <si>
    <t>09/25/2019 12:24:45</t>
  </si>
  <si>
    <t>ENC: Fechamento de Qualidade</t>
  </si>
  <si>
    <t>Book Caixa Previdência Abril.xlsx</t>
  </si>
  <si>
    <t>09/25/2019 12:27:03</t>
  </si>
  <si>
    <t>09/25/2019 12:28:55</t>
  </si>
  <si>
    <t>/o=exchangelabs/ou=exchange administrative group (fydibohf23spdlt)/cn=recipients/cn=93fbfc821dab48cf91184b5c6c1bf60c-ianny raiss;/o=exchangelabs/ou=exchange administrative group (fydibohf23spdlt)/cn=recipients/cn=a111820ea97a440c83191c55259f676f-marcelo rod;</t>
  </si>
  <si>
    <t>Orçamento - Marcelo R_ (Férias 2019).xlsx</t>
  </si>
  <si>
    <t>/o=exchangelabs/ou=exchange administrative group (fydibohf23spdlt)/cn=recipients/cn=93fbfc821dab48cf91184b5c6c1bf60c-ianny raiss,/o=exchangelabs/ou=exchange administrative group (fydibohf23spdlt)/cn=recipients/cn=a111820ea97a440c83191c55259f676f-marcelo rod</t>
  </si>
  <si>
    <t>09/25/2019 12:30:00</t>
  </si>
  <si>
    <t>09/25/2019 12:30:54</t>
  </si>
  <si>
    <t>/o=exchangelabs/ou=exchange administrative group (fydibohf23spdlt)/cn=recipients/cn=2f002ba966e74543a383a969ab11be23-laura karin;/o=exchangelabs/ou=exchange administrative group (fydibohf23spdlt)/cn=recipients/cn=372a4aee70df4061aed129651510b96b-raul montei;/o=exchangelabs/ou=exchange administrative group (fydibohf23spdlt)/cn=recipients/cn=7b70aa18debb49fb8da0f7282594e513-ricardo ale;/o=exchangelabs/ou=exchange administrative group (fydibohf23spdlt)/cn=recipients/cn=909e770c97ed4b8fa033c30357f65607-juan carlos;/o=exchangelabs/ou=exchange administrative group (fydibohf23spdlt)/cn=recipients/cn=cd3b5b481f524fe68902e02768910038-koldo alcal;</t>
  </si>
  <si>
    <t>Pipeline Mexico</t>
  </si>
  <si>
    <t>Pipeline Detalhado Mexico 2019_09_25.xlsx</t>
  </si>
  <si>
    <t>/o=exchangelabs/ou=exchange administrative group (fydibohf23spdlt)/cn=recipients/cn=2f002ba966e74543a383a969ab11be23-laura karin,/o=exchangelabs/ou=exchange administrative group (fydibohf23spdlt)/cn=recipients/cn=372a4aee70df4061aed129651510b96b-raul montei,/o=exchangelabs/ou=exchange administrative group (fydibohf23spdlt)/cn=recipients/cn=7b70aa18debb49fb8da0f7282594e513-ricardo ale,/o=exchangelabs/ou=exchange administrative group (fydibohf23spdlt)/cn=recipients/cn=909e770c97ed4b8fa033c30357f65607-juan carlos,/o=exchangelabs/ou=exchange administrative group (fydibohf23spdlt)/cn=recipients/cn=cd3b5b481f524fe68902e02768910038-koldo alcal</t>
  </si>
  <si>
    <t>09/25/2019 12:30:20</t>
  </si>
  <si>
    <t>09/25/2019 12:34:54</t>
  </si>
  <si>
    <t>09/25/2019 12:35:17</t>
  </si>
  <si>
    <t>09/25/2019 12:36:54</t>
  </si>
  <si>
    <t>09/25/2019 12:37:09</t>
  </si>
  <si>
    <t>09/25/2019 12:41:54</t>
  </si>
  <si>
    <t>/o=exchangelabs/ou=exchange administrative group (fydibohf23spdlt)/cn=recipients/cn=1698f5af44b14116ad2d0b751d584c7d-danilo rafa;/o=exchangelabs/ou=exchange administrative group (fydibohf23spdlt)/cn=recipients/cn=1867d5fca12044e08946537995369baf-diego rodri;/o=exchangelabs/ou=exchange administrative group (fydibohf23spdlt)/cn=recipients/cn=b60c7f02b7944b639da5c2f90b0fe2f5-diogo soare;</t>
  </si>
  <si>
    <t>ENC: RES: RES: Dados SSMA - Grupo Algar</t>
  </si>
  <si>
    <t>Acidentes - Janeiro a Agosto - 2019.xls</t>
  </si>
  <si>
    <t>/o=exchangelabs/ou=exchange administrative group (fydibohf23spdlt)/cn=recipients/cn=1698f5af44b14116ad2d0b751d584c7d-danilo rafa,/o=exchangelabs/ou=exchange administrative group (fydibohf23spdlt)/cn=recipients/cn=1867d5fca12044e08946537995369baf-diego rodri,/o=exchangelabs/ou=exchange administrative group (fydibohf23spdlt)/cn=recipients/cn=b60c7f02b7944b639da5c2f90b0fe2f5-diogo soare</t>
  </si>
  <si>
    <t>09/25/2019 13:06:10</t>
  </si>
  <si>
    <t>09/25/2019 13:10:54</t>
  </si>
  <si>
    <t>ENC: Relatório Semanal de casos Indevidos do Parcelado Fácil</t>
  </si>
  <si>
    <t>Relatório Semanal de Casos Indevidos - Parcelado Fácil .xlsx</t>
  </si>
  <si>
    <t>09/25/2019 13:12:37</t>
  </si>
  <si>
    <t>09/25/2019 13:16:54</t>
  </si>
  <si>
    <t>09/25/2019 13:17:53</t>
  </si>
  <si>
    <t>09/25/2019 13:18:54</t>
  </si>
  <si>
    <t>/o=exchangelabs/ou=exchange administrative group (fydibohf23spdlt)/cn=recipients/cn=18106b2c2b164f0f859ac301d85fc885-luis carlos;</t>
  </si>
  <si>
    <t>plantão BRF</t>
  </si>
  <si>
    <t>Algar_BRF_Atualizada_v14.xlsx</t>
  </si>
  <si>
    <t>/o=exchangelabs/ou=exchange administrative group (fydibohf23spdlt)/cn=recipients/cn=18106b2c2b164f0f859ac301d85fc885-luis carlos</t>
  </si>
  <si>
    <t>09/25/2019 13:17:00</t>
  </si>
  <si>
    <t>09/25/2019 13:21:54</t>
  </si>
  <si>
    <t>/o=exchangelabs/ou=exchange administrative group (fydibohf23spdlt)/cn=recipients/cn=208b9ab01c74449faed472f740e34f74-dth - ssma;</t>
  </si>
  <si>
    <t>URGENTE (RES: ENC: RES: RES: Dados SSMA - Grupo Algar)</t>
  </si>
  <si>
    <t>Acidente de Trabalho - MOTIVO.xlsx</t>
  </si>
  <si>
    <t>/o=exchangelabs/ou=exchange administrative group (fydibohf23spdlt)/cn=recipients/cn=208b9ab01c74449faed472f740e34f74-dth - ssma</t>
  </si>
  <si>
    <t>09/25/2019 13:28:26</t>
  </si>
  <si>
    <t>09/25/2019 13:29:54</t>
  </si>
  <si>
    <t>rodrigoap@algartech.com.br;</t>
  </si>
  <si>
    <t>ESTUDO ESPONTANEO E PERSONAL.xlsb</t>
  </si>
  <si>
    <t>rodrigoap@algartech.com.br</t>
  </si>
  <si>
    <t>09/25/2019 13:28:28</t>
  </si>
  <si>
    <t>09/25/2019 13:30:54</t>
  </si>
  <si>
    <t>10.211.2.155</t>
  </si>
  <si>
    <t>64-1C-67-9C-32-4A</t>
  </si>
  <si>
    <t>SPTI-340009443</t>
  </si>
  <si>
    <t>tatiane.rodrigues</t>
  </si>
  <si>
    <t>Tatiane Silva Rodrigues</t>
  </si>
  <si>
    <t>/o=exchangelabs/ou=exchange administrative group (fydibohf23spdlt)/cn=recipients/cn=891c08f4f04f4527be9bc1b3d75f6378-luiz fernan;</t>
  </si>
  <si>
    <t>FAT - Serasa</t>
  </si>
  <si>
    <t>Relatorio Faturamento Algar TI_2016.xls</t>
  </si>
  <si>
    <t>/o=exchangelabs/ou=exchange administrative group (fydibohf23spdlt)/cn=recipients/cn=891c08f4f04f4527be9bc1b3d75f6378-luiz fernan</t>
  </si>
  <si>
    <t>09/25/2019 13:27:16</t>
  </si>
  <si>
    <t>09/25/2019 13:32:54</t>
  </si>
  <si>
    <t>C:\Users\helderrds\OneDrive - Grupo Algar\Arquivos\Controle Ponto\</t>
  </si>
  <si>
    <t>Controle Ponto - Setembro.xlsx</t>
  </si>
  <si>
    <t>09/25/2019 13:36:40</t>
  </si>
  <si>
    <t>09/25/2019 13:38:54</t>
  </si>
  <si>
    <t>/o=exchangelabs/ou=exchange administrative group (fydibohf23spdlt)/cn=recipients/cn=f24a51c4295d4efb8efee648602c4f9d-gustavo hen;</t>
  </si>
  <si>
    <t>Acompanhamento de rescisão - Tech online.xlsx</t>
  </si>
  <si>
    <t>/o=exchangelabs/ou=exchange administrative group (fydibohf23spdlt)/cn=recipients/cn=f24a51c4295d4efb8efee648602c4f9d-gustavo hen</t>
  </si>
  <si>
    <t>09/25/2019 13:48:57</t>
  </si>
  <si>
    <t>09/25/2019 13:50:54</t>
  </si>
  <si>
    <t>C:\Users\leandrosma\OneDrive - Grupo Algar\Projetos\Projetos\2019\1 - Planejamento\Electrolux\</t>
  </si>
  <si>
    <t>09/25/2019 13:48:58</t>
  </si>
  <si>
    <t>09/25/2019 13:51:19</t>
  </si>
  <si>
    <t>09/25/2019 13:52:55</t>
  </si>
  <si>
    <t>/o=exchangelabs/ou=exchange administrative group (fydibohf23spdlt)/cn=recipients/cn=2b1a6c2f5f1a48f98baec437d66528d4-ana paula f;</t>
  </si>
  <si>
    <t>Ranking Fabiana Pereira Junho, Julho e Agosto.xls</t>
  </si>
  <si>
    <t>/o=exchangelabs/ou=exchange administrative group (fydibohf23spdlt)/cn=recipients/cn=2b1a6c2f5f1a48f98baec437d66528d4-ana paula f</t>
  </si>
  <si>
    <t>09/25/2019 13:51:58</t>
  </si>
  <si>
    <t>09/25/2019 13:55:54</t>
  </si>
  <si>
    <t>/o=exchangelabs/ou=exchange administrative group (fydibohf23spdlt)/cn=recipients/cn=55643a6cbd93423e8f0c948d862c9e35-marcelo ale;/o=exchangelabs/ou=exchange administrative group (fydibohf23spdlt)/cn=recipients/cn=670d10f0276c47ba89a984b1a225496b-victor gala;/o=exchangelabs/ou=exchange administrative group (fydibohf23spdlt)/cn=recipients/cn=80fb880d4e904fd9990f1ffec561717a-avon - supe;/o=exchangelabs/ou=exchange administrative group (fydibohf23spdlt)/cn=recipients/cn=b284454839e94314a90d49e7ec00864f-antonio car;/o=exchangelabs/ou=exchange administrative group (fydibohf23spdlt)/cn=recipients/cn=e39e329fc16a43329eb2766bae675122-mariana gon;/o=exchangelabs/ou=exchange administrative group (fydibohf23spdlt)/cn=recipients/cn=f0ff087361a245daa16e71ac77ecc3f0-ivan costa;dgrc.coordenadores.udi.iua@algartech.com;hugooc@algartech.com;</t>
  </si>
  <si>
    <t>Validação Ação Avon</t>
  </si>
  <si>
    <t>/o=exchangelabs/ou=exchange administrative group (fydibohf23spdlt)/cn=recipients/cn=55643a6cbd93423e8f0c948d862c9e35-marcelo ale,/o=exchangelabs/ou=exchange administrative group (fydibohf23spdlt)/cn=recipients/cn=670d10f0276c47ba89a984b1a225496b-victor gala,/o=exchangelabs/ou=exchange administrative group (fydibohf23spdlt)/cn=recipients/cn=80fb880d4e904fd9990f1ffec561717a-avon - supe,/o=exchangelabs/ou=exchange administrative group (fydibohf23spdlt)/cn=recipients/cn=b284454839e94314a90d49e7ec00864f-antonio car,/o=exchangelabs/ou=exchange administrative group (fydibohf23spdlt)/cn=recipients/cn=e39e329fc16a43329eb2766bae675122-mariana gon,/o=exchangelabs/ou=exchange administrative group (fydibohf23spdlt)/cn=recipients/cn=f0ff087361a245daa16e71ac77ecc3f0-ivan costa,dgrc.coordenadores.udi.iua@algartech.com,hugooc@algartech.com</t>
  </si>
  <si>
    <t>09/25/2019 13:54:52</t>
  </si>
  <si>
    <t>09/25/2019 13:56:54</t>
  </si>
  <si>
    <t>/o=exchangelabs/ou=exchange administrative group (fydibohf23spdlt)/cn=recipients/cn=020c2d78e7c94c29ada42f1cfe647985-alessandra;/o=exchangelabs/ou=exchange administrative group (fydibohf23spdlt)/cn=recipients/cn=2b0ee088f884490da6c1e243923fe292-flavio feli;/o=exchangelabs/ou=exchange administrative group (fydibohf23spdlt)/cn=recipients/cn=a4d4dbc88c434f8ba2bceed730d83878-marcellus r;</t>
  </si>
  <si>
    <t>RES: Cartas de Circularização Deloitte Auditores Independentes</t>
  </si>
  <si>
    <t>Cópia de Carta de Representação Ernest Young.xlsx</t>
  </si>
  <si>
    <t>/o=exchangelabs/ou=exchange administrative group (fydibohf23spdlt)/cn=recipients/cn=020c2d78e7c94c29ada42f1cfe647985-alessandra,/o=exchangelabs/ou=exchange administrative group (fydibohf23spdlt)/cn=recipients/cn=2b0ee088f884490da6c1e243923fe292-flavio feli,/o=exchangelabs/ou=exchange administrative group (fydibohf23spdlt)/cn=recipients/cn=a4d4dbc88c434f8ba2bceed730d83878-marcellus r</t>
  </si>
  <si>
    <t>09/25/2019 14:07:39</t>
  </si>
  <si>
    <t>09/25/2019 14:09:54</t>
  </si>
  <si>
    <t>D:\Projetos\ACS\One_drive\OneDrive - Grupo Algar\Projetos\2019 Algar_-_Precificação\OneDrive Compartilhado\Aplica nao Aplica\</t>
  </si>
  <si>
    <t>Analise Orcamento Contigenciado.xlsx</t>
  </si>
  <si>
    <t>09/25/2019 14:11:09</t>
  </si>
  <si>
    <t>09/25/2019 14:12:54</t>
  </si>
  <si>
    <t>/o=exchangelabs/ou=exchange administrative group (fydibohf23spdlt)/cn=recipients/cn=55f846c335d7437f892f0b0d49c89e92-celma ribei;/o=exchangelabs/ou=exchange administrative group (fydibohf23spdlt)/cn=recipients/cn=570802ee0d7e42cba7189b1affb39b89-rafael liza;/o=exchangelabs/ou=exchange administrative group (fydibohf23spdlt)/cn=recipients/cn=f49f514a8ff84d6e9ac50d13bd9846f4-luzmar de a;/o=exchangelabs/ou=exchange administrative group (fydibohf23spdlt)/cn=recipients/cn=fedd0b8e2dbf442f837981a40559d630-viviane bar;</t>
  </si>
  <si>
    <t>Algar Tech - Cronograma Longo Prazo</t>
  </si>
  <si>
    <t>/o=exchangelabs/ou=exchange administrative group (fydibohf23spdlt)/cn=recipients/cn=55f846c335d7437f892f0b0d49c89e92-celma ribei,/o=exchangelabs/ou=exchange administrative group (fydibohf23spdlt)/cn=recipients/cn=570802ee0d7e42cba7189b1affb39b89-rafael liza,/o=exchangelabs/ou=exchange administrative group (fydibohf23spdlt)/cn=recipients/cn=f49f514a8ff84d6e9ac50d13bd9846f4-luzmar de a,/o=exchangelabs/ou=exchange administrative group (fydibohf23spdlt)/cn=recipients/cn=fedd0b8e2dbf442f837981a40559d630-viviane bar</t>
  </si>
  <si>
    <t>09/25/2019 14:08:57</t>
  </si>
  <si>
    <t>Relação de Empresas (3).xlsx</t>
  </si>
  <si>
    <t>09/25/2019 14:14:08</t>
  </si>
  <si>
    <t>09/25/2019 14:15:54</t>
  </si>
  <si>
    <t>/o=exchangelabs/ou=exchange administrative group (fydibohf23spdlt)/cn=recipients/cn=b24a1bfdc1aa45a2a190e0a7a66455b6-caio ferrei;</t>
  </si>
  <si>
    <t>planilha fatura B</t>
  </si>
  <si>
    <t>Cópia de PLANILHA_Fatura B.xlsx</t>
  </si>
  <si>
    <t>/o=exchangelabs/ou=exchange administrative group (fydibohf23spdlt)/cn=recipients/cn=b24a1bfdc1aa45a2a190e0a7a66455b6-caio ferrei</t>
  </si>
  <si>
    <t>09/25/2019 14:14:02</t>
  </si>
  <si>
    <t>10.200.32.194</t>
  </si>
  <si>
    <t>EC-F4-BB-F7-2B-95</t>
  </si>
  <si>
    <t>\\acsfs\dsti\CIT- Coordenação de Inteligência de Tecnologia\35 - Gerenciamento de Disponibilidade e Continuidade\01 - GCN\BIA\2019\</t>
  </si>
  <si>
    <t>Ficha do Risco 1. Infra de TI - 17-04-19.xlsx</t>
  </si>
  <si>
    <t>09/25/2019 14:16:58</t>
  </si>
  <si>
    <t>09/25/2019 14:21:54</t>
  </si>
  <si>
    <t>09/25/2019 14:17:16</t>
  </si>
  <si>
    <t>Daily Operador_24-09-2019.xlsx</t>
  </si>
  <si>
    <t>09/25/2019 14:17:27</t>
  </si>
  <si>
    <t>Daily Algar Correntista_24setembro.xlsm</t>
  </si>
  <si>
    <t>09/25/2019 14:20:50</t>
  </si>
  <si>
    <t>09/25/2019 14:22:54</t>
  </si>
  <si>
    <t>/o=exchangelabs/ou=exchange administrative group (fydibohf23spdlt)/cn=recipients/cn=77d2a15e162941f5b8ad84d928392e5e-dolvane rod;</t>
  </si>
  <si>
    <t>Projeto precificação</t>
  </si>
  <si>
    <t>/o=exchangelabs/ou=exchange administrative group (fydibohf23spdlt)/cn=recipients/cn=77d2a15e162941f5b8ad84d928392e5e-dolvane rod</t>
  </si>
  <si>
    <t>09/25/2019 14:26:02</t>
  </si>
  <si>
    <t>09/25/2019 14:27:55</t>
  </si>
  <si>
    <t>Abertura do BP_ESCOPO B_Sem Vinculo.xlsx</t>
  </si>
  <si>
    <t>09/25/2019 14:25:18</t>
  </si>
  <si>
    <t>/o=exchangelabs/ou=exchange administrative group (fydibohf23spdlt)/cn=recipients/cn=822f65115a2046059fff20a916dd90e9-thais marti;/o=exchangelabs/ou=exchange administrative group (fydibohf23spdlt)/cn=recipients/cn=8b5b63d67af648d081a40c45cc800804-fabiana per;lucianaas@algartech.com.br;</t>
  </si>
  <si>
    <t>/o=exchangelabs/ou=exchange administrative group (fydibohf23spdlt)/cn=recipients/cn=822f65115a2046059fff20a916dd90e9-thais marti,/o=exchangelabs/ou=exchange administrative group (fydibohf23spdlt)/cn=recipients/cn=8b5b63d67af648d081a40c45cc800804-fabiana per,lucianaas@algartech.com.br</t>
  </si>
  <si>
    <t>09/25/2019 14:22:41</t>
  </si>
  <si>
    <t>09/25/2019 14:28:54</t>
  </si>
  <si>
    <t>/o=exchangelabs/ou=exchange administrative group (fydibohf23spdlt)/cn=recipients/cn=93fbfc821dab48cf91184b5c6c1bf60c-ianny raiss;/o=exchangelabs/ou=exchange administrative group (fydibohf23spdlt)/cn=recipients/cn=ee68a2a53024446789dc480aef9c7a7c-joao gabrie;</t>
  </si>
  <si>
    <t>Arquivo de Ferias OFF.xlsx</t>
  </si>
  <si>
    <t>/o=exchangelabs/ou=exchange administrative group (fydibohf23spdlt)/cn=recipients/cn=93fbfc821dab48cf91184b5c6c1bf60c-ianny raiss,/o=exchangelabs/ou=exchange administrative group (fydibohf23spdlt)/cn=recipients/cn=ee68a2a53024446789dc480aef9c7a7c-joao gabrie</t>
  </si>
  <si>
    <t>09/25/2019 14:38:04</t>
  </si>
  <si>
    <t>09/25/2019 14:38:54</t>
  </si>
  <si>
    <t>/o=exchangelabs/ou=exchange administrative group (fydibohf23spdlt)/cn=recipients/cn=287c26b08a0f48578479a15a452f025d-edilson rod;</t>
  </si>
  <si>
    <t>Forecast Amazon</t>
  </si>
  <si>
    <t>Sharepoint.xlsx</t>
  </si>
  <si>
    <t>/o=exchangelabs/ou=exchange administrative group (fydibohf23spdlt)/cn=recipients/cn=287c26b08a0f48578479a15a452f025d-edilson rod</t>
  </si>
  <si>
    <t>09/25/2019 14:34:04</t>
  </si>
  <si>
    <t>09/25/2019 14:39:55</t>
  </si>
  <si>
    <t>10-DIMENS_EH SAC_PJOTINHA_OUT - Aderência Set-2019.xlsm</t>
  </si>
  <si>
    <t>09/25/2019 14:42:20</t>
  </si>
  <si>
    <t>09/25/2019 14:42:55</t>
  </si>
  <si>
    <t>lorrany.bianca@bradesco.com.br;</t>
  </si>
  <si>
    <t>Comportamento Volume UCB</t>
  </si>
  <si>
    <t>RES Volume UCB - Importante.msg\s1\</t>
  </si>
  <si>
    <t>Agosto_ UCB.xlsm</t>
  </si>
  <si>
    <t>lorrany.bianca@bradesco.com.br</t>
  </si>
  <si>
    <t>09/25/2019 14:45:33</t>
  </si>
  <si>
    <t>09/25/2019 14:45:54</t>
  </si>
  <si>
    <t>/o=exchangelabs/ou=exchange administrative group (fydibohf23spdlt)/cn=recipients/cn=2b05fb64124641c794278ebec1c98b6d-joao batist;/o=exchangelabs/ou=exchange administrative group (fydibohf23spdlt)/cn=recipients/cn=81f72ed6e9d042e3bed0cec08d488854-vinicius go;/o=exchangelabs/ou=exchange administrative group (fydibohf23spdlt)/cn=recipients/cn=b2857c7c160345f0bf6d1e890936e06f-rui dos rei;/o=exchangelabs/ou=exchange administrative group (fydibohf23spdlt)/cn=recipients/cn=de309567271c4871b341e820d0b7364e-luiz carlos;/o=exchangelabs/ou=exchange administrative group (fydibohf23spdlt)/cn=recipients/cn=ee0bf9a6f6e34f518a2ba1fcd6af73f5-breno camyg;/o=exchangelabs/ou=exchange administrative group (fydibohf23spdlt)/cn=recipients/cn=user77161474;carloselo@algartech.com;martin.ocana@genesys.com;</t>
  </si>
  <si>
    <t>RES: Informações Genesys - Ativo</t>
  </si>
  <si>
    <t>ENC RES Discovery Genesys CE11 - Genesys Outbound for Customer Service.msg\s1\</t>
  </si>
  <si>
    <t>INFORMAÇÕES GENESYS.xlsx</t>
  </si>
  <si>
    <t>/o=exchangelabs/ou=exchange administrative group (fydibohf23spdlt)/cn=recipients/cn=2b05fb64124641c794278ebec1c98b6d-joao batist,/o=exchangelabs/ou=exchange administrative group (fydibohf23spdlt)/cn=recipients/cn=81f72ed6e9d042e3bed0cec08d488854-vinicius go,/o=exchangelabs/ou=exchange administrative group (fydibohf23spdlt)/cn=recipients/cn=b2857c7c160345f0bf6d1e890936e06f-rui dos rei,/o=exchangelabs/ou=exchange administrative group (fydibohf23spdlt)/cn=recipients/cn=de309567271c4871b341e820d0b7364e-luiz carlos,/o=exchangelabs/ou=exchange administrative group (fydibohf23spdlt)/cn=recipients/cn=ee0bf9a6f6e34f518a2ba1fcd6af73f5-breno camyg,/o=exchangelabs/ou=exchange administrative group (fydibohf23spdlt)/cn=recipients/cn=user77161474,carloselo@algartech.com,martin.ocana@genesys.com</t>
  </si>
  <si>
    <t>09/25/2019 14:46:01</t>
  </si>
  <si>
    <t>09/25/2019 14:46:55</t>
  </si>
  <si>
    <t>douglassp@algartech.com;</t>
  </si>
  <si>
    <t>ENC: CRs Staff - GRC</t>
  </si>
  <si>
    <t>douglassp@algartech.com</t>
  </si>
  <si>
    <t>09/25/2019 14:42:04</t>
  </si>
  <si>
    <t>/o=exchangelabs/ou=exchange administrative group (fydibohf23spdlt)/cn=recipients/cn=804f4398b96748e7962c1608bfe4071a-hewerson go;</t>
  </si>
  <si>
    <t>Capex Projeto Orçamento</t>
  </si>
  <si>
    <t>Detalhamento Capex.xlsx</t>
  </si>
  <si>
    <t>/o=exchangelabs/ou=exchange administrative group (fydibohf23spdlt)/cn=recipients/cn=804f4398b96748e7962c1608bfe4071a-hewerson go</t>
  </si>
  <si>
    <t>09/25/2019 14:47:18</t>
  </si>
  <si>
    <t>09/25/2019 14:47:54</t>
  </si>
  <si>
    <t>092019 - BFF FELLYP CROSGNAC.xlsx</t>
  </si>
  <si>
    <t>09/25/2019 14:44:38</t>
  </si>
  <si>
    <t>09/25/2019 14:48:55</t>
  </si>
  <si>
    <t>/o=exchangelabs/ou=exchange administrative group (fydibohf23spdlt)/cn=recipients/cn=3d559cad8a6b4c9ba2e512604e1484a2-marcelo mal;/o=exchangelabs/ou=exchange administrative group (fydibohf23spdlt)/cn=recipients/cn=8c89829ad534498fa4c85b5ac11174f1-suelen more;/o=exchangelabs/ou=exchange administrative group (fydibohf23spdlt)/cn=recipients/cn=b194f014572c4c36b52132f9199df1aa-jairo junio;</t>
  </si>
  <si>
    <t>ID 204374 - Banco Carrefour</t>
  </si>
  <si>
    <t>Carrefour - Plan Precificacao C017 B017 Torre Z r3 05_09_2019 - rev2.xlsb</t>
  </si>
  <si>
    <t>/o=exchangelabs/ou=exchange administrative group (fydibohf23spdlt)/cn=recipients/cn=3d559cad8a6b4c9ba2e512604e1484a2-marcelo mal,/o=exchangelabs/ou=exchange administrative group (fydibohf23spdlt)/cn=recipients/cn=8c89829ad534498fa4c85b5ac11174f1-suelen more,/o=exchangelabs/ou=exchange administrative group (fydibohf23spdlt)/cn=recipients/cn=b194f014572c4c36b52132f9199df1aa-jairo junio</t>
  </si>
  <si>
    <t>09/25/2019 14:46:51</t>
  </si>
  <si>
    <t>09/25/2019 14:49:54</t>
  </si>
  <si>
    <t>09/25/2019 14:48:16</t>
  </si>
  <si>
    <t>Análise Aderência Atual.xlsx</t>
  </si>
  <si>
    <t>09/25/2019 14:53:15</t>
  </si>
  <si>
    <t>09/25/2019 14:54:54</t>
  </si>
  <si>
    <t>NOC - NETWORK OPERATION CENTER SP</t>
  </si>
  <si>
    <t>10.200.32.57</t>
  </si>
  <si>
    <t>8C-DC-D4-9F-F1-CA</t>
  </si>
  <si>
    <t>NB-FABIONA</t>
  </si>
  <si>
    <t>luismarrb</t>
  </si>
  <si>
    <t>C:\temp\</t>
  </si>
  <si>
    <t>Política Backup SUPERFRIO.xlsx</t>
  </si>
  <si>
    <t>09/25/2019 14:55:55</t>
  </si>
  <si>
    <t>09/25/2019 14:56:55</t>
  </si>
  <si>
    <t>10.200.60.157</t>
  </si>
  <si>
    <t>10-1F-74-EE-8C-62</t>
  </si>
  <si>
    <t>/o=exchangelabs/ou=exchange administrative group (fydibohf23spdlt)/cn=recipients/cn=adc7a4deeae246a18f3ef337ef42661a-yasmin mour;</t>
  </si>
  <si>
    <t>/o=exchangelabs/ou=exchange administrative group (fydibohf23spdlt)/cn=recipients/cn=adc7a4deeae246a18f3ef337ef42661a-yasmin mour</t>
  </si>
  <si>
    <t>09/25/2019 14:59:53</t>
  </si>
  <si>
    <t>09/25/2019 15:01:55</t>
  </si>
  <si>
    <t>/o=exchangelabs/ou=exchange administrative group (fydibohf23spdlt)/cn=recipients/cn=user9ad76612;</t>
  </si>
  <si>
    <t>Cálculo HE</t>
  </si>
  <si>
    <t>Pasta10.xlsx</t>
  </si>
  <si>
    <t>/o=exchangelabs/ou=exchange administrative group (fydibohf23spdlt)/cn=recipients/cn=user9ad76612</t>
  </si>
  <si>
    <t>09/25/2019 15:00:06</t>
  </si>
  <si>
    <t>09/25/2019 15:02:54</t>
  </si>
  <si>
    <t>C:\Users\lucianafaa\OneDrive - Grupo Algar\2019\PROJETOS\REAJUSTE DE CONTRATO\PLANILHA REAJUSTES\STATUS REPORT\PMO\OUTUBRO\</t>
  </si>
  <si>
    <t>Gestão de Reajustes 2019 v8.1.xlsx</t>
  </si>
  <si>
    <t>09/25/2019 15:00:07</t>
  </si>
  <si>
    <t>C:\Users\lucianafaa\OneDrive - Grupo Algar\2019\PROJETOS\REAJUSTE DE CONTRATO\PLANILHA REAJUSTES\STATUS REPORT\STATUS SEMANAL\23-09\</t>
  </si>
  <si>
    <t>Gestão de Reajustes 2019-old v8.1.xlsx</t>
  </si>
  <si>
    <t>09/25/2019 14:59:12</t>
  </si>
  <si>
    <t>/o=exchangelabs/ou=exchange administrative group (fydibohf23spdlt)/cn=recipients/cn=19563ef64edf42e7841a8719ae7bfe65-ythia karla;</t>
  </si>
  <si>
    <t>ENC: URGENTE (RES: ENC: RES: RES: Dados SSMA - Grupo Algar)</t>
  </si>
  <si>
    <t>/o=exchangelabs/ou=exchange administrative group (fydibohf23spdlt)/cn=recipients/cn=19563ef64edf42e7841a8719ae7bfe65-ythia karla</t>
  </si>
  <si>
    <t>09/25/2019 15:00:35</t>
  </si>
  <si>
    <t>C:\Users\marcospr\OneDrive - Grupo Algar\Corporativo\01 - Projetos - Business Inteligence\Whirlpool - Nova Operação\Legado - NPS Compra Certa\Escopo - NPS Compra Certa - Whirlpool .doc\</t>
  </si>
  <si>
    <t>09/25/2019 14:59:02</t>
  </si>
  <si>
    <t>/o=exchangelabs/ou=exchange administrative group (fydibohf23spdlt)/cn=recipients/cn=822f65115a2046059fff20a916dd90e9-thais marti;jhonatan.ventino@bradesco.com.br;</t>
  </si>
  <si>
    <t>UPH</t>
  </si>
  <si>
    <t>UPH.xlsx</t>
  </si>
  <si>
    <t>/o=exchangelabs/ou=exchange administrative group (fydibohf23spdlt)/cn=recipients/cn=822f65115a2046059fff20a916dd90e9-thais marti,jhonatan.ventino@bradesco.com.br</t>
  </si>
  <si>
    <t>09/25/2019 15:01:27</t>
  </si>
  <si>
    <t>09/25/2019 15:04:54</t>
  </si>
  <si>
    <t>10.200.57.114</t>
  </si>
  <si>
    <t>9C-30-5B-FC-2D-FB</t>
  </si>
  <si>
    <t>/o=exchangelabs/ou=exchange administrative group (fydibohf23spdlt)/cn=recipients/cn=1a68fd0c71d242d89abd9f9904b69653-lidianne sa;/o=exchangelabs/ou=exchange administrative group (fydibohf23spdlt)/cn=recipients/cn=6da98ab9b2254d688a75ce822637acbf-ricardo de;/o=exchangelabs/ou=exchange administrative group (fydibohf23spdlt)/cn=recipients/cn=b1a72fc2d0234efca84c7771ea70c7ee-roberta cri;</t>
  </si>
  <si>
    <t>ENC: ERRATA: GARANTIA MINIMA ●AGOSTO/2019 ● ALGAR</t>
  </si>
  <si>
    <t>08-GARANTIA_MINIMA_AGOSTO_19 - Banco.xlsx</t>
  </si>
  <si>
    <t>/o=exchangelabs/ou=exchange administrative group (fydibohf23spdlt)/cn=recipients/cn=1a68fd0c71d242d89abd9f9904b69653-lidianne sa,/o=exchangelabs/ou=exchange administrative group (fydibohf23spdlt)/cn=recipients/cn=6da98ab9b2254d688a75ce822637acbf-ricardo de,/o=exchangelabs/ou=exchange administrative group (fydibohf23spdlt)/cn=recipients/cn=b1a72fc2d0234efca84c7771ea70c7ee-roberta cri</t>
  </si>
  <si>
    <t>09/25/2019 15:05:54</t>
  </si>
  <si>
    <t>/o=exchangelabs/ou=exchange administrative group (fydibohf23spdlt)/cn=recipients/cn=2504d5028b6b4fb89d14a5df6031358d-jane carla;/o=exchangelabs/ou=exchange administrative group (fydibohf23spdlt)/cn=recipients/cn=782d75ab3cda4cfa88d22b405cd49ea0-sueleide al;/o=exchangelabs/ou=exchange administrative group (fydibohf23spdlt)/cn=recipients/cn=ed2578a7fad746b59b0f586e2ee82bbd-heliel de f;</t>
  </si>
  <si>
    <t>Apuração Argentina_07 349.xlsx</t>
  </si>
  <si>
    <t>/o=exchangelabs/ou=exchange administrative group (fydibohf23spdlt)/cn=recipients/cn=2504d5028b6b4fb89d14a5df6031358d-jane carla,/o=exchangelabs/ou=exchange administrative group (fydibohf23spdlt)/cn=recipients/cn=782d75ab3cda4cfa88d22b405cd49ea0-sueleide al,/o=exchangelabs/ou=exchange administrative group (fydibohf23spdlt)/cn=recipients/cn=ed2578a7fad746b59b0f586e2ee82bbd-heliel de f</t>
  </si>
  <si>
    <t>09/25/2019 15:04:16</t>
  </si>
  <si>
    <t>09/25/2019 15:09:54</t>
  </si>
  <si>
    <t>C:\Users\rodrigombu\OneDrive - Grupo Algar\Whirlpool\Passo a Passo - Antigo\Passo a Passo Dash Ura Asc.msg\s1\</t>
  </si>
  <si>
    <t>Máscara Dash URA Digital AGOSTO.xlsx</t>
  </si>
  <si>
    <t>09/25/2019 15:08:41</t>
  </si>
  <si>
    <t>09/25/2019 15:12:54</t>
  </si>
  <si>
    <t>092019 - BFF PAULO CRUZ.xlsx</t>
  </si>
  <si>
    <t>09/25/2019 15:13:44</t>
  </si>
  <si>
    <t>09/25/2019 15:13:54</t>
  </si>
  <si>
    <t>/o=exchangelabs/ou=exchange administrative group (fydibohf23spdlt)/cn=recipients/cn=0addf5d63aa844c7a80c4c80b8d6351e-edson barbo;/o=exchangelabs/ou=exchange administrative group (fydibohf23spdlt)/cn=recipients/cn=64181a18b9164d10956ec48be12b9a5d-gisele cris;</t>
  </si>
  <si>
    <t>Solicitação</t>
  </si>
  <si>
    <t>/o=exchangelabs/ou=exchange administrative group (fydibohf23spdlt)/cn=recipients/cn=0addf5d63aa844c7a80c4c80b8d6351e-edson barbo,/o=exchangelabs/ou=exchange administrative group (fydibohf23spdlt)/cn=recipients/cn=64181a18b9164d10956ec48be12b9a5d-gisele cris</t>
  </si>
  <si>
    <t>09/25/2019 15:14:12</t>
  </si>
  <si>
    <t>09/25/2019 15:18:54</t>
  </si>
  <si>
    <t>ENC: Solicitação</t>
  </si>
  <si>
    <t>09/25/2019 15:20:03</t>
  </si>
  <si>
    <t>09/25/2019 15:20:55</t>
  </si>
  <si>
    <t>Pipeline Detalhado</t>
  </si>
  <si>
    <t>Pipeline Detalhado Afonso.xlsx</t>
  </si>
  <si>
    <t>09/25/2019 15:17:03</t>
  </si>
  <si>
    <t>09/25/2019 15:21:54</t>
  </si>
  <si>
    <t>/o=exchangelabs/ou=exchange administrative group (fydibohf23spdlt)/cn=recipients/cn=0bafe1ed27024338be4e911e19871cd1-william rob;/o=exchangelabs/ou=exchange administrative group (fydibohf23spdlt)/cn=recipients/cn=161c8ab454bb4f4ebde8223bf694a34b-pedro felip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32b20a28d31f440a8435af323365cdb0-wesley doug;/o=exchangelabs/ou=exchange administrative group (fydibohf23spdlt)/cn=recipients/cn=34a28d636a1b4c86b1ec79baed4b846a-marco anton;/o=exchangelabs/ou=exchange administrative group (fydibohf23spdlt)/cn=recipients/cn=5cdc4a7b917a447c993600ca829a0a39-elisangela;/o=exchangelabs/ou=exchange administrative group (fydibohf23spdlt)/cn=recipients/cn=664567c81e2c4e9f9de1f7830ee164f0-octav</t>
  </si>
  <si>
    <t>ERRATA - Prévia Quitação Banco de Horas 01 a 15/09 - FOLHA OUT</t>
  </si>
  <si>
    <t>CONSOLIDADO EVENTO FOLHA_QUITAÇAO DE BANCO_028_029_033_01A2409.xlsx</t>
  </si>
  <si>
    <t>/o=exchangelabs/ou=exchange administrative group (fydibohf23spdlt)/cn=recipients/cn=0bafe1ed27024338be4e911e19871cd1-william rob,/o=exchangelabs/ou=exchange administrative group (fydibohf23spdlt)/cn=recipients/cn=161c8ab454bb4f4ebde8223bf694a34b-pedro felip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32b20a28d31f440a8435af323365cdb0-wesley doug,/o=exchangelabs/ou=exchange administrative group (fydibohf23spdlt)/cn=recipients/cn=34a28d636a1b4c86b1ec79baed4b846a-marco anton,/o=exchangelabs/ou=exchange administrative group (fydibohf23spdlt)/cn=recipients/cn=5cdc4a7b917a447c993600ca829a0a39-elisangela,/o=exchangelabs/ou=exchange administrative group (fydibohf23spdlt)/cn=recipients/cn=664567c81e2c4e9f9de1f7830ee164f0-octav</t>
  </si>
  <si>
    <t>09/25/2019 15:20:00</t>
  </si>
  <si>
    <t>09/25/2019 15:22:55</t>
  </si>
  <si>
    <t>C:\Users\marcospr\OneDrive - Grupo Algar\Corporativo\01 - Projetos - Business Inteligence\Whirlpool - Nova Operação\Portal de Políticas\</t>
  </si>
  <si>
    <t>Detalhamento do Escopo.xlsx</t>
  </si>
  <si>
    <t>09/25/2019 15:20:12</t>
  </si>
  <si>
    <t>Modelo Dashboard Portal de Política - Whirlpool.xlsb</t>
  </si>
  <si>
    <t>09/25/2019 15:22:48</t>
  </si>
  <si>
    <t>09/25/2019 15:23:54</t>
  </si>
  <si>
    <t>ENC: Previsão Financeira Service Desk - Agosto/2019</t>
  </si>
  <si>
    <t>Previsão Financeira_Agosto_19.xlsb</t>
  </si>
  <si>
    <t>09/25/2019 15:25:54</t>
  </si>
  <si>
    <t>/o=exchangelabs/ou=exchange administrative group (fydibohf23spdlt)/cn=recipients/cn=03b4604449d14f37b9ab39dcd5f90edd-algar tech;</t>
  </si>
  <si>
    <t>Pipeline Detalhado Dionizio.xlsx</t>
  </si>
  <si>
    <t>/o=exchangelabs/ou=exchange administrative group (fydibohf23spdlt)/cn=recipients/cn=03b4604449d14f37b9ab39dcd5f90edd-algar tech</t>
  </si>
  <si>
    <t>09/25/2019 15:23:57</t>
  </si>
  <si>
    <t>/o=exchangelabs/ou=exchange administrative group (fydibohf23spdlt)/cn=recipients/cn=08eb5fa051c848a6a179972669456920-algar tech;</t>
  </si>
  <si>
    <t>Pipeline Detalhado Raul.xlsx</t>
  </si>
  <si>
    <t>/o=exchangelabs/ou=exchange administrative group (fydibohf23spdlt)/cn=recipients/cn=08eb5fa051c848a6a179972669456920-algar tech</t>
  </si>
  <si>
    <t>09/25/2019 15:27:04</t>
  </si>
  <si>
    <t>09/25/2019 15:30:55</t>
  </si>
  <si>
    <t>reag_25.09.csv</t>
  </si>
  <si>
    <t>09/25/2019 15:26:05</t>
  </si>
  <si>
    <t>/o=exchangelabs/ou=exchange administrative group (fydibohf23spdlt)/cn=recipients/cn=3fc2777bb8ee48fa9fadbf3ceb1b065d-cibele anal;</t>
  </si>
  <si>
    <t>RES: Reserva de Camarote Jogo Santos x Palmeiras dia 09/10</t>
  </si>
  <si>
    <t>Indicação jogo 09 outubro Santos x Palmeiras.xlsx</t>
  </si>
  <si>
    <t>/o=exchangelabs/ou=exchange administrative group (fydibohf23spdlt)/cn=recipients/cn=3fc2777bb8ee48fa9fadbf3ceb1b065d-cibele anal</t>
  </si>
  <si>
    <t>09/25/2019 15:27:57</t>
  </si>
  <si>
    <t>09/25/2019 15:31:55</t>
  </si>
  <si>
    <t>10.200.61.110</t>
  </si>
  <si>
    <t>20-04-0F-FE-46-E8</t>
  </si>
  <si>
    <t>09/25/2019 15:30:40</t>
  </si>
  <si>
    <t>09/25/2019 15:32:55</t>
  </si>
  <si>
    <t>APURAÇÃO PONTUAL CP 14-2019 EXECUTIVAS DE VENDAS NEW MODEL - OP 01.xls</t>
  </si>
  <si>
    <t>09/25/2019 15:35:41</t>
  </si>
  <si>
    <t>09/25/2019 15:40:55</t>
  </si>
  <si>
    <t>/o=exchangelabs/ou=exchange administrative group (fydibohf23spdlt)/cn=recipients/cn=5f9fe2abf85646b78d6e24f5935bb1e0-angela souz;</t>
  </si>
  <si>
    <t>/o=exchangelabs/ou=exchange administrative group (fydibohf23spdlt)/cn=recipients/cn=5f9fe2abf85646b78d6e24f5935bb1e0-angela souz</t>
  </si>
  <si>
    <t>09/25/2019 15:43:35</t>
  </si>
  <si>
    <t>09/25/2019 15:44:55</t>
  </si>
  <si>
    <t>/o=exchangelabs/ou=exchange administrative group (fydibohf23spdlt)/cn=recipients/cn=98e18f75c1d448d18c2b385d101db11f-luiz alfred;</t>
  </si>
  <si>
    <t>ENC: PLanilha DAC Whirlpool</t>
  </si>
  <si>
    <t>DAC2 V1 Whirlpool.xlsx</t>
  </si>
  <si>
    <t>/o=exchangelabs/ou=exchange administrative group (fydibohf23spdlt)/cn=recipients/cn=98e18f75c1d448d18c2b385d101db11f-luiz alfred</t>
  </si>
  <si>
    <t>09/25/2019 15:41:34</t>
  </si>
  <si>
    <t>09/25/2019 15:45:55</t>
  </si>
  <si>
    <t>10.200.214.14</t>
  </si>
  <si>
    <t>D8-9C-67-4D-A1-19</t>
  </si>
  <si>
    <t>NB-MARCELORF2</t>
  </si>
  <si>
    <t>marcelorf</t>
  </si>
  <si>
    <t>Marcelo Rodriguez Ferreira</t>
  </si>
  <si>
    <t>/o=exchangelabs/ou=exchange administrative group (fydibohf23spdlt)/cn=recipients/cn=503a4cae25a0474e8b364b01d4d28bc4-thais mozel;/o=exchangelabs/ou=exchange administrative group (fydibohf23spdlt)/cn=recipients/cn=f7a4290a46314a3cbb0d392508a7b5c5-luciana sil;</t>
  </si>
  <si>
    <t>ENC: Meta 2020 DMV</t>
  </si>
  <si>
    <t>DMV.xlsx</t>
  </si>
  <si>
    <t>/o=exchangelabs/ou=exchange administrative group (fydibohf23spdlt)/cn=recipients/cn=503a4cae25a0474e8b364b01d4d28bc4-thais mozel,/o=exchangelabs/ou=exchange administrative group (fydibohf23spdlt)/cn=recipients/cn=f7a4290a46314a3cbb0d392508a7b5c5-luciana sil</t>
  </si>
  <si>
    <t>09/25/2019 15:42:41</t>
  </si>
  <si>
    <t>09/25/2019 15:46:55</t>
  </si>
  <si>
    <t>/o=exchangelabs/ou=exchange administrative group (fydibohf23spdlt)/cn=recipients/cn=8c253c95243a40aa99c9416b7eb70a2a-julio cesar;</t>
  </si>
  <si>
    <t>RES: Estudo Promoção</t>
  </si>
  <si>
    <t>Promoção Gustavo Santarém.xlsx</t>
  </si>
  <si>
    <t>/o=exchangelabs/ou=exchange administrative group (fydibohf23spdlt)/cn=recipients/cn=8c253c95243a40aa99c9416b7eb70a2a-julio cesar</t>
  </si>
  <si>
    <t>09/25/2019 15:42:52</t>
  </si>
  <si>
    <t>tiago.g.freitas@bradesco.com.br;</t>
  </si>
  <si>
    <t>ENC: RES: EBTA - SAMSUNG - Urgente CRM:004340001283</t>
  </si>
  <si>
    <t>Despesas conf B.O .xlsx</t>
  </si>
  <si>
    <t>tiago.g.freitas@bradesco.com.br</t>
  </si>
  <si>
    <t>09/25/2019 15:45:31</t>
  </si>
  <si>
    <t>09/25/2019 15:48:55</t>
  </si>
  <si>
    <t>/o=exchangelabs/ou=exchange administrative group (fydibohf23spdlt)/cn=recipients/cn=168e05cabbf14ae289464a0c09955b31-sara ferrei;/o=exchangelabs/ou=exchange administrative group (fydibohf23spdlt)/cn=recipients/cn=287c26b08a0f48578479a15a452f025d-edilson rod;/o=exchangelabs/ou=exchange administrative group (fydibohf23spdlt)/cn=recipients/cn=54abac0a4fdc4ad1bec39bb51d85eab1-victor hugo;/o=exchangelabs/ou=exchange administrative group (fydibohf23spdlt)/cn=recipients/cn=651324bc204a42f6bbcdf62273ebdc5c-aluisio ant;</t>
  </si>
  <si>
    <t>/o=exchangelabs/ou=exchange administrative group (fydibohf23spdlt)/cn=recipients/cn=168e05cabbf14ae289464a0c09955b31-sara ferrei,/o=exchangelabs/ou=exchange administrative group (fydibohf23spdlt)/cn=recipients/cn=287c26b08a0f48578479a15a452f025d-edilson rod,/o=exchangelabs/ou=exchange administrative group (fydibohf23spdlt)/cn=recipients/cn=54abac0a4fdc4ad1bec39bb51d85eab1-victor hugo,/o=exchangelabs/ou=exchange administrative group (fydibohf23spdlt)/cn=recipients/cn=651324bc204a42f6bbcdf62273ebdc5c-aluisio ant</t>
  </si>
  <si>
    <t>09/25/2019 15:45:42</t>
  </si>
  <si>
    <t>09/25/2019 15:50:55</t>
  </si>
  <si>
    <t>R:\OneDrive - Grupo Algar\Advanced Collection\Revisão da Oferta\20190925 - Revisão oferta\</t>
  </si>
  <si>
    <t>Cenário 1 - Base Advanced Collection.xlsx</t>
  </si>
  <si>
    <t>Base custos - Relacionamento Digital.xlsx</t>
  </si>
  <si>
    <t>09/25/2019 15:45:48</t>
  </si>
  <si>
    <t>Cenário 1 - Rampa Advanced Collection.xlsx</t>
  </si>
  <si>
    <t>09/25/2019 15:47:19</t>
  </si>
  <si>
    <t>Rodrigo Agner Teixeira</t>
  </si>
  <si>
    <t>/o=exchangelabs/ou=exchange administrative group (fydibohf23spdlt)/cn=recipients/cn=9a3ba6096e184fb5837abcf6a6214283-daniel henr;</t>
  </si>
  <si>
    <t>ENC: Orçamento Adequação Layout</t>
  </si>
  <si>
    <t>Orçamento Site 1 BL4 Superior 2.xlsx</t>
  </si>
  <si>
    <t>/o=exchangelabs/ou=exchange administrative group (fydibohf23spdlt)/cn=recipients/cn=9a3ba6096e184fb5837abcf6a6214283-daniel henr</t>
  </si>
  <si>
    <t>09/25/2019 15:51:35</t>
  </si>
  <si>
    <t>09/25/2019 15:53:56</t>
  </si>
  <si>
    <t>/o=exchangelabs/ou=exchange administrative group (fydibohf23spdlt)/cn=recipients/cn=168e05cabbf14ae289464a0c09955b31-sara ferrei;/o=exchangelabs/ou=exchange administrative group (fydibohf23spdlt)/cn=recipients/cn=287c26b08a0f48578479a15a452f025d-edilson rod;/o=exchangelabs/ou=exchange administrative group (fydibohf23spdlt)/cn=recipients/cn=54abac0a4fdc4ad1bec39bb51d85eab1-victor hugo;/o=exchangelabs/ou=exchange administrative group (fydibohf23spdlt)/cn=recipients/cn=user9334192a;</t>
  </si>
  <si>
    <t>ENC: RECUPERAÇÕES DE CUSTO - CRS ENCERRADOS</t>
  </si>
  <si>
    <t>3)Recuperação.Custo.Outros_Infra TI_Consolidada_Edilson.xlsx</t>
  </si>
  <si>
    <t>/o=exchangelabs/ou=exchange administrative group (fydibohf23spdlt)/cn=recipients/cn=168e05cabbf14ae289464a0c09955b31-sara ferrei,/o=exchangelabs/ou=exchange administrative group (fydibohf23spdlt)/cn=recipients/cn=287c26b08a0f48578479a15a452f025d-edilson rod,/o=exchangelabs/ou=exchange administrative group (fydibohf23spdlt)/cn=recipients/cn=54abac0a4fdc4ad1bec39bb51d85eab1-victor hugo,/o=exchangelabs/ou=exchange administrative group (fydibohf23spdlt)/cn=recipients/cn=user9334192a</t>
  </si>
  <si>
    <t>09/25/2019 15:55:39</t>
  </si>
  <si>
    <t>09/25/2019 15:56:55</t>
  </si>
  <si>
    <t>/o=exchangelabs/ou=exchange administrative group (fydibohf23spdlt)/cn=recipients/cn=03a1bc99308a456db7c0105407689b39-gilda elain;/o=exchangelabs/ou=exchange administrative group (fydibohf23spdlt)/cn=recipients/cn=54cf668de64942668ba57ef9adce46bc-rafael quin;/o=exchangelabs/ou=exchange administrative group (fydibohf23spdlt)/cn=recipients/cn=6bc6ced03b1b4fafa41bb5c70c178940-antonio per;/o=exchangelabs/ou=exchange administrative group (fydibohf23spdlt)/cn=recipients/cn=78e530b5e3244cc1a89eba7f7b0af42f-marco tulio;/o=exchangelabs/ou=exchange administrative group (fydibohf23spdlt)/cn=recipients/cn=f50351055a2944cebcbdc18a918945d6-gustavo res;</t>
  </si>
  <si>
    <t>RES: Bloqueio CR 340003002 - Algar Telecom</t>
  </si>
  <si>
    <t>340003002.xlsx</t>
  </si>
  <si>
    <t>/o=exchangelabs/ou=exchange administrative group (fydibohf23spdlt)/cn=recipients/cn=03a1bc99308a456db7c0105407689b39-gilda elain,/o=exchangelabs/ou=exchange administrative group (fydibohf23spdlt)/cn=recipients/cn=54cf668de64942668ba57ef9adce46bc-rafael quin,/o=exchangelabs/ou=exchange administrative group (fydibohf23spdlt)/cn=recipients/cn=6bc6ced03b1b4fafa41bb5c70c178940-antonio per,/o=exchangelabs/ou=exchange administrative group (fydibohf23spdlt)/cn=recipients/cn=78e530b5e3244cc1a89eba7f7b0af42f-marco tulio,/o=exchangelabs/ou=exchange administrative group (fydibohf23spdlt)/cn=recipients/cn=f50351055a2944cebcbdc18a918945d6-gustavo res</t>
  </si>
  <si>
    <t>09/25/2019 15:53:19</t>
  </si>
  <si>
    <t>09/25/2019 15:57:55</t>
  </si>
  <si>
    <t>/o=exchangelabs/ou=exchange administrative group (fydibohf23spdlt)/cn=recipients/cn=094e5194d5c94cdf9d444ee50a911800-thalles hen;</t>
  </si>
  <si>
    <t>/o=exchangelabs/ou=exchange administrative group (fydibohf23spdlt)/cn=recipients/cn=094e5194d5c94cdf9d444ee50a911800-thalles hen</t>
  </si>
  <si>
    <t>09/25/2019 15:54:15</t>
  </si>
  <si>
    <t>/o=exchangelabs/ou=exchange administrative group (fydibohf23spdlt)/cn=recipients/cn=0ca6cc8d100949a7866a928f62ef5778-rosilene de;/o=exchangelabs/ou=exchange administrative group (fydibohf23spdlt)/cn=recipients/cn=d1d015f213f648abbf348b5ccdf8e9d9-senilda per;/o=exchangelabs/ou=exchange administrative group (fydibohf23spdlt)/cn=recipients/cn=e39e329fc16a43329eb2766bae675122-mariana gon;/o=exchangelabs/ou=exchange administrative group (fydibohf23spdlt)/cn=recipients/cn=userd3ef8196;</t>
  </si>
  <si>
    <t>/o=exchangelabs/ou=exchange administrative group (fydibohf23spdlt)/cn=recipients/cn=0ca6cc8d100949a7866a928f62ef5778-rosilene de,/o=exchangelabs/ou=exchange administrative group (fydibohf23spdlt)/cn=recipients/cn=d1d015f213f648abbf348b5ccdf8e9d9-senilda per,/o=exchangelabs/ou=exchange administrative group (fydibohf23spdlt)/cn=recipients/cn=e39e329fc16a43329eb2766bae675122-mariana gon,/o=exchangelabs/ou=exchange administrative group (fydibohf23spdlt)/cn=recipients/cn=userd3ef8196</t>
  </si>
  <si>
    <t>09/25/2019 15:55:15</t>
  </si>
  <si>
    <t>09/25/2019 15:57:10</t>
  </si>
  <si>
    <t>09/25/2019 15:58:55</t>
  </si>
  <si>
    <t>SDC - SERVICE DESK CSC</t>
  </si>
  <si>
    <t>10.200.61.50</t>
  </si>
  <si>
    <t>20-47-47-FE-FA-14</t>
  </si>
  <si>
    <t>AMEXO-B052</t>
  </si>
  <si>
    <t>marcotal</t>
  </si>
  <si>
    <t>c:\users\marcotal\desktop\</t>
  </si>
  <si>
    <t>formulário de liberação de ativos_marco.xlsx</t>
  </si>
  <si>
    <t>09/25/2019 16:05:30</t>
  </si>
  <si>
    <t>09/25/2019 16:09:55</t>
  </si>
  <si>
    <t>/o=exchangelabs/ou=exchange administrative group (fydibohf23spdlt)/cn=recipients/cn=0d3d790aa348411885d040e0548f0021-rayanne bor;/o=exchangelabs/ou=exchange administrative group (fydibohf23spdlt)/cn=recipients/cn=1f8f749d479c45d79bc8dc2ec822678a-mara danies;/o=exchangelabs/ou=exchange administrative group (fydibohf23spdlt)/cn=recipients/cn=21e19f678add4fcfafd18869720fe392-mariana sar;/o=exchangelabs/ou=exchange administrative group (fydibohf23spdlt)/cn=recipients/cn=28f37dff89954cf7971d37d7a8e29e6f-laiane pere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4f704fadae79458ea8debd9007b3354c-marilton ma;/o=exchangelabs/ou=exchange administrative group (fydibohf23spdlt)/cn=recipients/cn=55128d3bccb142fbaca61bca6d550723-joyc</t>
  </si>
  <si>
    <t>ADERENCIA NEXT - OUTUBRO_19 ( MANIFESTAÇÕES / SAC / ATIVO)</t>
  </si>
  <si>
    <t>10 - ADERENCIA OUTUBRO_19 NEXT.xlsx</t>
  </si>
  <si>
    <t>/o=exchangelabs/ou=exchange administrative group (fydibohf23spdlt)/cn=recipients/cn=0d3d790aa348411885d040e0548f0021-rayanne bor,/o=exchangelabs/ou=exchange administrative group (fydibohf23spdlt)/cn=recipients/cn=1f8f749d479c45d79bc8dc2ec822678a-mara danies,/o=exchangelabs/ou=exchange administrative group (fydibohf23spdlt)/cn=recipients/cn=21e19f678add4fcfafd18869720fe392-mariana sar,/o=exchangelabs/ou=exchange administrative group (fydibohf23spdlt)/cn=recipients/cn=28f37dff89954cf7971d37d7a8e29e6f-laiane pere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4f704fadae79458ea8debd9007b3354c-marilton ma,/o=exchangelabs/ou=exchange administrative group (fydibohf23spdlt)/cn=recipients/cn=55128d3bccb142fbaca61bca6d550723-joyc</t>
  </si>
  <si>
    <t>09/25/2019 16:10:13</t>
  </si>
  <si>
    <t>09/25/2019 16:11:55</t>
  </si>
  <si>
    <t>/o=exchangelabs/ou=exchange administrative group (fydibohf23spdlt)/cn=recipients/cn=2ab7acaf799e4f20a62ab25c4f8730cf-luis santos;/o=exchangelabs/ou=exchange administrative group (fydibohf23spdlt)/cn=recipients/cn=8c253c95243a40aa99c9416b7eb70a2a-julio cesar;/o=exchangelabs/ou=exchange administrative group (fydibohf23spdlt)/cn=recipients/cn=a0333dc7ad614a4abd544700844eea7e-wendel de m;/o=exchangelabs/ou=exchange administrative group (fydibohf23spdlt)/cn=recipients/cn=e28767b36a0d4b3f8c60da2be9f483b7-ana paula r;/o=exchangelabs/ou=exchange administrative group (fydibohf23spdlt)/cn=recipients/cn=user12c3790d;</t>
  </si>
  <si>
    <t>Tech_Desmobilização_Fibra_Rede Móvel</t>
  </si>
  <si>
    <t>Relação Tech_Perfil.xlsx</t>
  </si>
  <si>
    <t>/o=exchangelabs/ou=exchange administrative group (fydibohf23spdlt)/cn=recipients/cn=2ab7acaf799e4f20a62ab25c4f8730cf-luis santos,/o=exchangelabs/ou=exchange administrative group (fydibohf23spdlt)/cn=recipients/cn=8c253c95243a40aa99c9416b7eb70a2a-julio cesar,/o=exchangelabs/ou=exchange administrative group (fydibohf23spdlt)/cn=recipients/cn=a0333dc7ad614a4abd544700844eea7e-wendel de m,/o=exchangelabs/ou=exchange administrative group (fydibohf23spdlt)/cn=recipients/cn=e28767b36a0d4b3f8c60da2be9f483b7-ana paula r,/o=exchangelabs/ou=exchange administrative group (fydibohf23spdlt)/cn=recipients/cn=user12c3790d</t>
  </si>
  <si>
    <t>09/25/2019 16:10:28</t>
  </si>
  <si>
    <t>09/25/2019 16:12:56</t>
  </si>
  <si>
    <t>10.200.111.9</t>
  </si>
  <si>
    <t>00-05-9A-3C-78-00</t>
  </si>
  <si>
    <t>09/25/2019 16:08:36</t>
  </si>
  <si>
    <t>09/25/2019 16:13:55</t>
  </si>
  <si>
    <t>10.200.35.202</t>
  </si>
  <si>
    <t>64-1C-67-9C-56-49</t>
  </si>
  <si>
    <t>NB-FABRICIANOCS</t>
  </si>
  <si>
    <t>fabricianocs_admin</t>
  </si>
  <si>
    <t>D:\support\adprep\</t>
  </si>
  <si>
    <t>00232167-f3a4-43c6-b503-9acb7a81b01c.dcpromo.csv</t>
  </si>
  <si>
    <t>D:\support\adprep\00232167-f3a4-43c6-b503-9acb7a81b01c.dcpromo.csv</t>
  </si>
  <si>
    <t>134428a8-0043-48a6-bcda-63310d9ec4dd.dcpromo.csv</t>
  </si>
  <si>
    <t>D:\support\adprep\134428a8-0043-48a6-bcda-63310d9ec4dd.dcpromo.csv</t>
  </si>
  <si>
    <t>4444c516-f43a-4c12-9c4b-b5c064941d61.dcpromo.csv</t>
  </si>
  <si>
    <t>D:\support\adprep\4444c516-f43a-4c12-9c4b-b5c064941d61.dcpromo.csv</t>
  </si>
  <si>
    <t>09/25/2019 16:08:37</t>
  </si>
  <si>
    <t>a662b036-dbbe-4166-b4ba-21abea17f9cc.dcpromo.csv</t>
  </si>
  <si>
    <t>D:\support\adprep\a662b036-dbbe-4166-b4ba-21abea17f9cc.dcpromo.csv</t>
  </si>
  <si>
    <t>dca8f425-baae-47cd-b424-e3f6c76ed08b.dcpromo.csv</t>
  </si>
  <si>
    <t>D:\support\adprep\dca8f425-baae-47cd-b424-e3f6c76ed08b.dcpromo.csv</t>
  </si>
  <si>
    <t>dcpromo.csv</t>
  </si>
  <si>
    <t>D:\support\adprep\dcpromo.csv</t>
  </si>
  <si>
    <t>09/25/2019 16:08:38</t>
  </si>
  <si>
    <t>ffa5ee3c-1405-476d-b344-7ad37d69cc25.dcpromo.csv</t>
  </si>
  <si>
    <t>D:\support\adprep\ffa5ee3c-1405-476d-b344-7ad37d69cc25.dcpromo.csv</t>
  </si>
  <si>
    <t>09/25/2019 16:12:08</t>
  </si>
  <si>
    <t>09/25/2019 16:15:55</t>
  </si>
  <si>
    <t>adcosta_maksen@timbrasil.com.br;ccm_gestao_pospo@timbrasil.com.br;fdsalves@timbrasil.com.br;</t>
  </si>
  <si>
    <t>Correção Engeset (09.2019)</t>
  </si>
  <si>
    <t>adcosta_maksen@timbrasil.com.br,ccm_gestao_pospo@timbrasil.com.br,fdsalves@timbrasil.com.br</t>
  </si>
  <si>
    <t>09/25/2019 16:19:04</t>
  </si>
  <si>
    <t>09/25/2019 16:19:56</t>
  </si>
  <si>
    <t>ENC: Chamado: 3306942;</t>
  </si>
  <si>
    <t>101624_dac33592-7b34-4f19-825c-fa009972d7c0_158116_3.eml\</t>
  </si>
  <si>
    <t>FLEXFIELD ENGESET NOTA.xlsx</t>
  </si>
  <si>
    <t>09/25/2019 16:19:11</t>
  </si>
  <si>
    <t>09/25/2019 16:21:55</t>
  </si>
  <si>
    <t>C:\Users\alessandroam\OneDrive\OneDrive - Grupo Algar\01 - Historico\02 - Seg Informação\03 - RFP - INTER\</t>
  </si>
  <si>
    <t>CAPEX OPEX RFP BRADESCO - ESCOPO B 4ª Fase_v05.xlsx</t>
  </si>
  <si>
    <t>09/25/2019 16:19:53</t>
  </si>
  <si>
    <t>09/25/2019 16:24:55</t>
  </si>
  <si>
    <t>ENC: Chamado: 3306933;</t>
  </si>
  <si>
    <t>301137_dac33592-7b34-4f19-825c-fa009972d7c0_158142_2.xlsx</t>
  </si>
  <si>
    <t>09/25/2019 16:23:50</t>
  </si>
  <si>
    <t>09/25/2019 16:25:56</t>
  </si>
  <si>
    <t>/o=exchangelabs/ou=exchange administrative group (fydibohf23spdlt)/cn=recipients/cn=54861e79125f48cc952d00cf8160b9a8-jeferson fe;/o=exchangelabs/ou=exchange administrative group (fydibohf23spdlt)/cn=recipients/cn=a72a765de829420582b78941417073ac-karina rodr;/o=exchangelabs/ou=exchange administrative group (fydibohf23spdlt)/cn=recipients/cn=fe134ce6f7124ebfa00395a14326bd71-luciana ber;</t>
  </si>
  <si>
    <t>RES: Ação Guerra Avon</t>
  </si>
  <si>
    <t>/o=exchangelabs/ou=exchange administrative group (fydibohf23spdlt)/cn=recipients/cn=54861e79125f48cc952d00cf8160b9a8-jeferson fe,/o=exchangelabs/ou=exchange administrative group (fydibohf23spdlt)/cn=recipients/cn=a72a765de829420582b78941417073ac-karina rodr,/o=exchangelabs/ou=exchange administrative group (fydibohf23spdlt)/cn=recipients/cn=fe134ce6f7124ebfa00395a14326bd71-luciana ber</t>
  </si>
  <si>
    <t>09/25/2019 16:31:13</t>
  </si>
  <si>
    <t>09/25/2019 16:32:55</t>
  </si>
  <si>
    <t>C:\Users\iramildass\Desktop\Nova pasta (2)\</t>
  </si>
  <si>
    <t>Zimbra-Antigo.xls</t>
  </si>
  <si>
    <t>09/25/2019 16:40:35</t>
  </si>
  <si>
    <t>09/25/2019 16:43:55</t>
  </si>
  <si>
    <t>Padrao Solicitacao Receitamento SG Telecom - TCO TLE 2ª leva.xlsm</t>
  </si>
  <si>
    <t>09/25/2019 16:33:23</t>
  </si>
  <si>
    <t>09/25/2019 16:49:55</t>
  </si>
  <si>
    <t>10.211.2.118</t>
  </si>
  <si>
    <t>D8-9C-67-6F-27-13</t>
  </si>
  <si>
    <t>NB-GUSTAVOP</t>
  </si>
  <si>
    <t>gustavoplo</t>
  </si>
  <si>
    <t>Gustavo Paes Leme Orzizo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5694f7d2b5fa4976af2d1dc576e3b544-louany barb;/o=exchangelabs/ou=exchange administrative group (fydibohf23spdlt)/cn=recipients/cn=dd3f9deeae894dcead519c2d3da9d2fe-camila apar;/o=exchangelabs/ou=exchange administrative group (fydibohf23spdlt)/cn=recipients/cn=matheus ferreira santos;</t>
  </si>
  <si>
    <t>Auditoria BadCalls TLV Receptivo</t>
  </si>
  <si>
    <t>2019_09_26_BAD_CALLS_TLV.xlsx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5694f7d2b5fa4976af2d1dc576e3b544-louany barb,/o=exchangelabs/ou=exchange administrative group (fydibohf23spdlt)/cn=recipients/cn=dd3f9deeae894dcead519c2d3da9d2fe-camila apar,/o=exchangelabs/ou=exchange administrative group (fydibohf23spdlt)/cn=recipients/cn=matheus ferreira santos</t>
  </si>
  <si>
    <t>09/25/2019 16:46:08</t>
  </si>
  <si>
    <t>09/25/2019 16:50:55</t>
  </si>
  <si>
    <t>Campos necessários.xlsx</t>
  </si>
  <si>
    <t>09/25/2019 16:46:30</t>
  </si>
  <si>
    <t>09/25/2019 16:51:55</t>
  </si>
  <si>
    <t>/o=exchangelabs/ou=exchange administrative group (fydibohf23spdlt)/cn=recipients/cn=1698f5af44b14116ad2d0b751d584c7d-danilo rafa;/o=exchangelabs/ou=exchange administrative group (fydibohf23spdlt)/cn=recipients/cn=1867d5fca12044e08946537995369baf-diego rodri;/o=exchangelabs/ou=exchange administrative group (fydibohf23spdlt)/cn=recipients/cn=a30d12803de94264a57a0656bab1cc89-jose mario;/o=exchangelabs/ou=exchange administrative group (fydibohf23spdlt)/cn=recipients/cn=b60c7f02b7944b639da5c2f90b0fe2f5-diogo soare;</t>
  </si>
  <si>
    <t>RES: RES: RES: Dados SSMA - Grupo Algar</t>
  </si>
  <si>
    <t>/o=exchangelabs/ou=exchange administrative group (fydibohf23spdlt)/cn=recipients/cn=1698f5af44b14116ad2d0b751d584c7d-danilo rafa,/o=exchangelabs/ou=exchange administrative group (fydibohf23spdlt)/cn=recipients/cn=1867d5fca12044e08946537995369baf-diego rodri,/o=exchangelabs/ou=exchange administrative group (fydibohf23spdlt)/cn=recipients/cn=a30d12803de94264a57a0656bab1cc89-jose mario,/o=exchangelabs/ou=exchange administrative group (fydibohf23spdlt)/cn=recipients/cn=b60c7f02b7944b639da5c2f90b0fe2f5-diogo soare</t>
  </si>
  <si>
    <t>09/25/2019 16:48:04</t>
  </si>
  <si>
    <t>09/25/2019 16:52:55</t>
  </si>
  <si>
    <t>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cac18c5388b04f6d979d1bc87a08825a-marcopaulo;</t>
  </si>
  <si>
    <t>Ranking _ Equipe Fabiana</t>
  </si>
  <si>
    <t>Ranking Fabiana Pereira Junho Julho e Agosto (002).xls</t>
  </si>
  <si>
    <t>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cac18c5388b04f6d979d1bc87a08825a-marcopaulo</t>
  </si>
  <si>
    <t>09/25/2019 16:51:49</t>
  </si>
  <si>
    <t>viniciusja@algartech.com;</t>
  </si>
  <si>
    <t>viniciusja@algartech.com</t>
  </si>
  <si>
    <t>09/25/2019 16:53:33</t>
  </si>
  <si>
    <t>09/25/2019 16:53:55</t>
  </si>
  <si>
    <t>/o=exchangelabs/ou=exchange administrative group (fydibohf23spdlt)/cn=recipients/cn=7a5ceaeaef9041b49ad4d0d90f19ee70-marianna co;</t>
  </si>
  <si>
    <t>ENC: [PMO] Orçamento de Projetos 2020</t>
  </si>
  <si>
    <t>TECH - Projetos - Préclosing 2019 e Peça 2020 .xlsx</t>
  </si>
  <si>
    <t>/o=exchangelabs/ou=exchange administrative group (fydibohf23spdlt)/cn=recipients/cn=7a5ceaeaef9041b49ad4d0d90f19ee70-marianna co</t>
  </si>
  <si>
    <t>09/25/2019 16:53:44</t>
  </si>
  <si>
    <t>09/25/2019 16:55:55</t>
  </si>
  <si>
    <t>C:\Users\simoneesm\OneDrive - Grupo Algar\Controle\ALGAR\TH\Férias\2019\</t>
  </si>
  <si>
    <t>Férias_CNJ_PF_.xlsx</t>
  </si>
  <si>
    <t>09/25/2019 16:54:18</t>
  </si>
  <si>
    <t>09/25/2019 16:54:53</t>
  </si>
  <si>
    <t>09/25/2019 16:54:50</t>
  </si>
  <si>
    <t>09/25/2019 16:56:56</t>
  </si>
  <si>
    <t>/o=exchangelabs/ou=exchange administrative group (fydibohf23spdlt)/cn=recipients/cn=00cbfeb21b7f4227913dbc3d5802a114-celso tadeu;</t>
  </si>
  <si>
    <t>/o=exchangelabs/ou=exchange administrative group (fydibohf23spdlt)/cn=recipients/cn=00cbfeb21b7f4227913dbc3d5802a114-celso tadeu</t>
  </si>
  <si>
    <t>09/25/2019 16:55:38</t>
  </si>
  <si>
    <t>laricena@algartech.com;thaismo@algartech.com;</t>
  </si>
  <si>
    <t>RES: #### Aderência - Cerrado PJ - Outubro/2019 ###</t>
  </si>
  <si>
    <t>10 - ADERENCIA OUTUBRO - Consolidado.xlsx</t>
  </si>
  <si>
    <t>laricena@algartech.com,thaismo@algartech.com</t>
  </si>
  <si>
    <t>09/25/2019 16:53:13</t>
  </si>
  <si>
    <t>09/25/2019 16:57:55</t>
  </si>
  <si>
    <t>/o=exchangelabs/ou=exchange administrative group (fydibohf23spdlt)/cn=recipients/cn=55f846c335d7437f892f0b0d49c89e92-celma ribei;/o=exchangelabs/ou=exchange administrative group (fydibohf23spdlt)/cn=recipients/cn=user3949317b;</t>
  </si>
  <si>
    <t>/o=exchangelabs/ou=exchange administrative group (fydibohf23spdlt)/cn=recipients/cn=55f846c335d7437f892f0b0d49c89e92-celma ribei,/o=exchangelabs/ou=exchange administrative group (fydibohf23spdlt)/cn=recipients/cn=user3949317b</t>
  </si>
  <si>
    <t>09/25/2019 16:55:44</t>
  </si>
  <si>
    <t>09/25/2019 16:58:55</t>
  </si>
  <si>
    <t>/o=exchangelabs/ou=exchange administrative group (fydibohf23spdlt)/cn=recipients/cn=ed2578a7fad746b59b0f586e2ee82bbd-heliel de f;</t>
  </si>
  <si>
    <t>RES: AKASSIA BEZERRA LOIOLA CAVALCANTE.xlsx</t>
  </si>
  <si>
    <t>Cópia de AKASSIA BEZERRA LOIOLA CAVALCANTE.xlsx</t>
  </si>
  <si>
    <t>/o=exchangelabs/ou=exchange administrative group (fydibohf23spdlt)/cn=recipients/cn=ed2578a7fad746b59b0f586e2ee82bbd-heliel de f</t>
  </si>
  <si>
    <t>09/25/2019 17:01:32</t>
  </si>
  <si>
    <t>09/25/2019 17:01:55</t>
  </si>
  <si>
    <t>\\acsfs\SCORP$\3 - Administrativo\3.1 - COI\3.1.1 - Gestao do Conhecimento\1 - ICF\ICF - 2019\6-JUNHO\RO 201920648 VEÍCULO ACIMA DE VELOCIDADE\</t>
  </si>
  <si>
    <t>201920648 VEL. ACIMA DO PERMITIDO E CARRO NAO CADASTRADO -LUCIENE.xlsx</t>
  </si>
  <si>
    <t>E:\backup 25-09-2019\junho\RO 201920648 VEÍCULO ACIMA DE VELOCIDADE\201920648 VEL. ACIMA DO PERMITIDO E CARRO NAO CADASTRADO -LUCIENE.xlsx</t>
  </si>
  <si>
    <t>09/25/2019 16:57:46</t>
  </si>
  <si>
    <t>lorrainepmdf@algartech.com.br;</t>
  </si>
  <si>
    <t>Relatório_Gerenciadas novo - Cópia.xlsb</t>
  </si>
  <si>
    <t>lorrainepmdf@algartech.com.br</t>
  </si>
  <si>
    <t>09/25/2019 16:59:20</t>
  </si>
  <si>
    <t>09/25/2019 17:04:56</t>
  </si>
  <si>
    <t>09/25/2019 17:05:59</t>
  </si>
  <si>
    <t>09/25/2019 17:06:56</t>
  </si>
  <si>
    <t>/o=exchangelabs/ou=exchange administrative group (fydibohf23spdlt)/cn=recipients/cn=54cf668de64942668ba57ef9adce46bc-rafael quin;</t>
  </si>
  <si>
    <t>RES: Alteração de sindicatos Tech</t>
  </si>
  <si>
    <t>Atualizar local trabalho.xlsx</t>
  </si>
  <si>
    <t>/o=exchangelabs/ou=exchange administrative group (fydibohf23spdlt)/cn=recipients/cn=54cf668de64942668ba57ef9adce46bc-rafael quin</t>
  </si>
  <si>
    <t>09/25/2019 17:06:20</t>
  </si>
  <si>
    <t>09/25/2019 17:11:56</t>
  </si>
  <si>
    <t>10.200.57.194</t>
  </si>
  <si>
    <t>D4-AE-52-FC-B0-94</t>
  </si>
  <si>
    <t>NB-LANNATGA</t>
  </si>
  <si>
    <t>lannatga</t>
  </si>
  <si>
    <t>mail.google.com/_/upload?authuser=3&amp;dcp=asu-n&amp;upload_id=AEnB2UrM42qD3rxLu4IrTj3B7a0fXeZZm-V3T___p0PtXsXsu5Q4lMdh9tdQL57EibveqO0XKEwEe933vb3WTuaBummektW__LSvfmJu3AP_8pj2DQqW8Jg&amp;upload_protocol=resumable</t>
  </si>
  <si>
    <t>C:\Users\lannatga\Desktop\</t>
  </si>
  <si>
    <t>bh.xlsx</t>
  </si>
  <si>
    <t>09/25/2019 17:08:03</t>
  </si>
  <si>
    <t>09/25/2019 17:13:56</t>
  </si>
  <si>
    <t>charlesdlr@algartech.com;elinconpa@algartech.com;fabioch@algartecnologia.com.br;fernandords@algartech.com;josafa@algartech.com;josepsda@algartech.com;marciorct@algartech.com;marcos.pereira@algartech.com;rosimarlr@algartech.com;</t>
  </si>
  <si>
    <t>C:\Users\marcelof\Downloads\</t>
  </si>
  <si>
    <t>VEICULOS TECH_disponiveis para Leilão 25_09_2019.xlsx</t>
  </si>
  <si>
    <t>charlesdlr@algartech.com,elinconpa@algartech.com,fabioch@algartecnologia.com.br,fernandords@algartech.com,josafa@algartech.com,josepsda@algartech.com,marciorct@algartech.com,marcos.pereira@algartech.com,rosimarlr@algartech.com</t>
  </si>
  <si>
    <t>09/25/2019 17:17:32</t>
  </si>
  <si>
    <t>09/25/2019 17:17:56</t>
  </si>
  <si>
    <t>/o=exchangelabs/ou=exchange administrative group (fydibohf23spdlt)/cn=recipients/cn=b194f014572c4c36b52132f9199df1aa-jairo junio;</t>
  </si>
  <si>
    <t>ENC: Proposta VR</t>
  </si>
  <si>
    <t>204293 - VR_(Versão Campinas) Rateio Ajustado.xlsb</t>
  </si>
  <si>
    <t>/o=exchangelabs/ou=exchange administrative group (fydibohf23spdlt)/cn=recipients/cn=b194f014572c4c36b52132f9199df1aa-jairo junio</t>
  </si>
  <si>
    <t>09/25/2019 17:17:24</t>
  </si>
  <si>
    <t>09/25/2019 17:20:57</t>
  </si>
  <si>
    <t>AMEX CONTAS NOVAS PJ</t>
  </si>
  <si>
    <t>andressacpd</t>
  </si>
  <si>
    <t>Andressa Cristina Pereira Dias</t>
  </si>
  <si>
    <t>/o=exchangelabs/ou=exchange administrative group (fydibohf23spdlt)/cn=recipients/cn=daea76c116d14ba69bf57b6e77a4327e-luana almei;/o=exchangelabs/ou=exchange administrative group (fydibohf23spdlt)/cn=recipients/cn=f9e751102def46a896bc3ec6e90e1aed-katia dos r;</t>
  </si>
  <si>
    <t>Planilha</t>
  </si>
  <si>
    <t>Cópia de Painel acoes qualidade.xlsx</t>
  </si>
  <si>
    <t>/o=exchangelabs/ou=exchange administrative group (fydibohf23spdlt)/cn=recipients/cn=daea76c116d14ba69bf57b6e77a4327e-luana almei,/o=exchangelabs/ou=exchange administrative group (fydibohf23spdlt)/cn=recipients/cn=f9e751102def46a896bc3ec6e90e1aed-katia dos r</t>
  </si>
  <si>
    <t>09/25/2019 17:24:27</t>
  </si>
  <si>
    <t>09/25/2019 17:25:57</t>
  </si>
  <si>
    <t>PLANILHA DE CANCELAMENTO E MIGRAÇÃO PARA O SMART</t>
  </si>
  <si>
    <t>PLANILHA TICKETS PARA FABIO CRIAR FAT.xlsx</t>
  </si>
  <si>
    <t>09/25/2019 17:22:14</t>
  </si>
  <si>
    <t>vappolinario@timbrasil.com.br;</t>
  </si>
  <si>
    <t>RES: Criação FS - Setembro</t>
  </si>
  <si>
    <t>Pendências_Vitória.xlsx</t>
  </si>
  <si>
    <t>vappolinario@timbrasil.com.br</t>
  </si>
  <si>
    <t>09/25/2019 17:23:23</t>
  </si>
  <si>
    <t>C:\Users\marcospr\OneDrive - Grupo Algar\Corporativo\01 - Projetos - Business Inteligence\Whirlpool - Nova Operação\Legado - NPS Compra Certa\</t>
  </si>
  <si>
    <t>Exemplificação Whirlpool.xlsx</t>
  </si>
  <si>
    <t>09/25/2019 17:27:25</t>
  </si>
  <si>
    <t>09/25/2019 17:27:57</t>
  </si>
  <si>
    <t>/o=exchangelabs/ou=exchange administrative group (fydibohf23spdlt)/cn=recipients/cn=2d3379e2d04c40db810b4b1f41dd2aea-erica carol;/o=exchangelabs/ou=exchange administrative group (fydibohf23spdlt)/cn=recipients/cn=77d2a15e162941f5b8ad84d928392e5e-dolvane rod;/o=exchangelabs/ou=exchange administrative group (fydibohf23spdlt)/cn=recipients/cn=d5130784dc81436d9511788de4df376c-jeciene gom;</t>
  </si>
  <si>
    <t>Projeto Precificação - Pre-closing e 2020</t>
  </si>
  <si>
    <t>Pre closing.xlsx</t>
  </si>
  <si>
    <t>/o=exchangelabs/ou=exchange administrative group (fydibohf23spdlt)/cn=recipients/cn=2d3379e2d04c40db810b4b1f41dd2aea-erica carol,/o=exchangelabs/ou=exchange administrative group (fydibohf23spdlt)/cn=recipients/cn=77d2a15e162941f5b8ad84d928392e5e-dolvane rod,/o=exchangelabs/ou=exchange administrative group (fydibohf23spdlt)/cn=recipients/cn=d5130784dc81436d9511788de4df376c-jeciene gom</t>
  </si>
  <si>
    <t>09/25/2019 17:23:20</t>
  </si>
  <si>
    <t>RptEstoqueSerial.csv</t>
  </si>
  <si>
    <t>09/25/2019 17:24:41</t>
  </si>
  <si>
    <t>RptRequisicaoMaterial.csv</t>
  </si>
  <si>
    <t>09/25/2019 17:25:43</t>
  </si>
  <si>
    <t>09/25/2019 17:29:17</t>
  </si>
  <si>
    <t>09/25/2019 17:30:56</t>
  </si>
  <si>
    <t>T:\03 - FATURAMENTO\Base GAT\Faturamento Clientes\Contole FAT_Realizados_Tatiane\Liberado 2019\</t>
  </si>
  <si>
    <t>FAT_Liberados 2019_Tatiane_Jan a Dez.xlsx</t>
  </si>
  <si>
    <t>09/25/2019 17:29:23</t>
  </si>
  <si>
    <t>10.200.62.0</t>
  </si>
  <si>
    <t>D8-9C-67-6F-10-71</t>
  </si>
  <si>
    <t>09/25/2019 17:27:01</t>
  </si>
  <si>
    <t>09/25/2019 17:30:30</t>
  </si>
  <si>
    <t>09/25/2019 17:31:57</t>
  </si>
  <si>
    <t>http://etaf/etaf/inclui_taf.asp?filename=inclusao_taf.xls&amp;tp_taf=trf_entre_filiais&amp;empresa=340</t>
  </si>
  <si>
    <t>none;</t>
  </si>
  <si>
    <t>C:\Users\ronansdm\Desktop\</t>
  </si>
  <si>
    <t>inclusao_taf.xls</t>
  </si>
  <si>
    <t>http://none</t>
  </si>
  <si>
    <t>09/25/2019 17:33:41</t>
  </si>
  <si>
    <t>09/25/2019 17:35:56</t>
  </si>
  <si>
    <t>/o=exchangelabs/ou=exchange administrative group (fydibohf23spdlt)/cn=recipients/cn=7d8ac9bc7bbc4c14a4465df244f19041-lauane cris;</t>
  </si>
  <si>
    <t>/o=exchangelabs/ou=exchange administrative group (fydibohf23spdlt)/cn=recipients/cn=7d8ac9bc7bbc4c14a4465df244f19041-lauane cris</t>
  </si>
  <si>
    <t>09/25/2019 17:34:18</t>
  </si>
  <si>
    <t>09/25/2019 17:30:50</t>
  </si>
  <si>
    <t>FAT - 2019</t>
  </si>
  <si>
    <t>09/25/2019 17:32:11</t>
  </si>
  <si>
    <t>bruna.vernalha@bradesco.com.br;daiane.alves@bradesco.com.br;denisev.carvalho@bradesco.com.br;eva.cordeiro@bradesco.com.br;fabriciovs@algartech.com;helbertbb@algartech.com;henriqueac@algartech.com;leandrolds@algartech.com;renatobrl@algartech.com;silvio@algartech.com;tatiana.bueno@bradesco.com.br;vanessa.crisan.santos@bradesco.com.br;</t>
  </si>
  <si>
    <t>Faturamento Outubro..xlsb</t>
  </si>
  <si>
    <t>bruna.vernalha@bradesco.com.br,daiane.alves@bradesco.com.br,denisev.carvalho@bradesco.com.br,eva.cordeiro@bradesco.com.br,fabriciovs@algartech.com,helbertbb@algartech.com,henriqueac@algartech.com,leandrolds@algartech.com,renatobrl@algartech.com,silvio@algartech.com,tatiana.bueno@bradesco.com.br,vanessa.crisan.santos@bradesco.com.br</t>
  </si>
  <si>
    <t>09/25/2019 17:34:32</t>
  </si>
  <si>
    <t>09/25/2019 17:38:56</t>
  </si>
  <si>
    <t>09/25/2019 17:35:18</t>
  </si>
  <si>
    <t>/o=exchangelabs/ou=exchange administrative group (fydibohf23spdlt)/cn=recipients/cn=3bfdaa117b944a6da580f60e2f45a680-thais alves;/o=exchangelabs/ou=exchange administrative group (fydibohf23spdlt)/cn=recipients/cn=47bcba0edfbb48d39e9b215eae1400b2-ana paula s;/o=exchangelabs/ou=exchange administrative group (fydibohf23spdlt)/cn=recipients/cn=a75579a499254c2291e852b70c4d70d1-eunice apar;/o=exchangelabs/ou=exchange administrative group (fydibohf23spdlt)/cn=recipients/cn=e9519d1407044c56a7b8fe1bbc24bebc-michele cam;/o=exchangelabs/ou=exchange administrative group (fydibohf23spdlt)/cn=recipients/cn=fa97b4f41f6b44568346ac119cf955ae-pablo henri;lyliandcb@algartech.com.br;mabyala@algartech.com.br;</t>
  </si>
  <si>
    <t>ENC: Reanálise e agilização de proposta</t>
  </si>
  <si>
    <t>Reanalise de proposta.xlsx</t>
  </si>
  <si>
    <t>/o=exchangelabs/ou=exchange administrative group (fydibohf23spdlt)/cn=recipients/cn=3bfdaa117b944a6da580f60e2f45a680-thais alves,/o=exchangelabs/ou=exchange administrative group (fydibohf23spdlt)/cn=recipients/cn=47bcba0edfbb48d39e9b215eae1400b2-ana paula s,/o=exchangelabs/ou=exchange administrative group (fydibohf23spdlt)/cn=recipients/cn=a75579a499254c2291e852b70c4d70d1-eunice apar,/o=exchangelabs/ou=exchange administrative group (fydibohf23spdlt)/cn=recipients/cn=e9519d1407044c56a7b8fe1bbc24bebc-michele cam,/o=exchangelabs/ou=exchange administrative group (fydibohf23spdlt)/cn=recipients/cn=fa97b4f41f6b44568346ac119cf955ae-pablo henri,lyliandcb@algartech.com.br,mabyala@algartech.com.br</t>
  </si>
  <si>
    <t>09/25/2019 17:35:57</t>
  </si>
  <si>
    <t>09/25/2019 17:40:56</t>
  </si>
  <si>
    <t>/o=exchangelabs/ou=exchange administrative group (fydibohf23spdlt)/cn=recipients/cn=1388e760581940569776ffce7145c40e-patricia ap;/o=exchangelabs/ou=exchange administrative group (fydibohf23spdlt)/cn=recipients/cn=1c3bae1d5aab4c72b84516e819cd16c9-wilton paim;/o=exchangelabs/ou=exchange administrative group (fydibohf23spdlt)/cn=recipients/cn=40ccde93d5e84e22be01d21a38fa9629-christopher;/o=exchangelabs/ou=exchange administrative group (fydibohf23spdlt)/cn=recipients/cn=c08089b92f0643f18c949cb099a06593-tamara luis;/o=exchangelabs/ou=exchange administrative group (fydibohf23spdlt)/cn=recipients/cn=eeabe757fd9847189424a9c6f7064f76-luana souza;</t>
  </si>
  <si>
    <t>Novo Daily</t>
  </si>
  <si>
    <t>/o=exchangelabs/ou=exchange administrative group (fydibohf23spdlt)/cn=recipients/cn=1388e760581940569776ffce7145c40e-patricia ap,/o=exchangelabs/ou=exchange administrative group (fydibohf23spdlt)/cn=recipients/cn=1c3bae1d5aab4c72b84516e819cd16c9-wilton paim,/o=exchangelabs/ou=exchange administrative group (fydibohf23spdlt)/cn=recipients/cn=40ccde93d5e84e22be01d21a38fa9629-christopher,/o=exchangelabs/ou=exchange administrative group (fydibohf23spdlt)/cn=recipients/cn=c08089b92f0643f18c949cb099a06593-tamara luis,/o=exchangelabs/ou=exchange administrative group (fydibohf23spdlt)/cn=recipients/cn=eeabe757fd9847189424a9c6f7064f76-luana souza</t>
  </si>
  <si>
    <t>09/25/2019 17:42:59</t>
  </si>
  <si>
    <t>09/25/2019 17:45:56</t>
  </si>
  <si>
    <t>/o=exchangelabs/ou=exchange administrative group (fydibohf23spdlt)/cn=recipients/cn=092327d7955f47e78ad4a60dc2ac8d69-joaquim eli;/o=exchangelabs/ou=exchange administrative group (fydibohf23spdlt)/cn=recipients/cn=8f6e1392c4f24f4faa8b69e41e9921dd-francisco m;/o=exchangelabs/ou=exchange administrative group (fydibohf23spdlt)/cn=recipients/cn=b24a1bfdc1aa45a2a190e0a7a66455b6-caio ferrei;atsousa@timbrasil.com.br;mmendonca@timbrasil.com.br;</t>
  </si>
  <si>
    <t>RES: [Fatura B] - Migração de tickets XTTS --&gt; SMART SERVICE</t>
  </si>
  <si>
    <t>PLANILHA TICKETS PARA MARCUS CRIAR FAT.xlsx</t>
  </si>
  <si>
    <t>/o=exchangelabs/ou=exchange administrative group (fydibohf23spdlt)/cn=recipients/cn=092327d7955f47e78ad4a60dc2ac8d69-joaquim eli,/o=exchangelabs/ou=exchange administrative group (fydibohf23spdlt)/cn=recipients/cn=8f6e1392c4f24f4faa8b69e41e9921dd-francisco m,/o=exchangelabs/ou=exchange administrative group (fydibohf23spdlt)/cn=recipients/cn=b24a1bfdc1aa45a2a190e0a7a66455b6-caio ferrei,atsousa@timbrasil.com.br,mmendonca@timbrasil.com.br</t>
  </si>
  <si>
    <t>09/25/2019 17:45:24</t>
  </si>
  <si>
    <t>09/25/2019 17:46:57</t>
  </si>
  <si>
    <t>Segue conforme solicitado.</t>
  </si>
  <si>
    <t>Mutuos - AFAC - LATAM.xlsx</t>
  </si>
  <si>
    <t>09/25/2019 17:46:44</t>
  </si>
  <si>
    <t>09/25/2019 17:50:57</t>
  </si>
  <si>
    <t>RES: Lista cadastro de férias AGENDADAS (Equipe Paulo Cruz)</t>
  </si>
  <si>
    <t>GST Ferias 25-09-2019.xlsx</t>
  </si>
  <si>
    <t>09/25/2019 17:50:56</t>
  </si>
  <si>
    <t>09/25/2019 17:51:56</t>
  </si>
  <si>
    <t>09/25/2019 17:48:08</t>
  </si>
  <si>
    <t>09/25/2019 17:52:56</t>
  </si>
  <si>
    <t>09/25/2019 17:54:25</t>
  </si>
  <si>
    <t>09/25/2019 17:57:56</t>
  </si>
  <si>
    <t>09/25/2019 18:05:24</t>
  </si>
  <si>
    <t>09/25/2019 18:06:56</t>
  </si>
  <si>
    <t>ENC: Segue conforme solicitado.</t>
  </si>
  <si>
    <t>09/25/2019 18:07:16</t>
  </si>
  <si>
    <t>09/25/2019 18:11:56</t>
  </si>
  <si>
    <t>C:\Users\elainemdlp\OD\_Projetos\Em andamento\EDP\01 - Iniciacao\TAP\RES_ Comitê de Investimento - ATEC-2019-0002-006 - PROJETO EDP.msg\s135\</t>
  </si>
  <si>
    <t>178274 EDP BP Advanced Collection v3.1.xlsb</t>
  </si>
  <si>
    <t>EDP_Detalhamento_de_itens_v2_Classificado.xlsx</t>
  </si>
  <si>
    <t>C:\Users\elainemdlp\OD\_Projetos\Em andamento\EDP\01 - Iniciacao\TAP\RES_ Comitê de Investimento - ATEC-2019-0002-006 - PROJETO EDP.msg\s135\178274 EDP BP Advanced Collection v3.1.xlsb\</t>
  </si>
  <si>
    <t>09/25/2019 18:12:06</t>
  </si>
  <si>
    <t>09/25/2019 18:15:56</t>
  </si>
  <si>
    <t>/o=exchangelabs/ou=exchange administrative group (fydibohf23spdlt)/cn=recipients/cn=067d1ea266fb4f35946ec136606237ec-lucia helen;</t>
  </si>
  <si>
    <t>Ref. Relatório Comissão de Integridade - 26/09/2019</t>
  </si>
  <si>
    <t>Algar - Sumário Executivo Ouvidoria ((Conduta e Dilema Ético)) Jan-Set 2019 (sugestões LIVIA) (003).pptx\</t>
  </si>
  <si>
    <t>/o=exchangelabs/ou=exchange administrative group (fydibohf23spdlt)/cn=recipients/cn=067d1ea266fb4f35946ec136606237ec-lucia helen</t>
  </si>
  <si>
    <t>09/25/2019 18:12:45</t>
  </si>
  <si>
    <t>Ref. Relatório Base</t>
  </si>
  <si>
    <t>BaseAlgar_25092019.xlsx</t>
  </si>
  <si>
    <t>09/25/2019 18:13:54</t>
  </si>
  <si>
    <t>Ref. Relatório Tati</t>
  </si>
  <si>
    <t>09/25/2019 18:13:30</t>
  </si>
  <si>
    <t>09/25/2019 18:16:56</t>
  </si>
  <si>
    <t>10.211.2.137</t>
  </si>
  <si>
    <t>C:\Users\suelenmm\OneDrive - Grupo Algar\Comissão\2019\Revisão modelo 2S2019\</t>
  </si>
  <si>
    <t>Forecast de Receita Oficial_2019 - 25-09.xlsx</t>
  </si>
  <si>
    <t>09/25/2019 18:14:32</t>
  </si>
  <si>
    <t>/o=exchangelabs/ou=exchange administrative group (fydibohf23spdlt)/cn=recipients/cn=1d548783c10f4c62bcdf5de7a0f55a3e-lucas marqu;/o=exchangelabs/ou=exchange administrative group (fydibohf23spdlt)/cn=recipients/cn=77d2a15e162941f5b8ad84d928392e5e-dolvane rod;/o=exchangelabs/ou=exchange administrative group (fydibohf23spdlt)/cn=recipients/cn=804f4398b96748e7962c1608bfe4071a-hewerson go;/o=exchangelabs/ou=exchange administrative group (fydibohf23spdlt)/cn=recipients/cn=carlos henrique vilarinho_db6c0fb3df;/o=exchangelabs/ou=exchange administrative group (fydibohf23spdlt)/cn=recipients/cn=e1e1f9dca23c43db9655205b0386bad9-felipe mart;</t>
  </si>
  <si>
    <t>Capex Projetos 2020</t>
  </si>
  <si>
    <t>/o=exchangelabs/ou=exchange administrative group (fydibohf23spdlt)/cn=recipients/cn=1d548783c10f4c62bcdf5de7a0f55a3e-lucas marqu,/o=exchangelabs/ou=exchange administrative group (fydibohf23spdlt)/cn=recipients/cn=77d2a15e162941f5b8ad84d928392e5e-dolvane rod,/o=exchangelabs/ou=exchange administrative group (fydibohf23spdlt)/cn=recipients/cn=804f4398b96748e7962c1608bfe4071a-hewerson go,/o=exchangelabs/ou=exchange administrative group (fydibohf23spdlt)/cn=recipients/cn=carlos henrique vilarinho_db6c0fb3df,/o=exchangelabs/ou=exchange administrative group (fydibohf23spdlt)/cn=recipients/cn=e1e1f9dca23c43db9655205b0386bad9-felipe mart</t>
  </si>
  <si>
    <t>09/25/2019 18:15:51</t>
  </si>
  <si>
    <t>09/25/2019 18:18:57</t>
  </si>
  <si>
    <t>C:\Users\angelinegn\Downloads\</t>
  </si>
  <si>
    <t>2019_10 (2).xls</t>
  </si>
  <si>
    <t>09/25/2019 18:16:08</t>
  </si>
  <si>
    <t>09/25/2019 18:20:57</t>
  </si>
  <si>
    <t>Modelo</t>
  </si>
  <si>
    <t>Ajustes sindicatos_Grupo Tech.xlsx</t>
  </si>
  <si>
    <t>09/25/2019 18:18:45</t>
  </si>
  <si>
    <t>09/25/2019 18:21:57</t>
  </si>
  <si>
    <t>C:\Users\suelenmm\OneDrive - Grupo Algar\Comissão\2019\</t>
  </si>
  <si>
    <t>Metas 2019 - v4.xlsx</t>
  </si>
  <si>
    <t>09/25/2019 18:26:14</t>
  </si>
  <si>
    <t>09/25/2019 18:26:57</t>
  </si>
  <si>
    <t>/o=exchangelabs/ou=exchange administrative group (fydibohf23spdlt)/cn=recipients/cn=0795838d79a14bcaabfa98fc69aaefbb-business pe;/o=exchangelabs/ou=exchange administrative group (fydibohf23spdlt)/cn=recipients/cn=2d3379e2d04c40db810b4b1f41dd2aea-erica carol;/o=exchangelabs/ou=exchange administrative group (fydibohf23spdlt)/cn=recipients/cn=54abac0a4fdc4ad1bec39bb51d85eab1-victor hugo;/o=exchangelabs/ou=exchange administrative group (fydibohf23spdlt)/cn=recipients/cn=55f846c335d7437f892f0b0d49c89e92-celma ribei;/o=exchangelabs/ou=exchange administrative group (fydibohf23spdlt)/cn=recipients/cn=590012d55fae421587844918af7bc53c-daiane mari;/o=exchangelabs/ou=exchange administrative group (fydibohf23spdlt)/cn=recipients/cn=5cdf7c02d3784fda99b7b159b2a127b2-rudney leme;/o=exchangelabs/ou=exchange administrative group (fydibohf23spdlt)/cn=recipients/cn=c5057601f2364b0db7ea84dbec10baa4-matheus mor;/o=nt5/ou=00000000000000000000000000000000/cn=5f6b7aa85817ec429c63a080efac9f89;/o=nt5/ou=00000000000000000000000000000000</t>
  </si>
  <si>
    <t>ENC: Premissas macroeconômicas - Orçamento 2020 e LP</t>
  </si>
  <si>
    <t>Taxas Macroeconomicas 20 set 2019.xlsx</t>
  </si>
  <si>
    <t>/o=exchangelabs/ou=exchange administrative group (fydibohf23spdlt)/cn=recipients/cn=0795838d79a14bcaabfa98fc69aaefbb-business pe,/o=exchangelabs/ou=exchange administrative group (fydibohf23spdlt)/cn=recipients/cn=2d3379e2d04c40db810b4b1f41dd2aea-erica carol,/o=exchangelabs/ou=exchange administrative group (fydibohf23spdlt)/cn=recipients/cn=54abac0a4fdc4ad1bec39bb51d85eab1-victor hugo,/o=exchangelabs/ou=exchange administrative group (fydibohf23spdlt)/cn=recipients/cn=55f846c335d7437f892f0b0d49c89e92-celma ribei,/o=exchangelabs/ou=exchange administrative group (fydibohf23spdlt)/cn=recipients/cn=590012d55fae421587844918af7bc53c-daiane mari,/o=exchangelabs/ou=exchange administrative group (fydibohf23spdlt)/cn=recipients/cn=5cdf7c02d3784fda99b7b159b2a127b2-rudney leme,/o=exchangelabs/ou=exchange administrative group (fydibohf23spdlt)/cn=recipients/cn=c5057601f2364b0db7ea84dbec10baa4-matheus mor,/o=nt5/ou=00000000000000000000000000000000/cn=5f6b7aa85817ec429c63a080efac9f89,/o=nt5/ou=00000000000000000000000000000000</t>
  </si>
  <si>
    <t>09/25/2019 18:24:36</t>
  </si>
  <si>
    <t>09/25/2019 18:27:57</t>
  </si>
  <si>
    <t>/o=exchangelabs/ou=exchange administrative group (fydibohf23spdlt)/cn=recipients/cn=55643a6cbd93423e8f0c948d862c9e35-marcelo ale;/o=exchangelabs/ou=exchange administrative group (fydibohf23spdlt)/cn=recipients/cn=670d10f0276c47ba89a984b1a225496b-victor gala;/o=exchangelabs/ou=exchange administrative group (fydibohf23spdlt)/cn=recipients/cn=b284454839e94314a90d49e7ec00864f-antonio car;/o=exchangelabs/ou=exchange administrative group (fydibohf23spdlt)/cn=recipients/cn=e39e329fc16a43329eb2766bae675122-mariana gon;/o=exchangelabs/ou=exchange administrative group (fydibohf23spdlt)/cn=recipients/cn=f0ff087361a245daa16e71ac77ecc3f0-ivan costa;dgrc.coordenadores.udi.iua@algartech.com;hugooc@algartech.com;</t>
  </si>
  <si>
    <t>ENC: Validação Ação Avon</t>
  </si>
  <si>
    <t>/o=exchangelabs/ou=exchange administrative group (fydibohf23spdlt)/cn=recipients/cn=55643a6cbd93423e8f0c948d862c9e35-marcelo ale,/o=exchangelabs/ou=exchange administrative group (fydibohf23spdlt)/cn=recipients/cn=670d10f0276c47ba89a984b1a225496b-victor gala,/o=exchangelabs/ou=exchange administrative group (fydibohf23spdlt)/cn=recipients/cn=b284454839e94314a90d49e7ec00864f-antonio car,/o=exchangelabs/ou=exchange administrative group (fydibohf23spdlt)/cn=recipients/cn=e39e329fc16a43329eb2766bae675122-mariana gon,/o=exchangelabs/ou=exchange administrative group (fydibohf23spdlt)/cn=recipients/cn=f0ff087361a245daa16e71ac77ecc3f0-ivan costa,dgrc.coordenadores.udi.iua@algartech.com,hugooc@algartech.com</t>
  </si>
  <si>
    <t>09/25/2019 18:28:18</t>
  </si>
  <si>
    <t>09/25/2019 18:31:58</t>
  </si>
  <si>
    <t>/o=exchangelabs/ou=exchange administrative group (fydibohf23spdlt)/cn=recipients/cn=2b69c7de1a3641269a7eed0596e1ddc2-wayner oliv;/o=exchangelabs/ou=exchange administrative group (fydibohf23spdlt)/cn=recipients/cn=6bc6ced03b1b4fafa41bb5c70c178940-antonio per;</t>
  </si>
  <si>
    <t>/o=exchangelabs/ou=exchange administrative group (fydibohf23spdlt)/cn=recipients/cn=2b69c7de1a3641269a7eed0596e1ddc2-wayner oliv,/o=exchangelabs/ou=exchange administrative group (fydibohf23spdlt)/cn=recipients/cn=6bc6ced03b1b4fafa41bb5c70c178940-antonio per</t>
  </si>
  <si>
    <t>09/25/2019 18:28:39</t>
  </si>
  <si>
    <t>09/25/2019 18:32:57</t>
  </si>
  <si>
    <t>09/25/2019 18:30:32</t>
  </si>
  <si>
    <t>09/25/2019 18:33:57</t>
  </si>
  <si>
    <t>/o=exchangelabs/ou=exchange administrative group (fydibohf23spdlt)/cn=recipients/cn=168e05cabbf14ae289464a0c09955b31-sara ferrei;/o=exchangelabs/ou=exchange administrative group (fydibohf23spdlt)/cn=recipients/cn=eb7eb667da5b461a8e84d1db2016056f-joelson dos;/o=exchangelabs/ou=exchange administrative group (fydibohf23spdlt)/cn=recipients/cn=f6cbd0513564419dbd829242338a05f3-wilsiane ma;</t>
  </si>
  <si>
    <t>ENC: ORÇAMENTO 2020 - TREINAMENTOS</t>
  </si>
  <si>
    <t>DRE Treinamento_2020 com premissas v2.xlsx</t>
  </si>
  <si>
    <t>/o=exchangelabs/ou=exchange administrative group (fydibohf23spdlt)/cn=recipients/cn=168e05cabbf14ae289464a0c09955b31-sara ferrei,/o=exchangelabs/ou=exchange administrative group (fydibohf23spdlt)/cn=recipients/cn=eb7eb667da5b461a8e84d1db2016056f-joelson dos,/o=exchangelabs/ou=exchange administrative group (fydibohf23spdlt)/cn=recipients/cn=f6cbd0513564419dbd829242338a05f3-wilsiane ma</t>
  </si>
  <si>
    <t>09/25/2019 18:32:19</t>
  </si>
  <si>
    <t>10.200.58.208</t>
  </si>
  <si>
    <t>FC-01-7C-B3-BA-47</t>
  </si>
  <si>
    <t>NB-MARCELOBSA</t>
  </si>
  <si>
    <t>marcelobsa</t>
  </si>
  <si>
    <t>Marcelo Buzato Sanches</t>
  </si>
  <si>
    <t>/o=exchangelabs/ou=exchange administrative group (fydibohf23spdlt)/cn=recipients/cn=525b3060f0654996a4c2979efbfaed04-douglas sil;/o=exchangelabs/ou=exchange administrative group (fydibohf23spdlt)/cn=recipients/cn=545f738e0fe740ba856f4eb6ef0135e0-vinicius si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c08089b92f0643f18c949cb099a06593-tamara luis;</t>
  </si>
  <si>
    <t>ENC: RECADO IMPORTANTE: Treinamento de Brigada - POR FAVOR, LEIAM!</t>
  </si>
  <si>
    <t>Controle Participantes_Treinamento de Brigada.xlsx</t>
  </si>
  <si>
    <t>/o=exchangelabs/ou=exchange administrative group (fydibohf23spdlt)/cn=recipients/cn=525b3060f0654996a4c2979efbfaed04-douglas sil,/o=exchangelabs/ou=exchange administrative group (fydibohf23spdlt)/cn=recipients/cn=545f738e0fe740ba856f4eb6ef0135e0-vinicius si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c08089b92f0643f18c949cb099a06593-tamara luis</t>
  </si>
  <si>
    <t>09/25/2019 18:33:58</t>
  </si>
  <si>
    <t>09/25/2019 18:37:57</t>
  </si>
  <si>
    <t>ENC: #### Aderência - Cerrado PJ - Outubro/2019 ###</t>
  </si>
  <si>
    <t>09/25/2019 18:35:58</t>
  </si>
  <si>
    <t>09/25/2019 18:38:57</t>
  </si>
  <si>
    <t>10.201.30.65</t>
  </si>
  <si>
    <t>C8-3D-D4-7F-90-F1</t>
  </si>
  <si>
    <t>/o=exchangelabs/ou=exchange administrative group (fydibohf23spdlt)/cn=recipients/cn=aef94c0f98b44279a41d719230c27333-sabrina dan;</t>
  </si>
  <si>
    <t>Dados operacionais IBI</t>
  </si>
  <si>
    <t>CH50_20190925_183407.xls</t>
  </si>
  <si>
    <t>/o=exchangelabs/ou=exchange administrative group (fydibohf23spdlt)/cn=recipients/cn=aef94c0f98b44279a41d719230c27333-sabrina dan</t>
  </si>
  <si>
    <t>09/25/2019 18:39:22</t>
  </si>
  <si>
    <t>09/25/2019 18:40:57</t>
  </si>
  <si>
    <t>/o=exchangelabs/ou=exchange administrative group (fydibohf23spdlt)/cn=recipients/cn=2946605dcf554cb389220dec598b84fa-adriano mon;/o=exchangelabs/ou=exchange administrative group (fydibohf23spdlt)/cn=recipients/cn=47bcba0edfbb48d39e9b215eae1400b2-ana paula s;/o=exchangelabs/ou=exchange administrative group (fydibohf23spdlt)/cn=recipients/cn=5c0e0b883c0f4ccbb2cf13db05a00b36-luciene ivo;</t>
  </si>
  <si>
    <t>/o=exchangelabs/ou=exchange administrative group (fydibohf23spdlt)/cn=recipients/cn=2946605dcf554cb389220dec598b84fa-adriano mon,/o=exchangelabs/ou=exchange administrative group (fydibohf23spdlt)/cn=recipients/cn=47bcba0edfbb48d39e9b215eae1400b2-ana paula s,/o=exchangelabs/ou=exchange administrative group (fydibohf23spdlt)/cn=recipients/cn=5c0e0b883c0f4ccbb2cf13db05a00b36-luciene ivo</t>
  </si>
  <si>
    <t>09/25/2019 18:42:10</t>
  </si>
  <si>
    <t>09/25/2019 18:45:57</t>
  </si>
  <si>
    <t>/o=exchangelabs/ou=exchange administrative group (fydibohf23spdlt)/cn=recipients/cn=89e58c8da071492dbdcb4fee4156b705-gustavo alm;/o=exchangelabs/ou=exchange administrative group (fydibohf23spdlt)/cn=recipients/cn=97028c61ebe04c3ca84c604712943944-fabiano wil;</t>
  </si>
  <si>
    <t>Valores Command Center - LDC</t>
  </si>
  <si>
    <t>Santarem de Dimensionamento do Serviço GIAT_v6 - PILOTO COMAND CENTER LDC.xlsm</t>
  </si>
  <si>
    <t>/o=exchangelabs/ou=exchange administrative group (fydibohf23spdlt)/cn=recipients/cn=89e58c8da071492dbdcb4fee4156b705-gustavo alm,/o=exchangelabs/ou=exchange administrative group (fydibohf23spdlt)/cn=recipients/cn=97028c61ebe04c3ca84c604712943944-fabiano wil</t>
  </si>
  <si>
    <t>09/25/2019 18:43:08</t>
  </si>
  <si>
    <t>09/25/2019 18:47:57</t>
  </si>
  <si>
    <t>09/25/2019 18:50:22</t>
  </si>
  <si>
    <t>09/25/2019 18:52:57</t>
  </si>
  <si>
    <t>09/25/2019 18:51:09</t>
  </si>
  <si>
    <t>ENC: Metas 2019</t>
  </si>
  <si>
    <t>DRE_ORÇAMENTO 2019 (003).xlsx</t>
  </si>
  <si>
    <t>09/25/2019 18:50:16</t>
  </si>
  <si>
    <t>09/25/2019 18:55:57</t>
  </si>
  <si>
    <t>Modelo de apresentação de Preço LDC_v5.xlsx</t>
  </si>
  <si>
    <t>09/25/2019 18:57:44</t>
  </si>
  <si>
    <t>09/25/2019 18:57:57</t>
  </si>
  <si>
    <t>/o=exchangelabs/ou=exchange administrative group (fydibohf23spdlt)/cn=recipients/cn=5dc660c055e14f5ab5647ab38237cbdc-eduardo aug;/o=exchangelabs/ou=exchange administrative group (fydibohf23spdlt)/cn=recipients/cn=9a3ba6096e184fb5837abcf6a6214283-daniel henr;</t>
  </si>
  <si>
    <t>BP's caixa ATIVO</t>
  </si>
  <si>
    <t>Vendas Cap - 120 PAs.xlsb</t>
  </si>
  <si>
    <t>/o=exchangelabs/ou=exchange administrative group (fydibohf23spdlt)/cn=recipients/cn=5dc660c055e14f5ab5647ab38237cbdc-eduardo aug,/o=exchangelabs/ou=exchange administrative group (fydibohf23spdlt)/cn=recipients/cn=9a3ba6096e184fb5837abcf6a6214283-daniel henr</t>
  </si>
  <si>
    <t>09/25/2019 19:04:35</t>
  </si>
  <si>
    <t>09/25/2019 19:08:57</t>
  </si>
  <si>
    <t>/o=exchangelabs/ou=exchange administrative group (fydibohf23spdlt)/cn=recipients/cn=5c0e0b883c0f4ccbb2cf13db05a00b36-luciene ivo;/o=exchangelabs/ou=exchange administrative group (fydibohf23spdlt)/cn=recipients/cn=6fbc44b6d6b549208175d5a27201bd13-cintia nune;/o=exchangelabs/ou=exchange administrative group (fydibohf23spdlt)/cn=recipients/cn=9c1c9f5d953e4491b2dce916b33a482d-carlos albe;/o=exchangelabs/ou=exchange administrative group (fydibohf23spdlt)/cn=recipients/cn=a541140f84c0497d919eaa7797d6c613-vinicius mo;/o=exchangelabs/ou=exchange administrative group (fydibohf23spdlt)/cn=recipients/cn=aef94c0f98b44279a41d719230c27333-sabrina dan;/o=exchangelabs/ou=exchange administrative group (fydibohf23spdlt)/cn=recipients/cn=b284454839e94314a90d49e7ec00864f-antonio car;/o=exchangelabs/ou=exchange administrative group (fydibohf23spdlt)/cn=recipients/cn=c5f7cc79fc244984a8f11c21adc3bf10-matheus oli;alexandre.m.souza@bradesco.com.br;aline.m.lima@bradesco.com.br;carolina.farah@bradesco.com.br;carolina.zardini@bradesco.c</t>
  </si>
  <si>
    <t>RES: ALGAR - Fechamento Bradescard P2 - Agosto/19</t>
  </si>
  <si>
    <t>Contestação Agosto_.7z\</t>
  </si>
  <si>
    <t>ContestaÃ§Ã£o Agosto .csv</t>
  </si>
  <si>
    <t>/o=exchangelabs/ou=exchange administrative group (fydibohf23spdlt)/cn=recipients/cn=5c0e0b883c0f4ccbb2cf13db05a00b36-luciene ivo,/o=exchangelabs/ou=exchange administrative group (fydibohf23spdlt)/cn=recipients/cn=6fbc44b6d6b549208175d5a27201bd13-cintia nune,/o=exchangelabs/ou=exchange administrative group (fydibohf23spdlt)/cn=recipients/cn=9c1c9f5d953e4491b2dce916b33a482d-carlos albe,/o=exchangelabs/ou=exchange administrative group (fydibohf23spdlt)/cn=recipients/cn=a541140f84c0497d919eaa7797d6c613-vinicius mo,/o=exchangelabs/ou=exchange administrative group (fydibohf23spdlt)/cn=recipients/cn=aef94c0f98b44279a41d719230c27333-sabrina dan,/o=exchangelabs/ou=exchange administrative group (fydibohf23spdlt)/cn=recipients/cn=b284454839e94314a90d49e7ec00864f-antonio car,/o=exchangelabs/ou=exchange administrative group (fydibohf23spdlt)/cn=recipients/cn=c5f7cc79fc244984a8f11c21adc3bf10-matheus oli,alexandre.m.souza@bradesco.com.br,aline.m.lima@bradesco.com.br,carolina.farah@bradesco.com.br,carolina.zardini@bradesco.c</t>
  </si>
  <si>
    <t>09/25/2019 19:31:05</t>
  </si>
  <si>
    <t>09/25/2019 19:34:57</t>
  </si>
  <si>
    <t>/o=exchangelabs/ou=exchange administrative group (fydibohf23spdlt)/cn=recipients/cn=3a10c1d788234688b257ab253389ec06-mateus mala;/o=exchangelabs/ou=exchange administrative group (fydibohf23spdlt)/cn=recipients/cn=d1d015f213f648abbf348b5ccdf8e9d9-senilda per;alexmarques.silva@avon.com;anderson.negrisoli@avon.com;</t>
  </si>
  <si>
    <t>RES: T&amp;F</t>
  </si>
  <si>
    <t>Volumetria Trocas e Faltas.xlsx</t>
  </si>
  <si>
    <t>/o=exchangelabs/ou=exchange administrative group (fydibohf23spdlt)/cn=recipients/cn=3a10c1d788234688b257ab253389ec06-mateus mala,/o=exchangelabs/ou=exchange administrative group (fydibohf23spdlt)/cn=recipients/cn=d1d015f213f648abbf348b5ccdf8e9d9-senilda per,alexmarques.silva@avon.com,anderson.negrisoli@avon.com</t>
  </si>
  <si>
    <t>09/25/2019 19:46:13</t>
  </si>
  <si>
    <t>09/25/2019 19:46:58</t>
  </si>
  <si>
    <t>/o=exchangelabs/ou=exchange administrative group (fydibohf23spdlt)/cn=recipients/cn=a9a1fe1d51ef4ee29617a1c11aa10050-marinalva i;/o=exchangelabs/ou=exchange administrative group (fydibohf23spdlt)/cn=recipients/cn=group19021abd;</t>
  </si>
  <si>
    <t>ENC: Hangouts Contrato ---KPIs</t>
  </si>
  <si>
    <t>/o=exchangelabs/ou=exchange administrative group (fydibohf23spdlt)/cn=recipients/cn=a9a1fe1d51ef4ee29617a1c11aa10050-marinalva i,/o=exchangelabs/ou=exchange administrative group (fydibohf23spdlt)/cn=recipients/cn=group19021abd</t>
  </si>
  <si>
    <t>09/25/2019 19:50:35</t>
  </si>
  <si>
    <t>09/25/2019 19:51:57</t>
  </si>
  <si>
    <t>/o=exchangelabs/ou=exchange administrative group (fydibohf23spdlt)/cn=recipients/cn=b0dffb7bae8b4669bf2555c821ef7035-daniela vie;/o=exchangelabs/ou=exchange administrative group (fydibohf23spdlt)/cn=recipients/cn=e70cc16764ef4e4fac6e4581f29c2881-valeria bet;</t>
  </si>
  <si>
    <t>ENC: Análise de categorização ---avaliar e traçar plano de ação</t>
  </si>
  <si>
    <t>Análise Categorização CCO.pptx\</t>
  </si>
  <si>
    <t>/o=exchangelabs/ou=exchange administrative group (fydibohf23spdlt)/cn=recipients/cn=b0dffb7bae8b4669bf2555c821ef7035-daniela vie,/o=exchangelabs/ou=exchange administrative group (fydibohf23spdlt)/cn=recipients/cn=e70cc16764ef4e4fac6e4581f29c2881-valeria bet</t>
  </si>
  <si>
    <t>09/25/2019 19:54:48</t>
  </si>
  <si>
    <t>09/25/2019 19:56:57</t>
  </si>
  <si>
    <t>09/25/2019 20:46:02</t>
  </si>
  <si>
    <t>09/25/2019 20:46:58</t>
  </si>
  <si>
    <t>10.250.255.59</t>
  </si>
  <si>
    <t>/o=exchangelabs/ou=exchange administrative group (fydibohf23spdlt)/cn=recipients/cn=1e212ef08dab4f26b88cba944f2ab7cb-pmo.governa;/o=exchangelabs/ou=exchange administrative group (fydibohf23spdlt)/cn=recipients/cn=5d559e739a9e422da552ffdc9668775c-luiz fernan;/o=exchangelabs/ou=exchange administrative group (fydibohf23spdlt)/cn=recipients/cn=65d35bc38c6743d7a55b3ae9726a5893-diego ribei;</t>
  </si>
  <si>
    <t>ENC: Fechamento CAPEX 2020 e Pré-Closing LATAM</t>
  </si>
  <si>
    <t>capex latam.xlsx</t>
  </si>
  <si>
    <t>/o=exchangelabs/ou=exchange administrative group (fydibohf23spdlt)/cn=recipients/cn=1e212ef08dab4f26b88cba944f2ab7cb-pmo.governa,/o=exchangelabs/ou=exchange administrative group (fydibohf23spdlt)/cn=recipients/cn=5d559e739a9e422da552ffdc9668775c-luiz fernan,/o=exchangelabs/ou=exchange administrative group (fydibohf23spdlt)/cn=recipients/cn=65d35bc38c6743d7a55b3ae9726a5893-diego ribei</t>
  </si>
  <si>
    <t>09/25/2019 20:44:15</t>
  </si>
  <si>
    <t>09/25/2019 20:48:58</t>
  </si>
  <si>
    <t>ENC: Acompanhamento Contestação</t>
  </si>
  <si>
    <t>Acompanhamento Contestação.xlsx</t>
  </si>
  <si>
    <t>09/25/2019 20:53:58</t>
  </si>
  <si>
    <t>09/25/2019 21:12:58</t>
  </si>
  <si>
    <t>/o=exchangelabs/ou=exchange administrative group (fydibohf23spdlt)/cn=recipients/cn=8e4869266a924042a8d9b8e9156c0081-gilson da s;</t>
  </si>
  <si>
    <t>ENC: WHP</t>
  </si>
  <si>
    <t>RFP Serviços - Precificação_v4_final_reducaodesafio.xlsx</t>
  </si>
  <si>
    <t>/o=exchangelabs/ou=exchange administrative group (fydibohf23spdlt)/cn=recipients/cn=8e4869266a924042a8d9b8e9156c0081-gilson da s</t>
  </si>
  <si>
    <t>09/25/2019 15:49:56</t>
  </si>
  <si>
    <t>09/26/2019 07:27:02</t>
  </si>
  <si>
    <t>ENC: Projeção 2020</t>
  </si>
  <si>
    <t>09/25/2019 18:31:41</t>
  </si>
  <si>
    <t>/o=exchangelabs/ou=exchange administrative group (fydibohf23spdlt)/cn=recipients/cn=5676353c001f41558e00d4c7fa4fd023-aprova.vend;</t>
  </si>
  <si>
    <t>Aprovar venda OPP 204253</t>
  </si>
  <si>
    <t>TRANSACIONAL BOTI SETEMBRO.xlsx</t>
  </si>
  <si>
    <t>/o=exchangelabs/ou=exchange administrative group (fydibohf23spdlt)/cn=recipients/cn=5676353c001f41558e00d4c7fa4fd023-aprova.vend</t>
  </si>
  <si>
    <t>09/26/2019 07:27:01</t>
  </si>
  <si>
    <t>09/26/2019 07:30:02</t>
  </si>
  <si>
    <t>Atualizar_Email_Tech_2609.xlsx</t>
  </si>
  <si>
    <t>09/26/2019 07:27:04</t>
  </si>
  <si>
    <t>mail.google.com/_/upload?authuser=0&amp;dcp=asu-n&amp;upload_id=AEnB2UqJlNA68RkpZcA2fjCaLR7kDCEdYgVWGHXQhncjaitdt5TG7FRoGtKiSIvadOHzrM1gG_kg3k-4OS73ONB1PxkgmXsGgUo2eu1Rdj1yb5NP67SD_Gc&amp;upload_protocol=resumable</t>
  </si>
  <si>
    <t>09/25/2019 07:57:50</t>
  </si>
  <si>
    <t>09/26/2019 07:33:02</t>
  </si>
  <si>
    <t>C:\Users\filemoncmj\OneDrive - Grupo Algar\01. Algar Tech\01. Projetos de Clientes\47. Prudential\07. Aquisições\04. Desktops e Notebooks\</t>
  </si>
  <si>
    <t>Planilha NF Espelho.xlsx</t>
  </si>
  <si>
    <t>C:\Users\filemoncmj\OneDrive - Grupo Algar\01. Algar Tech\01. Projetos de Clientes\47. Prudential\07. Aquisições\01. Planilha de Classificação\Atual\</t>
  </si>
  <si>
    <t>Classif de Itens ISD - Desk e Note.xlsx</t>
  </si>
  <si>
    <t>09/25/2019 07:58:04</t>
  </si>
  <si>
    <t>C:\Users\filemoncmj\OneDrive - Grupo Algar\01. Algar Tech\03. Documentos da Área\</t>
  </si>
  <si>
    <t>Registros de Ponto 2019.xlsx</t>
  </si>
  <si>
    <t>09/25/2019 07:58:05</t>
  </si>
  <si>
    <t>C:\Users\filemoncmj\OneDrive - Grupo Algar\01. Algar Tech\01. Projetos de Clientes\47. Prudential\07. Aquisições\01. Planilha de Classificação\</t>
  </si>
  <si>
    <t>Classificação de Itens ISD (Classificado CSC).xlsx</t>
  </si>
  <si>
    <t>09/25/2019 07:58:07</t>
  </si>
  <si>
    <t>Classificação de Itens GIAT (Classificado CSC).xlsx</t>
  </si>
  <si>
    <t>09/25/2019 12:11:01</t>
  </si>
  <si>
    <t>/o=exchangelabs/ou=exchange administrative group (fydibohf23spdlt)/cn=recipients/cn=2504d5028b6b4fb89d14a5df6031358d-jane carla;/o=exchangelabs/ou=exchange administrative group (fydibohf23spdlt)/cn=recipients/cn=55f846c335d7437f892f0b0d49c89e92-celma ribei;</t>
  </si>
  <si>
    <t>Agendas com Diretores</t>
  </si>
  <si>
    <t>Agendas com Diretores.xlsx</t>
  </si>
  <si>
    <t>/o=exchangelabs/ou=exchange administrative group (fydibohf23spdlt)/cn=recipients/cn=2504d5028b6b4fb89d14a5df6031358d-jane carla,/o=exchangelabs/ou=exchange administrative group (fydibohf23spdlt)/cn=recipients/cn=55f846c335d7437f892f0b0d49c89e92-celma ribei</t>
  </si>
  <si>
    <t>09/26/2019 07:35:16</t>
  </si>
  <si>
    <t>09/26/2019 07:38:02</t>
  </si>
  <si>
    <t>C:\Users\filemoncmj\OneDrive - Grupo Algar\01. Algar Tech\02. Projetos Corporativos\09. CG Financeiro\</t>
  </si>
  <si>
    <t>09/25/2019 17:11:16</t>
  </si>
  <si>
    <t>09/26/2019 07:44:02</t>
  </si>
  <si>
    <t>10.207.12.65</t>
  </si>
  <si>
    <t>D8-9C-67-4D-6A-63</t>
  </si>
  <si>
    <t>/o=exchangelabs/ou=exchange administrative group (fydibohf23spdlt)/cn=recipients/cn=valeria de mello lima;</t>
  </si>
  <si>
    <t>2° Lista IT Forum</t>
  </si>
  <si>
    <t>Lista It Forum X - 2.xlsx</t>
  </si>
  <si>
    <t>/o=exchangelabs/ou=exchange administrative group (fydibohf23spdlt)/cn=recipients/cn=valeria de mello lima</t>
  </si>
  <si>
    <t>09/26/2019 07:56:03</t>
  </si>
  <si>
    <t>09/26/2019 08:00:02</t>
  </si>
  <si>
    <t>Lista_Associados_Sem_Email.xlsx</t>
  </si>
  <si>
    <t>09/26/2019 08:13:03</t>
  </si>
  <si>
    <t>09/26/2019 08:16:02</t>
  </si>
  <si>
    <t>/o=exchangelabs/ou=exchange administrative group (fydibohf23spdlt)/cn=recipients/cn=93fbfc821dab48cf91184b5c6c1bf60c-ianny raiss;</t>
  </si>
  <si>
    <t>Férias - Consolidado.xlsx</t>
  </si>
  <si>
    <t>/o=exchangelabs/ou=exchange administrative group (fydibohf23spdlt)/cn=recipients/cn=93fbfc821dab48cf91184b5c6c1bf60c-ianny raiss</t>
  </si>
  <si>
    <t>09/26/2019 08:14:41</t>
  </si>
  <si>
    <t>09/26/2019 08:18:02</t>
  </si>
  <si>
    <t>/o=exchangelabs/ou=exchange administrative group (fydibohf23spdlt)/cn=recipients/cn=11caa171ca6b4748baa4e51f96be0f34-lucas vinic;/o=exchangelabs/ou=exchange administrative group (fydibohf23spdlt)/cn=recipients/cn=3820019b96e44b2492722599c934999a-fernando de;/o=exchangelabs/ou=exchange administrative group (fydibohf23spdlt)/cn=recipients/cn=3c7d42ed9f564e2f8855085002941e81-aline soare;/o=exchangelabs/ou=exchange administrative group (fydibohf23spdlt)/cn=recipients/cn=3f81420aa09a45308e82efb501d64cad-rafaela alv;/o=exchangelabs/ou=exchange administrative group (fydibohf23spdlt)/cn=recipients/cn=5582f50ec49c46e6bb4318370c38b953-josiane da;/o=exchangelabs/ou=exchange administrative group (fydibohf23spdlt)/cn=recipients/cn=6573e917996e42d293f3f3e9455809ed-marcellarr_;/o=exchangelabs/ou=exchange administrative group (fydibohf23spdlt)/cn=recipients/cn=706556f037b44812b2070f897a252e56-tamires gom;/o=exchangelabs/ou=exchange administrative group (fydibohf23spdlt)/cn=recipients/cn=8de8fcf040a747469bae24396a3c832b-josia</t>
  </si>
  <si>
    <t>Sessão Diária Outubro/19</t>
  </si>
  <si>
    <t>/o=exchangelabs/ou=exchange administrative group (fydibohf23spdlt)/cn=recipients/cn=11caa171ca6b4748baa4e51f96be0f34-lucas vinic,/o=exchangelabs/ou=exchange administrative group (fydibohf23spdlt)/cn=recipients/cn=3820019b96e44b2492722599c934999a-fernando de,/o=exchangelabs/ou=exchange administrative group (fydibohf23spdlt)/cn=recipients/cn=3c7d42ed9f564e2f8855085002941e81-aline soare,/o=exchangelabs/ou=exchange administrative group (fydibohf23spdlt)/cn=recipients/cn=3f81420aa09a45308e82efb501d64cad-rafaela alv,/o=exchangelabs/ou=exchange administrative group (fydibohf23spdlt)/cn=recipients/cn=5582f50ec49c46e6bb4318370c38b953-josiane da,/o=exchangelabs/ou=exchange administrative group (fydibohf23spdlt)/cn=recipients/cn=6573e917996e42d293f3f3e9455809ed-marcellarr_,/o=exchangelabs/ou=exchange administrative group (fydibohf23spdlt)/cn=recipients/cn=706556f037b44812b2070f897a252e56-tamires gom,/o=exchangelabs/ou=exchange administrative group (fydibohf23spdlt)/cn=recipients/cn=8de8fcf040a747469bae24396a3c832b-josia</t>
  </si>
  <si>
    <t>09/22/2019 12:32:49</t>
  </si>
  <si>
    <t>09/26/2019 08:24:02</t>
  </si>
  <si>
    <t>10.200.39.127</t>
  </si>
  <si>
    <t>54-BF-64-F4-AD-B6</t>
  </si>
  <si>
    <t>NB-RODRIGOFRS</t>
  </si>
  <si>
    <t>rodrigofrs</t>
  </si>
  <si>
    <t>D:\VARIOS\</t>
  </si>
  <si>
    <t>ri_discount_sharing_preferences.csv:Zone.Identifier</t>
  </si>
  <si>
    <t>E:\VARIOS\ri_discount_sharing_preferences.csv:Zone.Identifier</t>
  </si>
  <si>
    <t>scheduled-report-994086b2-a6c7-44ab-a69a-61f4267318c9.csv</t>
  </si>
  <si>
    <t>E:\VARIOS\scheduled-report-994086b2-a6c7-44ab-a69a-61f4267318c9.csv</t>
  </si>
  <si>
    <t>scheduled-report-994086b2-a6c7-44ab-a69a-61f4267318c9.csv:Zone.Identifier</t>
  </si>
  <si>
    <t>E:\VARIOS\scheduled-report-994086b2-a6c7-44ab-a69a-61f4267318c9.csv:Zone.Identifier</t>
  </si>
  <si>
    <t>Servidores_SAGE ATUALIZADO_separado.xlsx</t>
  </si>
  <si>
    <t>E:\VARIOS\Servidores_SAGE ATUALIZADO_separado.xlsx</t>
  </si>
  <si>
    <t>09/22/2019 12:32:51</t>
  </si>
  <si>
    <t>status_reports_2019-07-22T13-53-22+00-00.csv</t>
  </si>
  <si>
    <t>E:\VARIOS\status_reports_2019-07-22T13-53-22+00-00.csv</t>
  </si>
  <si>
    <t>status_reports_2019-07-22T13-53-22+00-00.csv:Zone.Identifier</t>
  </si>
  <si>
    <t>E:\VARIOS\status_reports_2019-07-22T13-53-22+00-00.csv:Zone.Identifier</t>
  </si>
  <si>
    <t>status_reports_2019-08-19T12-38-25+00-00.csv:Zone.Identifier</t>
  </si>
  <si>
    <t>E:\VARIOS\status_reports_2019-08-19T12-38-25+00-00.csv:Zone.Identifier</t>
  </si>
  <si>
    <t>status_reports_2019-08-19T12-38-25+00-00.csv</t>
  </si>
  <si>
    <t>E:\VARIOS\status_reports_2019-08-19T12-38-25+00-00.csv</t>
  </si>
  <si>
    <t>09/22/2019 12:32:53</t>
  </si>
  <si>
    <t>validacoes_cni.xlsx</t>
  </si>
  <si>
    <t>E:\VARIOS\validacoes_cni.xlsx</t>
  </si>
  <si>
    <t>D:\VARIOS\Versão Resumida.pptx\</t>
  </si>
  <si>
    <t>E:\VARIOS\Versão Resumida.pptx</t>
  </si>
  <si>
    <t>09/22/2019 12:34:42</t>
  </si>
  <si>
    <t>D:\ALGAR TECH\001 - Cloud MSP\Backup GoogleDrive\2019\PPE-2018-20190823T225222Z-001\PPE-2018\</t>
  </si>
  <si>
    <t>CANVAS -.xlsx</t>
  </si>
  <si>
    <t>E:\ALGAR TECH\001 - Cloud MSP\Backup GoogleDrive\2019\PPE-2018-20190823T225222Z-001\PPE-2018\CANVAS -.xlsx</t>
  </si>
  <si>
    <t>09/22/2019 12:34:43</t>
  </si>
  <si>
    <t>E:\ALGAR TECH\001 - Cloud MSP\Backup GoogleDrive\2019\PPE-2018-20190823T225222Z-001\PPE-2018\Cronograma.xlsx</t>
  </si>
  <si>
    <t>D:\ALGAR TECH\001 - Cloud MSP\Backup GoogleDrive\2019\PPE-2018-20190823T225222Z-001\PPE-2018\MSP_Start-v1.pptx\</t>
  </si>
  <si>
    <t>E:\ALGAR TECH\001 - Cloud MSP\Backup GoogleDrive\2019\PPE-2018-20190823T225222Z-001\PPE-2018\MSP_Start-v1.pptx</t>
  </si>
  <si>
    <t>09/22/2019 12:34:44</t>
  </si>
  <si>
    <t>Orçamento Viagem.xlsx</t>
  </si>
  <si>
    <t>E:\ALGAR TECH\001 - Cloud MSP\Backup GoogleDrive\2019\PPE-2018-20190823T225222Z-001\PPE-2018\Orçamento Viagem.xlsx</t>
  </si>
  <si>
    <t>09/22/2019 12:34:48</t>
  </si>
  <si>
    <t>D:\ALGAR TECH\001 - Cloud MSP\Backup GoogleDrive\2019\PPE-2018-20190823T225222Z-001\PPE-2018\accenture\AlgarTech-Oferta-CloudMSP-Deck-Consolidado_Picking_Reuniao_Tati_28_maio.pptx\</t>
  </si>
  <si>
    <t>E:\ALGAR TECH\001 - Cloud MSP\Backup GoogleDrive\2019\PPE-2018-20190823T225222Z-001\PPE-2018\accenture\AlgarTech-Oferta-CloudMSP-Deck-Consolidado_Picking_Reuniao_Tati_28_maio.pptx</t>
  </si>
  <si>
    <t>09/22/2019 12:34:57</t>
  </si>
  <si>
    <t>D:\ALGAR TECH\001 - Cloud MSP\Backup GoogleDrive\2019\PPE-2018-20190823T225222Z-001\PPE-2018\accenture\AlgarTech-Oferta-CloudMSP-Deck-Consolidado_v13.pptx\</t>
  </si>
  <si>
    <t>E:\ALGAR TECH\001 - Cloud MSP\Backup GoogleDrive\2019\PPE-2018-20190823T225222Z-001\PPE-2018\accenture\AlgarTech-Oferta-CloudMSP-Deck-Consolidado_v13.pptx</t>
  </si>
  <si>
    <t>09/22/2019 12:34:58</t>
  </si>
  <si>
    <t>09/22/2019 12:34:59</t>
  </si>
  <si>
    <t>09/22/2019 12:35:00</t>
  </si>
  <si>
    <t>09/22/2019 12:35:01</t>
  </si>
  <si>
    <t>oleObject123.dat</t>
  </si>
  <si>
    <t>oleObject126.dat</t>
  </si>
  <si>
    <t>oleObject143.dat</t>
  </si>
  <si>
    <t>09/22/2019 12:35:02</t>
  </si>
  <si>
    <t>oleObject65.dat</t>
  </si>
  <si>
    <t>09/22/2019 12:35:12</t>
  </si>
  <si>
    <t>D:\ALGAR TECH\001 - Cloud MSP\Backup GoogleDrive\2019\PPE-2018-20190823T225222Z-001\PPE-2018\accenture\AlgarTech-Oferta-CloudMSP-Deck-Consolidado_v15.pptx\</t>
  </si>
  <si>
    <t>E:\ALGAR TECH\001 - Cloud MSP\Backup GoogleDrive\2019\PPE-2018-20190823T225222Z-001\PPE-2018\accenture\AlgarTech-Oferta-CloudMSP-Deck-Consolidado_v15.pptx</t>
  </si>
  <si>
    <t>09/22/2019 12:35:13</t>
  </si>
  <si>
    <t>09/22/2019 12:35:14</t>
  </si>
  <si>
    <t>09/22/2019 12:35:15</t>
  </si>
  <si>
    <t>09/22/2019 12:35:16</t>
  </si>
  <si>
    <t>09/22/2019 12:35:17</t>
  </si>
  <si>
    <t>09/22/2019 12:35:21</t>
  </si>
  <si>
    <t>D:\ALGAR TECH\001 - Cloud MSP\Backup GoogleDrive\2019\PPE-2018-20190823T225222Z-001\PPE-2018\accenture\AlgarTech-Oferta-CloudMSP-Deck-Consolidado_v18.1 - Slides.pptx\</t>
  </si>
  <si>
    <t>E:\ALGAR TECH\001 - Cloud MSP\Backup GoogleDrive\2019\PPE-2018-20190823T225222Z-001\PPE-2018\accenture\AlgarTech-Oferta-CloudMSP-Deck-Consolidado_v18.1 - Slides.pptx</t>
  </si>
  <si>
    <t>09/22/2019 12:35:33</t>
  </si>
  <si>
    <t>D:\ALGAR TECH\001 - Cloud MSP\Backup GoogleDrive\2019\PPE-2018-20190823T225222Z-001\PPE-2018\accenture\AlgarTech-Oferta-CloudMSP-Deck-Consolidado_v19.pptx\</t>
  </si>
  <si>
    <t>E:\ALGAR TECH\001 - Cloud MSP\Backup GoogleDrive\2019\PPE-2018-20190823T225222Z-001\PPE-2018\accenture\AlgarTech-Oferta-CloudMSP-Deck-Consolidado_v19.pptx</t>
  </si>
  <si>
    <t>09/22/2019 12:35:34</t>
  </si>
  <si>
    <t>09/22/2019 12:35:35</t>
  </si>
  <si>
    <t>09/22/2019 12:35:36</t>
  </si>
  <si>
    <t>oleObject129.dat</t>
  </si>
  <si>
    <t>oleObject146.dat</t>
  </si>
  <si>
    <t>oleObject249.dat</t>
  </si>
  <si>
    <t>09/22/2019 12:35:37</t>
  </si>
  <si>
    <t>oleObject62.dat</t>
  </si>
  <si>
    <t>09/22/2019 12:35:53</t>
  </si>
  <si>
    <t>D:\ALGAR TECH\001 - Cloud MSP\Backup GoogleDrive\2019\PPE-2018-20190823T225222Z-001\PPE-2018\accenture\AlgarTech-Oferta-CloudMSP-Deck-Consolidado_v24.pptx\</t>
  </si>
  <si>
    <t>E:\ALGAR TECH\001 - Cloud MSP\Backup GoogleDrive\2019\PPE-2018-20190823T225222Z-001\PPE-2018\accenture\AlgarTech-Oferta-CloudMSP-Deck-Consolidado_v24.pptx</t>
  </si>
  <si>
    <t>09/22/2019 12:35:54</t>
  </si>
  <si>
    <t>09/22/2019 12:35:55</t>
  </si>
  <si>
    <t>09/22/2019 12:35:56</t>
  </si>
  <si>
    <t>09/22/2019 12:35:57</t>
  </si>
  <si>
    <t>oleObject128.dat</t>
  </si>
  <si>
    <t>oleObject131.dat</t>
  </si>
  <si>
    <t>oleObject148.dat</t>
  </si>
  <si>
    <t>09/22/2019 12:35:58</t>
  </si>
  <si>
    <t>oleObject251.dat</t>
  </si>
  <si>
    <t>oleObject252.dat</t>
  </si>
  <si>
    <t>oleObject336.dat</t>
  </si>
  <si>
    <t>09/22/2019 12:35:59</t>
  </si>
  <si>
    <t>oleObject63.dat</t>
  </si>
  <si>
    <t>09/22/2019 12:36:21</t>
  </si>
  <si>
    <t>D:\ALGAR TECH\001 - Cloud MSP\Backup GoogleDrive\2019\PPE-2018-20190823T225222Z-001\PPE-2018\accenture\AlgarTech-Oferta-CloudMSP-Deck-Consolidado_vFINAL.pptx\</t>
  </si>
  <si>
    <t>E:\ALGAR TECH\001 - Cloud MSP\Backup GoogleDrive\2019\PPE-2018-20190823T225222Z-001\PPE-2018\accenture\AlgarTech-Oferta-CloudMSP-Deck-Consolidado_vFINAL.pptx</t>
  </si>
  <si>
    <t>09/22/2019 12:36:22</t>
  </si>
  <si>
    <t>09/22/2019 12:36:24</t>
  </si>
  <si>
    <t>09/22/2019 12:36:25</t>
  </si>
  <si>
    <t>09/22/2019 12:36:26</t>
  </si>
  <si>
    <t>09/22/2019 12:36:27</t>
  </si>
  <si>
    <t>09/22/2019 12:36:28</t>
  </si>
  <si>
    <t>Microsoft_Excel_Worksheet37.xlsx</t>
  </si>
  <si>
    <t>09/22/2019 12:36:29</t>
  </si>
  <si>
    <t>Microsoft_Excel_Worksheet38.xlsx</t>
  </si>
  <si>
    <t>09/22/2019 12:36:30</t>
  </si>
  <si>
    <t>Microsoft_Excel_Worksheet39.xlsx</t>
  </si>
  <si>
    <t>09/22/2019 12:36:31</t>
  </si>
  <si>
    <t>09/22/2019 12:36:32</t>
  </si>
  <si>
    <t>Microsoft_Excel_Worksheet40.xlsx</t>
  </si>
  <si>
    <t>Microsoft_Excel_Worksheet41.xlsx</t>
  </si>
  <si>
    <t>Microsoft_Excel_Worksheet42.xlsx</t>
  </si>
  <si>
    <t>Microsoft_Excel_Worksheet43.xlsx</t>
  </si>
  <si>
    <t>Microsoft_Excel_Worksheet44.xlsx</t>
  </si>
  <si>
    <t>Microsoft_Excel_Worksheet45.xlsx</t>
  </si>
  <si>
    <t>Microsoft_Excel_Worksheet46.xlsx</t>
  </si>
  <si>
    <t>Microsoft_Excel_Worksheet47.xlsx</t>
  </si>
  <si>
    <t>Microsoft_Excel_Worksheet48.xlsx</t>
  </si>
  <si>
    <t>Microsoft_Excel_Worksheet49.xlsx</t>
  </si>
  <si>
    <t>09/22/2019 12:36:33</t>
  </si>
  <si>
    <t>Microsoft_Excel_Worksheet50.xlsx</t>
  </si>
  <si>
    <t>Microsoft_Excel_Worksheet51.xlsx</t>
  </si>
  <si>
    <t>Microsoft_Excel_Worksheet52.xlsx</t>
  </si>
  <si>
    <t>09/22/2019 12:36:34</t>
  </si>
  <si>
    <t>oleObject149.dat</t>
  </si>
  <si>
    <t>oleObject253.dat</t>
  </si>
  <si>
    <t>09/22/2019 12:36:35</t>
  </si>
  <si>
    <t>oleObject254.dat</t>
  </si>
  <si>
    <t>09/22/2019 12:36:36</t>
  </si>
  <si>
    <t>oleObject269.dat</t>
  </si>
  <si>
    <t>oleObject272.dat</t>
  </si>
  <si>
    <t>oleObject273.dat</t>
  </si>
  <si>
    <t>oleObject274.dat</t>
  </si>
  <si>
    <t>oleObject275.dat</t>
  </si>
  <si>
    <t>oleObject276.dat</t>
  </si>
  <si>
    <t>oleObject277.dat</t>
  </si>
  <si>
    <t>09/22/2019 12:36:37</t>
  </si>
  <si>
    <t>oleObject278.dat</t>
  </si>
  <si>
    <t>09/22/2019 12:36:38</t>
  </si>
  <si>
    <t>oleObject283.dat</t>
  </si>
  <si>
    <t>oleObject284.dat</t>
  </si>
  <si>
    <t>oleObject287.dat</t>
  </si>
  <si>
    <t>oleObject288.dat</t>
  </si>
  <si>
    <t>oleObject291.dat</t>
  </si>
  <si>
    <t>oleObject292.dat</t>
  </si>
  <si>
    <t>09/22/2019 12:36:39</t>
  </si>
  <si>
    <t>oleObject293.dat</t>
  </si>
  <si>
    <t>oleObject294.dat</t>
  </si>
  <si>
    <t>oleObject295.dat</t>
  </si>
  <si>
    <t>oleObject296.dat</t>
  </si>
  <si>
    <t>09/22/2019 12:36:40</t>
  </si>
  <si>
    <t>09/22/2019 12:36:41</t>
  </si>
  <si>
    <t>09/22/2019 12:36:44</t>
  </si>
  <si>
    <t>D:\ALGAR TECH\001 - Cloud MSP\Backup GoogleDrive\2019\PPE-2018-20190823T225222Z-001\PPE-2018\accenture\AlgarTech-Oferta-CloudMSP-Resumo_2018-06-27_v1.pptx\</t>
  </si>
  <si>
    <t>E:\ALGAR TECH\001 - Cloud MSP\Backup GoogleDrive\2019\PPE-2018-20190823T225222Z-001\PPE-2018\accenture\AlgarTech-Oferta-CloudMSP-Resumo_2018-06-27_v1.pptx</t>
  </si>
  <si>
    <t>09/22/2019 12:36:45</t>
  </si>
  <si>
    <t>09/22/2019 12:36:47</t>
  </si>
  <si>
    <t>D:\ALGAR TECH\001 - Cloud MSP\Backup GoogleDrive\2019\PPE-2018-20190823T225222Z-001\PPE-2018\accenture\AlgarTech-OfertaCSM-Analise_Parceiro_Alvos_v8.pptx\</t>
  </si>
  <si>
    <t>E:\ALGAR TECH\001 - Cloud MSP\Backup GoogleDrive\2019\PPE-2018-20190823T225222Z-001\PPE-2018\accenture\AlgarTech-OfertaCSM-Analise_Parceiro_Alvos_v8.pptx</t>
  </si>
  <si>
    <t>09/22/2019 12:36:48</t>
  </si>
  <si>
    <t>oleObject37.xlsx</t>
  </si>
  <si>
    <t>D:\ALGAR TECH\001 - Cloud MSP\Backup GoogleDrive\2019\PPE-2018-20190823T225222Z-001\PPE-2018\accenture\</t>
  </si>
  <si>
    <t>AlgarTech-OfertaCSM-Parceiros e alvos_v1.xlsx</t>
  </si>
  <si>
    <t>E:\ALGAR TECH\001 - Cloud MSP\Backup GoogleDrive\2019\PPE-2018-20190823T225222Z-001\PPE-2018\accenture\AlgarTech-OfertaCSM-Parceiros e alvos_v1.xlsx</t>
  </si>
  <si>
    <t>09/22/2019 12:36:53</t>
  </si>
  <si>
    <t>D:\ALGAR TECH\001 - Cloud MSP\Backup GoogleDrive\2019\PPE-2018-20190823T225222Z-001\PPE-2018\accenture\AlgarTech-OfertaCSM-Proposicao de valor_v18.pptx\</t>
  </si>
  <si>
    <t>E:\ALGAR TECH\001 - Cloud MSP\Backup GoogleDrive\2019\PPE-2018-20190823T225222Z-001\PPE-2018\accenture\AlgarTech-OfertaCSM-Proposicao de valor_v18.pptx</t>
  </si>
  <si>
    <t>09/22/2019 12:36:54</t>
  </si>
  <si>
    <t>09/22/2019 12:36:59</t>
  </si>
  <si>
    <t>D:\ALGAR TECH\001 - Cloud MSP\Backup GoogleDrive\2019\PPE-2018-20190823T225222Z-001\PPE-2018\accenture\AlgarTech-OfertaCSM-Proposicao de valor_v19.pptx\</t>
  </si>
  <si>
    <t>E:\ALGAR TECH\001 - Cloud MSP\Backup GoogleDrive\2019\PPE-2018-20190823T225222Z-001\PPE-2018\accenture\AlgarTech-OfertaCSM-Proposicao de valor_v19.pptx</t>
  </si>
  <si>
    <t>09/22/2019 12:37:00</t>
  </si>
  <si>
    <t>09/26/2019 08:25:02</t>
  </si>
  <si>
    <t>09/22/2019 12:37:01</t>
  </si>
  <si>
    <t>09/22/2019 12:37:04</t>
  </si>
  <si>
    <t>D:\ALGAR TECH\001 - Cloud MSP\Backup GoogleDrive\2019\PPE-2018-20190823T225222Z-001\PPE-2018\accenture\Versão Resumida.pptx\</t>
  </si>
  <si>
    <t>E:\ALGAR TECH\001 - Cloud MSP\Backup GoogleDrive\2019\PPE-2018-20190823T225222Z-001\PPE-2018\accenture\Versão Resumida.pptx</t>
  </si>
  <si>
    <t>09/22/2019 12:37:05</t>
  </si>
  <si>
    <t>D:\ALGAR TECH\001 - Cloud MSP\Backup GoogleDrive\2019\PPE-2018-20190823T225222Z-001\PPE-2018\accenture\Workshop Accenture 06-02-2018_v2.pptx\</t>
  </si>
  <si>
    <t>E:\ALGAR TECH\001 - Cloud MSP\Backup GoogleDrive\2019\PPE-2018-20190823T225222Z-001\PPE-2018\accenture\Workshop Accenture 06-02-2018_v2.pptx</t>
  </si>
  <si>
    <t>09/22/2019 12:37:07</t>
  </si>
  <si>
    <t>D:\ALGAR TECH\001 - Cloud MSP\Backup GoogleDrive\2019\PPE-2018-20190823T225222Z-001\PPE-2018\accenture\Entregaveis\Algar Tech - Revisao Ofertas - Final Deck - v20.pptx\</t>
  </si>
  <si>
    <t>E:\ALGAR TECH\001 - Cloud MSP\Backup GoogleDrive\2019\PPE-2018-20190823T225222Z-001\PPE-2018\accenture\Entregaveis\Algar Tech - Revisao Ofertas - Final Deck - v20.pptx</t>
  </si>
  <si>
    <t>09/22/2019 12:37:09</t>
  </si>
  <si>
    <t>D:\ALGAR TECH\001 - Cloud MSP\Backup GoogleDrive\2019\PPE-2018-20190823T225222Z-001\PPE-2018\accenture\Extensão\AlgarTech-Oferta-CloudMSP-checkpoint-2018-07-25_v1.pptx\</t>
  </si>
  <si>
    <t>E:\ALGAR TECH\001 - Cloud MSP\Backup GoogleDrive\2019\PPE-2018-20190823T225222Z-001\PPE-2018\accenture\Extensão\AlgarTech-Oferta-CloudMSP-checkpoint-2018-07-25_v1.pptx</t>
  </si>
  <si>
    <t>09/22/2019 12:37:10</t>
  </si>
  <si>
    <t>09/22/2019 12:37:12</t>
  </si>
  <si>
    <t>D:\ALGAR TECH\001 - Cloud MSP\Backup GoogleDrive\2019\PPE-2018-20190823T225222Z-001\PPE-2018\accenture\Extensão\AlgarTech-Oferta-CloudMSP-checkpoint-2018-07-25_v2.pptx\</t>
  </si>
  <si>
    <t>E:\ALGAR TECH\001 - Cloud MSP\Backup GoogleDrive\2019\PPE-2018-20190823T225222Z-001\PPE-2018\accenture\Extensão\AlgarTech-Oferta-CloudMSP-checkpoint-2018-07-25_v2.pptx</t>
  </si>
  <si>
    <t>09/26/2019 08:25:03</t>
  </si>
  <si>
    <t>09/22/2019 12:37:14</t>
  </si>
  <si>
    <t>D:\ALGAR TECH\001 - Cloud MSP\Backup GoogleDrive\2019\PPE-2018-20190823T225222Z-001\PPE-2018\accenture\Extensão\AlgarTech-Oferta-CloudMSP-GTM_v12 Premissas Algar.pptx\</t>
  </si>
  <si>
    <t>E:\ALGAR TECH\001 - Cloud MSP\Backup GoogleDrive\2019\PPE-2018-20190823T225222Z-001\PPE-2018\accenture\Extensão\AlgarTech-Oferta-CloudMSP-GTM_v12 Premissas Algar.pptx</t>
  </si>
  <si>
    <t>09/22/2019 12:37:16</t>
  </si>
  <si>
    <t>D:\ALGAR TECH\001 - Cloud MSP\Backup GoogleDrive\2019\PPE-2018-20190823T225222Z-001\PPE-2018\accenture\Extensão\AlgarTech-Oferta-CloudMSP-GTM_v4.5.pptx\</t>
  </si>
  <si>
    <t>E:\ALGAR TECH\001 - Cloud MSP\Backup GoogleDrive\2019\PPE-2018-20190823T225222Z-001\PPE-2018\accenture\Extensão\AlgarTech-Oferta-CloudMSP-GTM_v4.5.pptx</t>
  </si>
  <si>
    <t>09/22/2019 12:37:18</t>
  </si>
  <si>
    <t>D:\ALGAR TECH\001 - Cloud MSP\Backup GoogleDrive\2019\PPE-2018-20190823T225222Z-001\PPE-2018\accenture\Extensão\AlgarTech-Oferta-CloudMSP-GTM_v7.1.pptx\</t>
  </si>
  <si>
    <t>E:\ALGAR TECH\001 - Cloud MSP\Backup GoogleDrive\2019\PPE-2018-20190823T225222Z-001\PPE-2018\accenture\Extensão\AlgarTech-Oferta-CloudMSP-GTM_v7.1.pptx</t>
  </si>
  <si>
    <t>09/22/2019 12:37:19</t>
  </si>
  <si>
    <t>09/22/2019 12:37:21</t>
  </si>
  <si>
    <t>D:\ALGAR TECH\001 - Cloud MSP\Backup GoogleDrive\2019\PPE-2018-20190823T225222Z-001\PPE-2018\accenture\Premissas Accenture_Final\AlgarTech-Oferta-CloudMSP-checkpoint-2018-07-25_vFINAL.pptx\</t>
  </si>
  <si>
    <t>E:\ALGAR TECH\001 - Cloud MSP\Backup GoogleDrive\2019\PPE-2018-20190823T225222Z-001\PPE-2018\accenture\Premissas Accenture_Final\AlgarTech-Oferta-CloudMSP-checkpoint-2018-07-25_vFINAL.pptx</t>
  </si>
  <si>
    <t>09/22/2019 12:37:22</t>
  </si>
  <si>
    <t>09/22/2019 12:37:41</t>
  </si>
  <si>
    <t>D:\ALGAR TECH\001 - Cloud MSP\Backup GoogleDrive\2019\PPE-2018-20190823T225222Z-001\PPE-2018\accenture\Premissas Accenture_Final\AlgarTech-Oferta-CloudMSP-Deck-Consolidado_vFINAL.pptx\</t>
  </si>
  <si>
    <t>E:\ALGAR TECH\001 - Cloud MSP\Backup GoogleDrive\2019\PPE-2018-20190823T225222Z-001\PPE-2018\accenture\Premissas Accenture_Final\AlgarTech-Oferta-CloudMSP-Deck-Consolidado_vFINAL.pptx</t>
  </si>
  <si>
    <t>09/22/2019 12:37:42</t>
  </si>
  <si>
    <t>09/22/2019 12:37:43</t>
  </si>
  <si>
    <t>09/22/2019 12:37:44</t>
  </si>
  <si>
    <t>09/22/2019 12:37:45</t>
  </si>
  <si>
    <t>09/22/2019 12:37:46</t>
  </si>
  <si>
    <t>09/22/2019 12:37:47</t>
  </si>
  <si>
    <t>09/22/2019 12:37:48</t>
  </si>
  <si>
    <t>09/22/2019 12:37:49</t>
  </si>
  <si>
    <t>09/22/2019 12:37:50</t>
  </si>
  <si>
    <t>09/22/2019 12:37:51</t>
  </si>
  <si>
    <t>09/22/2019 12:37:52</t>
  </si>
  <si>
    <t>09/22/2019 12:37:53</t>
  </si>
  <si>
    <t>09/22/2019 12:37:54</t>
  </si>
  <si>
    <t>09/22/2019 12:37:55</t>
  </si>
  <si>
    <t>09/22/2019 12:37:56</t>
  </si>
  <si>
    <t>09/22/2019 12:37:57</t>
  </si>
  <si>
    <t>09/22/2019 12:37:58</t>
  </si>
  <si>
    <t>09/22/2019 12:37:59</t>
  </si>
  <si>
    <t>09/22/2019 12:38:00</t>
  </si>
  <si>
    <t>09/22/2019 12:38:02</t>
  </si>
  <si>
    <t>D:\ALGAR TECH\001 - Cloud MSP\Backup GoogleDrive\2019\PPE-2018-20190823T225222Z-001\PPE-2018\accenture\Premissas Accenture_Final\</t>
  </si>
  <si>
    <t>GAT - Algar Holding_PPE_CSM_2017_v11.2_v FINAL.xlsx</t>
  </si>
  <si>
    <t>E:\ALGAR TECH\001 - Cloud MSP\Backup GoogleDrive\2019\PPE-2018-20190823T225222Z-001\PPE-2018\accenture\Premissas Accenture_Final\GAT - Algar Holding_PPE_CSM_2017_v11.2_v FINAL.xlsx</t>
  </si>
  <si>
    <t>09/22/2019 12:38:06</t>
  </si>
  <si>
    <t>modelo-receitas-cloud-msp_v11.4_vFINAL Numeros.xlsx</t>
  </si>
  <si>
    <t>E:\ALGAR TECH\001 - Cloud MSP\Backup GoogleDrive\2019\PPE-2018-20190823T225222Z-001\PPE-2018\accenture\Premissas Accenture_Final\modelo-receitas-cloud-msp_v11.4_vFINAL Numeros.xlsx</t>
  </si>
  <si>
    <t>09/22/2019 12:38:25</t>
  </si>
  <si>
    <t>D:\ALGAR TECH\001 - Cloud MSP\Backup GoogleDrive\2019\PPE-2018-20190823T225222Z-001\PPE-2018\accenture\Premissas_Algar_Final\AlgarTech-Oferta-CloudMSP-Deck-Consolidado_vFINAL.pptx\</t>
  </si>
  <si>
    <t>E:\ALGAR TECH\001 - Cloud MSP\Backup GoogleDrive\2019\PPE-2018-20190823T225222Z-001\PPE-2018\accenture\Premissas_Algar_Final\AlgarTech-Oferta-CloudMSP-Deck-Consolidado_vFINAL.pptx</t>
  </si>
  <si>
    <t>09/22/2019 12:38:26</t>
  </si>
  <si>
    <t>09/22/2019 12:38:27</t>
  </si>
  <si>
    <t>09/22/2019 12:38:28</t>
  </si>
  <si>
    <t>09/22/2019 12:38:29</t>
  </si>
  <si>
    <t>09/22/2019 12:38:30</t>
  </si>
  <si>
    <t>09/22/2019 12:38:31</t>
  </si>
  <si>
    <t>09/22/2019 12:38:32</t>
  </si>
  <si>
    <t>09/22/2019 12:38:33</t>
  </si>
  <si>
    <t>09/22/2019 12:38:34</t>
  </si>
  <si>
    <t>09/22/2019 12:38:35</t>
  </si>
  <si>
    <t>09/22/2019 12:38:36</t>
  </si>
  <si>
    <t>09/22/2019 12:38:37</t>
  </si>
  <si>
    <t>09/22/2019 12:38:38</t>
  </si>
  <si>
    <t>09/22/2019 12:38:39</t>
  </si>
  <si>
    <t>09/22/2019 12:38:40</t>
  </si>
  <si>
    <t>09/22/2019 12:38:41</t>
  </si>
  <si>
    <t>09/22/2019 12:38:42</t>
  </si>
  <si>
    <t>09/22/2019 12:38:43</t>
  </si>
  <si>
    <t>09/22/2019 12:38:44</t>
  </si>
  <si>
    <t>09/22/2019 12:38:45</t>
  </si>
  <si>
    <t>09/22/2019 12:38:47</t>
  </si>
  <si>
    <t>09/22/2019 12:38:49</t>
  </si>
  <si>
    <t>D:\ALGAR TECH\001 - Cloud MSP\Backup GoogleDrive\2019\PPE-2018-20190823T225222Z-001\PPE-2018\accenture\Premissas_Algar_Final\AlgarTech-Oferta-CloudMSP-GTM_v13 Premissas Algar.pptx\</t>
  </si>
  <si>
    <t>E:\ALGAR TECH\001 - Cloud MSP\Backup GoogleDrive\2019\PPE-2018-20190823T225222Z-001\PPE-2018\accenture\Premissas_Algar_Final\AlgarTech-Oferta-CloudMSP-GTM_v13 Premissas Algar.pptx</t>
  </si>
  <si>
    <t>09/22/2019 12:38:50</t>
  </si>
  <si>
    <t>D:\ALGAR TECH\001 - Cloud MSP\Backup GoogleDrive\2019\PPE-2018-20190823T225222Z-001\PPE-2018\accenture\Premissas_Algar_Final\</t>
  </si>
  <si>
    <t>GAT - Algar Holding_PPE_CSM_2017_v15 Premissas Algar.xlsx</t>
  </si>
  <si>
    <t>E:\ALGAR TECH\001 - Cloud MSP\Backup GoogleDrive\2019\PPE-2018-20190823T225222Z-001\PPE-2018\accenture\Premissas_Algar_Final\GAT - Algar Holding_PPE_CSM_2017_v15 Premissas Algar.xlsx</t>
  </si>
  <si>
    <t>09/22/2019 12:38:54</t>
  </si>
  <si>
    <t>modelo-receitas-cloud-msp_v14.3 Premissas Algar Valor.xlsx</t>
  </si>
  <si>
    <t>E:\ALGAR TECH\001 - Cloud MSP\Backup GoogleDrive\2019\PPE-2018-20190823T225222Z-001\PPE-2018\accenture\Premissas_Algar_Final\modelo-receitas-cloud-msp_v14.3 Premissas Algar Valor.xlsx</t>
  </si>
  <si>
    <t>09/22/2019 12:38:56</t>
  </si>
  <si>
    <t>D:\ALGAR TECH\001 - Cloud MSP\Backup GoogleDrive\2019\PPE-2018-20190823T225222Z-001\PPE-2018\accenture\Saleskit\AlgarTech-Oferta-CloudMSP-SalesKit_v5.pptx\</t>
  </si>
  <si>
    <t>E:\ALGAR TECH\001 - Cloud MSP\Backup GoogleDrive\2019\PPE-2018-20190823T225222Z-001\PPE-2018\accenture\Saleskit\AlgarTech-Oferta-CloudMSP-SalesKit_v5.pptx</t>
  </si>
  <si>
    <t>D:\ALGAR TECH\001 - Cloud MSP\Backup GoogleDrive\2019\PPE-2018-20190823T225222Z-001\PPE-2018\accenture\Saleskit\AlgarTech-Oferta-CloudMSP-VCentria.pptx\</t>
  </si>
  <si>
    <t>E:\ALGAR TECH\001 - Cloud MSP\Backup GoogleDrive\2019\PPE-2018-20190823T225222Z-001\PPE-2018\accenture\Saleskit\AlgarTech-Oferta-CloudMSP-VCentria.pptx</t>
  </si>
  <si>
    <t>09/22/2019 12:38:57</t>
  </si>
  <si>
    <t>D:\ALGAR TECH\001 - Cloud MSP\Backup GoogleDrive\2019\PPE-2018-20190823T225222Z-001\PPE-2018\Aquisições\</t>
  </si>
  <si>
    <t>PMO Algar Tech - Substituição de Notebooks legados sem condições de uso.xlsx</t>
  </si>
  <si>
    <t>E:\ALGAR TECH\001 - Cloud MSP\Backup GoogleDrive\2019\PPE-2018-20190823T225222Z-001\PPE-2018\Aquisições\PMO Algar Tech - Substituição de Notebooks legados sem condições de uso.xlsx</t>
  </si>
  <si>
    <t>D:\ALGAR TECH\001 - Cloud MSP\Backup GoogleDrive\2019\PPE-2018-20190823T225222Z-001\PPE-2018\BenchMarketing\</t>
  </si>
  <si>
    <t>benchmarket-M-A_v2.xlsx</t>
  </si>
  <si>
    <t>E:\ALGAR TECH\001 - Cloud MSP\Backup GoogleDrive\2019\PPE-2018-20190823T225222Z-001\PPE-2018\BenchMarketing\benchmarket-M-A_v2.xlsx</t>
  </si>
  <si>
    <t>09/22/2019 12:38:58</t>
  </si>
  <si>
    <t>benchmarket-M-A_v3.xlsx</t>
  </si>
  <si>
    <t>E:\ALGAR TECH\001 - Cloud MSP\Backup GoogleDrive\2019\PPE-2018-20190823T225222Z-001\PPE-2018\BenchMarketing\benchmarket-M-A_v3.xlsx</t>
  </si>
  <si>
    <t>09/22/2019 12:39:17</t>
  </si>
  <si>
    <t>D:\ALGAR TECH\001 - Cloud MSP\Backup GoogleDrive\2019\PPE-2018-20190823T225222Z-001\PPE-2018\Céu\CLOUD MSP\BILLING\</t>
  </si>
  <si>
    <t>549521625573-aws-billing-csv-2017-10.csv</t>
  </si>
  <si>
    <t>E:\ALGAR TECH\001 - Cloud MSP\Backup GoogleDrive\2019\PPE-2018-20190823T225222Z-001\PPE-2018\Céu\CLOUD MSP\BILLING\549521625573-aws-billing-csv-2017-10.csv</t>
  </si>
  <si>
    <t>549521625573-aws-billing-detailed-line-items-with-resources-and-tags-2018-03.csv</t>
  </si>
  <si>
    <t>E:\ALGAR TECH\001 - Cloud MSP\Backup GoogleDrive\2019\PPE-2018-20190823T225222Z-001\PPE-2018\Céu\CLOUD MSP\BILLING\549521625573-aws-billing-detailed-line-items-with-resources-and-tags-2018-03.csv</t>
  </si>
  <si>
    <t>09/22/2019 12:39:33</t>
  </si>
  <si>
    <t>549521625573-aws-billing-detailed-line-items-with-resources-and-tags-2018-03.xlsx</t>
  </si>
  <si>
    <t>E:\ALGAR TECH\001 - Cloud MSP\Backup GoogleDrive\2019\PPE-2018-20190823T225222Z-001\PPE-2018\Céu\CLOUD MSP\BILLING\549521625573-aws-billing-detailed-line-items-with-resources-and-tags-2018-03.xlsx</t>
  </si>
  <si>
    <t>09/22/2019 12:39:35</t>
  </si>
  <si>
    <t>549521625573-aws-billing-detailed-line-items-with-resources-and-tags-2018-05.csv</t>
  </si>
  <si>
    <t>E:\ALGAR TECH\001 - Cloud MSP\Backup GoogleDrive\2019\PPE-2018-20190823T225222Z-001\PPE-2018\Céu\CLOUD MSP\BILLING\549521625573-aws-billing-detailed-line-items-with-resources-and-tags-2018-05.csv</t>
  </si>
  <si>
    <t>09/22/2019 12:39:36</t>
  </si>
  <si>
    <t>549521625573-aws-billing-detailed-line-items-with-resources-and-tags-2018-05.xlsx</t>
  </si>
  <si>
    <t>E:\ALGAR TECH\001 - Cloud MSP\Backup GoogleDrive\2019\PPE-2018-20190823T225222Z-001\PPE-2018\Céu\CLOUD MSP\BILLING\549521625573-aws-billing-detailed-line-items-with-resources-and-tags-2018-05.xlsx</t>
  </si>
  <si>
    <t>D:\ALGAR TECH\001 - Cloud MSP\Backup GoogleDrive\2019\PPE-2018-20190823T225222Z-001\PPE-2018\Céu\CLOUD MSP\CATÁLOGO DE SERVIÇOS\</t>
  </si>
  <si>
    <t>Catalogo Serviços.xlsx</t>
  </si>
  <si>
    <t>E:\ALGAR TECH\001 - Cloud MSP\Backup GoogleDrive\2019\PPE-2018-20190823T225222Z-001\PPE-2018\Céu\CLOUD MSP\CATÁLOGO DE SERVIÇOS\Catalogo Serviços.xlsx</t>
  </si>
  <si>
    <t>DETALHAMENTO.xlsx</t>
  </si>
  <si>
    <t>E:\ALGAR TECH\001 - Cloud MSP\Backup GoogleDrive\2019\PPE-2018-20190823T225222Z-001\PPE-2018\Céu\CLOUD MSP\CATÁLOGO DE SERVIÇOS\DETALHAMENTO.xlsx</t>
  </si>
  <si>
    <t>09/22/2019 12:39:39</t>
  </si>
  <si>
    <t>D:\ALGAR TECH\001 - Cloud MSP\Backup GoogleDrive\2019\PPE-2018-20190823T225222Z-001\PPE-2018\Céu\CLOUD MSP\CÉU\</t>
  </si>
  <si>
    <t>api_ceu acess key.csv</t>
  </si>
  <si>
    <t>E:\ALGAR TECH\001 - Cloud MSP\Backup GoogleDrive\2019\PPE-2018-20190823T225222Z-001\PPE-2018\Céu\CLOUD MSP\CÉU\api_ceu acess key.csv</t>
  </si>
  <si>
    <t>09/22/2019 12:39:41</t>
  </si>
  <si>
    <t>CRONOGRAMA.xlsx</t>
  </si>
  <si>
    <t>E:\ALGAR TECH\001 - Cloud MSP\Backup GoogleDrive\2019\PPE-2018-20190823T225222Z-001\PPE-2018\Céu\CLOUD MSP\CÉU\CRONOGRAMA.xlsx</t>
  </si>
  <si>
    <t>09/22/2019 12:39:54</t>
  </si>
  <si>
    <t>D:\ALGAR TECH\001 - Cloud MSP\Backup GoogleDrive\2019\PPE-2018-20190823T225222Z-001\PPE-2018\Céu\CLOUD MSP\MODELOS\DE - Whatsapp ASC_1.1.docx\</t>
  </si>
  <si>
    <t>E:\ALGAR TECH\001 - Cloud MSP\Backup GoogleDrive\2019\PPE-2018-20190823T225222Z-001\PPE-2018\Céu\CLOUD MSP\MODELOS\DE - Whatsapp ASC_1.1.docx</t>
  </si>
  <si>
    <t>09/22/2019 12:39:56</t>
  </si>
  <si>
    <t>D:\ALGAR TECH\001 - Cloud MSP\Backup GoogleDrive\2019\PPE-2018-20190823T225222Z-001\PPE-2018\Céu\CLOUD MSP\MODELOS\DE_Massivos_Whirlpool_v1.4.docx\</t>
  </si>
  <si>
    <t>Microsoft_Excel_Macro-Enabled_Worksheet.xlsm</t>
  </si>
  <si>
    <t>E:\ALGAR TECH\001 - Cloud MSP\Backup GoogleDrive\2019\PPE-2018-20190823T225222Z-001\PPE-2018\Céu\CLOUD MSP\MODELOS\DE_Massivos_Whirlpool_v1.4.docx</t>
  </si>
  <si>
    <t>Microsoft_Excel_Macro-Enabled_Worksheet1.xlsm</t>
  </si>
  <si>
    <t>Microsoft_Excel_Macro-Enabled_Worksheet2.xlsm</t>
  </si>
  <si>
    <t>Microsoft_Excel_Macro-Enabled_Worksheet3.xlsm</t>
  </si>
  <si>
    <t>Microsoft_Excel_Macro-Enabled_Worksheet4.xlsm</t>
  </si>
  <si>
    <t>Microsoft_Excel_Macro-Enabled_Worksheet5.xlsm</t>
  </si>
  <si>
    <t>09/22/2019 12:40:01</t>
  </si>
  <si>
    <t>D:\ALGAR TECH\001 - Cloud MSP\Backup GoogleDrive\2019\PPE-2018-20190823T225222Z-001\PPE-2018\Céu\CLOUD MSP\MONITORAMENTO\</t>
  </si>
  <si>
    <t>Matriz de decisão Monitoramento - Algar Tech 2018_v3.xlsx</t>
  </si>
  <si>
    <t>E:\ALGAR TECH\001 - Cloud MSP\Backup GoogleDrive\2019\PPE-2018-20190823T225222Z-001\PPE-2018\Céu\CLOUD MSP\MONITORAMENTO\Matriz de decisão Monitoramento - Algar Tech 2018_v3.xlsx</t>
  </si>
  <si>
    <t>D:\ALGAR TECH\001 - Cloud MSP\Backup GoogleDrive\2019\PPE-2018-20190823T225222Z-001\PPE-2018\Céu\CLOUD MSP\OKS\</t>
  </si>
  <si>
    <t>E:\ALGAR TECH\001 - Cloud MSP\Backup GoogleDrive\2019\PPE-2018-20190823T225222Z-001\PPE-2018\Céu\CLOUD MSP\OKS\Modelo.xlsx</t>
  </si>
  <si>
    <t>09/22/2019 12:40:05</t>
  </si>
  <si>
    <t>D:\ALGAR TECH\001 - Cloud MSP\Backup GoogleDrive\2019\PPE-2018-20190823T225222Z-001\PPE-2018\Excel\</t>
  </si>
  <si>
    <t>E:\ALGAR TECH\001 - Cloud MSP\Backup GoogleDrive\2019\PPE-2018-20190823T225222Z-001\PPE-2018\Excel\Cronograma.xlsx</t>
  </si>
  <si>
    <t>09/22/2019 12:40:06</t>
  </si>
  <si>
    <t>D:\ALGAR TECH\001 - Cloud MSP\Backup GoogleDrive\2019\PPE-2018-20190823T225222Z-001\PPE-2018\Excel\BP\</t>
  </si>
  <si>
    <t>Projeto Estrategico_Financeiro.xlsx</t>
  </si>
  <si>
    <t>E:\ALGAR TECH\001 - Cloud MSP\Backup GoogleDrive\2019\PPE-2018-20190823T225222Z-001\PPE-2018\Excel\BP\Projeto Estrategico_Financeiro.xlsx</t>
  </si>
  <si>
    <t>Projeto Estrategico_Sem Broker.xlsx</t>
  </si>
  <si>
    <t>E:\ALGAR TECH\001 - Cloud MSP\Backup GoogleDrive\2019\PPE-2018-20190823T225222Z-001\PPE-2018\Excel\BP\Projeto Estrategico_Sem Broker.xlsx</t>
  </si>
  <si>
    <t>Projeto Estrategico_v01revisado.xlsx</t>
  </si>
  <si>
    <t>E:\ALGAR TECH\001 - Cloud MSP\Backup GoogleDrive\2019\PPE-2018-20190823T225222Z-001\PPE-2018\Excel\BP\Projeto Estrategico_v01revisado.xlsx</t>
  </si>
  <si>
    <t>09/22/2019 12:40:07</t>
  </si>
  <si>
    <t>Projeto Estrategico_v1.xlsx</t>
  </si>
  <si>
    <t>E:\ALGAR TECH\001 - Cloud MSP\Backup GoogleDrive\2019\PPE-2018-20190823T225222Z-001\PPE-2018\Excel\BP\Projeto Estrategico_v1.xlsx</t>
  </si>
  <si>
    <t>Projeto Estrategico_v10.xlsx</t>
  </si>
  <si>
    <t>E:\ALGAR TECH\001 - Cloud MSP\Backup GoogleDrive\2019\PPE-2018-20190823T225222Z-001\PPE-2018\Excel\BP\Projeto Estrategico_v10.xlsx</t>
  </si>
  <si>
    <t>09/22/2019 12:40:08</t>
  </si>
  <si>
    <t>Projeto Estrategico_v11 -Reduzido.xlsx</t>
  </si>
  <si>
    <t>E:\ALGAR TECH\001 - Cloud MSP\Backup GoogleDrive\2019\PPE-2018-20190823T225222Z-001\PPE-2018\Excel\BP\Projeto Estrategico_v11 -Reduzido.xlsx</t>
  </si>
  <si>
    <t>Projeto Estrategico_v12.xlsx</t>
  </si>
  <si>
    <t>E:\ALGAR TECH\001 - Cloud MSP\Backup GoogleDrive\2019\PPE-2018-20190823T225222Z-001\PPE-2018\Excel\BP\Projeto Estrategico_v12.xlsx</t>
  </si>
  <si>
    <t>09/22/2019 12:40:09</t>
  </si>
  <si>
    <t>Projeto Estrategico_v13 -Light Revisado.xlsx</t>
  </si>
  <si>
    <t>E:\ALGAR TECH\001 - Cloud MSP\Backup GoogleDrive\2019\PPE-2018-20190823T225222Z-001\PPE-2018\Excel\BP\Projeto Estrategico_v13 -Light Revisado.xlsx</t>
  </si>
  <si>
    <t>Projeto Estrategico_v14_Atualizado_14_11.xlsx</t>
  </si>
  <si>
    <t>E:\ALGAR TECH\001 - Cloud MSP\Backup GoogleDrive\2019\PPE-2018-20190823T225222Z-001\PPE-2018\Excel\BP\Projeto Estrategico_v14_Atualizado_14_11.xlsx</t>
  </si>
  <si>
    <t>Projeto Estrategico_v15_Atualizado_17_11 - Cópia.xlsx</t>
  </si>
  <si>
    <t>E:\ALGAR TECH\001 - Cloud MSP\Backup GoogleDrive\2019\PPE-2018-20190823T225222Z-001\PPE-2018\Excel\BP\Projeto Estrategico_v15_Atualizado_17_11 - Cópia.xlsx</t>
  </si>
  <si>
    <t>09/22/2019 12:40:10</t>
  </si>
  <si>
    <t>Projeto Estrategico_v15_Atualizado_17_11.xlsx</t>
  </si>
  <si>
    <t>E:\ALGAR TECH\001 - Cloud MSP\Backup GoogleDrive\2019\PPE-2018-20190823T225222Z-001\PPE-2018\Excel\BP\Projeto Estrategico_v15_Atualizado_17_11.xlsx</t>
  </si>
  <si>
    <t>Projeto Estrategico_v16.xlsx</t>
  </si>
  <si>
    <t>E:\ALGAR TECH\001 - Cloud MSP\Backup GoogleDrive\2019\PPE-2018-20190823T225222Z-001\PPE-2018\Excel\BP\Projeto Estrategico_v16.xlsx</t>
  </si>
  <si>
    <t>09/22/2019 12:40:11</t>
  </si>
  <si>
    <t>Projeto Estrategico_v2.xlsx</t>
  </si>
  <si>
    <t>E:\ALGAR TECH\001 - Cloud MSP\Backup GoogleDrive\2019\PPE-2018-20190823T225222Z-001\PPE-2018\Excel\BP\Projeto Estrategico_v2.xlsx</t>
  </si>
  <si>
    <t>Projeto Estrategico_v3- Broker.xlsx</t>
  </si>
  <si>
    <t>E:\ALGAR TECH\001 - Cloud MSP\Backup GoogleDrive\2019\PPE-2018-20190823T225222Z-001\PPE-2018\Excel\BP\Projeto Estrategico_v3- Broker.xlsx</t>
  </si>
  <si>
    <t>09/22/2019 12:40:12</t>
  </si>
  <si>
    <t>Projeto Estrategico_v4.xlsx</t>
  </si>
  <si>
    <t>E:\ALGAR TECH\001 - Cloud MSP\Backup GoogleDrive\2019\PPE-2018-20190823T225222Z-001\PPE-2018\Excel\BP\Projeto Estrategico_v4.xlsx</t>
  </si>
  <si>
    <t>Projeto Estrategico_v5.xlsx</t>
  </si>
  <si>
    <t>E:\ALGAR TECH\001 - Cloud MSP\Backup GoogleDrive\2019\PPE-2018-20190823T225222Z-001\PPE-2018\Excel\BP\Projeto Estrategico_v5.xlsx</t>
  </si>
  <si>
    <t>Projeto Estrategico_v6 -M_N.xlsx</t>
  </si>
  <si>
    <t>E:\ALGAR TECH\001 - Cloud MSP\Backup GoogleDrive\2019\PPE-2018-20190823T225222Z-001\PPE-2018\Excel\BP\Projeto Estrategico_v6 -M_N.xlsx</t>
  </si>
  <si>
    <t>09/22/2019 12:40:13</t>
  </si>
  <si>
    <t>Projeto Estrategico_v6.xlsx</t>
  </si>
  <si>
    <t>E:\ALGAR TECH\001 - Cloud MSP\Backup GoogleDrive\2019\PPE-2018-20190823T225222Z-001\PPE-2018\Excel\BP\Projeto Estrategico_v6.xlsx</t>
  </si>
  <si>
    <t>Projeto Estrategico_v7.xlsx</t>
  </si>
  <si>
    <t>E:\ALGAR TECH\001 - Cloud MSP\Backup GoogleDrive\2019\PPE-2018-20190823T225222Z-001\PPE-2018\Excel\BP\Projeto Estrategico_v7.xlsx</t>
  </si>
  <si>
    <t>09/22/2019 12:40:14</t>
  </si>
  <si>
    <t>Projeto Estrategico_v8.xlsx</t>
  </si>
  <si>
    <t>E:\ALGAR TECH\001 - Cloud MSP\Backup GoogleDrive\2019\PPE-2018-20190823T225222Z-001\PPE-2018\Excel\BP\Projeto Estrategico_v8.xlsx</t>
  </si>
  <si>
    <t>Projeto Estrategico_v9.xlsx</t>
  </si>
  <si>
    <t>E:\ALGAR TECH\001 - Cloud MSP\Backup GoogleDrive\2019\PPE-2018-20190823T225222Z-001\PPE-2018\Excel\BP\Projeto Estrategico_v9.xlsx</t>
  </si>
  <si>
    <t>09/22/2019 12:40:15</t>
  </si>
  <si>
    <t>D:\ALGAR TECH\001 - Cloud MSP\Backup GoogleDrive\2019\PPE-2018-20190823T225222Z-001\PPE-2018\Excel\BP\Revisado Accenture\</t>
  </si>
  <si>
    <t>GAT - Algar Holding_PPE_CSM_2017_v10.2027.xlsx</t>
  </si>
  <si>
    <t>E:\ALGAR TECH\001 - Cloud MSP\Backup GoogleDrive\2019\PPE-2018-20190823T225222Z-001\PPE-2018\Excel\BP\Revisado Accenture\GAT - Algar Holding_PPE_CSM_2017_v10.2027.xlsx</t>
  </si>
  <si>
    <t>GAT - Algar Holding_PPE_CSM_2017_v10.2027_REVISÃO.xlsx</t>
  </si>
  <si>
    <t>E:\ALGAR TECH\001 - Cloud MSP\Backup GoogleDrive\2019\PPE-2018-20190823T225222Z-001\PPE-2018\Excel\BP\Revisado Accenture\GAT - Algar Holding_PPE_CSM_2017_v10.2027_REVISÃO.xlsx</t>
  </si>
  <si>
    <t>09/22/2019 12:40:16</t>
  </si>
  <si>
    <t>GAT - Algar Holding_PPE_CSM_2017_v10.xlsx</t>
  </si>
  <si>
    <t>E:\ALGAR TECH\001 - Cloud MSP\Backup GoogleDrive\2019\PPE-2018-20190823T225222Z-001\PPE-2018\Excel\BP\Revisado Accenture\GAT - Algar Holding_PPE_CSM_2017_v10.xlsx</t>
  </si>
  <si>
    <t>09/22/2019 12:40:17</t>
  </si>
  <si>
    <t>GAT - Algar Holding_PPE_CSM_2017_v13.xlsx</t>
  </si>
  <si>
    <t>E:\ALGAR TECH\001 - Cloud MSP\Backup GoogleDrive\2019\PPE-2018-20190823T225222Z-001\PPE-2018\Excel\BP\Revisado Accenture\GAT - Algar Holding_PPE_CSM_2017_v13.xlsx</t>
  </si>
  <si>
    <t>GAT - Algar Holding_PPE_CSM_2017_v13_Rampa.xlsx</t>
  </si>
  <si>
    <t>E:\ALGAR TECH\001 - Cloud MSP\Backup GoogleDrive\2019\PPE-2018-20190823T225222Z-001\PPE-2018\Excel\BP\Revisado Accenture\GAT - Algar Holding_PPE_CSM_2017_v13_Rampa.xlsx</t>
  </si>
  <si>
    <t>09/22/2019 12:40:18</t>
  </si>
  <si>
    <t>GAT - Algar Holding_PPE_CSM_2017_v14 Premissas Algar.xlsx</t>
  </si>
  <si>
    <t>E:\ALGAR TECH\001 - Cloud MSP\Backup GoogleDrive\2019\PPE-2018-20190823T225222Z-001\PPE-2018\Excel\BP\Revisado Accenture\GAT - Algar Holding_PPE_CSM_2017_v14 Premissas Algar.xlsx</t>
  </si>
  <si>
    <t>09/22/2019 12:40:19</t>
  </si>
  <si>
    <t>GAT - Algar Holding_PPE_CSM_2017_v14_Rampa.xlsx</t>
  </si>
  <si>
    <t>E:\ALGAR TECH\001 - Cloud MSP\Backup GoogleDrive\2019\PPE-2018-20190823T225222Z-001\PPE-2018\Excel\BP\Revisado Accenture\GAT - Algar Holding_PPE_CSM_2017_v14_Rampa.xlsx</t>
  </si>
  <si>
    <t>09/22/2019 12:40:20</t>
  </si>
  <si>
    <t>GAT - Algar Holding_PPE_CSM_2017_v8.3.xlsx</t>
  </si>
  <si>
    <t>E:\ALGAR TECH\001 - Cloud MSP\Backup GoogleDrive\2019\PPE-2018-20190823T225222Z-001\PPE-2018\Excel\BP\Revisado Accenture\GAT - Algar Holding_PPE_CSM_2017_v8.3.xlsx</t>
  </si>
  <si>
    <t>09/22/2019 12:40:21</t>
  </si>
  <si>
    <t>GAT - Algar Holding_PPE_CSM_2017_v9.2.xlsx</t>
  </si>
  <si>
    <t>E:\ALGAR TECH\001 - Cloud MSP\Backup GoogleDrive\2019\PPE-2018-20190823T225222Z-001\PPE-2018\Excel\BP\Revisado Accenture\GAT - Algar Holding_PPE_CSM_2017_v9.2.xlsx</t>
  </si>
  <si>
    <t>09/22/2019 12:40:24</t>
  </si>
  <si>
    <t>modelo-receitas-cloud-msp_v11.xlsx</t>
  </si>
  <si>
    <t>E:\ALGAR TECH\001 - Cloud MSP\Backup GoogleDrive\2019\PPE-2018-20190823T225222Z-001\PPE-2018\Excel\BP\Revisado Accenture\modelo-receitas-cloud-msp_v11.xlsx</t>
  </si>
  <si>
    <t>09/22/2019 12:40:28</t>
  </si>
  <si>
    <t>modelo-receitas-cloud-msp_v13.xlsx</t>
  </si>
  <si>
    <t>E:\ALGAR TECH\001 - Cloud MSP\Backup GoogleDrive\2019\PPE-2018-20190823T225222Z-001\PPE-2018\Excel\BP\Revisado Accenture\modelo-receitas-cloud-msp_v13.xlsx</t>
  </si>
  <si>
    <t>09/22/2019 12:40:31</t>
  </si>
  <si>
    <t>modelo-receitas-cloud-msp_v14.2 Premissas Algar.xlsx</t>
  </si>
  <si>
    <t>E:\ALGAR TECH\001 - Cloud MSP\Backup GoogleDrive\2019\PPE-2018-20190823T225222Z-001\PPE-2018\Excel\BP\Revisado Accenture\modelo-receitas-cloud-msp_v14.2 Premissas Algar.xlsx</t>
  </si>
  <si>
    <t>09/22/2019 12:40:32</t>
  </si>
  <si>
    <t>D:\ALGAR TECH\001 - Cloud MSP\Backup GoogleDrive\2019\PPE-2018-20190823T225222Z-001\PPE-2018\Excel\Calculo pessoas\</t>
  </si>
  <si>
    <t>Calculo Pessoas_v1.xlsx</t>
  </si>
  <si>
    <t>E:\ALGAR TECH\001 - Cloud MSP\Backup GoogleDrive\2019\PPE-2018-20190823T225222Z-001\PPE-2018\Excel\Calculo pessoas\Calculo Pessoas_v1.xlsx</t>
  </si>
  <si>
    <t>09/22/2019 12:40:33</t>
  </si>
  <si>
    <t>Calculo Pessoas_v2.xlsx</t>
  </si>
  <si>
    <t>E:\ALGAR TECH\001 - Cloud MSP\Backup GoogleDrive\2019\PPE-2018-20190823T225222Z-001\PPE-2018\Excel\Calculo pessoas\Calculo Pessoas_v2.xlsx</t>
  </si>
  <si>
    <t>D:\ALGAR TECH\001 - Cloud MSP\Backup GoogleDrive\2019\PPE-2018-20190823T225222Z-001\PPE-2018\Excel\Diversos\</t>
  </si>
  <si>
    <t>Algar Holding_PPE_Máscara para Cálculo_Cloud Broker_2017.xlsx</t>
  </si>
  <si>
    <t>E:\ALGAR TECH\001 - Cloud MSP\Backup GoogleDrive\2019\PPE-2018-20190823T225222Z-001\PPE-2018\Excel\Diversos\Algar Holding_PPE_Máscara para Cálculo_Cloud Broker_2017.xlsx</t>
  </si>
  <si>
    <t>09/22/2019 12:40:34</t>
  </si>
  <si>
    <t>Algar Holding_PPE_Máscara para Cálculo_CSM_2017.xlsx</t>
  </si>
  <si>
    <t>E:\ALGAR TECH\001 - Cloud MSP\Backup GoogleDrive\2019\PPE-2018-20190823T225222Z-001\PPE-2018\Excel\Diversos\Algar Holding_PPE_Máscara para Cálculo_CSM_2017.xlsx</t>
  </si>
  <si>
    <t>BASE MERCADO - SALÁRIO PS.xlsx</t>
  </si>
  <si>
    <t>E:\ALGAR TECH\001 - Cloud MSP\Backup GoogleDrive\2019\PPE-2018-20190823T225222Z-001\PPE-2018\Excel\Diversos\BASE MERCADO - SALÁRIO PS.xlsx</t>
  </si>
  <si>
    <t>09/22/2019 12:40:35</t>
  </si>
  <si>
    <t>CB - Conceito Broker.xlsx</t>
  </si>
  <si>
    <t>E:\ALGAR TECH\001 - Cloud MSP\Backup GoogleDrive\2019\PPE-2018-20190823T225222Z-001\PPE-2018\Excel\Diversos\CB - Conceito Broker.xlsx</t>
  </si>
  <si>
    <t>Consolidado_PERFIS_SALARIOS_INTERNOS_PS_2017.xlsx</t>
  </si>
  <si>
    <t>E:\ALGAR TECH\001 - Cloud MSP\Backup GoogleDrive\2019\PPE-2018-20190823T225222Z-001\PPE-2018\Excel\Diversos\Consolidado_PERFIS_SALARIOS_INTERNOS_PS_2017.xlsx</t>
  </si>
  <si>
    <t>graficos.xlsx</t>
  </si>
  <si>
    <t>E:\ALGAR TECH\001 - Cloud MSP\Backup GoogleDrive\2019\PPE-2018-20190823T225222Z-001\PPE-2018\Excel\Diversos\graficos.xlsx</t>
  </si>
  <si>
    <t>Orçamento LP 2017-2027 - GT_V5.xlsx</t>
  </si>
  <si>
    <t>E:\ALGAR TECH\001 - Cloud MSP\Backup GoogleDrive\2019\PPE-2018-20190823T225222Z-001\PPE-2018\Excel\Diversos\Orçamento LP 2017-2027 - GT_V5.xlsx</t>
  </si>
  <si>
    <t>09/22/2019 12:40:36</t>
  </si>
  <si>
    <t>D:\ALGAR TECH\001 - Cloud MSP\Backup GoogleDrive\2019\PPE-2018-20190823T225222Z-001\PPE-2018\MKT\</t>
  </si>
  <si>
    <t>Plano de Comunicação - CloudMSPV1.xlsx</t>
  </si>
  <si>
    <t>E:\ALGAR TECH\001 - Cloud MSP\Backup GoogleDrive\2019\PPE-2018-20190823T225222Z-001\PPE-2018\MKT\Plano de Comunicação - CloudMSPV1.xlsx</t>
  </si>
  <si>
    <t>09/22/2019 12:40:50</t>
  </si>
  <si>
    <t>D:\ALGAR TECH\001 - Cloud MSP\Backup GoogleDrive\2019\PPE-2018-20190823T225222Z-001\PPE-2018\M_a\Brlink\</t>
  </si>
  <si>
    <t>2018-Employees.xlsx</t>
  </si>
  <si>
    <t>E:\ALGAR TECH\001 - Cloud MSP\Backup GoogleDrive\2019\PPE-2018-20190823T225222Z-001\PPE-2018\M_a\Brlink\2018-Employees.xlsx</t>
  </si>
  <si>
    <t>09/22/2019 12:40:51</t>
  </si>
  <si>
    <t>D:\ALGAR TECH\001 - Cloud MSP\Backup GoogleDrive\2019\PPE-2018-20190823T225222Z-001\PPE-2018\M_a\Brlink\Algar.zip\Algar\</t>
  </si>
  <si>
    <t>E:\ALGAR TECH\001 - Cloud MSP\Backup GoogleDrive\2019\PPE-2018-20190823T225222Z-001\PPE-2018\M_a\Brlink\Algar.zip</t>
  </si>
  <si>
    <t>Financial_Information_Adjusted_v6.xlsx</t>
  </si>
  <si>
    <t>09/22/2019 12:40:54</t>
  </si>
  <si>
    <t>E:\ALGAR TECH\001 - Cloud MSP\Backup GoogleDrive\2019\PPE-2018-20190823T225222Z-001\PPE-2018\M_a\Brlink\Financial_Information_Adjusted_v6.xlsx</t>
  </si>
  <si>
    <t>09/22/2019 12:40:55</t>
  </si>
  <si>
    <t>D:\ALGAR TECH\001 - Cloud MSP\Backup GoogleDrive\2019\PPE-2018-20190823T225222Z-001\PPE-2018\M_a\Brlink\arquivos\</t>
  </si>
  <si>
    <t>2015_DRE_BP.xlsx</t>
  </si>
  <si>
    <t>E:\ALGAR TECH\001 - Cloud MSP\Backup GoogleDrive\2019\PPE-2018-20190823T225222Z-001\PPE-2018\M_a\Brlink\arquivos\2015_DRE_BP.xlsx</t>
  </si>
  <si>
    <t>09/22/2019 12:40:56</t>
  </si>
  <si>
    <t>2016_DRE_BP.xlsx</t>
  </si>
  <si>
    <t>E:\ALGAR TECH\001 - Cloud MSP\Backup GoogleDrive\2019\PPE-2018-20190823T225222Z-001\PPE-2018\M_a\Brlink\arquivos\2016_DRE_BP.xlsx</t>
  </si>
  <si>
    <t>2017_DRE_BP.xlsx</t>
  </si>
  <si>
    <t>E:\ALGAR TECH\001 - Cloud MSP\Backup GoogleDrive\2019\PPE-2018-20190823T225222Z-001\PPE-2018\M_a\Brlink\arquivos\2017_DRE_BP.xlsx</t>
  </si>
  <si>
    <t>09/22/2019 12:40:57</t>
  </si>
  <si>
    <t>E:\ALGAR TECH\001 - Cloud MSP\Backup GoogleDrive\2019\PPE-2018-20190823T225222Z-001\PPE-2018\M_a\Brlink\arquivos\2018-Employees.xlsx</t>
  </si>
  <si>
    <t>2018_DRE 1ºTri.xlsx</t>
  </si>
  <si>
    <t>E:\ALGAR TECH\001 - Cloud MSP\Backup GoogleDrive\2019\PPE-2018-20190823T225222Z-001\PPE-2018\M_a\Brlink\arquivos\2018_DRE 1ºTri.xlsx</t>
  </si>
  <si>
    <t>09/22/2019 12:40:58</t>
  </si>
  <si>
    <t>2018_DRE 2º Tri.xlsx</t>
  </si>
  <si>
    <t>E:\ALGAR TECH\001 - Cloud MSP\Backup GoogleDrive\2019\PPE-2018-20190823T225222Z-001\PPE-2018\M_a\Brlink\arquivos\2018_DRE 2º Tri.xlsx</t>
  </si>
  <si>
    <t>BP_5Years v1.xlsx</t>
  </si>
  <si>
    <t>E:\ALGAR TECH\001 - Cloud MSP\Backup GoogleDrive\2019\PPE-2018-20190823T225222Z-001\PPE-2018\M_a\Brlink\arquivos\BP_5Years v1.xlsx</t>
  </si>
  <si>
    <t>09/22/2019 12:41:00</t>
  </si>
  <si>
    <t>E:\ALGAR TECH\001 - Cloud MSP\Backup GoogleDrive\2019\PPE-2018-20190823T225222Z-001\PPE-2018\M_a\Brlink\arquivos\Financial_Information_Adjusted_v6.xlsx</t>
  </si>
  <si>
    <t>09/22/2019 12:41:02</t>
  </si>
  <si>
    <t>Top10 - Clientes BRLink.xlsx</t>
  </si>
  <si>
    <t>E:\ALGAR TECH\001 - Cloud MSP\Backup GoogleDrive\2019\PPE-2018-20190823T225222Z-001\PPE-2018\M_a\Brlink\arquivos\Top10 - Clientes BRLink.xlsx</t>
  </si>
  <si>
    <t>D:\ALGAR TECH\001 - Cloud MSP\Backup GoogleDrive\2019\PPE-2018-20190823T225222Z-001\PPE-2018\M_a\Lista de Empresas\</t>
  </si>
  <si>
    <t>benchmarket-M-A.xlsx</t>
  </si>
  <si>
    <t>E:\ALGAR TECH\001 - Cloud MSP\Backup GoogleDrive\2019\PPE-2018-20190823T225222Z-001\PPE-2018\M_a\Lista de Empresas\benchmarket-M-A.xlsx</t>
  </si>
  <si>
    <t>09/22/2019 12:41:11</t>
  </si>
  <si>
    <t>D:\ALGAR TECH\001 - Cloud MSP\Backup GoogleDrive\2019\PPE-2018-20190823T225222Z-001\PPE-2018\Oferta\Catalogo\</t>
  </si>
  <si>
    <t>E:\ALGAR TECH\001 - Cloud MSP\Backup GoogleDrive\2019\PPE-2018-20190823T225222Z-001\PPE-2018\Oferta\Catalogo\Catalogo Serviços.xlsx</t>
  </si>
  <si>
    <t>09/22/2019 12:41:17</t>
  </si>
  <si>
    <t>D:\ALGAR TECH\001 - Cloud MSP\Backup GoogleDrive\2019\PPE-2018-20190823T225222Z-001\PPE-2018\PPT\Accenture\Workshop Accenture 06-02-2018_v2.pptx\</t>
  </si>
  <si>
    <t>E:\ALGAR TECH\001 - Cloud MSP\Backup GoogleDrive\2019\PPE-2018-20190823T225222Z-001\PPE-2018\PPT\Accenture\Workshop Accenture 06-02-2018_v2.pptx</t>
  </si>
  <si>
    <t>D:\ALGAR TECH\001 - Cloud MSP\Backup GoogleDrive\2019\PPE-2018-20190823T225222Z-001\PPE-2018\PPT\Accenture\Workshop-2018.pptx\</t>
  </si>
  <si>
    <t>E:\ALGAR TECH\001 - Cloud MSP\Backup GoogleDrive\2019\PPE-2018-20190823T225222Z-001\PPE-2018\PPT\Accenture\Workshop-2018.pptx</t>
  </si>
  <si>
    <t>09/22/2019 12:41:27</t>
  </si>
  <si>
    <t>D:\ALGAR TECH\001 - Cloud MSP\Backup GoogleDrive\2019\PPE-2018-20190823T225222Z-001\PPE-2018\PPT\Diversos\Algar Tech - PPE 2017_v02.pptx\</t>
  </si>
  <si>
    <t>E:\ALGAR TECH\001 - Cloud MSP\Backup GoogleDrive\2019\PPE-2018-20190823T225222Z-001\PPE-2018\PPT\Diversos\Algar Tech - PPE 2017_v02.pptx</t>
  </si>
  <si>
    <t>09/22/2019 12:41:28</t>
  </si>
  <si>
    <t>09/22/2019 12:41:29</t>
  </si>
  <si>
    <t>09/22/2019 12:41:30</t>
  </si>
  <si>
    <t>09/22/2019 12:41:31</t>
  </si>
  <si>
    <t>Microsoft_Excel_Worksheet53.xlsx</t>
  </si>
  <si>
    <t>Microsoft_Excel_Worksheet54.xlsx</t>
  </si>
  <si>
    <t>Microsoft_Excel_Worksheet55.xlsx</t>
  </si>
  <si>
    <t>Microsoft_Excel_Worksheet56.xlsx</t>
  </si>
  <si>
    <t>Microsoft_Excel_Worksheet57.xlsx</t>
  </si>
  <si>
    <t>Microsoft_Excel_Worksheet58.xlsx</t>
  </si>
  <si>
    <t>Microsoft_Excel_Worksheet59.xlsx</t>
  </si>
  <si>
    <t>09/22/2019 12:41:32</t>
  </si>
  <si>
    <t>Microsoft_Excel_Worksheet60.xlsx</t>
  </si>
  <si>
    <t>Microsoft_Excel_Worksheet61.xlsx</t>
  </si>
  <si>
    <t>Microsoft_Excel_Worksheet62.xlsx</t>
  </si>
  <si>
    <t>Microsoft_Excel_Worksheet63.xlsx</t>
  </si>
  <si>
    <t>Microsoft_Excel_Worksheet64.xlsx</t>
  </si>
  <si>
    <t>Microsoft_Excel_Worksheet65.xlsx</t>
  </si>
  <si>
    <t>Microsoft_Excel_Worksheet66.xlsx</t>
  </si>
  <si>
    <t>Microsoft_Excel_Worksheet67.xlsx</t>
  </si>
  <si>
    <t>Microsoft_Excel_Worksheet68.xlsx</t>
  </si>
  <si>
    <t>Microsoft_Excel_Worksheet69.xlsx</t>
  </si>
  <si>
    <t>09/22/2019 12:41:33</t>
  </si>
  <si>
    <t>Microsoft_Excel_Worksheet70.xlsx</t>
  </si>
  <si>
    <t>Microsoft_Excel_Worksheet71.xlsx</t>
  </si>
  <si>
    <t>Microsoft_Excel_Worksheet72.xlsx</t>
  </si>
  <si>
    <t>Microsoft_Excel_Worksheet73.xlsx</t>
  </si>
  <si>
    <t>oleObject73.dat</t>
  </si>
  <si>
    <t>09/22/2019 12:41:36</t>
  </si>
  <si>
    <t>D:\ALGAR TECH\001 - Cloud MSP\Backup GoogleDrive\2019\PPE-2018-20190823T225222Z-001\PPE-2018\PPT\Diversos\Cronograma Certificação.pptx\</t>
  </si>
  <si>
    <t>E:\ALGAR TECH\001 - Cloud MSP\Backup GoogleDrive\2019\PPE-2018-20190823T225222Z-001\PPE-2018\PPT\Diversos\Cronograma Certificação.pptx</t>
  </si>
  <si>
    <t>09/22/2019 12:41:37</t>
  </si>
  <si>
    <t>D:\ALGAR TECH\001 - Cloud MSP\Backup GoogleDrive\2019\PPE-2018-20190823T225222Z-001\PPE-2018\PPT\Diversos\Estrategia_CSMxBROKER.pptx\</t>
  </si>
  <si>
    <t>E:\ALGAR TECH\001 - Cloud MSP\Backup GoogleDrive\2019\PPE-2018-20190823T225222Z-001\PPE-2018\PPT\Diversos\Estrategia_CSMxBROKER.pptx</t>
  </si>
  <si>
    <t>09/22/2019 12:41:38</t>
  </si>
  <si>
    <t>D:\ALGAR TECH\001 - Cloud MSP\Backup GoogleDrive\2019\PPE-2018-20190823T225222Z-001\PPE-2018\PPT\Diversos\M_N.pptx\</t>
  </si>
  <si>
    <t>E:\ALGAR TECH\001 - Cloud MSP\Backup GoogleDrive\2019\PPE-2018-20190823T225222Z-001\PPE-2018\PPT\Diversos\M_N.pptx</t>
  </si>
  <si>
    <t>09/22/2019 12:41:40</t>
  </si>
  <si>
    <t>D:\ALGAR TECH\001 - Cloud MSP\Backup GoogleDrive\2019\PPE-2018-20190823T225222Z-001\PPE-2018\PPT\Diversos\PPE - GAT - Prévia ReDir 1 - FINAL v4.pptx\</t>
  </si>
  <si>
    <t>E:\ALGAR TECH\001 - Cloud MSP\Backup GoogleDrive\2019\PPE-2018-20190823T225222Z-001\PPE-2018\PPT\Diversos\PPE - GAT - Prévia ReDir 1 - FINAL v4.pptx</t>
  </si>
  <si>
    <t>09/22/2019 12:41:51</t>
  </si>
  <si>
    <t>D:\ALGAR TECH\001 - Cloud MSP\Backup GoogleDrive\2019\PPE-2018-20190823T225222Z-001\PPE-2018\PPT\Oferta\Algar Tech - PPE 2018.pptx\</t>
  </si>
  <si>
    <t>E:\ALGAR TECH\001 - Cloud MSP\Backup GoogleDrive\2019\PPE-2018-20190823T225222Z-001\PPE-2018\PPT\Oferta\Algar Tech - PPE 2018.pptx</t>
  </si>
  <si>
    <t>09/22/2019 12:41:52</t>
  </si>
  <si>
    <t>09/22/2019 12:41:53</t>
  </si>
  <si>
    <t>09/22/2019 12:41:54</t>
  </si>
  <si>
    <t>09/22/2019 12:41:55</t>
  </si>
  <si>
    <t>09/22/2019 12:41:56</t>
  </si>
  <si>
    <t>09/22/2019 12:41:57</t>
  </si>
  <si>
    <t>09/22/2019 12:41:58</t>
  </si>
  <si>
    <t>09/26/2019 08:26:03</t>
  </si>
  <si>
    <t>09/22/2019 12:41:59</t>
  </si>
  <si>
    <t>09/22/2019 12:42:00</t>
  </si>
  <si>
    <t>09/22/2019 12:42:03</t>
  </si>
  <si>
    <t>09/22/2019 12:42:06</t>
  </si>
  <si>
    <t>09/22/2019 12:42:57</t>
  </si>
  <si>
    <t>D:\ALGAR TECH\001 - Cloud MSP\DD Empresa\Selected files 2019-07-18\Selected files 2019-07-18\A2 Documentação comprobatória sobre o nível de parceria AWS Premier. Faturamento atual com a AWS\</t>
  </si>
  <si>
    <t>Billing AWS.xlsx</t>
  </si>
  <si>
    <t>E:\ALGAR TECH\001 - Cloud MSP\DD Empresa\Selected files 2019-07-18\Selected files 2019-07-18\A2 Documentação comprobatória sobre o nível de parceria AWS Premier. Faturamento atual com a AWS\Billing AWS.xlsx</t>
  </si>
  <si>
    <t>09/22/2019 12:42:59</t>
  </si>
  <si>
    <t>D:\ALGAR TECH\001 - Cloud MSP\DD Empresa\Selected files 2019-07-18\Selected files 2019-07-18\A7 Fornecer o catálogo de serviços atualizado bem como o descritivo do atual modelo de cobrança\</t>
  </si>
  <si>
    <t>Service Catalog.xlsx</t>
  </si>
  <si>
    <t>E:\ALGAR TECH\001 - Cloud MSP\DD Empresa\Selected files 2019-07-18\Selected files 2019-07-18\A7 Fornecer o catálogo de serviços atualizado bem como o descritivo do atual modelo de cobrança\Service Catalog.xlsx</t>
  </si>
  <si>
    <t>09/22/2019 12:46:29</t>
  </si>
  <si>
    <t>D:\ALGAR TECH\004 - Projetos Cloud\03 - CCoE\documentation\01-Projetos\AlgarTech-CDI\06 - Arquiterura\Arquiterura 2.0\</t>
  </si>
  <si>
    <t>2019 POA Fund Request Credits Português - CDI20.xlsx</t>
  </si>
  <si>
    <t>E:\ALGAR TECH\004 - Projetos Cloud\03 - CCoE\documentation\01-Projetos\AlgarTech-CDI\06 - Arquiterura\Arquiterura 2.0\2019 POA Fund Request Credits Português - CDI20.xlsx</t>
  </si>
  <si>
    <t>D:\ALGAR TECH\004 - Projetos Cloud\03 - CCoE\documentation\01-Projetos\AlgarTech-Datalake\</t>
  </si>
  <si>
    <t>credentials.csv</t>
  </si>
  <si>
    <t>E:\ALGAR TECH\004 - Projetos Cloud\03 - CCoE\documentation\01-Projetos\AlgarTech-Datalake\credentials.csv</t>
  </si>
  <si>
    <t>credentials.csv:Zone.Identifier</t>
  </si>
  <si>
    <t>E:\ALGAR TECH\004 - Projetos Cloud\03 - CCoE\documentation\01-Projetos\AlgarTech-Datalake\credentials.csv:Zone.Identifier</t>
  </si>
  <si>
    <t>09/22/2019 12:46:32</t>
  </si>
  <si>
    <t>D:\ALGAR TECH\004 - Projetos Cloud\03 - CCoE\documentation\01-Projetos\AlgarTech-IniciativaReduçãoCustos\Arquivos\</t>
  </si>
  <si>
    <t>BP Redução de Custo AWS_v5.xlsx</t>
  </si>
  <si>
    <t>E:\ALGAR TECH\004 - Projetos Cloud\03 - CCoE\documentation\01-Projetos\AlgarTech-IniciativaReduçãoCustos\Arquivos\BP Redução de Custo AWS_v5.xlsx</t>
  </si>
  <si>
    <t>Controle_aws_aplicados.xlsx</t>
  </si>
  <si>
    <t>E:\ALGAR TECH\004 - Projetos Cloud\03 - CCoE\documentation\01-Projetos\AlgarTech-IniciativaReduçãoCustos\Arquivos\Controle_aws_aplicados.xlsx</t>
  </si>
  <si>
    <t>Creditos_aws_aplicados.xlsx</t>
  </si>
  <si>
    <t>E:\ALGAR TECH\004 - Projetos Cloud\03 - CCoE\documentation\01-Projetos\AlgarTech-IniciativaReduçãoCustos\Arquivos\Creditos_aws_aplicados.xlsx</t>
  </si>
  <si>
    <t>Cronograma detalhado.xlsx</t>
  </si>
  <si>
    <t>E:\ALGAR TECH\004 - Projetos Cloud\03 - CCoE\documentation\01-Projetos\AlgarTech-IniciativaReduçãoCustos\Arquivos\Cronograma detalhado.xlsx</t>
  </si>
  <si>
    <t>Cronograma_detalhado_atividades.xlsx</t>
  </si>
  <si>
    <t>E:\ALGAR TECH\004 - Projetos Cloud\03 - CCoE\documentation\01-Projetos\AlgarTech-IniciativaReduçãoCustos\Arquivos\Cronograma_detalhado_atividades.xlsx</t>
  </si>
  <si>
    <t>Iniciativa-ReduçãodeCustos.xlsx</t>
  </si>
  <si>
    <t>E:\ALGAR TECH\004 - Projetos Cloud\03 - CCoE\documentation\01-Projetos\AlgarTech-IniciativaReduçãoCustos\Arquivos\Iniciativa-ReduçãodeCustos.xlsx</t>
  </si>
  <si>
    <t>09/22/2019 12:46:33</t>
  </si>
  <si>
    <t>Iniciativa-ReduçãodeCustos_M.xlsx</t>
  </si>
  <si>
    <t>E:\ALGAR TECH\004 - Projetos Cloud\03 - CCoE\documentation\01-Projetos\AlgarTech-IniciativaReduçãoCustos\Arquivos\Iniciativa-ReduçãodeCustos_M.xlsx</t>
  </si>
  <si>
    <t>redução.xlsx</t>
  </si>
  <si>
    <t>E:\ALGAR TECH\004 - Projetos Cloud\03 - CCoE\documentation\01-Projetos\AlgarTech-IniciativaReduçãoCustos\Arquivos\redução.xlsx</t>
  </si>
  <si>
    <t>09/22/2019 12:46:34</t>
  </si>
  <si>
    <t>TrocaNAT.xlsx</t>
  </si>
  <si>
    <t>E:\ALGAR TECH\004 - Projetos Cloud\03 - CCoE\documentation\01-Projetos\AlgarTech-IniciativaReduçãoCustos\Arquivos\TrocaNAT.xlsx</t>
  </si>
  <si>
    <t>09/22/2019 12:46:40</t>
  </si>
  <si>
    <t>D:\ALGAR TECH\004 - Projetos Cloud\03 - CCoE\documentation\03-Informações das Contas\</t>
  </si>
  <si>
    <t>Informações_Contas_AWS.xlsx</t>
  </si>
  <si>
    <t>E:\ALGAR TECH\004 - Projetos Cloud\03 - CCoE\documentation\03-Informações das Contas\Informações_Contas_AWS.xlsx</t>
  </si>
  <si>
    <t>09/22/2019 12:47:29</t>
  </si>
  <si>
    <t>D:\ALGAR TECH\004 - Projetos Cloud\03 - CCoE\ISD\portal-analytics\portal-analytics\node_modules\csvtojson\test\data\</t>
  </si>
  <si>
    <t>large-csv-sample.csv</t>
  </si>
  <si>
    <t>E:\ALGAR TECH\004 - Projetos Cloud\03 - CCoE\ISD\portal-analytics\portal-analytics\node_modules\csvtojson\test\data\large-csv-sample.csv</t>
  </si>
  <si>
    <t>large-utf8.csv</t>
  </si>
  <si>
    <t>E:\ALGAR TECH\004 - Projetos Cloud\03 - CCoE\ISD\portal-analytics\portal-analytics\node_modules\csvtojson\test\data\large-utf8.csv</t>
  </si>
  <si>
    <t>09/22/2019 12:48:33</t>
  </si>
  <si>
    <t>D:\ALGAR TECH\004 - Projetos Cloud\03 - CCoE\ISD\portal-analytics\portal-analytics-backend\</t>
  </si>
  <si>
    <t>Alagar_dados_50000_linhas.xlsx</t>
  </si>
  <si>
    <t>E:\ALGAR TECH\004 - Projetos Cloud\03 - CCoE\ISD\portal-analytics\portal-analytics-backend\Alagar_dados_50000_linhas.xlsx</t>
  </si>
  <si>
    <t>09/22/2019 12:48:34</t>
  </si>
  <si>
    <t>user_algar_front_end.csv</t>
  </si>
  <si>
    <t>E:\ALGAR TECH\004 - Projetos Cloud\03 - CCoE\ISD\portal-analytics\portal-analytics-backend\user_algar_front_end.csv</t>
  </si>
  <si>
    <t>09/22/2019 12:48:40</t>
  </si>
  <si>
    <t>D:\ALGAR TECH\004 - Projetos Cloud\03 - CCoE\ISD\portal-analytics\portal-analytics-backend\functions\lambda-isd-data-classify\src\tmp\</t>
  </si>
  <si>
    <t>123456_Algar-tech_labels.csv</t>
  </si>
  <si>
    <t>E:\ALGAR TECH\004 - Projetos Cloud\03 - CCoE\ISD\portal-analytics\portal-analytics-backend\functions\lambda-isd-data-classify\src\tmp\123456_Algar-tech_labels.csv</t>
  </si>
  <si>
    <t>raw_Base+de+Chamados+WEG+-+27-09-2018+-+LC+(1).csv</t>
  </si>
  <si>
    <t>E:\ALGAR TECH\004 - Projetos Cloud\03 - CCoE\ISD\portal-analytics\portal-analytics-backend\functions\lambda-isd-data-classify\src\tmp\raw_Base+de+Chamados+WEG+-+27-09-2018+-+LC+(1).csv</t>
  </si>
  <si>
    <t>raw_Chamados_resolvidos.csv</t>
  </si>
  <si>
    <t>E:\ALGAR TECH\004 - Projetos Cloud\03 - CCoE\ISD\portal-analytics\portal-analytics-backend\functions\lambda-isd-data-classify\src\tmp\raw_Chamados_resolvidos.csv</t>
  </si>
  <si>
    <t>raw_PRPARED_BASE_CHAMADOS.csv</t>
  </si>
  <si>
    <t>E:\ALGAR TECH\004 - Projetos Cloud\03 - CCoE\ISD\portal-analytics\portal-analytics-backend\functions\lambda-isd-data-classify\src\tmp\raw_PRPARED_BASE_CHAMADOS.csv</t>
  </si>
  <si>
    <t>09/22/2019 12:49:08</t>
  </si>
  <si>
    <t>D:\ALGAR TECH\004 - Projetos Cloud\03 - CCoE\ISD\portal-analytics\portal-analytics-backend\functions\lambda-isd-data-correlation\src\tmp\</t>
  </si>
  <si>
    <t>E:\ALGAR TECH\004 - Projetos Cloud\03 - CCoE\ISD\portal-analytics\portal-analytics-backend\functions\lambda-isd-data-correlation\src\tmp\raw_Base+de+Chamados+WEG+-+27-09-2018+-+LC+(1).csv</t>
  </si>
  <si>
    <t>E:\ALGAR TECH\004 - Projetos Cloud\03 - CCoE\ISD\portal-analytics\portal-analytics-backend\functions\lambda-isd-data-correlation\src\tmp\raw_Chamados_resolvidos.csv</t>
  </si>
  <si>
    <t>E:\ALGAR TECH\004 - Projetos Cloud\03 - CCoE\ISD\portal-analytics\portal-analytics-backend\functions\lambda-isd-data-correlation\src\tmp\raw_PRPARED_BASE_CHAMADOS.csv</t>
  </si>
  <si>
    <t>09/22/2019 12:52:23</t>
  </si>
  <si>
    <t>D:\ALGAR TECH\004 - Projetos Cloud\03 - CCoE\ISD\portal-analytics\portal-analytics-documentos\</t>
  </si>
  <si>
    <t>jenkins.csv</t>
  </si>
  <si>
    <t>E:\ALGAR TECH\004 - Projetos Cloud\03 - CCoE\ISD\portal-analytics\portal-analytics-documentos\jenkins.csv</t>
  </si>
  <si>
    <t>jenkins.csv:Zone.Identifier</t>
  </si>
  <si>
    <t>E:\ALGAR TECH\004 - Projetos Cloud\03 - CCoE\ISD\portal-analytics\portal-analytics-documentos\jenkins.csv:Zone.Identifier</t>
  </si>
  <si>
    <t>09/22/2019 12:52:26</t>
  </si>
  <si>
    <t>D:\ALGAR TECH\004 - Projetos Cloud\03 - CCoE\ISD\portal-analytics\portal-analytics-tickets-topic-modeling\shared\name-list-stop-words\</t>
  </si>
  <si>
    <t>user_names_algartech.csv</t>
  </si>
  <si>
    <t>E:\ALGAR TECH\004 - Projetos Cloud\03 - CCoE\ISD\portal-analytics\portal-analytics-tickets-topic-modeling\shared\name-list-stop-words\user_names_algartech.csv</t>
  </si>
  <si>
    <t>user_names_algartech.csv:Zone.Identifier</t>
  </si>
  <si>
    <t>E:\ALGAR TECH\004 - Projetos Cloud\03 - CCoE\ISD\portal-analytics\portal-analytics-tickets-topic-modeling\shared\name-list-stop-words\user_names_algartech.csv:Zone.Identifier</t>
  </si>
  <si>
    <t>09/22/2019 15:36:12</t>
  </si>
  <si>
    <t>Cronograma 15-09-19.xlsx</t>
  </si>
  <si>
    <t>G:\BKP NOTE RODRIGO - FULL\VARIOS\Cronograma 15-09-19.xlsx</t>
  </si>
  <si>
    <t>09/22/2019 15:36:13</t>
  </si>
  <si>
    <t>GIAT - Monitoramento - Revisão.csv</t>
  </si>
  <si>
    <t>G:\BKP NOTE RODRIGO - FULL\VARIOS\GIAT - Monitoramento - Revisão.csv</t>
  </si>
  <si>
    <t>GIAT - Monitoramento - Revisão.csv:Zone.Identifier</t>
  </si>
  <si>
    <t>G:\BKP NOTE RODRIGO - FULL\VARIOS\GIAT - Monitoramento - Revisão.csv:Zone.Identifier</t>
  </si>
  <si>
    <t>import_template.csv</t>
  </si>
  <si>
    <t>G:\BKP NOTE RODRIGO - FULL\VARIOS\import_template.csv</t>
  </si>
  <si>
    <t>input_generic.xlsx</t>
  </si>
  <si>
    <t>G:\BKP NOTE RODRIGO - FULL\VARIOS\input_generic.xlsx</t>
  </si>
  <si>
    <t>09/22/2019 15:36:15</t>
  </si>
  <si>
    <t>ri_discount_sharing_preferences.csv</t>
  </si>
  <si>
    <t>G:\BKP NOTE RODRIGO - FULL\VARIOS\ri_discount_sharing_preferences.csv</t>
  </si>
  <si>
    <t>09/22/2019 15:36:16</t>
  </si>
  <si>
    <t>G:\BKP NOTE RODRIGO - FULL\VARIOS\ri_discount_sharing_preferences.csv:Zone.Identifier</t>
  </si>
  <si>
    <t>G:\BKP NOTE RODRIGO - FULL\VARIOS\scheduled-report-994086b2-a6c7-44ab-a69a-61f4267318c9.csv</t>
  </si>
  <si>
    <t>G:\BKP NOTE RODRIGO - FULL\VARIOS\scheduled-report-994086b2-a6c7-44ab-a69a-61f4267318c9.csv:Zone.Identifier</t>
  </si>
  <si>
    <t>G:\BKP NOTE RODRIGO - FULL\VARIOS\status_reports_2019-07-22T13-53-22+00-00.csv</t>
  </si>
  <si>
    <t>G:\BKP NOTE RODRIGO - FULL\VARIOS\status_reports_2019-07-22T13-53-22+00-00.csv:Zone.Identifier</t>
  </si>
  <si>
    <t>G:\BKP NOTE RODRIGO - FULL\VARIOS\status_reports_2019-08-19T12-38-25+00-00.csv</t>
  </si>
  <si>
    <t>G:\BKP NOTE RODRIGO - FULL\VARIOS\status_reports_2019-08-19T12-38-25+00-00.csv:Zone.Identifier</t>
  </si>
  <si>
    <t>09/22/2019 15:48:35</t>
  </si>
  <si>
    <t>G:\BKP NOTE RODRIGO - FULL\ALGAR TECH\004 - Projetos Cloud\03 - CCoE\documentation\01-Projetos\AlgarTech-Datalake\credentials.csv</t>
  </si>
  <si>
    <t>G:\BKP NOTE RODRIGO - FULL\ALGAR TECH\004 - Projetos Cloud\03 - CCoE\documentation\01-Projetos\AlgarTech-Datalake\credentials.csv:Zone.Identifier</t>
  </si>
  <si>
    <t>09/22/2019 15:49:15</t>
  </si>
  <si>
    <t>G:\BKP NOTE RODRIGO - FULL\ALGAR TECH\004 - Projetos Cloud\03 - CCoE\ISD\portal-analytics\portal-analytics\node_modules\csvtojson\test\data\large-csv-sample.csv</t>
  </si>
  <si>
    <t>G:\BKP NOTE RODRIGO - FULL\ALGAR TECH\004 - Projetos Cloud\03 - CCoE\ISD\portal-analytics\portal-analytics\node_modules\csvtojson\test\data\large-utf8.csv</t>
  </si>
  <si>
    <t>09/22/2019 15:50:06</t>
  </si>
  <si>
    <t>G:\BKP NOTE RODRIGO - FULL\ALGAR TECH\004 - Projetos Cloud\03 - CCoE\ISD\portal-analytics\portal-analytics-backend\Alagar_dados_50000_linhas.xlsx</t>
  </si>
  <si>
    <t>G:\BKP NOTE RODRIGO - FULL\ALGAR TECH\004 - Projetos Cloud\03 - CCoE\ISD\portal-analytics\portal-analytics-backend\user_algar_front_end.csv</t>
  </si>
  <si>
    <t>09/22/2019 15:50:10</t>
  </si>
  <si>
    <t>G:\BKP NOTE RODRIGO - FULL\ALGAR TECH\004 - Projetos Cloud\03 - CCoE\ISD\portal-analytics\portal-analytics-backend\functions\lambda-isd-data-classify\src\tmp\123456_Algar-tech_labels.csv</t>
  </si>
  <si>
    <t>G:\BKP NOTE RODRIGO - FULL\ALGAR TECH\004 - Projetos Cloud\03 - CCoE\ISD\portal-analytics\portal-analytics-backend\functions\lambda-isd-data-classify\src\tmp\raw_Base+de+Chamados+WEG+-+27-09-2018+-+LC+(1).csv</t>
  </si>
  <si>
    <t>G:\BKP NOTE RODRIGO - FULL\ALGAR TECH\004 - Projetos Cloud\03 - CCoE\ISD\portal-analytics\portal-analytics-backend\functions\lambda-isd-data-classify\src\tmp\raw_Chamados_resolvidos.csv</t>
  </si>
  <si>
    <t>G:\BKP NOTE RODRIGO - FULL\ALGAR TECH\004 - Projetos Cloud\03 - CCoE\ISD\portal-analytics\portal-analytics-backend\functions\lambda-isd-data-classify\src\tmp\raw_PRPARED_BASE_CHAMADOS.csv</t>
  </si>
  <si>
    <t>09/22/2019 15:50:33</t>
  </si>
  <si>
    <t>G:\BKP NOTE RODRIGO - FULL\ALGAR TECH\004 - Projetos Cloud\03 - CCoE\ISD\portal-analytics\portal-analytics-backend\functions\lambda-isd-data-correlation\src\tmp\raw_Base+de+Chamados+WEG+-+27-09-2018+-+LC+(1).csv</t>
  </si>
  <si>
    <t>G:\BKP NOTE RODRIGO - FULL\ALGAR TECH\004 - Projetos Cloud\03 - CCoE\ISD\portal-analytics\portal-analytics-backend\functions\lambda-isd-data-correlation\src\tmp\raw_Chamados_resolvidos.csv</t>
  </si>
  <si>
    <t>G:\BKP NOTE RODRIGO - FULL\ALGAR TECH\004 - Projetos Cloud\03 - CCoE\ISD\portal-analytics\portal-analytics-backend\functions\lambda-isd-data-correlation\src\tmp\raw_PRPARED_BASE_CHAMADOS.csv</t>
  </si>
  <si>
    <t>09/22/2019 15:53:26</t>
  </si>
  <si>
    <t>G:\BKP NOTE RODRIGO - FULL\ALGAR TECH\004 - Projetos Cloud\03 - CCoE\ISD\portal-analytics\portal-analytics-documentos\jenkins.csv</t>
  </si>
  <si>
    <t>G:\BKP NOTE RODRIGO - FULL\ALGAR TECH\004 - Projetos Cloud\03 - CCoE\ISD\portal-analytics\portal-analytics-documentos\jenkins.csv:Zone.Identifier</t>
  </si>
  <si>
    <t>09/22/2019 15:53:28</t>
  </si>
  <si>
    <t>G:\BKP NOTE RODRIGO - FULL\ALGAR TECH\004 - Projetos Cloud\03 - CCoE\ISD\portal-analytics\portal-analytics-tickets-topic-modeling\shared\name-list-stop-words\user_names_algartech.csv</t>
  </si>
  <si>
    <t>G:\BKP NOTE RODRIGO - FULL\ALGAR TECH\004 - Projetos Cloud\03 - CCoE\ISD\portal-analytics\portal-analytics-tickets-topic-modeling\shared\name-list-stop-words\user_names_algartech.csv:Zone.Identifier</t>
  </si>
  <si>
    <t>09/22/2019 17:34:22</t>
  </si>
  <si>
    <t>D:\RODRIGO\ESTUDOS\Treinamentos\AWS\Certificação\AWS Certified DevOps Engineer - Professional\</t>
  </si>
  <si>
    <t>Strategy_DOP-C01.xlsx</t>
  </si>
  <si>
    <t>09/26/2019 08:19:41</t>
  </si>
  <si>
    <t>09/25/2019 17:08:31</t>
  </si>
  <si>
    <t>09/26/2019 08:30:02</t>
  </si>
  <si>
    <t>10.201.28.64</t>
  </si>
  <si>
    <t>FC-01-7C-B3-5C-63</t>
  </si>
  <si>
    <t>Prewstação de contas Murer x Alagr - Amex e Particular</t>
  </si>
  <si>
    <t>09/22/2019 10:12:04</t>
  </si>
  <si>
    <t>09/26/2019 08:31:02</t>
  </si>
  <si>
    <t>09/22/2019 12:20:49</t>
  </si>
  <si>
    <t>D:\RODRIGO\ESTUDOS\Treinamentos\AWS\Certificação\AWS Certified Developer - Associate\</t>
  </si>
  <si>
    <t>Strategy.xlsx</t>
  </si>
  <si>
    <t>E:\ESTUDOS\Treinamentos\AWS\Certificação\AWS Certified Developer - Associate\Strategy.xlsx</t>
  </si>
  <si>
    <t>09/22/2019 12:21:13</t>
  </si>
  <si>
    <t>E:\ESTUDOS\Treinamentos\AWS\Certificação\AWS Certified DevOps Engineer - Professional\Strategy_DOP-C01.xlsx</t>
  </si>
  <si>
    <t>09/22/2019 12:23:38</t>
  </si>
  <si>
    <t>D:\RODRIGO\ESTUDOS\Treinamentos\AWS\Treinamentos\AWS Oficial\Architecting on AWS 5.1 - Official\Labs\Lab 1\</t>
  </si>
  <si>
    <t>E:\ESTUDOS\Treinamentos\AWS\Treinamentos\AWS Oficial\Architecting on AWS 5.1 - Official\Labs\Lab 1\credentials.csv</t>
  </si>
  <si>
    <t>09/22/2019 12:23:39</t>
  </si>
  <si>
    <t>D:\RODRIGO\ESTUDOS\Treinamentos\AWS\Treinamentos\AWS Oficial\AWS Black Belt Migration\</t>
  </si>
  <si>
    <t>ADSUser_accessKeys.csv</t>
  </si>
  <si>
    <t>E:\ESTUDOS\Treinamentos\AWS\Treinamentos\AWS Oficial\AWS Black Belt Migration\ADSUser_accessKeys.csv</t>
  </si>
  <si>
    <t>ADSUser_accessKeys.csv:Zone.Identifier</t>
  </si>
  <si>
    <t>E:\ESTUDOS\Treinamentos\AWS\Treinamentos\AWS Oficial\AWS Black Belt Migration\ADSUser_accessKeys.csv:Zone.Identifier</t>
  </si>
  <si>
    <t>09/22/2019 12:23:44</t>
  </si>
  <si>
    <t>cloudendure_accessKeys.csv</t>
  </si>
  <si>
    <t>E:\ESTUDOS\Treinamentos\AWS\Treinamentos\AWS Oficial\AWS Black Belt Migration\cloudendure_accessKeys.csv</t>
  </si>
  <si>
    <t>cloudendure_accessKeys.csv:Zone.Identifier</t>
  </si>
  <si>
    <t>E:\ESTUDOS\Treinamentos\AWS\Treinamentos\AWS Oficial\AWS Black Belt Migration\cloudendure_accessKeys.csv:Zone.Identifier</t>
  </si>
  <si>
    <t>MigrationImmersionDayServerList (1).xlsx</t>
  </si>
  <si>
    <t>E:\ESTUDOS\Treinamentos\AWS\Treinamentos\AWS Oficial\AWS Black Belt Migration\MigrationImmersionDayServerList (1).xlsx</t>
  </si>
  <si>
    <t>MigrationImmersionDayServerList.xlsx</t>
  </si>
  <si>
    <t>E:\ESTUDOS\Treinamentos\AWS\Treinamentos\AWS Oficial\AWS Black Belt Migration\MigrationImmersionDayServerList.xlsx</t>
  </si>
  <si>
    <t>SMSUser_accessKeys.csv</t>
  </si>
  <si>
    <t>E:\ESTUDOS\Treinamentos\AWS\Treinamentos\AWS Oficial\AWS Black Belt Migration\SMSUser_accessKeys.csv</t>
  </si>
  <si>
    <t>SMSUser_accessKeys.csv:Zone.Identifier</t>
  </si>
  <si>
    <t>E:\ESTUDOS\Treinamentos\AWS\Treinamentos\AWS Oficial\AWS Black Belt Migration\SMSUser_accessKeys.csv:Zone.Identifier</t>
  </si>
  <si>
    <t>StandaloneSMSServerList (1).xlsx</t>
  </si>
  <si>
    <t>E:\ESTUDOS\Treinamentos\AWS\Treinamentos\AWS Oficial\AWS Black Belt Migration\StandaloneSMSServerList (1).xlsx</t>
  </si>
  <si>
    <t>StandaloneSMSServerList.xlsx</t>
  </si>
  <si>
    <t>E:\ESTUDOS\Treinamentos\AWS\Treinamentos\AWS Oficial\AWS Black Belt Migration\StandaloneSMSServerList.xlsx</t>
  </si>
  <si>
    <t>09/22/2019 12:24:16</t>
  </si>
  <si>
    <t>D:\RODRIGO\ESTUDOS\Treinamentos\AWS\Treinamentos\AWS Oficial\AWS on BigData\contas_ws.zip\contas_ws\</t>
  </si>
  <si>
    <t>conta01.csv</t>
  </si>
  <si>
    <t>E:\ESTUDOS\Treinamentos\AWS\Treinamentos\AWS Oficial\AWS on BigData\contas_ws.zip</t>
  </si>
  <si>
    <t>conta02.csv</t>
  </si>
  <si>
    <t>conta03.csv</t>
  </si>
  <si>
    <t>conta04.csv</t>
  </si>
  <si>
    <t>conta05.csv</t>
  </si>
  <si>
    <t>conta06.csv</t>
  </si>
  <si>
    <t>conta07.csv</t>
  </si>
  <si>
    <t>conta08.csv</t>
  </si>
  <si>
    <t>conta10.csv</t>
  </si>
  <si>
    <t>conta11.csv</t>
  </si>
  <si>
    <t>conta12.csv</t>
  </si>
  <si>
    <t>conta13.csv</t>
  </si>
  <si>
    <t>conta14.csv</t>
  </si>
  <si>
    <t>conta15.csv</t>
  </si>
  <si>
    <t>conta9.csv</t>
  </si>
  <si>
    <t>D:\RODRIGO\ESTUDOS\Treinamentos\AWS\Treinamentos\AWS Oficial\AWS on BigData\contas_ws.zip\__MACOSX\contas_ws\</t>
  </si>
  <si>
    <t>._conta01.csv</t>
  </si>
  <si>
    <t>._conta9.csv</t>
  </si>
  <si>
    <t>09/22/2019 12:24:19</t>
  </si>
  <si>
    <t>D:\RODRIGO\ESTUDOS\Treinamentos\AWS\Treinamentos\AWS Oficial\AWS on BigData\workshop_algartech 2.zip\workshop_algartech\4 - EMR\7 - AWS_Big_Data_and_EMR_Workshop-Spark_v3.pptx\</t>
  </si>
  <si>
    <t>E:\ESTUDOS\Treinamentos\AWS\Treinamentos\AWS Oficial\AWS on BigData\workshop_algartech 2.zip</t>
  </si>
  <si>
    <t>09/22/2019 12:24:53</t>
  </si>
  <si>
    <t>D:\RODRIGO\ESTUDOS\Treinamentos\AWS\Treinamentos\AWS Oficial\AWS on BigData\contas_ws\contas_ws\</t>
  </si>
  <si>
    <t>E:\ESTUDOS\Treinamentos\AWS\Treinamentos\AWS Oficial\AWS on BigData\contas_ws\contas_ws\conta01.csv</t>
  </si>
  <si>
    <t>E:\ESTUDOS\Treinamentos\AWS\Treinamentos\AWS Oficial\AWS on BigData\contas_ws\contas_ws\conta02.csv</t>
  </si>
  <si>
    <t>E:\ESTUDOS\Treinamentos\AWS\Treinamentos\AWS Oficial\AWS on BigData\contas_ws\contas_ws\conta03.csv</t>
  </si>
  <si>
    <t>09/22/2019 12:24:54</t>
  </si>
  <si>
    <t>E:\ESTUDOS\Treinamentos\AWS\Treinamentos\AWS Oficial\AWS on BigData\contas_ws\contas_ws\conta04.csv</t>
  </si>
  <si>
    <t>E:\ESTUDOS\Treinamentos\AWS\Treinamentos\AWS Oficial\AWS on BigData\contas_ws\contas_ws\conta05.csv</t>
  </si>
  <si>
    <t>E:\ESTUDOS\Treinamentos\AWS\Treinamentos\AWS Oficial\AWS on BigData\contas_ws\contas_ws\conta06.csv</t>
  </si>
  <si>
    <t>E:\ESTUDOS\Treinamentos\AWS\Treinamentos\AWS Oficial\AWS on BigData\contas_ws\contas_ws\conta07.csv</t>
  </si>
  <si>
    <t>E:\ESTUDOS\Treinamentos\AWS\Treinamentos\AWS Oficial\AWS on BigData\contas_ws\contas_ws\conta08.csv</t>
  </si>
  <si>
    <t>E:\ESTUDOS\Treinamentos\AWS\Treinamentos\AWS Oficial\AWS on BigData\contas_ws\contas_ws\conta10.csv</t>
  </si>
  <si>
    <t>E:\ESTUDOS\Treinamentos\AWS\Treinamentos\AWS Oficial\AWS on BigData\contas_ws\contas_ws\conta11.csv</t>
  </si>
  <si>
    <t>E:\ESTUDOS\Treinamentos\AWS\Treinamentos\AWS Oficial\AWS on BigData\contas_ws\contas_ws\conta12.csv</t>
  </si>
  <si>
    <t>E:\ESTUDOS\Treinamentos\AWS\Treinamentos\AWS Oficial\AWS on BigData\contas_ws\contas_ws\conta13.csv</t>
  </si>
  <si>
    <t>E:\ESTUDOS\Treinamentos\AWS\Treinamentos\AWS Oficial\AWS on BigData\contas_ws\contas_ws\conta14.csv</t>
  </si>
  <si>
    <t>E:\ESTUDOS\Treinamentos\AWS\Treinamentos\AWS Oficial\AWS on BigData\contas_ws\contas_ws\conta15.csv</t>
  </si>
  <si>
    <t>E:\ESTUDOS\Treinamentos\AWS\Treinamentos\AWS Oficial\AWS on BigData\contas_ws\contas_ws\conta9.csv</t>
  </si>
  <si>
    <t>D:\RODRIGO\ESTUDOS\Treinamentos\AWS\Treinamentos\AWS Oficial\AWS on BigData\contas_ws\__MACOSX\contas_ws\</t>
  </si>
  <si>
    <t>E:\ESTUDOS\Treinamentos\AWS\Treinamentos\AWS Oficial\AWS on BigData\contas_ws\__MACOSX\contas_ws\._conta01.csv</t>
  </si>
  <si>
    <t>E:\ESTUDOS\Treinamentos\AWS\Treinamentos\AWS Oficial\AWS on BigData\contas_ws\__MACOSX\contas_ws\._conta9.csv</t>
  </si>
  <si>
    <t>09/22/2019 12:27:15</t>
  </si>
  <si>
    <t>D:\RODRIGO\ESTUDOS\Treinamentos\CONTAINER\diveintodocker\src\08-dockerizing-your-web-applications\laravel\vendor\symfony\translation\Tests\fixtures\</t>
  </si>
  <si>
    <t>resources.csv</t>
  </si>
  <si>
    <t>E:\ESTUDOS\Treinamentos\CONTAINER\diveintodocker\src\08-dockerizing-your-web-applications\laravel\vendor\symfony\translation\Tests\fixtures\resources.csv</t>
  </si>
  <si>
    <t>valid.csv</t>
  </si>
  <si>
    <t>E:\ESTUDOS\Treinamentos\CONTAINER\diveintodocker\src\08-dockerizing-your-web-applications\laravel\vendor\symfony\translation\Tests\fixtures\valid.csv</t>
  </si>
  <si>
    <t>09/22/2019 12:29:09</t>
  </si>
  <si>
    <t>09/22/2019 12:32:14</t>
  </si>
  <si>
    <t>23-05 AMAZON.xls</t>
  </si>
  <si>
    <t>E:\VARIOS\23-05 AMAZON.xls</t>
  </si>
  <si>
    <t>09/22/2019 12:32:15</t>
  </si>
  <si>
    <t>Ajustes contas AWS.xlsx</t>
  </si>
  <si>
    <t>E:\VARIOS\Ajustes contas AWS.xlsx</t>
  </si>
  <si>
    <t>09/22/2019 12:32:17</t>
  </si>
  <si>
    <t>bigdatadev.csv</t>
  </si>
  <si>
    <t>E:\VARIOS\bigdatadev.csv</t>
  </si>
  <si>
    <t>09/22/2019 12:32:20</t>
  </si>
  <si>
    <t>calc-18D518EE-035A-4550-A62C-98013C388CFF.csv</t>
  </si>
  <si>
    <t>E:\VARIOS\calc-18D518EE-035A-4550-A62C-98013C388CFF.csv</t>
  </si>
  <si>
    <t>calc-18D518EE-035A-4550-A62C-98013C388CFF.csv:Zone.Identifier</t>
  </si>
  <si>
    <t>E:\VARIOS\calc-18D518EE-035A-4550-A62C-98013C388CFF.csv:Zone.Identifier</t>
  </si>
  <si>
    <t>09/22/2019 12:32:21</t>
  </si>
  <si>
    <t>cnec_novembro.csv</t>
  </si>
  <si>
    <t>E:\VARIOS\cnec_novembro.csv</t>
  </si>
  <si>
    <t>cnec_novembro.csv:Zone.Identifier</t>
  </si>
  <si>
    <t>E:\VARIOS\cnec_novembro.csv:Zone.Identifier</t>
  </si>
  <si>
    <t>09/22/2019 12:32:22</t>
  </si>
  <si>
    <t>consolidado_algartech.csv</t>
  </si>
  <si>
    <t>E:\VARIOS\consolidado_algartech.csv</t>
  </si>
  <si>
    <t>consolidado_algartech.csv:Zone.Identifier</t>
  </si>
  <si>
    <t>E:\VARIOS\consolidado_algartech.csv:Zone.Identifier</t>
  </si>
  <si>
    <t>consolidado_algar_10-2018.xlsx</t>
  </si>
  <si>
    <t>E:\VARIOS\consolidado_algar_10-2018.xlsx</t>
  </si>
  <si>
    <t>09/22/2019 12:32:23</t>
  </si>
  <si>
    <t>E:\VARIOS\Cronograma 15-09-19.xlsx</t>
  </si>
  <si>
    <t>09/22/2019 12:32:24</t>
  </si>
  <si>
    <t>ecsv_11_2018.csv</t>
  </si>
  <si>
    <t>E:\VARIOS\ecsv_11_2018.csv</t>
  </si>
  <si>
    <t>09/22/2019 12:32:25</t>
  </si>
  <si>
    <t>ecsv_11_2018.csv:Zone.Identifier</t>
  </si>
  <si>
    <t>E:\VARIOS\ecsv_11_2018.csv:Zone.Identifier</t>
  </si>
  <si>
    <t>ecsv_12_2018.csv</t>
  </si>
  <si>
    <t>E:\VARIOS\ecsv_12_2018.csv</t>
  </si>
  <si>
    <t>ecsv_12_2018.csv:Zone.Identifier</t>
  </si>
  <si>
    <t>E:\VARIOS\ecsv_12_2018.csv:Zone.Identifier</t>
  </si>
  <si>
    <t>ecsv_1_2019.csv</t>
  </si>
  <si>
    <t>E:\VARIOS\ecsv_1_2019.csv</t>
  </si>
  <si>
    <t>ecsv_1_2019.csv:Zone.Identifier</t>
  </si>
  <si>
    <t>E:\VARIOS\ecsv_1_2019.csv:Zone.Identifier</t>
  </si>
  <si>
    <t>Escopo_superfrios.xlsx</t>
  </si>
  <si>
    <t>E:\VARIOS\Escopo_superfrios.xlsx</t>
  </si>
  <si>
    <t>09/22/2019 12:32:26</t>
  </si>
  <si>
    <t>f11e1986-1d65-4d42-afdc-dc97f736d975.csv</t>
  </si>
  <si>
    <t>E:\VARIOS\f11e1986-1d65-4d42-afdc-dc97f736d975.csv</t>
  </si>
  <si>
    <t>f11e1986-1d65-4d42-afdc-dc97f736d975.csv:Zone.Identifier</t>
  </si>
  <si>
    <t>E:\VARIOS\f11e1986-1d65-4d42-afdc-dc97f736d975.csv:Zone.Identifier</t>
  </si>
  <si>
    <t>FormularioVPN_Gitlab-Prod.xlsx</t>
  </si>
  <si>
    <t>E:\VARIOS\FormularioVPN_Gitlab-Prod.xlsx</t>
  </si>
  <si>
    <t>E:\VARIOS\GIAT - Monitoramento - Revisão.csv</t>
  </si>
  <si>
    <t>E:\VARIOS\GIAT - Monitoramento - Revisão.csv:Zone.Identifier</t>
  </si>
  <si>
    <t>groups (1).csv</t>
  </si>
  <si>
    <t>E:\VARIOS\groups (1).csv</t>
  </si>
  <si>
    <t>groups (1).csv:Zone.Identifier</t>
  </si>
  <si>
    <t>E:\VARIOS\groups (1).csv:Zone.Identifier</t>
  </si>
  <si>
    <t>E:\VARIOS\import_template.csv</t>
  </si>
  <si>
    <t>09/22/2019 12:32:27</t>
  </si>
  <si>
    <t>E:\VARIOS\input_generic.xlsx</t>
  </si>
  <si>
    <t>09/22/2019 12:32:45</t>
  </si>
  <si>
    <t>lista_servidores.xlsx</t>
  </si>
  <si>
    <t>E:\VARIOS\lista_servidores.xlsx</t>
  </si>
  <si>
    <t>09/22/2019 12:32:46</t>
  </si>
  <si>
    <t>lista_servidores2.xlsx</t>
  </si>
  <si>
    <t>E:\VARIOS\lista_servidores2.xlsx</t>
  </si>
  <si>
    <t>LPU-Ago-16.xlsx</t>
  </si>
  <si>
    <t>E:\VARIOS\LPU-Ago-16.xlsx</t>
  </si>
  <si>
    <t>LPU_DC-Campinas&amp;Marileusa_Abril-2018.xlsx</t>
  </si>
  <si>
    <t>E:\VARIOS\LPU_DC-Campinas&amp;Marileusa_Abril-2018.xlsx</t>
  </si>
  <si>
    <t>09/22/2019 12:32:47</t>
  </si>
  <si>
    <t>D:\VARIOS\Planilha de Formação de Preços CNI BSB - Atualizado.zip\</t>
  </si>
  <si>
    <t>Planilha de Forma‡Æo de Pre‡os CNI BSB - Abril-2018.xlsx</t>
  </si>
  <si>
    <t>E:\VARIOS\Planilha de Formação de Preços CNI BSB - Atualizado.zip</t>
  </si>
  <si>
    <t>Planilha de Forma‡Æo de Pre‡os CNI BSB - Ago-2018.xlsx</t>
  </si>
  <si>
    <t>Planilha de Forma‡Æo de Pre‡os CNI BSB - Jul-2018.xlsx</t>
  </si>
  <si>
    <t>Planilha de Forma‡Æo de Pre‡os CNI BSB - Jun- 2018.xlsx</t>
  </si>
  <si>
    <t>Planilha de Forma‡Æo de Pre‡os CNI BSB - Mai-2018.xlsx</t>
  </si>
  <si>
    <t>Planilha de Forma‡Æo de Pre‡os CNI BSB - Mar-2018.xlsx</t>
  </si>
  <si>
    <t>Planilha de Forma‡Æo de Pre‡os CNI BSB - Out-2018.xlsx</t>
  </si>
  <si>
    <t>Planilha de Forma‡Æo de Pre‡os CNI BSB - Set-2018.xlsx</t>
  </si>
  <si>
    <t>09/22/2019 12:32:48</t>
  </si>
  <si>
    <t>report (1).csv</t>
  </si>
  <si>
    <t>E:\VARIOS\report (1).csv</t>
  </si>
  <si>
    <t>report (1).csv:Zone.Identifier</t>
  </si>
  <si>
    <t>E:\VARIOS\report (1).csv:Zone.Identifier</t>
  </si>
  <si>
    <t>report (2).csv</t>
  </si>
  <si>
    <t>E:\VARIOS\report (2).csv</t>
  </si>
  <si>
    <t>report (2).csv:Zone.Identifier</t>
  </si>
  <si>
    <t>E:\VARIOS\report (2).csv:Zone.Identifier</t>
  </si>
  <si>
    <t>report (3).csv</t>
  </si>
  <si>
    <t>E:\VARIOS\report (3).csv</t>
  </si>
  <si>
    <t>report (3).csv:Zone.Identifier</t>
  </si>
  <si>
    <t>E:\VARIOS\report (3).csv:Zone.Identifier</t>
  </si>
  <si>
    <t>report.csv</t>
  </si>
  <si>
    <t>E:\VARIOS\report.csv</t>
  </si>
  <si>
    <t>report.csv:Zone.Identifier</t>
  </si>
  <si>
    <t>E:\VARIOS\report.csv:Zone.Identifier</t>
  </si>
  <si>
    <t>reportaws.csv</t>
  </si>
  <si>
    <t>E:\VARIOS\reportaws.csv</t>
  </si>
  <si>
    <t>E:\VARIOS\ri_discount_sharing_preferences.csv</t>
  </si>
  <si>
    <t>09/26/2019 08:31:39</t>
  </si>
  <si>
    <t>09/26/2019 08:37:03</t>
  </si>
  <si>
    <t>ENC: Volume Gerenciadas Amex e Visa - 26/09</t>
  </si>
  <si>
    <t>09/26/2019 08:36:11</t>
  </si>
  <si>
    <t>09/26/2019 08:39:02</t>
  </si>
  <si>
    <t>Dimensionamento_V2 - Copia.xlsx</t>
  </si>
  <si>
    <t>09/25/2019 15:13:56</t>
  </si>
  <si>
    <t>09/26/2019 08:40:02</t>
  </si>
  <si>
    <t>wanessabds@algartech.com;</t>
  </si>
  <si>
    <t>Modelo Custos Projeto_final.xlsx</t>
  </si>
  <si>
    <t>wanessabds@algartech.com</t>
  </si>
  <si>
    <t>09/25/2019 15:45:40</t>
  </si>
  <si>
    <t>ENC: PRECIFICAÇAO.xlsx</t>
  </si>
  <si>
    <t>PRECIFICAÇAO.xlsx</t>
  </si>
  <si>
    <t>09/26/2019 08:42:22</t>
  </si>
  <si>
    <t>09/26/2019 08:46:03</t>
  </si>
  <si>
    <t>C:\Users\rodrigofrs\Google Drive\</t>
  </si>
  <si>
    <t>09/26/2019 08:42:37</t>
  </si>
  <si>
    <t>09/26/2019 08:48:03</t>
  </si>
  <si>
    <t>C:\Users\mariannacsm\OneDrive - Grupo Algar\0- PMO-POOL\PMO\CAPEX\CAPEX CSC\</t>
  </si>
  <si>
    <t>TECH - Projetos - Préclosing 2019 e Peça 2020_.xlsx</t>
  </si>
  <si>
    <t>09/26/2019 08:46:07</t>
  </si>
  <si>
    <t>09/26/2019 08:51:02</t>
  </si>
  <si>
    <t>10.211.2.74</t>
  </si>
  <si>
    <t>/o=exchangelabs/ou=exchange administrative group (fydibohf23spdlt)/cn=recipients/cn=1262e099c0f24b3489b19e6494cd5fca-rayssa da c;/o=exchangelabs/ou=exchange administrative group (fydibohf23spdlt)/cn=recipients/cn=71d61cf74988455d8586a88b31233851-pablo mathe;</t>
  </si>
  <si>
    <t>Ocorrências 01 a 25/09</t>
  </si>
  <si>
    <t>OCORRENCIAS_01A2509.csv</t>
  </si>
  <si>
    <t>/o=exchangelabs/ou=exchange administrative group (fydibohf23spdlt)/cn=recipients/cn=1262e099c0f24b3489b19e6494cd5fca-rayssa da c,/o=exchangelabs/ou=exchange administrative group (fydibohf23spdlt)/cn=recipients/cn=71d61cf74988455d8586a88b31233851-pablo mathe</t>
  </si>
  <si>
    <t>09/26/2019 08:47:57</t>
  </si>
  <si>
    <t>09/25/2019 20:35:14</t>
  </si>
  <si>
    <t>09/26/2019 08:58:02</t>
  </si>
  <si>
    <t>C:\Users\fellypcsj\OneDrive - Grupo Algar\Fellyp\Desenvolvimento Pessoal e Financeiro\Power BI\1-Vendas.zip\</t>
  </si>
  <si>
    <t>C:\Users\fellypcsj\OneDrive - Grupo Algar\Fellyp\Desenvolvimento Pessoal e Financeiro\Power BI\1-Vendas.zip\__MACOSX\</t>
  </si>
  <si>
    <t>._Vendas.csv</t>
  </si>
  <si>
    <t>09/25/2019 20:35:25</t>
  </si>
  <si>
    <t>C:\Users\fellypcsj\OneDrive - Grupo Algar\Fellyp\Desenvolvimento Pessoal e Financeiro\Power BI\</t>
  </si>
  <si>
    <t>09/26/2019 09:03:00</t>
  </si>
  <si>
    <t>09/26/2019 09:06:02</t>
  </si>
  <si>
    <t>/o=exchangelabs/ou=exchange administrative group (fydibohf23spdlt)/cn=recipients/cn=8d66bf0fd9334a81b7c67eda8652a948-guilherme c;/o=exchangelabs/ou=exchange administrative group (fydibohf23spdlt)/cn=recipients/cn=b284454839e94314a90d49e7ec00864f-antonio car;</t>
  </si>
  <si>
    <t>RES: Estrutura EDP e Sicoob</t>
  </si>
  <si>
    <t>178274 EDP BP Advanced Collection v4 Ajuste solicitado pelo PMO.xlsb</t>
  </si>
  <si>
    <t>/o=exchangelabs/ou=exchange administrative group (fydibohf23spdlt)/cn=recipients/cn=8d66bf0fd9334a81b7c67eda8652a948-guilherme c,/o=exchangelabs/ou=exchange administrative group (fydibohf23spdlt)/cn=recipients/cn=b284454839e94314a90d49e7ec00864f-antonio car</t>
  </si>
  <si>
    <t>09/26/2019 08:38:26</t>
  </si>
  <si>
    <t>09/26/2019 09:07:02</t>
  </si>
  <si>
    <t>/o=exchangelabs/ou=exchange administrative group (fydibohf23spdlt)/cn=recipients/cn=55643a6cbd93423e8f0c948d862c9e35-marcelo ale;/o=exchangelabs/ou=exchange administrative group (fydibohf23spdlt)/cn=recipients/cn=835c532cfb2546d29b9ec50eab1593d1-carla betan;/o=exchangelabs/ou=exchange administrative group (fydibohf23spdlt)/cn=recipients/cn=89ca346ee974400aae0c2ce74e5bf4c3-ademir de s;/o=exchangelabs/ou=exchange administrative group (fydibohf23spdlt)/cn=recipients/cn=97028c61ebe04c3ca84c604712943944-fabiano wil;/o=exchangelabs/ou=exchange administrative group (fydibohf23spdlt)/cn=recipients/cn=97d172c8919b4efe9c4a5cda6727a6c7-walter robe;/o=exchangelabs/ou=exchange administrative group (fydibohf23spdlt)/cn=recipients/cn=c6f5c50e91244036872327464dc6624a-cinthia mar;/o=exchangelabs/ou=exchange administrative group (fydibohf23spdlt)/cn=recipients/cn=user78f7a52d;/o=exchangelabs/ou=exchange administrative group (fydibohf23spdlt)/cn=recipients/cn=wilson achilles alves pereira neto - 004255;</t>
  </si>
  <si>
    <t>Informações de Alerta NOC</t>
  </si>
  <si>
    <t>Apr_19.csv</t>
  </si>
  <si>
    <t>/o=exchangelabs/ou=exchange administrative group (fydibohf23spdlt)/cn=recipients/cn=55643a6cbd93423e8f0c948d862c9e35-marcelo ale,/o=exchangelabs/ou=exchange administrative group (fydibohf23spdlt)/cn=recipients/cn=835c532cfb2546d29b9ec50eab1593d1-carla betan,/o=exchangelabs/ou=exchange administrative group (fydibohf23spdlt)/cn=recipients/cn=89ca346ee974400aae0c2ce74e5bf4c3-ademir de s,/o=exchangelabs/ou=exchange administrative group (fydibohf23spdlt)/cn=recipients/cn=97028c61ebe04c3ca84c604712943944-fabiano wil,/o=exchangelabs/ou=exchange administrative group (fydibohf23spdlt)/cn=recipients/cn=97d172c8919b4efe9c4a5cda6727a6c7-walter robe,/o=exchangelabs/ou=exchange administrative group (fydibohf23spdlt)/cn=recipients/cn=c6f5c50e91244036872327464dc6624a-cinthia mar,/o=exchangelabs/ou=exchange administrative group (fydibohf23spdlt)/cn=recipients/cn=user78f7a52d,/o=exchangelabs/ou=exchange administrative group (fydibohf23spdlt)/cn=recipients/cn=wilson achilles alves pereira neto - 004255</t>
  </si>
  <si>
    <t>09/26/2019 09:06:11</t>
  </si>
  <si>
    <t>09/26/2019 09:09:02</t>
  </si>
  <si>
    <t>09/26/2019 09:09:21</t>
  </si>
  <si>
    <t>09/26/2019 09:11:02</t>
  </si>
  <si>
    <t>/o=exchangelabs/ou=exchange administrative group (fydibohf23spdlt)/cn=recipients/cn=1c3bae1d5aab4c72b84516e819cd16c9-wilton paim;/o=exchangelabs/ou=exchange administrative group (fydibohf23spdlt)/cn=recipients/cn=56dc126fba5b4a5f8fb1cd7e4f10477d-thais olive;/o=exchangelabs/ou=exchange administrative group (fydibohf23spdlt)/cn=recipients/cn=8d66bf0fd9334a81b7c67eda8652a948-guilherme c;/o=exchangelabs/ou=exchange administrative group (fydibohf23spdlt)/cn=recipients/cn=d1ca1bbb859d4bb997649640237ba7cd-paulla rena;/o=exchangelabs/ou=exchange administrative group (fydibohf23spdlt)/cn=recipients/cn=eeabe757fd9847189424a9c6f7064f76-luana souza;</t>
  </si>
  <si>
    <t>Alocação MIS operação EDP</t>
  </si>
  <si>
    <t>/o=exchangelabs/ou=exchange administrative group (fydibohf23spdlt)/cn=recipients/cn=1c3bae1d5aab4c72b84516e819cd16c9-wilton paim,/o=exchangelabs/ou=exchange administrative group (fydibohf23spdlt)/cn=recipients/cn=56dc126fba5b4a5f8fb1cd7e4f10477d-thais olive,/o=exchangelabs/ou=exchange administrative group (fydibohf23spdlt)/cn=recipients/cn=8d66bf0fd9334a81b7c67eda8652a948-guilherme c,/o=exchangelabs/ou=exchange administrative group (fydibohf23spdlt)/cn=recipients/cn=d1ca1bbb859d4bb997649640237ba7cd-paulla rena,/o=exchangelabs/ou=exchange administrative group (fydibohf23spdlt)/cn=recipients/cn=eeabe757fd9847189424a9c6f7064f76-luana souza</t>
  </si>
  <si>
    <t>09/26/2019 09:09:10</t>
  </si>
  <si>
    <t>C:\Users\luanaaoli\Desktop\Comissão 0504 - FINALIZADA(2).pptx\</t>
  </si>
  <si>
    <t>09/26/2019 09:09:11</t>
  </si>
  <si>
    <t>09/26/2019 09:13:25</t>
  </si>
  <si>
    <t>09/26/2019 09:14:02</t>
  </si>
  <si>
    <t>09/26/2019 09:10:52</t>
  </si>
  <si>
    <t>09/26/2019 09:16:02</t>
  </si>
  <si>
    <t>/o=exchangelabs/ou=exchange administrative group (fydibohf23spdlt)/cn=recipients/cn=0163bfef0e474630bdcf0a3698e9ffd4-amanda ferr;</t>
  </si>
  <si>
    <t>99bc9733f8584c15a82aac35dae410ce.xls</t>
  </si>
  <si>
    <t>/o=exchangelabs/ou=exchange administrative group (fydibohf23spdlt)/cn=recipients/cn=0163bfef0e474630bdcf0a3698e9ffd4-amanda ferr</t>
  </si>
  <si>
    <t>09/26/2019 09:15:36</t>
  </si>
  <si>
    <t>lucianolemoscoelho@gmail.com;</t>
  </si>
  <si>
    <t>lucianolemoscoelho@gmail.com</t>
  </si>
  <si>
    <t>09/26/2019 09:16:44</t>
  </si>
  <si>
    <t>09/26/2019 09:21:02</t>
  </si>
  <si>
    <t>/o=exchangelabs/ou=exchange administrative group (fydibohf23spdlt)/cn=recipients/cn=f9e751102def46a896bc3ec6e90e1aed-katia dos r;</t>
  </si>
  <si>
    <t>Jornada.V4 (005).pptx</t>
  </si>
  <si>
    <t>Jornada.V4 (005).pptx\</t>
  </si>
  <si>
    <t>/o=exchangelabs/ou=exchange administrative group (fydibohf23spdlt)/cn=recipients/cn=f9e751102def46a896bc3ec6e90e1aed-katia dos r</t>
  </si>
  <si>
    <t>09/26/2019 09:18:50</t>
  </si>
  <si>
    <t>09/26/2019 09:22:02</t>
  </si>
  <si>
    <t>10.200.61.47</t>
  </si>
  <si>
    <t>54-BF-64-F5-84-9E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</t>
  </si>
  <si>
    <t>5561;</t>
  </si>
  <si>
    <t>C:\Users\mateusms\Desktop\</t>
  </si>
  <si>
    <t>UG 22015.xlsx</t>
  </si>
  <si>
    <t>http://5561</t>
  </si>
  <si>
    <t>09/26/2019 09:19:28</t>
  </si>
  <si>
    <t>09/26/2019 09:17:09</t>
  </si>
  <si>
    <t>/o=exchangelabs/ou=exchange administrative group (fydibohf23spdlt)/cn=recipients/cn=3d8a3ace44d54499a30000d5bd9dcba8-mirian tosh;/o=exchangelabs/ou=exchange administrative group (fydibohf23spdlt)/cn=recipients/cn=9e72be441e9e4b08a759859a5b3a336a-daniela de;erica@quilleconsultoria.com.br;</t>
  </si>
  <si>
    <t>RES: Reajuste de contrato - Dados</t>
  </si>
  <si>
    <t>/o=exchangelabs/ou=exchange administrative group (fydibohf23spdlt)/cn=recipients/cn=3d8a3ace44d54499a30000d5bd9dcba8-mirian tosh,/o=exchangelabs/ou=exchange administrative group (fydibohf23spdlt)/cn=recipients/cn=9e72be441e9e4b08a759859a5b3a336a-daniela de,erica@quilleconsultoria.com.br</t>
  </si>
  <si>
    <t>09/25/2019 22:22:00</t>
  </si>
  <si>
    <t>09/26/2019 09:24:03</t>
  </si>
  <si>
    <t>ENC: Prévia Capex Day 2020 - GAT</t>
  </si>
  <si>
    <t>Cópia de Capex LP 2020_V2.xlsx</t>
  </si>
  <si>
    <t>09/26/2019 09:22:44</t>
  </si>
  <si>
    <t>/o=exchangelabs/ou=exchange administrative group (fydibohf23spdlt)/cn=recipients/cn=3ebfd8bc89214470b46429d52658d70f-pricyla apa;/o=exchangelabs/ou=exchange administrative group (fydibohf23spdlt)/cn=recipients/cn=3fb6ab7b213844aaa9f4b7b177d40270-diogo rober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97bf0b4d6b424f9fbf91192510276150-renata de o;/o=exchangelabs/ou=exchange administrative group (fydibohf23spdlt)/cn=recipients/cn=9a65d8734c444cbc8372a614d17d98e1-lucia maalo;/o=exchangelabs/ou=exchange administrative group (fydibohf23spdlt)/cn=recipients/cn=9ec15fdf8a374c6f80ea1bf33684216e-roberta alv;</t>
  </si>
  <si>
    <t>/o=exchangelabs/ou=exchange administrative group (fydibohf23spdlt)/cn=recipients/cn=3ebfd8bc89214470b46429d52658d70f-pricyla apa,/o=exchangelabs/ou=exchange administrative group (fydibohf23spdlt)/cn=recipients/cn=3fb6ab7b213844aaa9f4b7b177d40270-diogo rober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97bf0b4d6b424f9fbf91192510276150-renata de o,/o=exchangelabs/ou=exchange administrative group (fydibohf23spdlt)/cn=recipients/cn=9a65d8734c444cbc8372a614d17d98e1-lucia maalo,/o=exchangelabs/ou=exchange administrative group (fydibohf23spdlt)/cn=recipients/cn=9ec15fdf8a374c6f80ea1bf33684216e-roberta alv</t>
  </si>
  <si>
    <t>09/26/2019 09:24:28</t>
  </si>
  <si>
    <t>09/26/2019 09:26:03</t>
  </si>
  <si>
    <t>Tabela de Operação - CR - Diretoria e Torre.xlsx</t>
  </si>
  <si>
    <t>09/26/2019 09:24:36</t>
  </si>
  <si>
    <t>09/26/2019 09:23:49</t>
  </si>
  <si>
    <t>09/26/2019 09:27:03</t>
  </si>
  <si>
    <t>/o=exchangelabs/ou=exchange administrative group (fydibohf23spdlt)/cn=recipients/cn=carlos henrique vilarinho_db6c0fb3df;/o=exchangelabs/ou=exchange administrative group (fydibohf23spdlt)/cn=recipients/cn=tatiane de souza lemes panato_aed47a633b;</t>
  </si>
  <si>
    <t>RAO Set/19</t>
  </si>
  <si>
    <t>RAO - 09 -2019 v2.pptx\</t>
  </si>
  <si>
    <t>/o=exchangelabs/ou=exchange administrative group (fydibohf23spdlt)/cn=recipients/cn=carlos henrique vilarinho_db6c0fb3df,/o=exchangelabs/ou=exchange administrative group (fydibohf23spdlt)/cn=recipients/cn=tatiane de souza lemes panato_aed47a633b</t>
  </si>
  <si>
    <t>09/26/2019 09:28:59</t>
  </si>
  <si>
    <t>09/26/2019 09:31:04</t>
  </si>
  <si>
    <t>09/26/2019 09:29:03</t>
  </si>
  <si>
    <t>09/26/2019 09:32:03</t>
  </si>
  <si>
    <t>C:\Users\tiagorpf\OneDrive - Grupo Algar\Ecohouse\</t>
  </si>
  <si>
    <t>AcompanhamentoOnlineCategorizacoes V4.xlsm</t>
  </si>
  <si>
    <t>09/26/2019 09:30:09</t>
  </si>
  <si>
    <t>09/26/2019 09:34:03</t>
  </si>
  <si>
    <t>WO - 319037021 - CGMS81 - MS.xlsx</t>
  </si>
  <si>
    <t>09/26/2019 09:32:49</t>
  </si>
  <si>
    <t>D:\OneDrive\AlgarTech\Pré-Vendas\Cliente\2019\SuperFrio\213392 - Colocation Sevirdor Oracle DB\</t>
  </si>
  <si>
    <t>09/26/2019 09:34:40</t>
  </si>
  <si>
    <t>09/26/2019 09:36:03</t>
  </si>
  <si>
    <t>brunosr@algartech.com.br;sheilacdf@algartech.com.br;tamirespl@algartech.com.br;vivianega@algartech.com.br;</t>
  </si>
  <si>
    <t>brunosr@algartech.com.br,sheilacdf@algartech.com.br,tamirespl@algartech.com.br,vivianega@algartech.com.br</t>
  </si>
  <si>
    <t>09/25/2019 18:32:43</t>
  </si>
  <si>
    <t>09/26/2019 09:40:03</t>
  </si>
  <si>
    <t>/o=exchangelabs/ou=exchange administrative group (fydibohf23spdlt)/cn=recipients/cn=fa97b4f41f6b44568346ac119cf955ae-pablo henri;/o=exchangelabs/ou=exchange administrative group (fydibohf23spdlt)/cn=recipients/cn=userab35ecfe;carla.rosa@bradesco.com.br;claudia.b.pereira@bradesco.com.br;jacqueline.mariano@bradesco.com.br;karoline.rocha@bradesco.com.br;leandra.cardoso@bradesco.com.br;rodrigocarmo.pereira@bradesco.com.br;sandra.b.bezerra@bradesco.com.br;vanessa.freitag@bradesco.com.br;viviane.virgilio@bradesco.com.br;</t>
  </si>
  <si>
    <t>RES: Fluxo de Reclamações - atualização de informações - setembro.19</t>
  </si>
  <si>
    <t>Planilha padrão Celebrations - versão julho.19.xlsx</t>
  </si>
  <si>
    <t>/o=exchangelabs/ou=exchange administrative group (fydibohf23spdlt)/cn=recipients/cn=fa97b4f41f6b44568346ac119cf955ae-pablo henri,/o=exchangelabs/ou=exchange administrative group (fydibohf23spdlt)/cn=recipients/cn=userab35ecfe,carla.rosa@bradesco.com.br,claudia.b.pereira@bradesco.com.br,jacqueline.mariano@bradesco.com.br,karoline.rocha@bradesco.com.br,leandra.cardoso@bradesco.com.br,rodrigocarmo.pereira@bradesco.com.br,sandra.b.bezerra@bradesco.com.br,vanessa.freitag@bradesco.com.br,viviane.virgilio@bradesco.com.br</t>
  </si>
  <si>
    <t>09/26/2019 09:36:53</t>
  </si>
  <si>
    <t>09/26/2019 09:41:03</t>
  </si>
  <si>
    <t>09/26/2019 09:39:38</t>
  </si>
  <si>
    <t>09/26/2019 09:42:03</t>
  </si>
  <si>
    <t>/o=exchangelabs/ou=exchange administrative group (fydibohf23spdlt)/cn=recipients/cn=1388e760581940569776ffce7145c40e-patricia ap;/o=exchangelabs/ou=exchange administrative group (fydibohf23spdlt)/cn=recipients/cn=142c8fe1b4224ee196db8bf4b9345086-silvana da;/o=exchangelabs/ou=exchange administrative group (fydibohf23spdlt)/cn=recipients/cn=17d8f04fe62d4d3baddebc7b19339779-paulo henri;/o=exchangelabs/ou=exchange administrative group (fydibohf23spdlt)/cn=recipients/cn=491998fde0524b7f83d1a43bbfb850a3-matheus mig;/o=exchangelabs/ou=exchange administrative group (fydibohf23spdlt)/cn=recipients/cn=b882fe4dd4d548e3a696b02e3de6e5d1-viviane pri;/o=exchangelabs/ou=exchange administrative group (fydibohf23spdlt)/cn=recipients/cn=c0266b8211e24bc5b1c5e59650b1724e-karolina da;/o=exchangelabs/ou=exchange administrative group (fydibohf23spdlt)/cn=recipients/cn=c08089b92f0643f18c949cb099a06593-tamara luis;/o=exchangelabs/ou=exchange administrative group (fydibohf23spdlt)/cn=recipients/cn=fd10af9a11064fddbce61115bef21836-hanna</t>
  </si>
  <si>
    <t>ENC: Resultado Parcial - até 20/09</t>
  </si>
  <si>
    <t>/o=exchangelabs/ou=exchange administrative group (fydibohf23spdlt)/cn=recipients/cn=1388e760581940569776ffce7145c40e-patricia ap,/o=exchangelabs/ou=exchange administrative group (fydibohf23spdlt)/cn=recipients/cn=142c8fe1b4224ee196db8bf4b9345086-silvana da,/o=exchangelabs/ou=exchange administrative group (fydibohf23spdlt)/cn=recipients/cn=17d8f04fe62d4d3baddebc7b19339779-paulo henri,/o=exchangelabs/ou=exchange administrative group (fydibohf23spdlt)/cn=recipients/cn=491998fde0524b7f83d1a43bbfb850a3-matheus mig,/o=exchangelabs/ou=exchange administrative group (fydibohf23spdlt)/cn=recipients/cn=b882fe4dd4d548e3a696b02e3de6e5d1-viviane pri,/o=exchangelabs/ou=exchange administrative group (fydibohf23spdlt)/cn=recipients/cn=c0266b8211e24bc5b1c5e59650b1724e-karolina da,/o=exchangelabs/ou=exchange administrative group (fydibohf23spdlt)/cn=recipients/cn=c08089b92f0643f18c949cb099a06593-tamara luis,/o=exchangelabs/ou=exchange administrative group (fydibohf23spdlt)/cn=recipients/cn=fd10af9a11064fddbce61115bef21836-hanna</t>
  </si>
  <si>
    <t>09/25/2019 14:19:31</t>
  </si>
  <si>
    <t>09/26/2019 09:44:03</t>
  </si>
  <si>
    <t>10.200.57.148</t>
  </si>
  <si>
    <t>D8-9C-67-6F-2A-01</t>
  </si>
  <si>
    <t>NB-RUIDRT</t>
  </si>
  <si>
    <t>ruidrt</t>
  </si>
  <si>
    <t>ruidrt@algartech.com</t>
  </si>
  <si>
    <t>marianagso@algartech.com;viniciusgt@algartech.com;viniciusr@algartech.com;</t>
  </si>
  <si>
    <t>C:\Users\ruidrt\Downloads\</t>
  </si>
  <si>
    <t>relatorio_atendimento_analitico_5d8b823b63685.xlsx</t>
  </si>
  <si>
    <t>marianagso@algartech.com,viniciusgt@algartech.com,viniciusr@algartech.com</t>
  </si>
  <si>
    <t>09/26/2019 09:39:48</t>
  </si>
  <si>
    <t>D:\OneDrive\AlgarTech\Pré-Vendas\Cliente\2019\SuperFrio\213392 - Colocation Sevirdor Oracle DB\AmbienteAtual_143033\</t>
  </si>
  <si>
    <t>Data Center 11-jan-2018_Ultima Versão.xlsb</t>
  </si>
  <si>
    <t>D:\OneDrive\AlgarTech\Pré-Vendas\Cliente\2019\SuperFrio\213392 - Colocation Sevirdor Oracle DB\AmbienteAtual_143033\Data Center 11-jan-2018_Ultima Versão.xlsb\</t>
  </si>
  <si>
    <t>09/26/2019 09:41:36</t>
  </si>
  <si>
    <t>09/26/2019 09:46:04</t>
  </si>
  <si>
    <t>/o=exchangelabs/ou=exchange administrative group (fydibohf23spdlt)/cn=recipients/cn=857b2b6b70d84d3b9947cf5422f304c2-leonardo de;</t>
  </si>
  <si>
    <t>ENC: IMPORTANTE Ocorrências no ponto período de 01 A 20/09</t>
  </si>
  <si>
    <t>CONSOLIDADO OCORRENCIAS 01A20.09.2019.xlsm</t>
  </si>
  <si>
    <t>/o=exchangelabs/ou=exchange administrative group (fydibohf23spdlt)/cn=recipients/cn=857b2b6b70d84d3b9947cf5422f304c2-leonardo de</t>
  </si>
  <si>
    <t>09/26/2019 09:45:14</t>
  </si>
  <si>
    <t>09/26/2019 09:50:04</t>
  </si>
  <si>
    <t>cappola@a100dco.com;</t>
  </si>
  <si>
    <t>cappola@a100dco.com</t>
  </si>
  <si>
    <t>09/26/2019 09:47:52</t>
  </si>
  <si>
    <t>09/26/2019 09:51:03</t>
  </si>
  <si>
    <t>0ANALYSIS_PATTERN (75).csv</t>
  </si>
  <si>
    <t>09/26/2019 09:48:25</t>
  </si>
  <si>
    <t>09/26/2019 09:50:56</t>
  </si>
  <si>
    <t>09/26/2019 09:53:03</t>
  </si>
  <si>
    <t>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651324bc204a42f6bbcdf62273ebdc5c-aluisio ant;/o=exchangelabs/ou=exchange administrative group (fydibohf23spdlt)/cn=recipients/cn=89e58c8da071492dbdcb4fee4156b705-gustavo alm;amandacdr@algartech.com;</t>
  </si>
  <si>
    <t>RES: Projeto Precificação - Abertura Metas GAT</t>
  </si>
  <si>
    <t>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651324bc204a42f6bbcdf62273ebdc5c-aluisio ant,/o=exchangelabs/ou=exchange administrative group (fydibohf23spdlt)/cn=recipients/cn=89e58c8da071492dbdcb4fee4156b705-gustavo alm,amandacdr@algartech.com</t>
  </si>
  <si>
    <t>09/26/2019 09:52:15</t>
  </si>
  <si>
    <t>09/26/2019 09:54:03</t>
  </si>
  <si>
    <t>RES:</t>
  </si>
  <si>
    <t>ControleInterno_GestãoWO.xlsm</t>
  </si>
  <si>
    <t>09/25/2019 10:19:48</t>
  </si>
  <si>
    <t>09/26/2019 09:56:03</t>
  </si>
  <si>
    <t>/o=exchangelabs/ou=exchange administrative group (fydibohf23spdlt)/cn=recipients/cn=efb00d1c14e34fd7b7808c87cd85174d-rafael lope;/o=exchangelabs/ou=exchange administrative group (fydibohf23spdlt)/cn=recipients/cn=f42f5571897a4de5b99c25bca0db19ec-roberto roq;</t>
  </si>
  <si>
    <t>RELATÓRIO CATEGORIA E ESCALA</t>
  </si>
  <si>
    <t>CATEGORIA E ESCALA ENGESET.xlsx</t>
  </si>
  <si>
    <t>/o=exchangelabs/ou=exchange administrative group (fydibohf23spdlt)/cn=recipients/cn=efb00d1c14e34fd7b7808c87cd85174d-rafael lope,/o=exchangelabs/ou=exchange administrative group (fydibohf23spdlt)/cn=recipients/cn=f42f5571897a4de5b99c25bca0db19ec-roberto roq</t>
  </si>
  <si>
    <t>09/26/2019 09:53:39</t>
  </si>
  <si>
    <t>09/26/2019 09:58:03</t>
  </si>
  <si>
    <t>09/26/2019 09:53:40</t>
  </si>
  <si>
    <t>C:\Users\marcospr\OneDrive - Grupo Algar\Corporativo\01 - Projetos - Business Inteligence\Whirlpool - Nova Operação\</t>
  </si>
  <si>
    <t>Campos necessários_V2.xlsx</t>
  </si>
  <si>
    <t>09/26/2019 09:56:19</t>
  </si>
  <si>
    <t>09/26/2019 10:00:03</t>
  </si>
  <si>
    <t>/o=exchangelabs/ou=exchange administrative group (fydibohf23spdlt)/cn=recipients/cn=f23199a9eb1c4dab9b7d7d0688901f52-marta lucia;</t>
  </si>
  <si>
    <t>/o=exchangelabs/ou=exchange administrative group (fydibohf23spdlt)/cn=recipients/cn=f23199a9eb1c4dab9b7d7d0688901f52-marta lucia</t>
  </si>
  <si>
    <t>09/26/2019 09:56:16</t>
  </si>
  <si>
    <t>09/26/2019 10:01:04</t>
  </si>
  <si>
    <t>/o=exchangelabs/ou=exchange administrative group (fydibohf23spdlt)/cn=recipients/cn=1262e099c0f24b3489b19e6494cd5fca-rayssa da c;</t>
  </si>
  <si>
    <t>ENC: Ocorrências</t>
  </si>
  <si>
    <t>CONSOLIDADO OCORRENCIAS 01A20.09.2019 V.O.xlsm</t>
  </si>
  <si>
    <t>/o=exchangelabs/ou=exchange administrative group (fydibohf23spdlt)/cn=recipients/cn=1262e099c0f24b3489b19e6494cd5fca-rayssa da c</t>
  </si>
  <si>
    <t>09/26/2019 10:01:11</t>
  </si>
  <si>
    <t>09/26/2019 10:03:03</t>
  </si>
  <si>
    <t>C:\Users\marcospr\OneDrive - Grupo Algar\Corporativo\01 - Projetos - Business Inteligence\Whirlpool - Nova Operação\CSAT\</t>
  </si>
  <si>
    <t>Indicadores.xlsx</t>
  </si>
  <si>
    <t>09/26/2019 10:02:20</t>
  </si>
  <si>
    <t>/o=exchangelabs/ou=exchange administrative group (fydibohf23spdlt)/cn=recipients/cn=32fe8a14424941da83c2bf35a8a5709e-fabiana car;/o=exchangelabs/ou=exchange administrative group (fydibohf23spdlt)/cn=recipients/cn=5cff907b7abb465c8dbe10257a462656-diego iure;/o=exchangelabs/ou=exchange administrative group (fydibohf23spdlt)/cn=recipients/cn=cac18c5388b04f6d979d1bc87a08825a-marcopaulo;</t>
  </si>
  <si>
    <t>ENC: [FORMALIZAÇÃO] ● FORECAST ALGAR ● 45 DIAS ● NOVEMBRO/19</t>
  </si>
  <si>
    <t>ATENDIMENTO PF - Planejamento.msg\s1\</t>
  </si>
  <si>
    <t>CSC_HC - ATEND PF - 2019 09 18.xlsm</t>
  </si>
  <si>
    <t>/o=exchangelabs/ou=exchange administrative group (fydibohf23spdlt)/cn=recipients/cn=32fe8a14424941da83c2bf35a8a5709e-fabiana car,/o=exchangelabs/ou=exchange administrative group (fydibohf23spdlt)/cn=recipients/cn=5cff907b7abb465c8dbe10257a462656-diego iure,/o=exchangelabs/ou=exchange administrative group (fydibohf23spdlt)/cn=recipients/cn=cac18c5388b04f6d979d1bc87a08825a-marcopaulo</t>
  </si>
  <si>
    <t>09/25/2019 17:18:40</t>
  </si>
  <si>
    <t>09/26/2019 10:04:03</t>
  </si>
  <si>
    <t>10.204.6.43</t>
  </si>
  <si>
    <t>D4-6A-6A-FD-97-19</t>
  </si>
  <si>
    <t>NB-RICARDOBAL</t>
  </si>
  <si>
    <t>ricardobal</t>
  </si>
  <si>
    <t>C:\Users\ricardobal\OneDrive - Grupo Algar\Algar Tecnologia\01 - CLIENTES\ALGAR TELECOM\FABRICA SW\ALOCAÇÃO\ALOCAÇÃO SANDRA - ANALISTA DE PROCESSOS\</t>
  </si>
  <si>
    <t>198294 - PLANILHA TRANSACIONAL - Copia.xlsx</t>
  </si>
  <si>
    <t>09/25/2019 19:10:53</t>
  </si>
  <si>
    <t>C:\Users\ricardobal\OneDrive - Grupo Algar\Algar Tecnologia\01 - CLIENTES\ALGAR TELECOM\SERVIÇOS DE TELECOM\ALOCAÇÕES\</t>
  </si>
  <si>
    <t>206360 - Pedido Transacional_BACKOFFICE.xls</t>
  </si>
  <si>
    <t>09/25/2019 19:30:46</t>
  </si>
  <si>
    <t>c:\users\ricardobal\onedrive - grupo algar\algar tecnologia\01 - clientes\algar telecom\serviÇos de telecom\alocaÇÕes\</t>
  </si>
  <si>
    <t>213395 - pedido transacional_projeto reversão.xls</t>
  </si>
  <si>
    <t>09/25/2019 19:35:58</t>
  </si>
  <si>
    <t>213395 - Pedido Transacional_Projeto Reversão.xls</t>
  </si>
  <si>
    <t>09/25/2019 19:41:43</t>
  </si>
  <si>
    <t>C:\Users\ricardobal\OneDrive - Grupo Algar\Algar Tecnologia\01 - CLIENTES\ALGAR TELECOM\SERVIÇOS DE TELECOM\GPON\2019\198258 TRIAGEM GPON 6 MESES\</t>
  </si>
  <si>
    <t>198258 - Pedido Transacional.xls</t>
  </si>
  <si>
    <t>09/25/2019 19:41:47</t>
  </si>
  <si>
    <t>C:\Users\ricardobal\OneDrive - Grupo Algar\Algar Tecnologia\01 - CLIENTES\ALGAR TELECOM\SERVIÇOS DE TELECOM\GPON\2019\213396 RENOVAÇÃO PROPOSTA 181261\</t>
  </si>
  <si>
    <t>198258 - PLANILHA TRANSACIONAL.xlsx</t>
  </si>
  <si>
    <t>09/25/2019 19:47:50</t>
  </si>
  <si>
    <t>c:\users\ricardobal\onedrive - grupo algar\algar tecnologia\01 - clientes\algar telecom\serviÇos de telecom\gpon\2019\213396 renovaÇÃo proposta 181261\</t>
  </si>
  <si>
    <t>213396 - pedido transacional.xls</t>
  </si>
  <si>
    <t>09/26/2019 10:02:37</t>
  </si>
  <si>
    <t>09/26/2019 10:06:03</t>
  </si>
  <si>
    <t>Melhorias BP</t>
  </si>
  <si>
    <t>Projeto PPA.xlsx</t>
  </si>
  <si>
    <t>09/26/2019 10:05:51</t>
  </si>
  <si>
    <t>09/26/2019 10:07:03</t>
  </si>
  <si>
    <t>/o=exchangelabs/ou=exchange administrative group (fydibohf23spdlt)/cn=recipients/cn=aef94c0f98b44279a41d719230c27333-sabrina dan;tatiane.castro@bradesco.com.br;</t>
  </si>
  <si>
    <t>RES: Controle de Operações 23.09</t>
  </si>
  <si>
    <t>Controle Operações_P2 Algar 23.09.xlsx</t>
  </si>
  <si>
    <t>/o=exchangelabs/ou=exchange administrative group (fydibohf23spdlt)/cn=recipients/cn=aef94c0f98b44279a41d719230c27333-sabrina dan,tatiane.castro@bradesco.com.br</t>
  </si>
  <si>
    <t>09/26/2019 10:04:47</t>
  </si>
  <si>
    <t>09/26/2019 10:08:03</t>
  </si>
  <si>
    <t>/o=exchangelabs/ou=exchange administrative group (fydibohf23spdlt)/cn=recipients/cn=4b453b7f02914710b3e94bcf7b311ad4-fernando po;/o=exchangelabs/ou=exchange administrative group (fydibohf23spdlt)/cn=recipients/cn=5cff907b7abb465c8dbe10257a462656-diego iure;/o=exchangelabs/ou=exchange administrative group (fydibohf23spdlt)/cn=recipients/cn=b1a72fc2d0234efca84c7771ea70c7ee-roberta cri;</t>
  </si>
  <si>
    <t>ENC: ATENDIMENTO PF - Planejamento/Orçamento</t>
  </si>
  <si>
    <t>PF - Acompanhamento Volume - Gráfico 2019 09 19.xlsx</t>
  </si>
  <si>
    <t>/o=exchangelabs/ou=exchange administrative group (fydibohf23spdlt)/cn=recipients/cn=4b453b7f02914710b3e94bcf7b311ad4-fernando po,/o=exchangelabs/ou=exchange administrative group (fydibohf23spdlt)/cn=recipients/cn=5cff907b7abb465c8dbe10257a462656-diego iure,/o=exchangelabs/ou=exchange administrative group (fydibohf23spdlt)/cn=recipients/cn=b1a72fc2d0234efca84c7771ea70c7ee-roberta cri</t>
  </si>
  <si>
    <t>09/26/2019 10:04:29</t>
  </si>
  <si>
    <t>09/26/2019 10:09:03</t>
  </si>
  <si>
    <t>RES: Preclosing e Orçamento 2020</t>
  </si>
  <si>
    <t>LUCIANA BERNARDES DE OLIVEIRA - RETORNO HELIEL.xlsx</t>
  </si>
  <si>
    <t>09/26/2019 10:08:20</t>
  </si>
  <si>
    <t>09/26/2019 10:10:03</t>
  </si>
  <si>
    <t>/o=exchangelabs/ou=exchange administrative group (fydibohf23spdlt)/cn=recipients/cn=55124587bb9148f5887830eedfe99a77-marilia men;/o=exchangelabs/ou=exchange administrative group (fydibohf23spdlt)/cn=recipients/cn=e8a8131dc3334dc38d81db3d2a41a3fe-denise viei;</t>
  </si>
  <si>
    <t>ENC: OC - Satec.</t>
  </si>
  <si>
    <t>Solicitação de OC ID9668 SATEC.msg\s1\</t>
  </si>
  <si>
    <t>Margem Fatura B.xlsm</t>
  </si>
  <si>
    <t>/o=exchangelabs/ou=exchange administrative group (fydibohf23spdlt)/cn=recipients/cn=55124587bb9148f5887830eedfe99a77-marilia men,/o=exchangelabs/ou=exchange administrative group (fydibohf23spdlt)/cn=recipients/cn=e8a8131dc3334dc38d81db3d2a41a3fe-denise viei</t>
  </si>
  <si>
    <t>09/26/2019 10:07:23</t>
  </si>
  <si>
    <t>09/26/2019 10:11:03</t>
  </si>
  <si>
    <t>Validação_Diretoria_Torre.xlsx</t>
  </si>
  <si>
    <t>09/26/2019 10:11:11</t>
  </si>
  <si>
    <t>09/26/2019 10:16:04</t>
  </si>
  <si>
    <t>09/26/2019 10:11:41</t>
  </si>
  <si>
    <t>Base BW % Conversão - Set-2019 - Parcial - 25-09-19.xlsm</t>
  </si>
  <si>
    <t>09/26/2019 10:11:49</t>
  </si>
  <si>
    <t>C:\Users\rodrigombu\OneDrive - Grupo Algar\Whirlpool\2019\10 - Outubro\Arquivo\</t>
  </si>
  <si>
    <t>09/26/2019 10:11:48</t>
  </si>
  <si>
    <t>C:\Users\iramildass\Desktop\Iramilda\Gente e Gestão\Folha e Ponto\</t>
  </si>
  <si>
    <t>09/26/2019 10:12:22</t>
  </si>
  <si>
    <t>09/26/2019 10:17:03</t>
  </si>
  <si>
    <t>10.200.33.14</t>
  </si>
  <si>
    <t>64-1C-67-9C-32-06</t>
  </si>
  <si>
    <t>NB-HUGONM</t>
  </si>
  <si>
    <t>hugonmo</t>
  </si>
  <si>
    <t>C:\Users\hugonmo\Documents\Carga de Dados\</t>
  </si>
  <si>
    <t>01-Celula.xlsx</t>
  </si>
  <si>
    <t>02-Fila.xlsx</t>
  </si>
  <si>
    <t>09/26/2019 10:20:10</t>
  </si>
  <si>
    <t>09/26/2019 10:24:03</t>
  </si>
  <si>
    <t>213396 - PLANILHA TRANSACIONAL.xlsx</t>
  </si>
  <si>
    <t>09/26/2019 10:20:29</t>
  </si>
  <si>
    <t>https://caey.fa.us2.oraclecloud.com/crmui/faces/fusewelcome?_adf.ctrl-state=95o0rm6j3_5</t>
  </si>
  <si>
    <t>09/26/2019 10:20:30</t>
  </si>
  <si>
    <t>/o=exchangelabs/ou=exchange administrative group (fydibohf23spdlt)/cn=recipients/cn=287c26b08a0f48578479a15a452f025d-edilson rod;/o=exchangelabs/ou=exchange administrative group (fydibohf23spdlt)/cn=recipients/cn=651324bc204a42f6bbcdf62273ebdc5c-aluisio ant;</t>
  </si>
  <si>
    <t>RES: REVISÃO CAPEX 2020 PPE GAT E INFRA TI.pptx</t>
  </si>
  <si>
    <t>Capex LP 2020_V3.xlsx</t>
  </si>
  <si>
    <t>/o=exchangelabs/ou=exchange administrative group (fydibohf23spdlt)/cn=recipients/cn=287c26b08a0f48578479a15a452f025d-edilson rod,/o=exchangelabs/ou=exchange administrative group (fydibohf23spdlt)/cn=recipients/cn=651324bc204a42f6bbcdf62273ebdc5c-aluisio ant</t>
  </si>
  <si>
    <t>09/26/2019 10:27:03</t>
  </si>
  <si>
    <t>09/26/2019 10:28:03</t>
  </si>
  <si>
    <t>/o=exchangelabs/ou=exchange administrative group (fydibohf23spdlt)/cn=recipients/cn=56e3fadc73e947498ee83eccc621ad0f-guilherme a;</t>
  </si>
  <si>
    <t>/o=exchangelabs/ou=exchange administrative group (fydibohf23spdlt)/cn=recipients/cn=56e3fadc73e947498ee83eccc621ad0f-guilherme a</t>
  </si>
  <si>
    <t>09/26/2019 10:27:00</t>
  </si>
  <si>
    <t>09/26/2019 10:29:03</t>
  </si>
  <si>
    <t>Preco_Colocation_V1.xlsb</t>
  </si>
  <si>
    <t>09/26/2019 10:27:08</t>
  </si>
  <si>
    <t>10.200.239.50</t>
  </si>
  <si>
    <t>Relatório TD</t>
  </si>
  <si>
    <t>09/26/2019 10:28:45</t>
  </si>
  <si>
    <t>09/26/2019 10:30:03</t>
  </si>
  <si>
    <t>\\acsfs\DEPTOS\Controladoria\32.Tesouraria\4 - Endividamento\8 - Mútuos_AFAC\Mútuos\9 - Algar TI Argentina\</t>
  </si>
  <si>
    <t>ACC - Contrato de mútuo - Algar TI e Algar TI (Argentina) - Alterar para AFAC.xlsx</t>
  </si>
  <si>
    <t>09/26/2019 10:28:40</t>
  </si>
  <si>
    <t>Fernando Rodrigues Siqueira Junior</t>
  </si>
  <si>
    <t>/o=exchangelabs/ou=exchange administrative group (fydibohf23spdlt)/cn=recipients/cn=b67cad4ecfa344baaa94d716e7554f49-bruno camel;/o=exchangelabs/ou=exchange administrative group (fydibohf23spdlt)/cn=recipients/cn=c8e779a7d26d469cbb9a0149fef56cc4-marcos vini;</t>
  </si>
  <si>
    <t>RES: Liberação Beedoo - EDP e SICOOB</t>
  </si>
  <si>
    <t>Dados - Beedoo.xlsx</t>
  </si>
  <si>
    <t>/o=exchangelabs/ou=exchange administrative group (fydibohf23spdlt)/cn=recipients/cn=b67cad4ecfa344baaa94d716e7554f49-bruno camel,/o=exchangelabs/ou=exchange administrative group (fydibohf23spdlt)/cn=recipients/cn=c8e779a7d26d469cbb9a0149fef56cc4-marcos vini</t>
  </si>
  <si>
    <t>09/26/2019 10:26:09</t>
  </si>
  <si>
    <t>09/26/2019 10:31:03</t>
  </si>
  <si>
    <t>/o=exchangelabs/ou=exchange administrative group (fydibohf23spdlt)/cn=recipients/cn=4a12565b1fd641949c422bae61f78467-antonia jaq;/o=exchangelabs/ou=exchange administrative group (fydibohf23spdlt)/cn=recipients/cn=d41c94bf333f464089dc06b44bfb2b17-tayna cosme;</t>
  </si>
  <si>
    <t>ENC: Cronograma de quitação de banco de horas</t>
  </si>
  <si>
    <t>Telas que deve considerar para BANCO DE HORAS.xlsm</t>
  </si>
  <si>
    <t>/o=exchangelabs/ou=exchange administrative group (fydibohf23spdlt)/cn=recipients/cn=4a12565b1fd641949c422bae61f78467-antonia jaq,/o=exchangelabs/ou=exchange administrative group (fydibohf23spdlt)/cn=recipients/cn=d41c94bf333f464089dc06b44bfb2b17-tayna cosme</t>
  </si>
  <si>
    <t>09/26/2019 10:32:05</t>
  </si>
  <si>
    <t>09/26/2019 10:35:03</t>
  </si>
  <si>
    <t>/o=exchangelabs/ou=exchange administrative group (fydibohf23spdlt)/cn=recipients/cn=696f712aa5c841708a095699a50884db-luan kevem;</t>
  </si>
  <si>
    <t>ENC: Ligações Para treinamento - Atende</t>
  </si>
  <si>
    <t>SUGESTAO SCRIPT ATENDE.xlsx</t>
  </si>
  <si>
    <t>/o=exchangelabs/ou=exchange administrative group (fydibohf23spdlt)/cn=recipients/cn=696f712aa5c841708a095699a50884db-luan kevem</t>
  </si>
  <si>
    <t>09/26/2019 10:34:08</t>
  </si>
  <si>
    <t>09/26/2019 10:37:03</t>
  </si>
  <si>
    <t>10.201.147.25</t>
  </si>
  <si>
    <t>/o=exchangelabs/ou=exchange administrative group (fydibohf23spdlt)/cn=recipients/cn=0eb8b2385d354af2b97da6b3eb0e0e32-augusto mor;/o=exchangelabs/ou=exchange administrative group (fydibohf23spdlt)/cn=recipients/cn=2f8300fc6f8b4714a77c0227cba72162-vinicius pi;/o=exchangelabs/ou=exchange administrative group (fydibohf23spdlt)/cn=recipients/cn=3188323005a04a70962871b2b980355d-humberto pi;/o=exchangelabs/ou=exchange administrative group (fydibohf23spdlt)/cn=recipients/cn=56c2af2d07fd48c0aebfc00ddc006494-alessio rod;/o=exchangelabs/ou=exchange administrative group (fydibohf23spdlt)/cn=recipients/cn=5dd03a66f797451390d7113259343399-aline da si;/o=exchangelabs/ou=exchange administrative group (fydibohf23spdlt)/cn=recipients/cn=6fbc44b6d6b549208175d5a27201bd13-cintia nune;/o=exchangelabs/ou=exchange administrative group (fydibohf23spdlt)/cn=recipients/cn=78e530b5e3244cc1a89eba7f7b0af42f-marco tulio;/o=exchangelabs/ou=exchange administrative group (fydibohf23spdlt)/cn=recipients/cn=7903c13fa0504ff0bc7dd2644020b0e8-mirn</t>
  </si>
  <si>
    <t>RES: Badcall TLV Receptivo - Set/19</t>
  </si>
  <si>
    <t>RES Badcall TLV Receptivo - Set19.msg\s656\</t>
  </si>
  <si>
    <t>BAD CALLS.xlsx</t>
  </si>
  <si>
    <t>/o=exchangelabs/ou=exchange administrative group (fydibohf23spdlt)/cn=recipients/cn=0eb8b2385d354af2b97da6b3eb0e0e32-augusto mor,/o=exchangelabs/ou=exchange administrative group (fydibohf23spdlt)/cn=recipients/cn=2f8300fc6f8b4714a77c0227cba72162-vinicius pi,/o=exchangelabs/ou=exchange administrative group (fydibohf23spdlt)/cn=recipients/cn=3188323005a04a70962871b2b980355d-humberto pi,/o=exchangelabs/ou=exchange administrative group (fydibohf23spdlt)/cn=recipients/cn=56c2af2d07fd48c0aebfc00ddc006494-alessio rod,/o=exchangelabs/ou=exchange administrative group (fydibohf23spdlt)/cn=recipients/cn=5dd03a66f797451390d7113259343399-aline da si,/o=exchangelabs/ou=exchange administrative group (fydibohf23spdlt)/cn=recipients/cn=6fbc44b6d6b549208175d5a27201bd13-cintia nune,/o=exchangelabs/ou=exchange administrative group (fydibohf23spdlt)/cn=recipients/cn=78e530b5e3244cc1a89eba7f7b0af42f-marco tulio,/o=exchangelabs/ou=exchange administrative group (fydibohf23spdlt)/cn=recipients/cn=7903c13fa0504ff0bc7dd2644020b0e8-mirn</t>
  </si>
  <si>
    <t>09/26/2019 10:37:09</t>
  </si>
  <si>
    <t>09/26/2019 10:38:03</t>
  </si>
  <si>
    <t>09/26/2019 10:38:17</t>
  </si>
  <si>
    <t>09/26/2019 10:40:03</t>
  </si>
  <si>
    <t>/o=exchangelabs/ou=exchange administrative group (fydibohf23spdlt)/cn=recipients/cn=33eadc062e4e444685992c7de4b20cbb-ana carolin;</t>
  </si>
  <si>
    <t>ENC: 03 ALGAR TECH Fat_Direto_OFICIAL_2020.xlsx</t>
  </si>
  <si>
    <t>03 ALGAR TECH Fat_Direto_OFICIAL_2020.xlsx</t>
  </si>
  <si>
    <t>/o=exchangelabs/ou=exchange administrative group (fydibohf23spdlt)/cn=recipients/cn=33eadc062e4e444685992c7de4b20cbb-ana carolin</t>
  </si>
  <si>
    <t>09/26/2019 10:36:48</t>
  </si>
  <si>
    <t>/o=exchangelabs/ou=exchange administrative group (fydibohf23spdlt)/cn=recipients/cn=0b12aab521944ecb8b32eb8c0929be5c-rafael gonz;/o=exchangelabs/ou=exchange administrative group (fydibohf23spdlt)/cn=recipients/cn=5af2cae509964078b2026f7f550380b0-andre luis;/o=exchangelabs/ou=exchange administrative group (fydibohf23spdlt)/cn=recipients/cn=6f1e854114534422b54fccf103cdd81d-gabriel da;/o=exchangelabs/ou=exchange administrative group (fydibohf23spdlt)/cn=recipients/cn=9b52022a6e624c30a92f50cf4538a4bf-talmaia rod;/o=exchangelabs/ou=exchange administrative group (fydibohf23spdlt)/cn=recipients/cn=f23199a9eb1c4dab9b7d7d0688901f52-marta lucia;gabrielsma@bv.algartech.com;</t>
  </si>
  <si>
    <t>RES: ENC: Desktop - MVP Telas 2</t>
  </si>
  <si>
    <t>/o=exchangelabs/ou=exchange administrative group (fydibohf23spdlt)/cn=recipients/cn=0b12aab521944ecb8b32eb8c0929be5c-rafael gonz,/o=exchangelabs/ou=exchange administrative group (fydibohf23spdlt)/cn=recipients/cn=5af2cae509964078b2026f7f550380b0-andre luis,/o=exchangelabs/ou=exchange administrative group (fydibohf23spdlt)/cn=recipients/cn=6f1e854114534422b54fccf103cdd81d-gabriel da,/o=exchangelabs/ou=exchange administrative group (fydibohf23spdlt)/cn=recipients/cn=9b52022a6e624c30a92f50cf4538a4bf-talmaia rod,/o=exchangelabs/ou=exchange administrative group (fydibohf23spdlt)/cn=recipients/cn=f23199a9eb1c4dab9b7d7d0688901f52-marta lucia,gabrielsma@bv.algartech.com</t>
  </si>
  <si>
    <t>09/26/2019 10:36:24</t>
  </si>
  <si>
    <t>09/26/2019 10:41:03</t>
  </si>
  <si>
    <t>Lista de opps em negociação</t>
  </si>
  <si>
    <t>09/26/2019 10:41:52</t>
  </si>
  <si>
    <t>09/26/2019 10:45:03</t>
  </si>
  <si>
    <t>Fechamento FAT B Setembro_19.xlsx</t>
  </si>
  <si>
    <t>09/26/2019 10:45:30</t>
  </si>
  <si>
    <t>09/26/2019 10:46:03</t>
  </si>
  <si>
    <t>08_Heliel_Justificativa provisão de custo.xlsx</t>
  </si>
  <si>
    <t>09/26/2019 10:47:48</t>
  </si>
  <si>
    <t>09/26/2019 10:51:04</t>
  </si>
  <si>
    <t>eversonmc@algartech.com.br;</t>
  </si>
  <si>
    <t>ENC: URGENTE ** Treinamento CPB **</t>
  </si>
  <si>
    <t>TRN CPB.xlsx</t>
  </si>
  <si>
    <t>eversonmc@algartech.com.br</t>
  </si>
  <si>
    <t>09/26/2019 10:45:59</t>
  </si>
  <si>
    <t>https://caey.fa.us2.oraclecloud.com/crmui/faces/fusewelcome?_adf.ctrl-state=18ufmgey4c_5</t>
  </si>
  <si>
    <t>C:\Comercial\2019\Crescimento Ilha Digital - Cobrança\</t>
  </si>
  <si>
    <t>204346 - Crescimento Ilha Digital.xlsx</t>
  </si>
  <si>
    <t>09/26/2019 10:48:13</t>
  </si>
  <si>
    <t>/o=exchangelabs/ou=exchange administrative group (fydibohf23spdlt)/cn=recipients/cn=68f0b0e85da24da0bef3b6b109ed099e-daliane soa;</t>
  </si>
  <si>
    <t>ENC: Portal FPW - Rescisão e ACT</t>
  </si>
  <si>
    <t>CDI para aprovação.xlsx</t>
  </si>
  <si>
    <t>/o=exchangelabs/ou=exchange administrative group (fydibohf23spdlt)/cn=recipients/cn=68f0b0e85da24da0bef3b6b109ed099e-daliane soa</t>
  </si>
  <si>
    <t>09/26/2019 10:50:34</t>
  </si>
  <si>
    <t>09/26/2019 10:53:04</t>
  </si>
  <si>
    <t>10.201.149.27</t>
  </si>
  <si>
    <t>64-1C-67-9C-54-DB</t>
  </si>
  <si>
    <t>/o=exchangelabs/ou=exchange administrative group (fydibohf23spdlt)/cn=recipients/cn=5dd03a66f797451390d7113259343399-aline da si;/o=exchangelabs/ou=exchange administrative group (fydibohf23spdlt)/cn=recipients/cn=a7e592821d864418bccf1424f02e2670-felipe alve;/o=exchangelabs/ou=exchange administrative group (fydibohf23spdlt)/cn=recipients/cn=dd3f9deeae894dcead519c2d3da9d2fe-camila apar;/o=exchangelabs/ou=exchange administrative group (fydibohf23spdlt)/cn=recipients/cn=usera99292fb;/o=nt5/ou=00000000000000000000000000000000/cn=3b7df0d2cd0697478373f58e2753cc74;</t>
  </si>
  <si>
    <t>Auditoria Agentes Retenção</t>
  </si>
  <si>
    <t>Auditoria Operador Douglas.xlsx</t>
  </si>
  <si>
    <t>/o=exchangelabs/ou=exchange administrative group (fydibohf23spdlt)/cn=recipients/cn=5dd03a66f797451390d7113259343399-aline da si,/o=exchangelabs/ou=exchange administrative group (fydibohf23spdlt)/cn=recipients/cn=a7e592821d864418bccf1424f02e2670-felipe alve,/o=exchangelabs/ou=exchange administrative group (fydibohf23spdlt)/cn=recipients/cn=dd3f9deeae894dcead519c2d3da9d2fe-camila apar,/o=exchangelabs/ou=exchange administrative group (fydibohf23spdlt)/cn=recipients/cn=usera99292fb,/o=nt5/ou=00000000000000000000000000000000/cn=3b7df0d2cd0697478373f58e2753cc74</t>
  </si>
  <si>
    <t>09/26/2019 10:51:21</t>
  </si>
  <si>
    <t>09/26/2019 10:54:03</t>
  </si>
  <si>
    <t>Cópia de RELATÓRIO DE EVIDENCIAS E TROCA DE BOIA PIBSA01 - VOLVO - 1900009499.xlsx</t>
  </si>
  <si>
    <t>09/26/2019 10:50:23</t>
  </si>
  <si>
    <t>09/26/2019 10:55:03</t>
  </si>
  <si>
    <t>ACC - AFAC.xlsx</t>
  </si>
  <si>
    <t>09/26/2019 10:52:49</t>
  </si>
  <si>
    <t>09/26/2019 10:50:29</t>
  </si>
  <si>
    <t>/o=exchangelabs/ou=exchange administrative group (fydibohf23spdlt)/cn=recipients/cn=c4655fee90114ae8944262f5fe0113dd-luciana mar;</t>
  </si>
  <si>
    <t>ENC: Calendário Monitorias Outubro/2019</t>
  </si>
  <si>
    <t>10 - Cópia de CALENDÁRIO OUTUBRO - 2019.xlsx</t>
  </si>
  <si>
    <t>/o=exchangelabs/ou=exchange administrative group (fydibohf23spdlt)/cn=recipients/cn=c4655fee90114ae8944262f5fe0113dd-luciana mar</t>
  </si>
  <si>
    <t>09/26/2019 10:54:13</t>
  </si>
  <si>
    <t>09/26/2019 10:56:04</t>
  </si>
  <si>
    <t>09/26/2019 10:53:37</t>
  </si>
  <si>
    <t>09/26/2019 10:51:38</t>
  </si>
  <si>
    <t>09/26/2019 10:54:27</t>
  </si>
  <si>
    <t>09/26/2019 10:58:03</t>
  </si>
  <si>
    <t>/o=exchangelabs/ou=exchange administrative group (fydibohf23spdlt)/cn=recipients/cn=f50351055a2944cebcbdc18a918945d6-gustavo res;/o=exchangelabs/ou=exchange administrative group (fydibohf23spdlt)/cn=recipients/cn=fe134ce6f7124ebfa00395a14326bd71-luciana ber;</t>
  </si>
  <si>
    <t>ENC: RAMAIS OVOC</t>
  </si>
  <si>
    <t>Levantamento - Ramais X Operação.xlsx</t>
  </si>
  <si>
    <t>/o=exchangelabs/ou=exchange administrative group (fydibohf23spdlt)/cn=recipients/cn=f50351055a2944cebcbdc18a918945d6-gustavo res,/o=exchangelabs/ou=exchange administrative group (fydibohf23spdlt)/cn=recipients/cn=fe134ce6f7124ebfa00395a14326bd71-luciana ber</t>
  </si>
  <si>
    <t>09/26/2019 11:00:03</t>
  </si>
  <si>
    <t>/o=exchangelabs/ou=exchange administrative group (fydibohf23spdlt)/cn=recipients/cn=1c3bae1d5aab4c72b84516e819cd16c9-wilton paim;/o=exchangelabs/ou=exchange administrative group (fydibohf23spdlt)/cn=recipients/cn=453b61456320491dad510b65b310018f-kelen crist;/o=exchangelabs/ou=exchange administrative group (fydibohf23spdlt)/cn=recipients/cn=68e6aa2e3fef4ccaba997d98294c9ed5-cristina he;/o=exchangelabs/ou=exchange administrative group (fydibohf23spdlt)/cn=recipients/cn=6ff53932294845d0b04d14dd23bb8e8b-ana carla m;/o=exchangelabs/ou=exchange administrative group (fydibohf23spdlt)/cn=recipients/cn=a78f7dae304e472e9f75bd537683f6e5-hugo de oli;/o=exchangelabs/ou=exchange administrative group (fydibohf23spdlt)/cn=recipients/cn=b1d771656e5d46709d93295f07966125-pedro henri;/o=exchangelabs/ou=exchange administrative group (fydibohf23spdlt)/cn=recipients/cn=b3b3e588898842db813e69c542d02bb6-elaine marc;/o=exchangelabs/ou=exchange administrative group (fydibohf23spdlt)/cn=recipients/cn=d052f9c9a4404e849e00b751758229a8-carl</t>
  </si>
  <si>
    <t>RES: ATA Indicadores NEXT</t>
  </si>
  <si>
    <t>/o=exchangelabs/ou=exchange administrative group (fydibohf23spdlt)/cn=recipients/cn=1c3bae1d5aab4c72b84516e819cd16c9-wilton paim,/o=exchangelabs/ou=exchange administrative group (fydibohf23spdlt)/cn=recipients/cn=453b61456320491dad510b65b310018f-kelen crist,/o=exchangelabs/ou=exchange administrative group (fydibohf23spdlt)/cn=recipients/cn=68e6aa2e3fef4ccaba997d98294c9ed5-cristina he,/o=exchangelabs/ou=exchange administrative group (fydibohf23spdlt)/cn=recipients/cn=6ff53932294845d0b04d14dd23bb8e8b-ana carla m,/o=exchangelabs/ou=exchange administrative group (fydibohf23spdlt)/cn=recipients/cn=a78f7dae304e472e9f75bd537683f6e5-hugo de oli,/o=exchangelabs/ou=exchange administrative group (fydibohf23spdlt)/cn=recipients/cn=b1d771656e5d46709d93295f07966125-pedro henri,/o=exchangelabs/ou=exchange administrative group (fydibohf23spdlt)/cn=recipients/cn=b3b3e588898842db813e69c542d02bb6-elaine marc,/o=exchangelabs/ou=exchange administrative group (fydibohf23spdlt)/cn=recipients/cn=d052f9c9a4404e849e00b751758229a8-carl</t>
  </si>
  <si>
    <t>09/26/2019 10:57:26</t>
  </si>
  <si>
    <t>09/26/2019 11:02:03</t>
  </si>
  <si>
    <t>Telefones_Entrada_Electrolux.xlsx</t>
  </si>
  <si>
    <t>09/26/2019 10:57:47</t>
  </si>
  <si>
    <t>09/26/2019 11:01:03</t>
  </si>
  <si>
    <t>09/26/2019 10:59:44</t>
  </si>
  <si>
    <t>C:\Users\tiagorpf\OneDrive - Grupo Algar\CAC\BASES ATUAIS\</t>
  </si>
  <si>
    <t>Distribuição Carteiras.xlsx</t>
  </si>
  <si>
    <t>09/26/2019 11:00:29</t>
  </si>
  <si>
    <t>09/26/2019 11:06:03</t>
  </si>
  <si>
    <t>/o=exchangelabs/ou=exchange administrative group (fydibohf23spdlt)/cn=recipients/cn=b72172958afd4864945ba220ebe46b7c-lanna there;</t>
  </si>
  <si>
    <t>ENC: Dia das Crianças - Família na Empresa</t>
  </si>
  <si>
    <t>FILHOS-ALGAR TECH -RIO DE JANEIRO.xlsx</t>
  </si>
  <si>
    <t>/o=exchangelabs/ou=exchange administrative group (fydibohf23spdlt)/cn=recipients/cn=b72172958afd4864945ba220ebe46b7c-lanna there</t>
  </si>
  <si>
    <t>09/26/2019 11:01:34</t>
  </si>
  <si>
    <t>09/26/2019 11:07:04</t>
  </si>
  <si>
    <t>/o=exchangelabs/ou=exchange administrative group (fydibohf23spdlt)/cn=recipients/cn=746f10dd924a4e7dbfe2f813f74b1f2c-gilmar pres;/o=exchangelabs/ou=exchange administrative group (fydibohf23spdlt)/cn=recipients/cn=ba307e7ec0fc4bdbb07006aa828c05f7-carina ferr;</t>
  </si>
  <si>
    <t>RES: STATUS DE FERIAS</t>
  </si>
  <si>
    <t>FrontOffice Avon_Avos x Ferias.xlsx</t>
  </si>
  <si>
    <t>/o=exchangelabs/ou=exchange administrative group (fydibohf23spdlt)/cn=recipients/cn=746f10dd924a4e7dbfe2f813f74b1f2c-gilmar pres,/o=exchangelabs/ou=exchange administrative group (fydibohf23spdlt)/cn=recipients/cn=ba307e7ec0fc4bdbb07006aa828c05f7-carina ferr</t>
  </si>
  <si>
    <t>09/26/2019 11:04:11</t>
  </si>
  <si>
    <t>10.200.67.170</t>
  </si>
  <si>
    <t>54-BF-64-F5-7F-42</t>
  </si>
  <si>
    <t>/o=exchangelabs/ou=exchange administrative group (fydibohf23spdlt)/cn=recipients/cn=3a5a57fc01354a128619146c836d1ba7-camila de p;</t>
  </si>
  <si>
    <t>/o=exchangelabs/ou=exchange administrative group (fydibohf23spdlt)/cn=recipients/cn=3a5a57fc01354a128619146c836d1ba7-camila de p</t>
  </si>
  <si>
    <t>09/26/2019 11:02:34</t>
  </si>
  <si>
    <t>09/26/2019 11:04:58</t>
  </si>
  <si>
    <t>09/26/2019 11:01:54</t>
  </si>
  <si>
    <t>09/26/2019 11:08:03</t>
  </si>
  <si>
    <t>/o=exchangelabs/ou=exchange administrative group (fydibohf23spdlt)/cn=recipients/cn=9c71bc5f5a3648bbbb5f6bedb86e15a6-marcelo buz;/o=exchangelabs/ou=exchange administrative group (fydibohf23spdlt)/cn=recipients/cn=a112e7960ad74f0b922e46db95422f27-angelica ta;</t>
  </si>
  <si>
    <t>RES: Risco Capacidade e Eficiência Operacional - GRC</t>
  </si>
  <si>
    <t>Base_EBIT.xlsb</t>
  </si>
  <si>
    <t>/o=exchangelabs/ou=exchange administrative group (fydibohf23spdlt)/cn=recipients/cn=9c71bc5f5a3648bbbb5f6bedb86e15a6-marcelo buz,/o=exchangelabs/ou=exchange administrative group (fydibohf23spdlt)/cn=recipients/cn=a112e7960ad74f0b922e46db95422f27-angelica ta</t>
  </si>
  <si>
    <t>09/26/2019 11:05:46</t>
  </si>
  <si>
    <t>09/26/2019 11:09:03</t>
  </si>
  <si>
    <t>10.200.57.5</t>
  </si>
  <si>
    <t>20-04-0F-FE-46-84</t>
  </si>
  <si>
    <t>NB-DIEGOIAO</t>
  </si>
  <si>
    <t>diegoiao</t>
  </si>
  <si>
    <t>C:\Users\diegoiao\Desktop\</t>
  </si>
  <si>
    <t>Arquivo em branco.xlsx</t>
  </si>
  <si>
    <t>09/26/2019 11:09:01</t>
  </si>
  <si>
    <t>09/26/2019 11:12:03</t>
  </si>
  <si>
    <t>RES: Fechamento FAT B Setembro_19.xlsx</t>
  </si>
  <si>
    <t>Cópia de Fechamento FAT B Setembro_19.xlsx</t>
  </si>
  <si>
    <t>09/26/2019 11:08:05</t>
  </si>
  <si>
    <t>09/26/2019 11:13:03</t>
  </si>
  <si>
    <t>10.200.60.115</t>
  </si>
  <si>
    <t>D4-6A-6A-F9-81-D7</t>
  </si>
  <si>
    <t>NB-MARCELACPE</t>
  </si>
  <si>
    <t>marcelacpe</t>
  </si>
  <si>
    <t>Marcela Carolina Pereira Marques</t>
  </si>
  <si>
    <t>/o=exchangelabs/ou=exchange administrative group (fydibohf23spdlt)/cn=recipients/cn=5dd03a66f797451390d7113259343399-aline da si;/o=exchangelabs/ou=exchange administrative group (fydibohf23spdlt)/cn=recipients/cn=78e530b5e3244cc1a89eba7f7b0af42f-marco tulio;/o=exchangelabs/ou=exchange administrative group (fydibohf23spdlt)/cn=recipients/cn=fe134ce6f7124ebfa00395a14326bd71-luciana ber;/o=exchangelabs/ou=exchange administrative group (fydibohf23spdlt)/cn=recipients/cn=fe8fdec9c88140d18f5303035fad45f0-ricardo bor;</t>
  </si>
  <si>
    <t>ENC: 180255 - MPE Expansão</t>
  </si>
  <si>
    <t>180255 - MPE Expansão Plan Precificacao C017 B017 2.0 Final 4.xlsb</t>
  </si>
  <si>
    <t>/o=exchangelabs/ou=exchange administrative group (fydibohf23spdlt)/cn=recipients/cn=5dd03a66f797451390d7113259343399-aline da si,/o=exchangelabs/ou=exchange administrative group (fydibohf23spdlt)/cn=recipients/cn=78e530b5e3244cc1a89eba7f7b0af42f-marco tulio,/o=exchangelabs/ou=exchange administrative group (fydibohf23spdlt)/cn=recipients/cn=fe134ce6f7124ebfa00395a14326bd71-luciana ber,/o=exchangelabs/ou=exchange administrative group (fydibohf23spdlt)/cn=recipients/cn=fe8fdec9c88140d18f5303035fad45f0-ricardo bor</t>
  </si>
  <si>
    <t>09/26/2019 11:06:41</t>
  </si>
  <si>
    <t>09/26/2019 11:15:03</t>
  </si>
  <si>
    <t>10.200.61.65</t>
  </si>
  <si>
    <t>20-04-0F-FE-49-4C</t>
  </si>
  <si>
    <t>ENC: Capex Projetos 2020</t>
  </si>
  <si>
    <t>09/26/2019 11:11:53</t>
  </si>
  <si>
    <t>09/26/2019 11:16:04</t>
  </si>
  <si>
    <t>adalbertoms</t>
  </si>
  <si>
    <t>10.200.34.10</t>
  </si>
  <si>
    <t>54-BF-64-F5-80-3A</t>
  </si>
  <si>
    <t>NB-ANDERSONRF</t>
  </si>
  <si>
    <t>andersonrf</t>
  </si>
  <si>
    <t>Emidio</t>
  </si>
  <si>
    <t>/o=exchangelabs/ou=exchange administrative group (fydibohf23spdlt)/cn=recipients/cn=55643a6cbd93423e8f0c948d862c9e35-marcelo ale;</t>
  </si>
  <si>
    <t>Genesys</t>
  </si>
  <si>
    <t>Algar_PureEngage_Sizing_v2.xlsx</t>
  </si>
  <si>
    <t>/o=exchangelabs/ou=exchange administrative group (fydibohf23spdlt)/cn=recipients/cn=55643a6cbd93423e8f0c948d862c9e35-marcelo ale</t>
  </si>
  <si>
    <t>09/26/2019 11:16:02</t>
  </si>
  <si>
    <t>09/26/2019 11:17:03</t>
  </si>
  <si>
    <t>09/26/2019 11:19:16</t>
  </si>
  <si>
    <t>09/26/2019 11:20:04</t>
  </si>
  <si>
    <t>/o=exchangelabs/ou=exchange administrative group (fydibohf23spdlt)/cn=recipients/cn=08495392e8ff447fa6268b697ae28485-flavia ferr;/o=exchangelabs/ou=exchange administrative group (fydibohf23spdlt)/cn=recipients/cn=0ca6cc8d100949a7866a928f62ef5778-rosilene de;/o=exchangelabs/ou=exchange administrative group (fydibohf23spdlt)/cn=recipients/cn=670d10f0276c47ba89a984b1a225496b-victor gala;/o=exchangelabs/ou=exchange administrative group (fydibohf23spdlt)/cn=recipients/cn=b0dffb7bae8b4669bf2555c821ef7035-daniela vie;/o=exchangelabs/ou=exchange administrative group (fydibohf23spdlt)/cn=recipients/cn=e76869615b8149a9945434c66719ab6e-dayane de o;</t>
  </si>
  <si>
    <t>RES: Operações Whirlpool - OAs de Auditoria</t>
  </si>
  <si>
    <t>RES Operações Whirlpool - OAs de Auditoria.msg\s1\</t>
  </si>
  <si>
    <t>PROCESSO OAs.xlsx</t>
  </si>
  <si>
    <t>/o=exchangelabs/ou=exchange administrative group (fydibohf23spdlt)/cn=recipients/cn=08495392e8ff447fa6268b697ae28485-flavia ferr,/o=exchangelabs/ou=exchange administrative group (fydibohf23spdlt)/cn=recipients/cn=0ca6cc8d100949a7866a928f62ef5778-rosilene de,/o=exchangelabs/ou=exchange administrative group (fydibohf23spdlt)/cn=recipients/cn=670d10f0276c47ba89a984b1a225496b-victor gala,/o=exchangelabs/ou=exchange administrative group (fydibohf23spdlt)/cn=recipients/cn=b0dffb7bae8b4669bf2555c821ef7035-daniela vie,/o=exchangelabs/ou=exchange administrative group (fydibohf23spdlt)/cn=recipients/cn=e76869615b8149a9945434c66719ab6e-dayane de o</t>
  </si>
  <si>
    <t>09/26/2019 11:14:18</t>
  </si>
  <si>
    <t>09/26/2019 11:21:03</t>
  </si>
  <si>
    <t>10.200.200.93</t>
  </si>
  <si>
    <t>EC-F4-BB-F5-CE-CD</t>
  </si>
  <si>
    <t>/o=exchangelabs/ou=exchange administrative group (fydibohf23spdlt)/cn=recipients/cn=d6cce5a70d504cc2ad89cee834cd59a9-luciana rib;</t>
  </si>
  <si>
    <t>Book Agosto</t>
  </si>
  <si>
    <t>Book Agosto.pptx\</t>
  </si>
  <si>
    <t>/o=exchangelabs/ou=exchange administrative group (fydibohf23spdlt)/cn=recipients/cn=d6cce5a70d504cc2ad89cee834cd59a9-luciana rib</t>
  </si>
  <si>
    <t>09/26/2019 11:17:28</t>
  </si>
  <si>
    <t>/o=exchangelabs/ou=exchange administrative group (fydibohf23spdlt)/cn=recipients/cn=e7dbb04bc2fe4c2f9341c80d4b5530bc-cleber anto;</t>
  </si>
  <si>
    <t>ENC: Penalizações SLA - ESCOPO B</t>
  </si>
  <si>
    <t>/o=exchangelabs/ou=exchange administrative group (fydibohf23spdlt)/cn=recipients/cn=e7dbb04bc2fe4c2f9341c80d4b5530bc-cleber anto</t>
  </si>
  <si>
    <t>09/26/2019 11:20:24</t>
  </si>
  <si>
    <t>09/26/2019 11:22:04</t>
  </si>
  <si>
    <t>/o=exchangelabs/ou=exchange administrative group (fydibohf23spdlt)/cn=recipients/cn=a4ba92cba10f4fe498074594f937f3b6-leandro lop;/o=exchangelabs/ou=exchange administrative group (fydibohf23spdlt)/cn=recipients/cn=b1a72fc2d0234efca84c7771ea70c7ee-roberta cri;</t>
  </si>
  <si>
    <t>RES: Orçamentos fornecedores</t>
  </si>
  <si>
    <t>Orçamento_2020_Comercial­_V2.xls</t>
  </si>
  <si>
    <t>/o=exchangelabs/ou=exchange administrative group (fydibohf23spdlt)/cn=recipients/cn=a4ba92cba10f4fe498074594f937f3b6-leandro lop,/o=exchangelabs/ou=exchange administrative group (fydibohf23spdlt)/cn=recipients/cn=b1a72fc2d0234efca84c7771ea70c7ee-roberta cri</t>
  </si>
  <si>
    <t>09/26/2019 11:24:25</t>
  </si>
  <si>
    <t>09/26/2019 11:26:04</t>
  </si>
  <si>
    <t>09/26/2019 11:24:48</t>
  </si>
  <si>
    <t>09/26/2019 11:28:03</t>
  </si>
  <si>
    <t>PRESIDENCIA / DIR. FINANCEIRA</t>
  </si>
  <si>
    <t>10.200.58.9</t>
  </si>
  <si>
    <t>D0-94-66-A2-57-F0</t>
  </si>
  <si>
    <t>ATDIRETORIA-02</t>
  </si>
  <si>
    <t>virginiamb</t>
  </si>
  <si>
    <t>Virginia Martha Bessa</t>
  </si>
  <si>
    <t>/o=exchangelabs/ou=exchange administrative group (fydibohf23spdlt)/cn=recipients/cn=a04932dbb122482ca31c487fc273f702-secretarias;</t>
  </si>
  <si>
    <t>ENC: Agendas com Diretores - Revisão Orçamentária</t>
  </si>
  <si>
    <t>/o=exchangelabs/ou=exchange administrative group (fydibohf23spdlt)/cn=recipients/cn=a04932dbb122482ca31c487fc273f702-secretarias</t>
  </si>
  <si>
    <t>09/26/2019 11:26:47</t>
  </si>
  <si>
    <t>09/26/2019 11:30:04</t>
  </si>
  <si>
    <t>/o=exchangelabs/ou=exchange administrative group (fydibohf23spdlt)/cn=recipients/cn=1698f5af44b14116ad2d0b751d584c7d-danilo rafa;contato@energiaon-line.com;</t>
  </si>
  <si>
    <t>Inscrição curso de NR 10 - Formação</t>
  </si>
  <si>
    <t>Ficha de Inscrições -Belém - Formação.xlsx</t>
  </si>
  <si>
    <t>/o=exchangelabs/ou=exchange administrative group (fydibohf23spdlt)/cn=recipients/cn=1698f5af44b14116ad2d0b751d584c7d-danilo rafa,contato@energiaon-line.com</t>
  </si>
  <si>
    <t>09/26/2019 11:29:36</t>
  </si>
  <si>
    <t>09/26/2019 11:32:04</t>
  </si>
  <si>
    <t>/o=exchangelabs/ou=exchange administrative group (fydibohf23spdlt)/cn=recipients/cn=17d8f04fe62d4d3baddebc7b19339779-paulo henri;/o=exchangelabs/ou=exchange administrative group (fydibohf23spdlt)/cn=recipients/cn=b882fe4dd4d548e3a696b02e3de6e5d1-viviane pri;</t>
  </si>
  <si>
    <t>ENC: Comportamento mailing Correntista 26/09</t>
  </si>
  <si>
    <t>Comportamento Mailling Correntista.xlsx</t>
  </si>
  <si>
    <t>/o=exchangelabs/ou=exchange administrative group (fydibohf23spdlt)/cn=recipients/cn=17d8f04fe62d4d3baddebc7b19339779-paulo henri,/o=exchangelabs/ou=exchange administrative group (fydibohf23spdlt)/cn=recipients/cn=b882fe4dd4d548e3a696b02e3de6e5d1-viviane pri</t>
  </si>
  <si>
    <t>09/26/2019 11:28:05</t>
  </si>
  <si>
    <t>mail.google.com/_/upload?authuser=0&amp;dcp=asu-n&amp;upload_id=AEnB2UpTd7x1y5_Vn0wEi7c3vLHQiaIxO0rZvFaCpTS7X1LUuoheh1Q8vitHYhJ2Ry9HmEdRSvVJUp4PTMGukwp9irL7z0covyV4z_ty6w9PxDVQxzPBUqM&amp;upload_protocol=resumable</t>
  </si>
  <si>
    <t>fabiohs@algartech.com;fabriciovs@algartech.com;gabrielhmc@algartech.com;marceloat@algartech.com;rafaelbdt@algartech.com;ricardos@algartech.com;</t>
  </si>
  <si>
    <t>C:\Users\lucasfbr\Downloads\</t>
  </si>
  <si>
    <t>88549679746145a29ecf4b1339c503c8.xls</t>
  </si>
  <si>
    <t>fabiohs@algartech.com,fabriciovs@algartech.com,gabrielhmc@algartech.com,marceloat@algartech.com,rafaelbdt@algartech.com,ricardos@algartech.com</t>
  </si>
  <si>
    <t>09/26/2019 11:29:51</t>
  </si>
  <si>
    <t>/o=exchangelabs/ou=exchange administrative group (fydibohf23spdlt)/cn=recipients/cn=0a343ab60c904ee9b25c54f941bc50a2-elincon pis;</t>
  </si>
  <si>
    <t>RES: Relatório de Férias</t>
  </si>
  <si>
    <t>/o=exchangelabs/ou=exchange administrative group (fydibohf23spdlt)/cn=recipients/cn=0a343ab60c904ee9b25c54f941bc50a2-elincon pis</t>
  </si>
  <si>
    <t>09/26/2019 11:28:26</t>
  </si>
  <si>
    <t>09/26/2019 11:33:03</t>
  </si>
  <si>
    <t>Disparo_26.09.csv</t>
  </si>
  <si>
    <t>09/26/2019 11:28:27</t>
  </si>
  <si>
    <t>/o=exchangelabs/ou=exchange administrative group (fydibohf23spdlt)/cn=recipients/cn=6b0580deded84616a49728efdb6b65e1-kamilla ram;</t>
  </si>
  <si>
    <t>ENC: Banco de Horas Plantão - Coordenadoras</t>
  </si>
  <si>
    <t>Banco de horas dos gerentes.xlsx</t>
  </si>
  <si>
    <t>/o=exchangelabs/ou=exchange administrative group (fydibohf23spdlt)/cn=recipients/cn=6b0580deded84616a49728efdb6b65e1-kamilla ram</t>
  </si>
  <si>
    <t>09/26/2019 11:30:53</t>
  </si>
  <si>
    <t>09/26/2019 11:36:04</t>
  </si>
  <si>
    <t>C:\Users\lucianocle\OneDrive\Algar\Business Performance - Onedrive\Analises BP\</t>
  </si>
  <si>
    <t>Consolidação de BPs.xlsx</t>
  </si>
  <si>
    <t>09/26/2019 11:39:40</t>
  </si>
  <si>
    <t>09/26/2019 11:41:03</t>
  </si>
  <si>
    <t>C:\Users\ruidrt\OneDrive - Grupo Algar\Documentos\Projetos\Whirlpool\URA Genesys\</t>
  </si>
  <si>
    <t>Whirlpool - Regras Temperatura.xlsx</t>
  </si>
  <si>
    <t>09/26/2019 11:38:15</t>
  </si>
  <si>
    <t>09/26/2019 11:42:03</t>
  </si>
  <si>
    <t>10.200.57.253</t>
  </si>
  <si>
    <t>D8-9C-67-6F-33-01</t>
  </si>
  <si>
    <t>ruidrt@algartech.com;thalleshmc@algartech.com;thiagorrg@algartech.com;</t>
  </si>
  <si>
    <t>C:\Users\nataliamam\Desktop\whirlpool\Temperatura\</t>
  </si>
  <si>
    <t>ruidrt@algartech.com,thalleshmc@algartech.com,thiagorrg@algartech.com</t>
  </si>
  <si>
    <t>09/26/2019 11:40:47</t>
  </si>
  <si>
    <t>09/26/2019 11:44:03</t>
  </si>
  <si>
    <t>RES: Ref. Apresentação Comissão Integridade</t>
  </si>
  <si>
    <t>Algar - Sumário Executivo Ouvidoria - Comissão de Integridade - 26092019.pptx\</t>
  </si>
  <si>
    <t>09/26/2019 11:45:10</t>
  </si>
  <si>
    <t>09/26/2019 11:47:03</t>
  </si>
  <si>
    <t>10.200.35.226</t>
  </si>
  <si>
    <t>C:\Users\leandrosma\OneDrive - Grupo Algar\Projetos\Projetos\2019\1 - Planejamento\Electrolux\DE - Migração Elextrolux - v1.doc\</t>
  </si>
  <si>
    <t>Package1.xlsx</t>
  </si>
  <si>
    <t>09/26/2019 11:43:07</t>
  </si>
  <si>
    <t>09/26/2019 11:48:03</t>
  </si>
  <si>
    <t>09/26/2019 11:48:04</t>
  </si>
  <si>
    <t>09/26/2019 11:50:03</t>
  </si>
  <si>
    <t>http://shareit.global.avon.com/sites/arrmcm/forca-de-vendas/_layouts/upload.aspx?list={bfd161db-750f-4cbd-9e74-a6fb6ee0a6de}&amp;rootfolder=/sites/arrmcm/forca-de-vendas/revendedora/entrega de caixa&amp;source=http://shareit.global.avon.com/sites/arrmcm/forca-de-vendas/revendedora/forms/allitems.aspx?rootfolder=%2fsites%2farrmcm%2fforca%2dde%2dvendas%2frevendedora%2fentrega%20de%20caixa&amp;folderctid=&amp;view=%7b993eba10%2d8cf7%2d4fbc%2dbe91%2de4ca00ce3956%7d</t>
  </si>
  <si>
    <t>PLANILHA DE ENTREGA DE CAIXA CP 17-2019.xls</t>
  </si>
  <si>
    <t>09/26/2019 11:47:53</t>
  </si>
  <si>
    <t>09/26/2019 11:52:03</t>
  </si>
  <si>
    <t>mail.google.com/_/upload?authuser=0&amp;dcp=asu-n&amp;upload_id=AEnB2UoJirjMjlSz3FOD4PDlION9NOY3AOtnupHjt_XL3AkqG7IsNkTiTQ3JGNnurG30fa5go3CiHAPygjypzWBtLzjSNDTydRUWTlHMnvJRV7LzQR11AyI&amp;upload_protocol=resumable</t>
  </si>
  <si>
    <t>alexandremdo@algartech.com;andersonrf@algartech.com;joaofg@algartech.com;joseeb@algartech.com;rafael@quilleconsultoria.com.br;thiagopre@algartech.com;</t>
  </si>
  <si>
    <t>alexandremdo@algartech.com,andersonrf@algartech.com,joaofg@algartech.com,joseeb@algartech.com,rafael@quilleconsultoria.com.br,thiagopre@algartech.com</t>
  </si>
  <si>
    <t>09/26/2019 11:48:13</t>
  </si>
  <si>
    <t>09/26/2019 11:53:03</t>
  </si>
  <si>
    <t>C:\Users\mariannacsm\OneDrive - Grupo Algar\0- PMO-POOL\PMO\TAPs\Projeto CRM - NOK\Apresentação CRM 11-06.ppt\s2\</t>
  </si>
  <si>
    <t>Gráfico do Microsoft Excel.dat</t>
  </si>
  <si>
    <t>Gráfico do Microsoft Excel1.dat</t>
  </si>
  <si>
    <t>Slide do think-cell.dat</t>
  </si>
  <si>
    <t>09/26/2019 11:48:59</t>
  </si>
  <si>
    <t>ENC: Apresentação CRM</t>
  </si>
  <si>
    <t>Apresentação CRM 11-06.ppt\s2\</t>
  </si>
  <si>
    <t>09/26/2019 11:48:53</t>
  </si>
  <si>
    <t>09/26/2019 11:54:03</t>
  </si>
  <si>
    <t>RES: AENs: Sage e Fundacentro</t>
  </si>
  <si>
    <t>AEN_SAGE_set19.pptx\</t>
  </si>
  <si>
    <t>09/26/2019 11:46:36</t>
  </si>
  <si>
    <t>09/26/2019 11:55:03</t>
  </si>
  <si>
    <t>c:\users\dolvaner\desktop\projetos\xperience\fte\</t>
  </si>
  <si>
    <t>template_registro_fte_realizado_v4.0.xlsb</t>
  </si>
  <si>
    <t>09/26/2019 11:54:20</t>
  </si>
  <si>
    <t>09/26/2019 11:57:03</t>
  </si>
  <si>
    <t>/o=exchangelabs/ou=exchange administrative group (fydibohf23spdlt)/cn=recipients/cn=00351cfd10744e67afc321025db57f3a-rosangela t;</t>
  </si>
  <si>
    <t>RES: Visita Natura dia 01/10 Campinas</t>
  </si>
  <si>
    <t>/o=exchangelabs/ou=exchange administrative group (fydibohf23spdlt)/cn=recipients/cn=00351cfd10744e67afc321025db57f3a-rosangela t</t>
  </si>
  <si>
    <t>09/26/2019 11:55:41</t>
  </si>
  <si>
    <t>09/26/2019 11:58:03</t>
  </si>
  <si>
    <t>C:\Users\mariannacsm\OneDrive - Grupo Algar\0- PMO-POOL\PMO\TAPs\Rollout Advanced Collection\PMO Algar Tech - SOLICITAÇÃO DE CHANGE - PROJETO ROLLOUT ISD.pptx\</t>
  </si>
  <si>
    <t>09/26/2019 11:59:29</t>
  </si>
  <si>
    <t>09/26/2019 12:00:03</t>
  </si>
  <si>
    <t>09/26/2019 11:56:10</t>
  </si>
  <si>
    <t>09/26/2019 12:01:04</t>
  </si>
  <si>
    <t>danyllordsf@algartech.com;eversonmc@algartech.com.br;</t>
  </si>
  <si>
    <t>Treinamento Time Leonora</t>
  </si>
  <si>
    <t>danyllordsf@algartech.com,eversonmc@algartech.com.br</t>
  </si>
  <si>
    <t>09/26/2019 11:58:47</t>
  </si>
  <si>
    <t>09/26/2019 12:02:03</t>
  </si>
  <si>
    <t>/o=exchangelabs/ou=exchange administrative group (fydibohf23spdlt)/cn=recipients/cn=16a29ec14a2c4cceae5d6ba9fc205b24-jaqueline a;/o=exchangelabs/ou=exchange administrative group (fydibohf23spdlt)/cn=recipients/cn=615c2ff727e24f248b441574479da1fe-jussara gon;/o=exchangelabs/ou=exchange administrative group (fydibohf23spdlt)/cn=recipients/cn=793b51fd8ee9452bb2da870c5dc56d05-mariana sil;/o=exchangelabs/ou=exchange administrative group (fydibohf23spdlt)/cn=recipients/cn=8e974a0c2c3f4521ad84c5b1aa62616e-caroline fe;/o=exchangelabs/ou=exchange administrative group (fydibohf23spdlt)/cn=recipients/cn=b37cc0eb51c94a76b1594a2448bac973-alessandra;/o=exchangelabs/ou=exchange administrative group (fydibohf23spdlt)/cn=recipients/cn=ca5634aac17d42dc9af0f58d88acc615-simone rodr;/o=exchangelabs/ou=exchange administrative group (fydibohf23spdlt)/cn=recipients/cn=f8c35298ef0b48aa998ff938051b62c8-ana carolin;</t>
  </si>
  <si>
    <t>Férias Setembro</t>
  </si>
  <si>
    <t>PLANEJAMENTO DE FÉRIAS SETEMBRO-2019.xlsx</t>
  </si>
  <si>
    <t>/o=exchangelabs/ou=exchange administrative group (fydibohf23spdlt)/cn=recipients/cn=16a29ec14a2c4cceae5d6ba9fc205b24-jaqueline a,/o=exchangelabs/ou=exchange administrative group (fydibohf23spdlt)/cn=recipients/cn=615c2ff727e24f248b441574479da1fe-jussara gon,/o=exchangelabs/ou=exchange administrative group (fydibohf23spdlt)/cn=recipients/cn=793b51fd8ee9452bb2da870c5dc56d05-mariana sil,/o=exchangelabs/ou=exchange administrative group (fydibohf23spdlt)/cn=recipients/cn=8e974a0c2c3f4521ad84c5b1aa62616e-caroline fe,/o=exchangelabs/ou=exchange administrative group (fydibohf23spdlt)/cn=recipients/cn=b37cc0eb51c94a76b1594a2448bac973-alessandra,/o=exchangelabs/ou=exchange administrative group (fydibohf23spdlt)/cn=recipients/cn=ca5634aac17d42dc9af0f58d88acc615-simone rodr,/o=exchangelabs/ou=exchange administrative group (fydibohf23spdlt)/cn=recipients/cn=f8c35298ef0b48aa998ff938051b62c8-ana carolin</t>
  </si>
  <si>
    <t>09/26/2019 11:56:48</t>
  </si>
  <si>
    <t>09/26/2019 12:00:49</t>
  </si>
  <si>
    <t>09/26/2019 12:03:04</t>
  </si>
  <si>
    <t>/o=exchangelabs/ou=exchange administrative group (fydibohf23spdlt)/cn=recipients/cn=026b94ca382e4c53b6edc028cfd1185a-alvaro brun;/o=exchangelabs/ou=exchange administrative group (fydibohf23spdlt)/cn=recipients/cn=59e2d42e513e4613a23971f0060032ed-gabriel ale;/o=exchangelabs/ou=exchange administrative group (fydibohf23spdlt)/cn=recipients/cn=799f2e810d784aada09aa80d55743449-daniella gu;/o=exchangelabs/ou=exchange administrative group (fydibohf23spdlt)/cn=recipients/cn=94136c2058ff4601b627fbdc336c474e-naira gabri;/o=exchangelabs/ou=exchange administrative group (fydibohf23spdlt)/cn=recipients/cn=f12a8a47728048b0a734508ea6226c04-michele dos;andreavm@algartech.com.br;elisangelafp@algartech.com.br;helidafp@algartech.com.br;mariajcb@algartech.com.br;marianacs@algartech.com.br;pablopr@algartech.com.br;tatianef@algartech.com.br;</t>
  </si>
  <si>
    <t>FÉRIAS OUTUBRO-19</t>
  </si>
  <si>
    <t>Planejamento de Férias SET.xlsx</t>
  </si>
  <si>
    <t>/o=exchangelabs/ou=exchange administrative group (fydibohf23spdlt)/cn=recipients/cn=026b94ca382e4c53b6edc028cfd1185a-alvaro brun,/o=exchangelabs/ou=exchange administrative group (fydibohf23spdlt)/cn=recipients/cn=59e2d42e513e4613a23971f0060032ed-gabriel ale,/o=exchangelabs/ou=exchange administrative group (fydibohf23spdlt)/cn=recipients/cn=799f2e810d784aada09aa80d55743449-daniella gu,/o=exchangelabs/ou=exchange administrative group (fydibohf23spdlt)/cn=recipients/cn=94136c2058ff4601b627fbdc336c474e-naira gabri,/o=exchangelabs/ou=exchange administrative group (fydibohf23spdlt)/cn=recipients/cn=f12a8a47728048b0a734508ea6226c04-michele dos,andreavm@algartech.com.br,elisangelafp@algartech.com.br,helidafp@algartech.com.br,mariajcb@algartech.com.br,marianacs@algartech.com.br,pablopr@algartech.com.br,tatianef@algartech.com.br</t>
  </si>
  <si>
    <t>09/26/2019 12:01:17</t>
  </si>
  <si>
    <t>/o=exchangelabs/ou=exchange administrative group (fydibohf23spdlt)/cn=recipients/cn=a72a765de829420582b78941417073ac-karina rodr;/o=exchangelabs/ou=exchange administrative group (fydibohf23spdlt)/cn=recipients/cn=cd9a537135134b65a0d7151c4bba7129-brenda bruc;/o=exchangelabs/ou=exchange administrative group (fydibohf23spdlt)/cn=recipients/cn=userd3ef8196;</t>
  </si>
  <si>
    <t>RES: Resultado Operacional D-1 - KitchenAid N1</t>
  </si>
  <si>
    <t>Improdutividade Serv KitchenAid.xlsx</t>
  </si>
  <si>
    <t>/o=exchangelabs/ou=exchange administrative group (fydibohf23spdlt)/cn=recipients/cn=a72a765de829420582b78941417073ac-karina rodr,/o=exchangelabs/ou=exchange administrative group (fydibohf23spdlt)/cn=recipients/cn=cd9a537135134b65a0d7151c4bba7129-brenda bruc,/o=exchangelabs/ou=exchange administrative group (fydibohf23spdlt)/cn=recipients/cn=userd3ef8196</t>
  </si>
  <si>
    <t>09/26/2019 12:01:22</t>
  </si>
  <si>
    <t>09/26/2019 12:06:03</t>
  </si>
  <si>
    <t>C:\Users\ruidrt\OneDrive - Grupo Algar\Documentos\Projetos\Whirlpool\URA PCI\</t>
  </si>
  <si>
    <t>Árvore de categorização TLV Ativo Finalizado.xla</t>
  </si>
  <si>
    <t>09/26/2019 12:01:30</t>
  </si>
  <si>
    <t>09/26/2019 12:07:03</t>
  </si>
  <si>
    <t>c:\users\daniloasb\downloads\</t>
  </si>
  <si>
    <t>formulário de liberação de ativos clu .xlsx</t>
  </si>
  <si>
    <t>09/26/2019 11:59:27</t>
  </si>
  <si>
    <t>09/26/2019 12:08:04</t>
  </si>
  <si>
    <t>/o=exchangelabs/ou=exchange administrative group (fydibohf23spdlt)/cn=recipients/cn=038f41b7be5a4926948c70e2a8eec30b-ademir gald;/o=exchangelabs/ou=exchange administrative group (fydibohf23spdlt)/cn=recipients/cn=04e3841f08484fc58ec6c1e78af9be57-andrey bucc;/o=exchangelabs/ou=exchange administrative group (fydibohf23spdlt)/cn=recipients/cn=0724131ea0e6413f81b96734f1d8db35-larissa men;/o=exchangelabs/ou=exchange administrative group (fydibohf23spdlt)/cn=recipients/cn=083204b1bd464d0fbbd2451a3a305923-katia gonca;/o=exchangelabs/ou=exchange administrative group (fydibohf23spdlt)/cn=recipients/cn=08495392e8ff447fa6268b697ae28485-flavia ferr;/o=exchangelabs/ou=exchange administrative group (fydibohf23spdlt)/cn=recipients/cn=089963f5f37f427c8a85f88a8c15a3bf-ricardo def;/o=exchangelabs/ou=exchange administrative group (fydibohf23spdlt)/cn=recipients/cn=092327d7955f47e78ad4a60dc2ac8d69-joaquim eli;/o=exchangelabs/ou=exchange administrative group (fydibohf23spdlt)/cn=recipients/cn=0ad67812a921472ea75457aad47f39a8-kall</t>
  </si>
  <si>
    <t>:::: AUDITORIA - Contratação de Metas 2ºsemestre - Correções importantes ::::</t>
  </si>
  <si>
    <t>Metas para Correção_26set2019.xlsx</t>
  </si>
  <si>
    <t>/o=exchangelabs/ou=exchange administrative group (fydibohf23spdlt)/cn=recipients/cn=038f41b7be5a4926948c70e2a8eec30b-ademir gald,/o=exchangelabs/ou=exchange administrative group (fydibohf23spdlt)/cn=recipients/cn=04e3841f08484fc58ec6c1e78af9be57-andrey bucc,/o=exchangelabs/ou=exchange administrative group (fydibohf23spdlt)/cn=recipients/cn=0724131ea0e6413f81b96734f1d8db35-larissa men,/o=exchangelabs/ou=exchange administrative group (fydibohf23spdlt)/cn=recipients/cn=083204b1bd464d0fbbd2451a3a305923-katia gonca,/o=exchangelabs/ou=exchange administrative group (fydibohf23spdlt)/cn=recipients/cn=08495392e8ff447fa6268b697ae28485-flavia ferr,/o=exchangelabs/ou=exchange administrative group (fydibohf23spdlt)/cn=recipients/cn=089963f5f37f427c8a85f88a8c15a3bf-ricardo def,/o=exchangelabs/ou=exchange administrative group (fydibohf23spdlt)/cn=recipients/cn=092327d7955f47e78ad4a60dc2ac8d69-joaquim eli,/o=exchangelabs/ou=exchange administrative group (fydibohf23spdlt)/cn=recipients/cn=0ad67812a921472ea75457aad47f39a8-kall</t>
  </si>
  <si>
    <t>09/26/2019 12:08:24</t>
  </si>
  <si>
    <t>09/26/2019 12:13:03</t>
  </si>
  <si>
    <t>09/26/2019 12:12:58</t>
  </si>
  <si>
    <t>09/26/2019 12:16:03</t>
  </si>
  <si>
    <t>/o=exchangelabs/ou=exchange administrative group (fydibohf23spdlt)/cn=recipients/cn=50f8ab770c6e4ce1a0c6a59d9c0a5d77-gessica ste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bec14da9ad4d434b8151ce12587e9186-khassio mar;flavia@iclicconsultoria.com.br;sheilacdf@algartech.com.br;vivianega@algartech.com.br;</t>
  </si>
  <si>
    <t>RES: Levantamento Volumes Emissão Migrado</t>
  </si>
  <si>
    <t>Filas Migrado.xlsx</t>
  </si>
  <si>
    <t>/o=exchangelabs/ou=exchange administrative group (fydibohf23spdlt)/cn=recipients/cn=50f8ab770c6e4ce1a0c6a59d9c0a5d77-gessica ste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bec14da9ad4d434b8151ce12587e9186-khassio mar,flavia@iclicconsultoria.com.br,sheilacdf@algartech.com.br,vivianega@algartech.com.br</t>
  </si>
  <si>
    <t>09/26/2019 12:18:07</t>
  </si>
  <si>
    <t>09/26/2019 12:20:03</t>
  </si>
  <si>
    <t>mail.google.com/_/upload?authuser=0&amp;dcp=asu-n&amp;upload_id=AEnB2UqzGn1rxkr3OB7SfJNYUE39S7XZRkt-UUXOlttRmV-jY8ZaKp0Ca0KpmrJP8sCTSf7r8WF-69iP0EGYDXm6OtuknYRo-rXgNLaH6hG9qoiZbx6Mqak&amp;upload_protocol=resumable</t>
  </si>
  <si>
    <t>rondinelesa@algartech.com;senildapdo@algartecnologia.com.br;</t>
  </si>
  <si>
    <t>C:\Projetos\AVON\SUPORTE\38_LAYOUT_IMPORTACAO_STOP_LIST_TROCAS_FALTAS\</t>
  </si>
  <si>
    <t>arquivo_generico_setores.csv</t>
  </si>
  <si>
    <t>rondinelesa@algartech.com,senildapdo@algartecnologia.com.br</t>
  </si>
  <si>
    <t>09/26/2019 12:20:00</t>
  </si>
  <si>
    <t>09/26/2019 12:21:02</t>
  </si>
  <si>
    <t>/o=exchangelabs/ou=exchange administrative group (fydibohf23spdlt)/cn=recipients/cn=a75579a499254c2291e852b70c4d70d1-eunice apar;/o=exchangelabs/ou=exchange administrative group (fydibohf23spdlt)/cn=recipients/cn=e9519d1407044c56a7b8fe1bbc24bebc-michele cam;/o=exchangelabs/ou=exchange administrative group (fydibohf23spdlt)/cn=recipients/cn=fa97b4f41f6b44568346ac119cf955ae-pablo henri;tso@algartech.com.br;viviane.virgilio@bradesco.com.br;</t>
  </si>
  <si>
    <t>/o=exchangelabs/ou=exchange administrative group (fydibohf23spdlt)/cn=recipients/cn=a75579a499254c2291e852b70c4d70d1-eunice apar,/o=exchangelabs/ou=exchange administrative group (fydibohf23spdlt)/cn=recipients/cn=e9519d1407044c56a7b8fe1bbc24bebc-michele cam,/o=exchangelabs/ou=exchange administrative group (fydibohf23spdlt)/cn=recipients/cn=fa97b4f41f6b44568346ac119cf955ae-pablo henri,tso@algartech.com.br,viviane.virgilio@bradesco.com.br</t>
  </si>
  <si>
    <t>09/26/2019 12:18:00</t>
  </si>
  <si>
    <t>09/26/2019 12:23:03</t>
  </si>
  <si>
    <t>/o=exchangelabs/ou=exchange administrative group (fydibohf23spdlt)/cn=recipients/cn=2be3fa2db03f4d399261f643401355ea-rafael pere;</t>
  </si>
  <si>
    <t>RES: Dashboard PA Digital Compra Certa - Parcial Setembro</t>
  </si>
  <si>
    <t>/o=exchangelabs/ou=exchange administrative group (fydibohf23spdlt)/cn=recipients/cn=2be3fa2db03f4d399261f643401355ea-rafael pere</t>
  </si>
  <si>
    <t>09/26/2019 12:21:37</t>
  </si>
  <si>
    <t>5 stars 26.09.csv</t>
  </si>
  <si>
    <t>09/26/2019 12:20:51</t>
  </si>
  <si>
    <t>10.200.58.37</t>
  </si>
  <si>
    <t>FC-01-7C-B3-8D-89</t>
  </si>
  <si>
    <t>09/26/2019 12:21:12</t>
  </si>
  <si>
    <t>/o=exchangelabs/ou=exchange administrative group (fydibohf23spdlt)/cn=recipients/cn=03a1bc99308a456db7c0105407689b39-gilda elain;/o=exchangelabs/ou=exchange administrative group (fydibohf23spdlt)/cn=recipients/cn=2504d5028b6b4fb89d14a5df6031358d-jane carla;/o=exchangelabs/ou=exchange administrative group (fydibohf23spdlt)/cn=recipients/cn=2b69c7de1a3641269a7eed0596e1ddc2-wayner oliv;/o=exchangelabs/ou=exchange administrative group (fydibohf23spdlt)/cn=recipients/cn=2d3379e2d04c40db810b4b1f41dd2aea-erica carol;/o=exchangelabs/ou=exchange administrative group (fydibohf23spdlt)/cn=recipients/cn=54abac0a4fdc4ad1bec39bb51d85eab1-victor hugo;/o=exchangelabs/ou=exchange administrative group (fydibohf23spdlt)/cn=recipients/cn=55f846c335d7437f892f0b0d49c89e92-celma ribei;/o=exchangelabs/ou=exchange administrative group (fydibohf23spdlt)/cn=recipients/cn=590012d55fae421587844918af7bc53c-daiane mari;/o=exchangelabs/ou=exchange administrative group (fydibohf23spdlt)/cn=recipients/cn=6bc6ced03b1b4fafa41bb5c70c178940-anton</t>
  </si>
  <si>
    <t>RES: Agendas com Diretores - Revisão Orçamentária</t>
  </si>
  <si>
    <t>/o=exchangelabs/ou=exchange administrative group (fydibohf23spdlt)/cn=recipients/cn=03a1bc99308a456db7c0105407689b39-gilda elain,/o=exchangelabs/ou=exchange administrative group (fydibohf23spdlt)/cn=recipients/cn=2504d5028b6b4fb89d14a5df6031358d-jane carla,/o=exchangelabs/ou=exchange administrative group (fydibohf23spdlt)/cn=recipients/cn=2b69c7de1a3641269a7eed0596e1ddc2-wayner oliv,/o=exchangelabs/ou=exchange administrative group (fydibohf23spdlt)/cn=recipients/cn=2d3379e2d04c40db810b4b1f41dd2aea-erica carol,/o=exchangelabs/ou=exchange administrative group (fydibohf23spdlt)/cn=recipients/cn=54abac0a4fdc4ad1bec39bb51d85eab1-victor hugo,/o=exchangelabs/ou=exchange administrative group (fydibohf23spdlt)/cn=recipients/cn=55f846c335d7437f892f0b0d49c89e92-celma ribei,/o=exchangelabs/ou=exchange administrative group (fydibohf23spdlt)/cn=recipients/cn=590012d55fae421587844918af7bc53c-daiane mari,/o=exchangelabs/ou=exchange administrative group (fydibohf23spdlt)/cn=recipients/cn=6bc6ced03b1b4fafa41bb5c70c178940-anton</t>
  </si>
  <si>
    <t>09/26/2019 12:19:56</t>
  </si>
  <si>
    <t>/o=exchangelabs/ou=exchange administrative group (fydibohf23spdlt)/cn=recipients/cn=1981433b28a2405b86112019a8b25d8f-rodinei per;/o=exchangelabs/ou=exchange administrative group (fydibohf23spdlt)/cn=recipients/cn=446acf0cbd3a4363854caa15000ea254-homero de c;/o=exchangelabs/ou=exchange administrative group (fydibohf23spdlt)/cn=recipients/cn=a387251d6d8c4b729d17257b1403e985-rodrigo agn;/o=exchangelabs/ou=exchange administrative group (fydibohf23spdlt)/cn=recipients/cn=c29ec9dae022497281c840087cccddec-patricia ar;/o=exchangelabs/ou=exchange administrative group (fydibohf23spdlt)/cn=recipients/cn=ddbbc013641646d08f8ffec122e83ef5-sandy yumi;</t>
  </si>
  <si>
    <t>RES: Projeto Precificação - Abertura de metas GRC</t>
  </si>
  <si>
    <t>produtos_fusion.xlsx</t>
  </si>
  <si>
    <t>/o=exchangelabs/ou=exchange administrative group (fydibohf23spdlt)/cn=recipients/cn=1981433b28a2405b86112019a8b25d8f-rodinei per,/o=exchangelabs/ou=exchange administrative group (fydibohf23spdlt)/cn=recipients/cn=446acf0cbd3a4363854caa15000ea254-homero de c,/o=exchangelabs/ou=exchange administrative group (fydibohf23spdlt)/cn=recipients/cn=a387251d6d8c4b729d17257b1403e985-rodrigo agn,/o=exchangelabs/ou=exchange administrative group (fydibohf23spdlt)/cn=recipients/cn=c29ec9dae022497281c840087cccddec-patricia ar,/o=exchangelabs/ou=exchange administrative group (fydibohf23spdlt)/cn=recipients/cn=ddbbc013641646d08f8ffec122e83ef5-sandy yumi</t>
  </si>
  <si>
    <t>09/26/2019 12:07:32</t>
  </si>
  <si>
    <t>09/26/2019 12:24:03</t>
  </si>
  <si>
    <t>mail.google.com/_/upload?authuser=0&amp;dcp=asu-n&amp;upload_id=AEnB2UppJRYlDRqVLSgnx38jJN5Gf167M4utiiME8oMWHVw6FPcp3Aqh34EptU_y0f59XK96gm3W-0_eVEkutUFESnxMb9_ngjanPeTBZdQtmrUHdzlQCGA&amp;upload_protocol=resumable</t>
  </si>
  <si>
    <t>"156935365;121726322]";7;7qvnlos7py9unqb45ojnmxdhvzrvrp0pdq7o_2hyohwiiu_w6jckohav8qsjw2hi3qq8i7qi63k6vd3pqcftjdfbfzi5b5kwfeareor53bl7acc8syjj7xlz7j4bz4kgmzdzaiv39cwmurybzjpmhjsxn8oglisokmtppxefsducuatut9ggoymvsox1mlw8_4hono12bmx0d8t16y_pu4iwayuhs1h1lcx7pt9qctsx8yofayoitttpbdwacugywvoxh8t_elpk7chlok8k7dtxbe\";[];[]]];null;</t>
  </si>
  <si>
    <t>Qlikview 21-08-2019.xls</t>
  </si>
  <si>
    <t>"156935365,121726322]",7,7qvnlos7py9unqb45ojnmxdhvzrvrp0pdq7o_2hyohwiiu_w6jckohav8qsjw2hi3qq8i7qi63k6vd3pqcftjdfbfzi5b5kwfeareor53bl7acc8syjj7xlz7j4bz4kgmzdzaiv39cwmurybzjpmhjsxn8oglisokmtppxefsducuatut9ggoymvsox1mlw8_4hono12bmx0d8t16y_pu4iwayuhs1h1lcx7pt9qctsx8yofayoitttpbdwacugywvoxh8t_elpk7chlok8k7dtxbe\",[],[]]],null</t>
  </si>
  <si>
    <t>09/26/2019 12:21:58</t>
  </si>
  <si>
    <t>09/26/2019 12:25:03</t>
  </si>
  <si>
    <t>OBJETIVOS CP 18-2019.xls</t>
  </si>
  <si>
    <t>09/26/2019 12:24:45</t>
  </si>
  <si>
    <t>OBJETIVO GS CP 18-2019.xls</t>
  </si>
  <si>
    <t>09/26/2019 12:22:32</t>
  </si>
  <si>
    <t>09/26/2019 12:26:04</t>
  </si>
  <si>
    <t>whatspp</t>
  </si>
  <si>
    <t>Mensagens Pre-definidas.csv</t>
  </si>
  <si>
    <t>09/26/2019 12:24:53</t>
  </si>
  <si>
    <t>09/26/2019 12:27:03</t>
  </si>
  <si>
    <t>/o=exchangelabs/ou=exchange administrative group (fydibohf23spdlt)/cn=recipients/cn=50eedf76e32e41a79c5edfcd053f994f-diogo luiz;/o=exchangelabs/ou=exchange administrative group (fydibohf23spdlt)/cn=recipients/cn=e9519d1407044c56a7b8fe1bbc24bebc-michele cam;</t>
  </si>
  <si>
    <t>ENC: Relatório Treinamento NR-17 - 29ª Parcial 2019</t>
  </si>
  <si>
    <t>Farol NR-17 - 29ª Parcial 2019.xlsb</t>
  </si>
  <si>
    <t>/o=exchangelabs/ou=exchange administrative group (fydibohf23spdlt)/cn=recipients/cn=50eedf76e32e41a79c5edfcd053f994f-diogo luiz,/o=exchangelabs/ou=exchange administrative group (fydibohf23spdlt)/cn=recipients/cn=e9519d1407044c56a7b8fe1bbc24bebc-michele cam</t>
  </si>
  <si>
    <t>09/26/2019 12:28:55</t>
  </si>
  <si>
    <t>09/26/2019 12:32:04</t>
  </si>
  <si>
    <t>10.200.35.178</t>
  </si>
  <si>
    <t>/o=exchangelabs/ou=exchange administrative group (fydibohf23spdlt)/cn=recipients/cn=168e05cabbf14ae289464a0c09955b31-sara ferrei;/o=exchangelabs/ou=exchange administrative group (fydibohf23spdlt)/cn=recipients/cn=287c26b08a0f48578479a15a452f025d-edilson rod;/o=exchangelabs/ou=exchange administrative group (fydibohf23spdlt)/cn=recipients/cn=54abac0a4fdc4ad1bec39bb51d85eab1-victor hugo;/o=exchangelabs/ou=exchange administrative group (fydibohf23spdlt)/cn=recipients/cn=651324bc204a42f6bbcdf62273ebdc5c-aluisio ant;/o=exchangelabs/ou=exchange administrative group (fydibohf23spdlt)/cn=recipients/cn=9e7c445894a4474a86a42a5f271a0d12-viviane res;</t>
  </si>
  <si>
    <t>RES: ORÇAMENTO 2020 - OUTROS CUSTOS/RECUPERAÇÃO DE CUSTO</t>
  </si>
  <si>
    <t>CR 341500065 - CUSTOS.xlsb</t>
  </si>
  <si>
    <t>/o=exchangelabs/ou=exchange administrative group (fydibohf23spdlt)/cn=recipients/cn=168e05cabbf14ae289464a0c09955b31-sara ferrei,/o=exchangelabs/ou=exchange administrative group (fydibohf23spdlt)/cn=recipients/cn=287c26b08a0f48578479a15a452f025d-edilson rod,/o=exchangelabs/ou=exchange administrative group (fydibohf23spdlt)/cn=recipients/cn=54abac0a4fdc4ad1bec39bb51d85eab1-victor hugo,/o=exchangelabs/ou=exchange administrative group (fydibohf23spdlt)/cn=recipients/cn=651324bc204a42f6bbcdf62273ebdc5c-aluisio ant,/o=exchangelabs/ou=exchange administrative group (fydibohf23spdlt)/cn=recipients/cn=9e7c445894a4474a86a42a5f271a0d12-viviane res</t>
  </si>
  <si>
    <t>09/26/2019 12:31:34</t>
  </si>
  <si>
    <t>09/26/2019 12:35:05</t>
  </si>
  <si>
    <t>http://shareit.global.avon.com/sites/arrmcm/forca-de-vendas/_layouts/upload.aspx?list={49a50e3f-b4b4-49bc-b117-70e608bcb21b}&amp;rootfolder=/sites/arrmcm/forca-de-vendas/gerente de setor/incentivos/produtividade&amp;source=http://shareit.global.avon.com/sites/arrmcm/forca-de-vendas/gerente de setor/forms/allitems.aspx?rootfolder=%2fsites%2farrmcm%2fforca%2dde%2dvendas%2fgerente%20de%20setor%2fincentivos%2fprodutividade&amp;folderctid=&amp;view=%7bd059265c%2dd14d%2d41b3%2d9614%2d5dc74317d84e%7d</t>
  </si>
  <si>
    <t>OBJETIVO PEDIDOS GS CP 18-2019.xls</t>
  </si>
  <si>
    <t>09/26/2019 12:35:11</t>
  </si>
  <si>
    <t>09/26/2019 12:37:04</t>
  </si>
  <si>
    <t>/o=exchangelabs/ou=exchange administrative group (fydibohf23spdlt)/cn=recipients/cn=e1b0af96fdc94f4f866f918c896827c9-adriele cat;</t>
  </si>
  <si>
    <t>ENC: Nuvem de Palavras IBI 26/09/2019</t>
  </si>
  <si>
    <t>RELATORIO_2609201911.csv</t>
  </si>
  <si>
    <t>/o=exchangelabs/ou=exchange administrative group (fydibohf23spdlt)/cn=recipients/cn=e1b0af96fdc94f4f866f918c896827c9-adriele cat</t>
  </si>
  <si>
    <t>09/26/2019 12:37:07</t>
  </si>
  <si>
    <t>09/26/2019 12:40:04</t>
  </si>
  <si>
    <t>09/26/2019 12:40:02</t>
  </si>
  <si>
    <t>09/26/2019 12:44:04</t>
  </si>
  <si>
    <t>Holding - Comissão de Integridade - 26092019 - Sumário Executivo Ouvidoria.pptx\</t>
  </si>
  <si>
    <t>09/26/2019 12:41:43</t>
  </si>
  <si>
    <t>09/26/2019 12:47:04</t>
  </si>
  <si>
    <t>/o=exchangelabs/ou=exchange administrative group (fydibohf23spdlt)/cn=recipients/cn=32fe8a14424941da83c2bf35a8a5709e-fabiana car;/o=exchangelabs/ou=exchange administrative group (fydibohf23spdlt)/cn=recipients/cn=747eff70157a49d9baeecb85882df377-angelica da;/o=exchangelabs/ou=exchange administrative group (fydibohf23spdlt)/cn=recipients/cn=a78f7dae304e472e9f75bd537683f6e5-hugo de oli;/o=exchangelabs/ou=exchange administrative group (fydibohf23spdlt)/cn=recipients/cn=cac18c5388b04f6d979d1bc87a08825a-marcopaulo;marcotvo@algartech.com;</t>
  </si>
  <si>
    <t>Estudo Tempo de Treinamento_26.09.xlsx</t>
  </si>
  <si>
    <t>/o=exchangelabs/ou=exchange administrative group (fydibohf23spdlt)/cn=recipients/cn=32fe8a14424941da83c2bf35a8a5709e-fabiana car,/o=exchangelabs/ou=exchange administrative group (fydibohf23spdlt)/cn=recipients/cn=747eff70157a49d9baeecb85882df377-angelica da,/o=exchangelabs/ou=exchange administrative group (fydibohf23spdlt)/cn=recipients/cn=a78f7dae304e472e9f75bd537683f6e5-hugo de oli,/o=exchangelabs/ou=exchange administrative group (fydibohf23spdlt)/cn=recipients/cn=cac18c5388b04f6d979d1bc87a08825a-marcopaulo,marcotvo@algartech.com</t>
  </si>
  <si>
    <t>09/26/2019 13:08:39</t>
  </si>
  <si>
    <t>09/26/2019 13:11:04</t>
  </si>
  <si>
    <t>09/26/2019 13:10:21</t>
  </si>
  <si>
    <t>09/26/2019 13:13:04</t>
  </si>
  <si>
    <t>10.200.58.77</t>
  </si>
  <si>
    <t>64-1C-67-9C-32-37</t>
  </si>
  <si>
    <t>Faturamento Infra TI Setembro 2019</t>
  </si>
  <si>
    <t>09.TI TEC Faturamento Setembro 19 Consolidado OFC.xls</t>
  </si>
  <si>
    <t>09/26/2019 13:12:44</t>
  </si>
  <si>
    <t>09/26/2019 13:14:04</t>
  </si>
  <si>
    <t>Cópia de CPB - Visa e AMEX Migrado (002).xlsx</t>
  </si>
  <si>
    <t>09/26/2019 13:13:15</t>
  </si>
  <si>
    <t>09/26/2019 13:17:19</t>
  </si>
  <si>
    <t>09/26/2019 13:18:04</t>
  </si>
  <si>
    <t>09/26/2019 13:16:57</t>
  </si>
  <si>
    <t>09/26/2019 13:21:04</t>
  </si>
  <si>
    <t>/o=exchangelabs/ou=exchange administrative group (fydibohf23spdlt)/cn=recipients/cn=8c89829ad534498fa4c85b5ac11174f1-suelen more;/o=exchangelabs/ou=exchange administrative group (fydibohf23spdlt)/cn=recipients/cn=c82d742f5f1e4122a86db0495b71e095-nilton j. g;/o=exchangelabs/ou=exchange administrative group (fydibohf23spdlt)/cn=recipients/cn=e5dfe65308934e02acfffcb2185133f4-daniel bier;</t>
  </si>
  <si>
    <t>RES: PR209361 2019 - IBM 83191310EA Quotation Number 83191310EA</t>
  </si>
  <si>
    <t>RES PR209361 2019 - IBM 83191310EA - Projeto na Profarma Quotation Number 83191310EA.msg\s1\</t>
  </si>
  <si>
    <t>Localidades de Atendimento.xlsx</t>
  </si>
  <si>
    <t>/o=exchangelabs/ou=exchange administrative group (fydibohf23spdlt)/cn=recipients/cn=8c89829ad534498fa4c85b5ac11174f1-suelen more,/o=exchangelabs/ou=exchange administrative group (fydibohf23spdlt)/cn=recipients/cn=c82d742f5f1e4122a86db0495b71e095-nilton j. g,/o=exchangelabs/ou=exchange administrative group (fydibohf23spdlt)/cn=recipients/cn=e5dfe65308934e02acfffcb2185133f4-daniel bier</t>
  </si>
  <si>
    <t>09/26/2019 13:22:40</t>
  </si>
  <si>
    <t>09/26/2019 13:24:04</t>
  </si>
  <si>
    <t>10.200.32.10</t>
  </si>
  <si>
    <t>64-1C-67-A0-39-3B</t>
  </si>
  <si>
    <t>/o=exchangelabs/ou=exchange administrative group (fydibohf23spdlt)/cn=recipients/cn=1c3bae1d5aab4c72b84516e819cd16c9-wilton paim;/o=exchangelabs/ou=exchange administrative group (fydibohf23spdlt)/cn=recipients/cn=2af9cbc0e9af4d91b36813b0ff5f73e1-reynaldo pe;/o=exchangelabs/ou=exchange administrative group (fydibohf23spdlt)/cn=recipients/cn=2b7497d349474240af7dc07e3cbbd5a2-amanda dias;/o=exchangelabs/ou=exchange administrative group (fydibohf23spdlt)/cn=recipients/cn=c08089b92f0643f18c949cb099a06593-tamara luis;joaosldcn@algartech.com;</t>
  </si>
  <si>
    <t>RES: Prezado Bruno, Bom Dia!</t>
  </si>
  <si>
    <t>/o=exchangelabs/ou=exchange administrative group (fydibohf23spdlt)/cn=recipients/cn=1c3bae1d5aab4c72b84516e819cd16c9-wilton paim,/o=exchangelabs/ou=exchange administrative group (fydibohf23spdlt)/cn=recipients/cn=2af9cbc0e9af4d91b36813b0ff5f73e1-reynaldo pe,/o=exchangelabs/ou=exchange administrative group (fydibohf23spdlt)/cn=recipients/cn=2b7497d349474240af7dc07e3cbbd5a2-amanda dias,/o=exchangelabs/ou=exchange administrative group (fydibohf23spdlt)/cn=recipients/cn=c08089b92f0643f18c949cb099a06593-tamara luis,joaosldcn@algartech.com</t>
  </si>
  <si>
    <t>09/26/2019 13:19:44</t>
  </si>
  <si>
    <t>09/26/2019 13:24:53</t>
  </si>
  <si>
    <t>09/26/2019 13:27:05</t>
  </si>
  <si>
    <t>10.200.60.18</t>
  </si>
  <si>
    <t>54-BF-64-F5-7F-DA</t>
  </si>
  <si>
    <t>/o=exchangelabs/ou=exchange administrative group (fydibohf23spdlt)/cn=recipients/cn=2c2ca45b5e45440cb13172a7e4ee8b8f-gustavo mac;/o=exchangelabs/ou=exchange administrative group (fydibohf23spdlt)/cn=recipients/cn=f0e6b231679d41b89fbbc682e6e3a6ca-daiane barb;juliana.seixas@caixaseguradora.com.br;</t>
  </si>
  <si>
    <t>ENC: Ação de resgate_ Planos com Insuficiência de reserva_ALGAR</t>
  </si>
  <si>
    <t>Solicita Resgate - UP 250.xls</t>
  </si>
  <si>
    <t>/o=exchangelabs/ou=exchange administrative group (fydibohf23spdlt)/cn=recipients/cn=2c2ca45b5e45440cb13172a7e4ee8b8f-gustavo mac,/o=exchangelabs/ou=exchange administrative group (fydibohf23spdlt)/cn=recipients/cn=f0e6b231679d41b89fbbc682e6e3a6ca-daiane barb,juliana.seixas@caixaseguradora.com.br</t>
  </si>
  <si>
    <t>09/26/2019 13:25:40</t>
  </si>
  <si>
    <t>09/26/2019 13:29:04</t>
  </si>
  <si>
    <t>erica@quilleconsultoria.com.br;</t>
  </si>
  <si>
    <t>CRSs Bradesco</t>
  </si>
  <si>
    <t>CS atualização de base Agosto.xls</t>
  </si>
  <si>
    <t>erica@quilleconsultoria.com.br</t>
  </si>
  <si>
    <t>09/26/2019 13:30:10</t>
  </si>
  <si>
    <t>09/26/2019 13:35:04</t>
  </si>
  <si>
    <t>Resultado parcial produtividade</t>
  </si>
  <si>
    <t>Pasta4.xlsx</t>
  </si>
  <si>
    <t>09/26/2019 13:33:54</t>
  </si>
  <si>
    <t>09/26/2019 13:36:05</t>
  </si>
  <si>
    <t>09/26/2019 13:40:10</t>
  </si>
  <si>
    <t>09/26/2019 13:45:05</t>
  </si>
  <si>
    <t>/o=exchangelabs/ou=exchange administrative group (fydibohf23spdlt)/cn=recipients/cn=3b76b3dd02a14d289cc323d3c8d12b81-waleska mar;/o=exchangelabs/ou=exchange administrative group (fydibohf23spdlt)/cn=recipients/cn=8c253c95243a40aa99c9416b7eb70a2a-julio cesar;/o=exchangelabs/ou=exchange administrative group (fydibohf23spdlt)/cn=recipients/cn=a392ff1274234709ab9d06a27700bb42-luana freit;/o=exchangelabs/ou=exchange administrative group (fydibohf23spdlt)/cn=recipients/cn=carlos henrique vilarinho_db6c0fb3df;/o=exchangelabs/ou=exchange administrative group (fydibohf23spdlt)/cn=recipients/cn=user12c3790d;</t>
  </si>
  <si>
    <t>RES: Solicitação de Assinatura - REQ12567 - Assinatura de Contrato.</t>
  </si>
  <si>
    <t>RES Lembrete Solicitação de Assinatura - REQ12567 - Assinatura de Contrato..msg\s243\</t>
  </si>
  <si>
    <t>ACC_Contrato_ R12567.xlsx</t>
  </si>
  <si>
    <t>/o=exchangelabs/ou=exchange administrative group (fydibohf23spdlt)/cn=recipients/cn=3b76b3dd02a14d289cc323d3c8d12b81-waleska mar,/o=exchangelabs/ou=exchange administrative group (fydibohf23spdlt)/cn=recipients/cn=8c253c95243a40aa99c9416b7eb70a2a-julio cesar,/o=exchangelabs/ou=exchange administrative group (fydibohf23spdlt)/cn=recipients/cn=a392ff1274234709ab9d06a27700bb42-luana freit,/o=exchangelabs/ou=exchange administrative group (fydibohf23spdlt)/cn=recipients/cn=carlos henrique vilarinho_db6c0fb3df,/o=exchangelabs/ou=exchange administrative group (fydibohf23spdlt)/cn=recipients/cn=user12c3790d</t>
  </si>
  <si>
    <t>09/26/2019 13:44:43</t>
  </si>
  <si>
    <t>09/26/2019 13:47:05</t>
  </si>
  <si>
    <t>C:\Users\hugonmo\OneDrive\Documents\Exportações Mobills\</t>
  </si>
  <si>
    <t>Controle - Gastos 2019.xlsx</t>
  </si>
  <si>
    <t>09/26/2019 13:44:57</t>
  </si>
  <si>
    <t>09/26/2019 13:49:04</t>
  </si>
  <si>
    <t>FAT B - Lote Único</t>
  </si>
  <si>
    <t>Padrao Solicitacao Receitamento SG Telecom FAT B LOTE UNICO Setembro.xlsm</t>
  </si>
  <si>
    <t>09/26/2019 13:46:07</t>
  </si>
  <si>
    <t>09/26/2019 13:51:05</t>
  </si>
  <si>
    <t>/o=exchangelabs/ou=exchange administrative group (fydibohf23spdlt)/cn=recipients/cn=02b715e2a3c744dbab0f4054efc9d2d2-raquel corr;/o=exchangelabs/ou=exchange administrative group (fydibohf23spdlt)/cn=recipients/cn=3d559cad8a6b4c9ba2e512604e1484a2-marcelo mal;/o=exchangelabs/ou=exchange administrative group (fydibohf23spdlt)/cn=recipients/cn=8c89829ad534498fa4c85b5ac11174f1-suelen more;/o=exchangelabs/ou=exchange administrative group (fydibohf23spdlt)/cn=recipients/cn=c514dbe8b91547adb4618232d1a650ba-afonso domi;</t>
  </si>
  <si>
    <t>ENC: 213399_VALEC _SD + FIELD + INFRA</t>
  </si>
  <si>
    <t>Modelo de solicitação de Proposta - Planilha de custos.xlsx</t>
  </si>
  <si>
    <t>/o=exchangelabs/ou=exchange administrative group (fydibohf23spdlt)/cn=recipients/cn=02b715e2a3c744dbab0f4054efc9d2d2-raquel corr,/o=exchangelabs/ou=exchange administrative group (fydibohf23spdlt)/cn=recipients/cn=3d559cad8a6b4c9ba2e512604e1484a2-marcelo mal,/o=exchangelabs/ou=exchange administrative group (fydibohf23spdlt)/cn=recipients/cn=8c89829ad534498fa4c85b5ac11174f1-suelen more,/o=exchangelabs/ou=exchange administrative group (fydibohf23spdlt)/cn=recipients/cn=c514dbe8b91547adb4618232d1a650ba-afonso domi</t>
  </si>
  <si>
    <t>09/26/2019 13:47:34</t>
  </si>
  <si>
    <t>RES: OS PENDENTES</t>
  </si>
  <si>
    <t>09/26/2019 13:45:55</t>
  </si>
  <si>
    <t>09/26/2019 13:47:51</t>
  </si>
  <si>
    <t>/o=exchangelabs/ou=exchange administrative group (fydibohf23spdlt)/cn=recipients/cn=2f25493a7e37433d8dafca90f527b173-danubia cri;/o=exchangelabs/ou=exchange administrative group (fydibohf23spdlt)/cn=recipients/cn=32fe8a14424941da83c2bf35a8a5709e-fabiana car;/o=exchangelabs/ou=exchange administrative group (fydibohf23spdlt)/cn=recipients/cn=a78f7dae304e472e9f75bd537683f6e5-hugo de oli;/o=exchangelabs/ou=exchange administrative group (fydibohf23spdlt)/cn=recipients/cn=bcc9538754d3496ea31a487e560f8214-silvio mart;/o=exchangelabs/ou=exchange administrative group (fydibohf23spdlt)/cn=recipients/cn=fd4a47c4d251414eb48a57376a49e773-marco tulio;</t>
  </si>
  <si>
    <t>RES: DE / PARA TREINAMENTO INTER</t>
  </si>
  <si>
    <t>/o=exchangelabs/ou=exchange administrative group (fydibohf23spdlt)/cn=recipients/cn=2f25493a7e37433d8dafca90f527b173-danubia cri,/o=exchangelabs/ou=exchange administrative group (fydibohf23spdlt)/cn=recipients/cn=32fe8a14424941da83c2bf35a8a5709e-fabiana car,/o=exchangelabs/ou=exchange administrative group (fydibohf23spdlt)/cn=recipients/cn=a78f7dae304e472e9f75bd537683f6e5-hugo de oli,/o=exchangelabs/ou=exchange administrative group (fydibohf23spdlt)/cn=recipients/cn=bcc9538754d3496ea31a487e560f8214-silvio mart,/o=exchangelabs/ou=exchange administrative group (fydibohf23spdlt)/cn=recipients/cn=fd4a47c4d251414eb48a57376a49e773-marco tulio</t>
  </si>
  <si>
    <t>09/26/2019 13:55:28</t>
  </si>
  <si>
    <t>09/26/2019 13:58:05</t>
  </si>
  <si>
    <t>/o=exchangelabs/ou=exchange administrative group (fydibohf23spdlt)/cn=recipients/cn=08495392e8ff447fa6268b697ae28485-flavia ferr;/o=exchangelabs/ou=exchange administrative group (fydibohf23spdlt)/cn=recipients/cn=e47f7192d7b143e286620292e5ce82f2-mirian pris;</t>
  </si>
  <si>
    <t>ENC: PENDÊNCIA OPERAÇÃO (Treinamentos obrigatórios)</t>
  </si>
  <si>
    <t>Pendências #SouAlgar - Operações.xlsx</t>
  </si>
  <si>
    <t>/o=exchangelabs/ou=exchange administrative group (fydibohf23spdlt)/cn=recipients/cn=08495392e8ff447fa6268b697ae28485-flavia ferr,/o=exchangelabs/ou=exchange administrative group (fydibohf23spdlt)/cn=recipients/cn=e47f7192d7b143e286620292e5ce82f2-mirian pris</t>
  </si>
  <si>
    <t>09/26/2019 13:55:39</t>
  </si>
  <si>
    <t>09/26/2019 14:01:05</t>
  </si>
  <si>
    <t>/o=exchangelabs/ou=exchange administrative group (fydibohf23spdlt)/cn=recipients/cn=2946605dcf554cb389220dec598b84fa-adriano mon;/o=exchangelabs/ou=exchange administrative group (fydibohf23spdlt)/cn=recipients/cn=32fe8a14424941da83c2bf35a8a5709e-fabiana car;/o=exchangelabs/ou=exchange administrative group (fydibohf23spdlt)/cn=recipients/cn=5cff907b7abb465c8dbe10257a462656-diego iure;/o=exchangelabs/ou=exchange administrative group (fydibohf23spdlt)/cn=recipients/cn=68e6aa2e3fef4ccaba997d98294c9ed5-cristina he;/o=exchangelabs/ou=exchange administrative group (fydibohf23spdlt)/cn=recipients/cn=8b5b63d67af648d081a40c45cc800804-fabiana per;</t>
  </si>
  <si>
    <t>RES: [FORMALIZAÇÃO] ● FORECAST ALGAR ● 45 DIAS ● NOVEMBRO/19</t>
  </si>
  <si>
    <t>/o=exchangelabs/ou=exchange administrative group (fydibohf23spdlt)/cn=recipients/cn=2946605dcf554cb389220dec598b84fa-adriano mon,/o=exchangelabs/ou=exchange administrative group (fydibohf23spdlt)/cn=recipients/cn=32fe8a14424941da83c2bf35a8a5709e-fabiana car,/o=exchangelabs/ou=exchange administrative group (fydibohf23spdlt)/cn=recipients/cn=5cff907b7abb465c8dbe10257a462656-diego iure,/o=exchangelabs/ou=exchange administrative group (fydibohf23spdlt)/cn=recipients/cn=68e6aa2e3fef4ccaba997d98294c9ed5-cristina he,/o=exchangelabs/ou=exchange administrative group (fydibohf23spdlt)/cn=recipients/cn=8b5b63d67af648d081a40c45cc800804-fabiana per</t>
  </si>
  <si>
    <t>09/26/2019 14:05:19</t>
  </si>
  <si>
    <t>09/26/2019 14:06:05</t>
  </si>
  <si>
    <t>helidafp@algartech.com.br;</t>
  </si>
  <si>
    <t>Departamental</t>
  </si>
  <si>
    <t>Departamental Agosto.xlsx</t>
  </si>
  <si>
    <t>helidafp@algartech.com.br</t>
  </si>
  <si>
    <t>09/26/2019 14:05:44</t>
  </si>
  <si>
    <t>09/26/2019 14:07:05</t>
  </si>
  <si>
    <t>/o=nt5/ou=00000000000000000000000000000000/cn=a9cc962a937f384f8f5945675c380b7f;rosanapccb@hotmail.com;</t>
  </si>
  <si>
    <t>cONSORCIO</t>
  </si>
  <si>
    <t>Consorcio 2019.xlsx</t>
  </si>
  <si>
    <t>/o=nt5/ou=00000000000000000000000000000000/cn=a9cc962a937f384f8f5945675c380b7f,rosanapccb@hotmail.com</t>
  </si>
  <si>
    <t>09/26/2019 14:06:32</t>
  </si>
  <si>
    <t>/o=exchangelabs/ou=exchange administrative group (fydibohf23spdlt)/cn=recipients/cn=402535980e9d4d4788d63e3c9587e129-melissa fer;</t>
  </si>
  <si>
    <t>ENC: cONSORCIO</t>
  </si>
  <si>
    <t>/o=exchangelabs/ou=exchange administrative group (fydibohf23spdlt)/cn=recipients/cn=402535980e9d4d4788d63e3c9587e129-melissa fer</t>
  </si>
  <si>
    <t>09/26/2019 14:09:05</t>
  </si>
  <si>
    <t>ENC: FAT B - Lote Único</t>
  </si>
  <si>
    <t>09/26/2019 14:04:15</t>
  </si>
  <si>
    <t>09/26/2019 14:07:06</t>
  </si>
  <si>
    <t>09/26/2019 14:11:05</t>
  </si>
  <si>
    <t>férias.xlsx</t>
  </si>
  <si>
    <t>09/25/2019 18:11:51</t>
  </si>
  <si>
    <t>09/26/2019 14:12:05</t>
  </si>
  <si>
    <t>10.200.111.12</t>
  </si>
  <si>
    <t>/o=exchangelabs/ou=exchange administrative group (fydibohf23spdlt)/cn=recipients/cn=c29ec9dae022497281c840087cccddec-patricia ar;/o=exchangelabs/ou=exchange administrative group (fydibohf23spdlt)/cn=recipients/cn=f00c439d0d474c0586a503a0209ed1f2-bruno wande;</t>
  </si>
  <si>
    <t>RES: BP Ativação Avon</t>
  </si>
  <si>
    <t>Precificacao C017 B017 GRC - Continuação Job - 12 meses - EBIT 135% (NOVO).xlsb</t>
  </si>
  <si>
    <t>/o=exchangelabs/ou=exchange administrative group (fydibohf23spdlt)/cn=recipients/cn=c29ec9dae022497281c840087cccddec-patricia ar,/o=exchangelabs/ou=exchange administrative group (fydibohf23spdlt)/cn=recipients/cn=f00c439d0d474c0586a503a0209ed1f2-bruno wande</t>
  </si>
  <si>
    <t>09/26/2019 14:09:41</t>
  </si>
  <si>
    <t>09/26/2019 14:13:05</t>
  </si>
  <si>
    <t>10.250.254.68</t>
  </si>
  <si>
    <t>NB-ACACIORS</t>
  </si>
  <si>
    <t>acaciors</t>
  </si>
  <si>
    <t>Acacio Ribeiro da Silva Pontes</t>
  </si>
  <si>
    <t>/o=exchangelabs/ou=exchange administrative group (fydibohf23spdlt)/cn=recipients/cn=136bac3aad104a579e671eb261072338-fabio dos r;/o=exchangelabs/ou=exchange administrative group (fydibohf23spdlt)/cn=recipients/cn=d19771d0b1214bc1a77e2515f5553ad2-isadora mat;</t>
  </si>
  <si>
    <t>Dados do SGD - Estela Algar Telecom</t>
  </si>
  <si>
    <t>Relatorio 01.csv</t>
  </si>
  <si>
    <t>/o=exchangelabs/ou=exchange administrative group (fydibohf23spdlt)/cn=recipients/cn=136bac3aad104a579e671eb261072338-fabio dos r,/o=exchangelabs/ou=exchange administrative group (fydibohf23spdlt)/cn=recipients/cn=d19771d0b1214bc1a77e2515f5553ad2-isadora mat</t>
  </si>
  <si>
    <t>09/26/2019 14:10:03</t>
  </si>
  <si>
    <t>Relatorio 03.csv</t>
  </si>
  <si>
    <t>09/26/2019 14:09:19</t>
  </si>
  <si>
    <t>09/26/2019 14:14:05</t>
  </si>
  <si>
    <t>09/26/2019 14:09:00</t>
  </si>
  <si>
    <t>09/26/2019 14:09:04</t>
  </si>
  <si>
    <t>09/26/2019 14:12:28</t>
  </si>
  <si>
    <t>09/26/2019 14:14:35</t>
  </si>
  <si>
    <t>09/26/2019 14:17:05</t>
  </si>
  <si>
    <t>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5d942c6b323e4ef88383765f24397221-marcio leon;/o=exchangelabs/ou=exchange administrative group (fydibohf23spdlt)/cn=recipients/cn=688b04bca82340fa8b99292e52eeaee2-lilian gomi;/o=exchangelabs/ou=exchange administrative group (fydibohf23spdlt)/cn=recipients/cn=b88fbbe7feb5433885019feb0ecb000c-lilian beat;/o=exchangelabs/ou=exchange administrative group (fydibohf23spdlt)/cn=recipients/cn=cbe0503d4e2f45b7829777176658c86d-sucielle ro;/o=exchangelabs/ou=exchange administrative group (fydibohf23spdlt)/cn=recipients/cn=fa97b4f41f6b44568346ac119cf955ae-pablo henri;jacqueline.mariano@bradesco.com.br;leandra.cardoso@bradesco.com.br;tatiane.elias@bradesco.com.br;</t>
  </si>
  <si>
    <t>RES: Homologação Final - Box Memo AMEX</t>
  </si>
  <si>
    <t>Cópia de Amex Full Oficial 260919.xlsx</t>
  </si>
  <si>
    <t>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5d942c6b323e4ef88383765f24397221-marcio leon,/o=exchangelabs/ou=exchange administrative group (fydibohf23spdlt)/cn=recipients/cn=688b04bca82340fa8b99292e52eeaee2-lilian gomi,/o=exchangelabs/ou=exchange administrative group (fydibohf23spdlt)/cn=recipients/cn=b88fbbe7feb5433885019feb0ecb000c-lilian beat,/o=exchangelabs/ou=exchange administrative group (fydibohf23spdlt)/cn=recipients/cn=cbe0503d4e2f45b7829777176658c86d-sucielle ro,/o=exchangelabs/ou=exchange administrative group (fydibohf23spdlt)/cn=recipients/cn=fa97b4f41f6b44568346ac119cf955ae-pablo henri,jacqueline.mariano@bradesco.com.br,leandra.cardoso@bradesco.com.br,tatiane.elias@bradesco.com.br</t>
  </si>
  <si>
    <t>09/26/2019 14:15:54</t>
  </si>
  <si>
    <t>09/26/2019 14:19:05</t>
  </si>
  <si>
    <t>Relação Equipes.xlsx</t>
  </si>
  <si>
    <t>09/26/2019 14:15:00</t>
  </si>
  <si>
    <t>09/26/2019 14:20:05</t>
  </si>
  <si>
    <t>/o=exchangelabs/ou=exchange administrative group (fydibohf23spdlt)/cn=recipients/cn=0dcacc4b85064afca35951a19181140d-joel alves;</t>
  </si>
  <si>
    <t>Planilha de Flexfield</t>
  </si>
  <si>
    <t>/o=exchangelabs/ou=exchange administrative group (fydibohf23spdlt)/cn=recipients/cn=0dcacc4b85064afca35951a19181140d-joel alves</t>
  </si>
  <si>
    <t>09/26/2019 14:17:42</t>
  </si>
  <si>
    <t>09/26/2019 14:21:05</t>
  </si>
  <si>
    <t>BASE_HE_028_029_033_AGOSTO_01A3108.xlsm</t>
  </si>
  <si>
    <t>09/26/2019 14:22:36</t>
  </si>
  <si>
    <t>09/26/2019 14:25:05</t>
  </si>
  <si>
    <t>Flexfiels</t>
  </si>
  <si>
    <t>09/26/2019 14:21:08</t>
  </si>
  <si>
    <t>RELATÓRIO DE EVIDENCIAS E TROCA DE ÓLEO GERADOR 01 PIBSA01 - VOLVO - 1900009499n.xlsx</t>
  </si>
  <si>
    <t>09/26/2019 14:25:30</t>
  </si>
  <si>
    <t>09/26/2019 14:26:05</t>
  </si>
  <si>
    <t>09/26/2019 14:26:32</t>
  </si>
  <si>
    <t>09/26/2019 14:29:06</t>
  </si>
  <si>
    <t>/o=exchangelabs/ou=exchange administrative group (fydibohf23spdlt)/cn=recipients/cn=f167860e3f1940cc81730e5f24d2f0bb-alexandre f;/o=exchangelabs/ou=exchange administrative group (fydibohf23spdlt)/cn=recipients/cn=f545a323f3be43dbbabfeb25fc86516a-rafael melv;</t>
  </si>
  <si>
    <t>Revisão Dimensionamento BKO</t>
  </si>
  <si>
    <t>Resumo dimensionamento Electrolux_Revisão 26092019.xlsx</t>
  </si>
  <si>
    <t>/o=exchangelabs/ou=exchange administrative group (fydibohf23spdlt)/cn=recipients/cn=f167860e3f1940cc81730e5f24d2f0bb-alexandre f,/o=exchangelabs/ou=exchange administrative group (fydibohf23spdlt)/cn=recipients/cn=f545a323f3be43dbbabfeb25fc86516a-rafael melv</t>
  </si>
  <si>
    <t>09/26/2019 14:26:55</t>
  </si>
  <si>
    <t>C:\Users\leandrosma\OneDrive - Grupo Algar\Projetos\Precificações\BV Financeira\2019\BV Fraude\</t>
  </si>
  <si>
    <t>Ficha da Oportunidade (213389 - BV).xlsx</t>
  </si>
  <si>
    <t>09/26/2019 14:25:32</t>
  </si>
  <si>
    <t>09/26/2019 14:32:05</t>
  </si>
  <si>
    <t>C:\Users\marinasf\OneDrive - Grupo Algar\DOCS\RH\CADASTRO ASSOCIADOS\</t>
  </si>
  <si>
    <t>CADASTRO GERAL ENVIADO VANIA.xlsx</t>
  </si>
  <si>
    <t>09/26/2019 14:32:11</t>
  </si>
  <si>
    <t>09/26/2019 14:34:05</t>
  </si>
  <si>
    <t>COMPROMISSADO_2019_ENGESET.xlsx</t>
  </si>
  <si>
    <t>09/26/2019 00:10:04</t>
  </si>
  <si>
    <t>10.200.57.180</t>
  </si>
  <si>
    <t>90-CD-B6-A4-14-93</t>
  </si>
  <si>
    <t>NB-VILARINHO</t>
  </si>
  <si>
    <t>vilarinho</t>
  </si>
  <si>
    <t>C:\Users\vilarinho\OneDrive - Grupo Algar\Algar Tech\CSC - CCC\Reunião Comite Consultivo 26.9.19\</t>
  </si>
  <si>
    <t>DRE Consolidada Empresa v2.xlsb</t>
  </si>
  <si>
    <t>09/26/2019 14:27:38</t>
  </si>
  <si>
    <t>09/26/2019 14:35:06</t>
  </si>
  <si>
    <t>/o=exchangelabs/ou=exchange administrative group (fydibohf23spdlt)/cn=recipients/cn=3d76664d4bc241c487f06913aba47ca9-rafael da s;/o=exchangelabs/ou=exchange administrative group (fydibohf23spdlt)/cn=recipients/cn=9b798f3b1ed643c7a8d123d3fd257a23-leandro sou;/o=exchangelabs/ou=exchange administrative group (fydibohf23spdlt)/cn=recipients/cn=f8583aae88d4485dac542c395d25e6fc-diego dos r;</t>
  </si>
  <si>
    <t>ENC: DISPONIBILIZAÇÃO DE EQUIPAMENTO</t>
  </si>
  <si>
    <t>Formulário de Liberação de Ativos CLU - 26 09 2019.xlsx</t>
  </si>
  <si>
    <t>/o=exchangelabs/ou=exchange administrative group (fydibohf23spdlt)/cn=recipients/cn=3d76664d4bc241c487f06913aba47ca9-rafael da s,/o=exchangelabs/ou=exchange administrative group (fydibohf23spdlt)/cn=recipients/cn=9b798f3b1ed643c7a8d123d3fd257a23-leandro sou,/o=exchangelabs/ou=exchange administrative group (fydibohf23spdlt)/cn=recipients/cn=f8583aae88d4485dac542c395d25e6fc-diego dos r</t>
  </si>
  <si>
    <t>09/26/2019 14:31:32</t>
  </si>
  <si>
    <t>FAT - Relatorio</t>
  </si>
  <si>
    <t>Diario Julho e agosto 2019.xls</t>
  </si>
  <si>
    <t>09/26/2019 09:41:12</t>
  </si>
  <si>
    <t>09/26/2019 14:38:05</t>
  </si>
  <si>
    <t>10.250.254.86</t>
  </si>
  <si>
    <t>C:\Users\elainemdlp\OD\_Projetos\Em andamento\Expansao Caixa\</t>
  </si>
  <si>
    <t>Ramais Staff.xlsx</t>
  </si>
  <si>
    <t>09/26/2019 14:04:02</t>
  </si>
  <si>
    <t>09/26/2019 14:04:56</t>
  </si>
  <si>
    <t>Relacionamento de Cartões BV: Planilha - 26/09/19</t>
  </si>
  <si>
    <t>09/26/2019 14:27:32</t>
  </si>
  <si>
    <t>Controle_Compras_EDP.xlsx</t>
  </si>
  <si>
    <t>09/26/2019 14:37:20</t>
  </si>
  <si>
    <t>09/26/2019 14:39:06</t>
  </si>
  <si>
    <t>ADM ASSESSORIA JURIDICA</t>
  </si>
  <si>
    <t>10.200.58.2</t>
  </si>
  <si>
    <t>FC-01-7C-B3-D1-B7</t>
  </si>
  <si>
    <t>NB-LEONARDOEFO</t>
  </si>
  <si>
    <t>leonardoefo</t>
  </si>
  <si>
    <t>Leonardo Elias Faria de Oliveira</t>
  </si>
  <si>
    <t>/o=exchangelabs/ou=exchange administrative group (fydibohf23spdlt)/cn=recipients/cn=a112e7960ad74f0b922e46db95422f27-angelica ta;</t>
  </si>
  <si>
    <t>Processos Bradesco Consolidado_VF9.xlsx</t>
  </si>
  <si>
    <t>/o=exchangelabs/ou=exchange administrative group (fydibohf23spdlt)/cn=recipients/cn=a112e7960ad74f0b922e46db95422f27-angelica ta</t>
  </si>
  <si>
    <t>09/26/2019 14:34:03</t>
  </si>
  <si>
    <t>09/26/2019 14:40:05</t>
  </si>
  <si>
    <t>/o=exchangelabs/ou=exchange administrative group (fydibohf23spdlt)/cn=recipients/cn=9932c4aaf3fc41ea840766c299f76e8d-andrea lace;</t>
  </si>
  <si>
    <t>PROJETO PRECIFICAÇÃO</t>
  </si>
  <si>
    <t>Template_Registro_FTE_Precificação_26_09.xlsb</t>
  </si>
  <si>
    <t>/o=exchangelabs/ou=exchange administrative group (fydibohf23spdlt)/cn=recipients/cn=9932c4aaf3fc41ea840766c299f76e8d-andrea lace</t>
  </si>
  <si>
    <t>09/26/2019 14:37:05</t>
  </si>
  <si>
    <t>09/26/2019 14:42:05</t>
  </si>
  <si>
    <t>09/26/2019 14:37:49</t>
  </si>
  <si>
    <t>10.200.32.200</t>
  </si>
  <si>
    <t>64-1C-67-9C-54-2F</t>
  </si>
  <si>
    <t>NB-HENRIQUERF</t>
  </si>
  <si>
    <t>henriquerfr</t>
  </si>
  <si>
    <t>henriquerfr@algartech.com</t>
  </si>
  <si>
    <t>C:\projetos\Bradesco\Bradesco - Registro Boleto IBI\2-Planejamento\1-VP-Visao_de_Projeto\entregaveis\</t>
  </si>
  <si>
    <t>Modelo_boletagem.xlsx</t>
  </si>
  <si>
    <t>09/26/2019 14:42:00</t>
  </si>
  <si>
    <t>09/26/2019 14:44:05</t>
  </si>
  <si>
    <t>/o=exchangelabs/ou=exchange administrative group (fydibohf23spdlt)/cn=recipients/cn=2abd653b249741f0aaab575ad2f855a3-tayse ianda;/o=exchangelabs/ou=exchange administrative group (fydibohf23spdlt)/cn=recipients/cn=d1d015f213f648abbf348b5ccdf8e9d9-senilda per;/o=exchangelabs/ou=exchange administrative group (fydibohf23spdlt)/cn=recipients/cn=e6e28e2646d74f638943c02afdaa6d1e-luciana rod;/o=exchangelabs/ou=exchange administrative group (fydibohf23spdlt)/cn=recipients/cn=eb3a8d47e16546c381d649c124fcfbb7-cpc - contr;</t>
  </si>
  <si>
    <t>Acompanhamento Backoffice Cornerstone - Set/19</t>
  </si>
  <si>
    <t>Volumetria Cornerstone Set.19.xlsx</t>
  </si>
  <si>
    <t>/o=exchangelabs/ou=exchange administrative group (fydibohf23spdlt)/cn=recipients/cn=2abd653b249741f0aaab575ad2f855a3-tayse ianda,/o=exchangelabs/ou=exchange administrative group (fydibohf23spdlt)/cn=recipients/cn=d1d015f213f648abbf348b5ccdf8e9d9-senilda per,/o=exchangelabs/ou=exchange administrative group (fydibohf23spdlt)/cn=recipients/cn=e6e28e2646d74f638943c02afdaa6d1e-luciana rod,/o=exchangelabs/ou=exchange administrative group (fydibohf23spdlt)/cn=recipients/cn=eb3a8d47e16546c381d649c124fcfbb7-cpc - contr</t>
  </si>
  <si>
    <t>09/26/2019 14:42:22</t>
  </si>
  <si>
    <t>https://caey.fa.us2.oraclecloud.com/crmui/faces/fuseoverview?_adf.ctrl-state=gxq5m6a92_204&amp;fnd=;;;;false;256;;;&amp;fndglobalitemnodeid=moo_opptymgmtopportunities_crm_card</t>
  </si>
  <si>
    <t>C:\Users\andressatal\Desktop\</t>
  </si>
  <si>
    <t>TRANSACIONAIS AGR.xlsx</t>
  </si>
  <si>
    <t>09/26/2019 14:43:17</t>
  </si>
  <si>
    <t>09/26/2019 14:47:05</t>
  </si>
  <si>
    <t>/o=exchangelabs/ou=exchange administrative group (fydibohf23spdlt)/cn=recipients/cn=3b605dbd20a046faa2e5305a476c2f01-next sa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groupf56ef55a;</t>
  </si>
  <si>
    <t>&gt;&gt;&gt;&gt;PLANEJAMENTO DE FÉRIAS&lt;&lt;&lt;&lt;NEXT SETEMBRO/19</t>
  </si>
  <si>
    <t>PLANEJAMENTO DE FERIAS - OFICIAL - SETEMBRO NEXT.xls</t>
  </si>
  <si>
    <t>/o=exchangelabs/ou=exchange administrative group (fydibohf23spdlt)/cn=recipients/cn=3b605dbd20a046faa2e5305a476c2f01-next sa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groupf56ef55a</t>
  </si>
  <si>
    <t>09/26/2019 14:45:06</t>
  </si>
  <si>
    <t>/o=exchangelabs/ou=exchange administrative group (fydibohf23spdlt)/cn=recipients/cn=1c3bae1d5aab4c72b84516e819cd16c9-wilton paim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a78f7dae304e472e9f75bd537683f6e5-hugo de oli;diogo@quilleconsultoria.com.br;joaosldcn@algartech.com;</t>
  </si>
  <si>
    <t>Agent Utilization Report.7z\Agent Utilization Report\</t>
  </si>
  <si>
    <t>Agent Utilization Report 01 a 23.09.2019.xlsx</t>
  </si>
  <si>
    <t>/o=exchangelabs/ou=exchange administrative group (fydibohf23spdlt)/cn=recipients/cn=1c3bae1d5aab4c72b84516e819cd16c9-wilton paim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a78f7dae304e472e9f75bd537683f6e5-hugo de oli,diogo@quilleconsultoria.com.br,joaosldcn@algartech.com</t>
  </si>
  <si>
    <t>09/26/2019 14:45:58</t>
  </si>
  <si>
    <t>09/26/2019 14:48:05</t>
  </si>
  <si>
    <t>/o=exchangelabs/ou=exchange administrative group (fydibohf23spdlt)/cn=recipients/cn=2144abc9537143519f505fcb8550b74c-juliana emi;/o=exchangelabs/ou=exchange administrative group (fydibohf23spdlt)/cn=recipients/cn=938b0bcbe6c849379d1f8885bf8556f7-leticia reg;/o=exchangelabs/ou=exchange administrative group (fydibohf23spdlt)/cn=recipients/cn=aa95083c791042ddaef1eb09f98440e8-camila silv;</t>
  </si>
  <si>
    <t>ENC: Verificação TOP Performance</t>
  </si>
  <si>
    <t>BD Backoffice Atualizado.xlsx</t>
  </si>
  <si>
    <t>/o=exchangelabs/ou=exchange administrative group (fydibohf23spdlt)/cn=recipients/cn=2144abc9537143519f505fcb8550b74c-juliana emi,/o=exchangelabs/ou=exchange administrative group (fydibohf23spdlt)/cn=recipients/cn=938b0bcbe6c849379d1f8885bf8556f7-leticia reg,/o=exchangelabs/ou=exchange administrative group (fydibohf23spdlt)/cn=recipients/cn=aa95083c791042ddaef1eb09f98440e8-camila silv</t>
  </si>
  <si>
    <t>09/26/2019 14:45:53</t>
  </si>
  <si>
    <t>09/26/2019 14:51:05</t>
  </si>
  <si>
    <t>10.200.60.65</t>
  </si>
  <si>
    <t>D8-9C-67-01-52-B7</t>
  </si>
  <si>
    <t>ENC: Ação Judicial - EZENTIS</t>
  </si>
  <si>
    <t>Ezentis.zip\</t>
  </si>
  <si>
    <t>INCLUSÇO CARTORIO_CR-3209817.xlsx</t>
  </si>
  <si>
    <t>09/26/2019 14:50:14</t>
  </si>
  <si>
    <t>09/26/2019 14:53:05</t>
  </si>
  <si>
    <t>/o=exchangelabs/ou=exchange administrative group (fydibohf23spdlt)/cn=recipients/cn=526910a0b1394cd7a60efa1d95d8ab8d-supervisore;supervisoreseunice@algartech.com.br;</t>
  </si>
  <si>
    <t>/o=exchangelabs/ou=exchange administrative group (fydibohf23spdlt)/cn=recipients/cn=526910a0b1394cd7a60efa1d95d8ab8d-supervisore,supervisoreseunice@algartech.com.br</t>
  </si>
  <si>
    <t>09/26/2019 14:51:53</t>
  </si>
  <si>
    <t>09/26/2019 14:54:05</t>
  </si>
  <si>
    <t>https://caey.fa.us2.oraclecloud.com/crmui/faces/fuseoverview?_adf.ctrl-state=gxq5m6a92_507&amp;fnd=;;;;false;256;;;&amp;fndglobalitemnodeid=moo_opptymgmtopportunities_crm_card</t>
  </si>
  <si>
    <t>C:\Users\andressatal\Desktop\anexar\</t>
  </si>
  <si>
    <t>09/26/2019 14:54:46</t>
  </si>
  <si>
    <t>09/26/2019 14:58:06</t>
  </si>
  <si>
    <t>/o=exchangelabs/ou=exchange administrative group (fydibohf23spdlt)/cn=recipients/cn=249f643ba1e044588b45a020c76dadde-daniel de o;/o=exchangelabs/ou=exchange administrative group (fydibohf23spdlt)/cn=recipients/cn=6a0fd08e5860463194752aefe60d70a7-diego de an;/o=exchangelabs/ou=exchange administrative group (fydibohf23spdlt)/cn=recipients/cn=83e5e0f05dcb4510a09e93c7d27271dd-hugo braga;/o=exchangelabs/ou=exchange administrative group (fydibohf23spdlt)/cn=recipients/cn=ead7f2ca9a1f422e8618eedddb337b26-rafael lins;/o=exchangelabs/ou=exchange administrative group (fydibohf23spdlt)/cn=recipients/cn=ece15ffd767d4c3fa09934598464b80f-alexandre a;</t>
  </si>
  <si>
    <t>RES: APROPRIAÇÃO ATENDIMENTO SDC TRIBANCO/FUJITSU/CAAS/BANCO-IBM</t>
  </si>
  <si>
    <t>ACACIO RIBEIRO.7z\ALEXANDRE PINHO\</t>
  </si>
  <si>
    <t>SDC BANCO IBM.xlsx</t>
  </si>
  <si>
    <t>/o=exchangelabs/ou=exchange administrative group (fydibohf23spdlt)/cn=recipients/cn=249f643ba1e044588b45a020c76dadde-daniel de o,/o=exchangelabs/ou=exchange administrative group (fydibohf23spdlt)/cn=recipients/cn=6a0fd08e5860463194752aefe60d70a7-diego de an,/o=exchangelabs/ou=exchange administrative group (fydibohf23spdlt)/cn=recipients/cn=83e5e0f05dcb4510a09e93c7d27271dd-hugo braga,/o=exchangelabs/ou=exchange administrative group (fydibohf23spdlt)/cn=recipients/cn=ead7f2ca9a1f422e8618eedddb337b26-rafael lins,/o=exchangelabs/ou=exchange administrative group (fydibohf23spdlt)/cn=recipients/cn=ece15ffd767d4c3fa09934598464b80f-alexandre a</t>
  </si>
  <si>
    <t>09/26/2019 14:57:45</t>
  </si>
  <si>
    <t>09/26/2019 15:00:05</t>
  </si>
  <si>
    <t>10.207.12.88</t>
  </si>
  <si>
    <t>64-1C-67-A0-2A-E6</t>
  </si>
  <si>
    <t>Top 20 TCV - Set19</t>
  </si>
  <si>
    <t>Top 20 DMV Set19.xlsx</t>
  </si>
  <si>
    <t>09/26/2019 14:59:40</t>
  </si>
  <si>
    <t>09/26/2019 15:01:05</t>
  </si>
  <si>
    <t>mail.google.com/_/upload?authuser=0&amp;dcp=asu-n&amp;upload_id=AEnB2Ur_t47MM0_fb_2SOQ3eU89UBgBItRwZox4-S7c474gOkMh0Z9ma9v3NiaZPO5ZKFhlWy-H5aGhhA_AlyDGXMCEIt6w23IL0qQ6U6JCr_w67P-z7Bhs&amp;upload_protocol=resumable</t>
  </si>
  <si>
    <t>duarte@algartelecom.com.br;edivaldovs@algartecnologia.com.br;jaquelines@algartech.com;marcosvas@algartech.com;pre-sitecampinas@algartech.com;rafaelbdt@algartech.com;</t>
  </si>
  <si>
    <t>Cadastro de ic.xlsx</t>
  </si>
  <si>
    <t>duarte@algartelecom.com.br,edivaldovs@algartecnologia.com.br,jaquelines@algartech.com,marcosvas@algartech.com,pre-sitecampinas@algartech.com,rafaelbdt@algartech.com</t>
  </si>
  <si>
    <t>09/26/2019 15:06:23</t>
  </si>
  <si>
    <t>09/26/2019 15:08:05</t>
  </si>
  <si>
    <t>sheilacdf@algartech.com.br;tamirespl@algartech.com.br;</t>
  </si>
  <si>
    <t>ENC: Reporte diário Formalização PJ VISA 26/09/2019</t>
  </si>
  <si>
    <t>Intradiario Formalização PJ EVM V1.1 .xlsb</t>
  </si>
  <si>
    <t>sheilacdf@algartech.com.br,tamirespl@algartech.com.br</t>
  </si>
  <si>
    <t>09/26/2019 15:04:10</t>
  </si>
  <si>
    <t>diegorso@algartech.com;</t>
  </si>
  <si>
    <t>ENC: Chamado: 3305785;</t>
  </si>
  <si>
    <t>diegorso@algartech.com</t>
  </si>
  <si>
    <t>09/26/2019 15:07:43</t>
  </si>
  <si>
    <t>09/26/2019 15:09:05</t>
  </si>
  <si>
    <t>/o=exchangelabs/ou=exchange administrative group (fydibohf23spdlt)/cn=recipients/cn=a27fa8e27f784e18b4732301ab7a6457-luciana sil;/o=exchangelabs/ou=exchange administrative group (fydibohf23spdlt)/cn=recipients/cn=valeria de mello lima;</t>
  </si>
  <si>
    <t>/o=exchangelabs/ou=exchange administrative group (fydibohf23spdlt)/cn=recipients/cn=a27fa8e27f784e18b4732301ab7a6457-luciana sil,/o=exchangelabs/ou=exchange administrative group (fydibohf23spdlt)/cn=recipients/cn=valeria de mello lima</t>
  </si>
  <si>
    <t>09/26/2019 15:05:03</t>
  </si>
  <si>
    <t>10.200.60.60</t>
  </si>
  <si>
    <t>FC-01-7C-C0-96-6D</t>
  </si>
  <si>
    <t>NB-JOAOBAB</t>
  </si>
  <si>
    <t>joaobab</t>
  </si>
  <si>
    <t>C:\Users\joaobab\OneDrive - Grupo Algar\temp\Xperience\Laboratório\</t>
  </si>
  <si>
    <t>GENESYS AMBIENTE DEV_HML.xlsx</t>
  </si>
  <si>
    <t>09/26/2019 15:05:05</t>
  </si>
  <si>
    <t>09/26/2019 15:10:06</t>
  </si>
  <si>
    <t>ENC: :::: AUDITORIA - Contratação de Metas 2ºsemestre - Correções importantes ::::</t>
  </si>
  <si>
    <t>09/26/2019 15:09:16</t>
  </si>
  <si>
    <t>09/26/2019 15:12:05</t>
  </si>
  <si>
    <t>/o=exchangelabs/ou=exchange administrative group (fydibohf23spdlt)/cn=recipients/cn=88e4fcbd3ea14730a81286cc0683fb42-manoel eloy;</t>
  </si>
  <si>
    <t>ENC: TOP Performance - Cadastro GTH</t>
  </si>
  <si>
    <t>/o=exchangelabs/ou=exchange administrative group (fydibohf23spdlt)/cn=recipients/cn=88e4fcbd3ea14730a81286cc0683fb42-manoel eloy</t>
  </si>
  <si>
    <t>09/26/2019 15:12:30</t>
  </si>
  <si>
    <t>09/26/2019 15:13:05</t>
  </si>
  <si>
    <t>09/26/2019 15:12:18</t>
  </si>
  <si>
    <t>09/26/2019 15:14:05</t>
  </si>
  <si>
    <t>ENC: Tipos de Impostos Latam</t>
  </si>
  <si>
    <t>Acompanhamento creditos LATAM - modelo Vila - atualiz. ate junho-19.xlsb</t>
  </si>
  <si>
    <t>09/26/2019 15:10:41</t>
  </si>
  <si>
    <t>Relatório Pipeline</t>
  </si>
  <si>
    <t>Relatório Pipeline_Afonso_ 26_09_19.xlsx</t>
  </si>
  <si>
    <t>09/26/2019 15:13:14</t>
  </si>
  <si>
    <t>Relatório de Pipeline</t>
  </si>
  <si>
    <t>Relatório Pipeline_Raul_ 26_09_19.xlsx</t>
  </si>
  <si>
    <t>09/26/2019 15:10:51</t>
  </si>
  <si>
    <t>09/26/2019 15:16:06</t>
  </si>
  <si>
    <t>/o=exchangelabs/ou=exchange administrative group (fydibohf23spdlt)/cn=recipients/cn=1698f5af44b14116ad2d0b751d584c7d-danilo rafa;/o=exchangelabs/ou=exchange administrative group (fydibohf23spdlt)/cn=recipients/cn=2b69c7de1a3641269a7eed0596e1ddc2-wayner oliv;/o=exchangelabs/ou=exchange administrative group (fydibohf23spdlt)/cn=recipients/cn=685a6c7fa4684b9ab51c683ec151a83c-kelly crist;/o=exchangelabs/ou=exchange administrative group (fydibohf23spdlt)/cn=recipients/cn=8c253c95243a40aa99c9416b7eb70a2a-julio cesar;/o=exchangelabs/ou=exchange administrative group (fydibohf23spdlt)/cn=recipients/cn=98ea30ba409149f69837fad4ccd70171-leonardo el;/o=exchangelabs/ou=exchange administrative group (fydibohf23spdlt)/cn=recipients/cn=e46cd96e8e9e452c8cc8ba65a6c4ec57-gustavo hen;/o=exchangelabs/ou=exchange administrative group (fydibohf23spdlt)/cn=recipients/cn=user12c3790d;</t>
  </si>
  <si>
    <t>RES: Estabilidade CIPA - SGT</t>
  </si>
  <si>
    <t>Cópia de Lista de Estabilidade da CIPA ENGESET.xls</t>
  </si>
  <si>
    <t>/o=exchangelabs/ou=exchange administrative group (fydibohf23spdlt)/cn=recipients/cn=1698f5af44b14116ad2d0b751d584c7d-danilo rafa,/o=exchangelabs/ou=exchange administrative group (fydibohf23spdlt)/cn=recipients/cn=2b69c7de1a3641269a7eed0596e1ddc2-wayner oliv,/o=exchangelabs/ou=exchange administrative group (fydibohf23spdlt)/cn=recipients/cn=685a6c7fa4684b9ab51c683ec151a83c-kelly crist,/o=exchangelabs/ou=exchange administrative group (fydibohf23spdlt)/cn=recipients/cn=8c253c95243a40aa99c9416b7eb70a2a-julio cesar,/o=exchangelabs/ou=exchange administrative group (fydibohf23spdlt)/cn=recipients/cn=98ea30ba409149f69837fad4ccd70171-leonardo el,/o=exchangelabs/ou=exchange administrative group (fydibohf23spdlt)/cn=recipients/cn=e46cd96e8e9e452c8cc8ba65a6c4ec57-gustavo hen,/o=exchangelabs/ou=exchange administrative group (fydibohf23spdlt)/cn=recipients/cn=user12c3790d</t>
  </si>
  <si>
    <t>09/26/2019 15:22:38</t>
  </si>
  <si>
    <t>09/26/2019 15:24:05</t>
  </si>
  <si>
    <t>09_19- Acompanhamento Faturamento.v3.xlsb</t>
  </si>
  <si>
    <t>09/26/2019 15:21:15</t>
  </si>
  <si>
    <t>09/26/2019 15:26:05</t>
  </si>
  <si>
    <t>09/26/2019 15:24:28</t>
  </si>
  <si>
    <t>/o=exchangelabs/ou=exchange administrative group (fydibohf23spdlt)/cn=recipients/cn=6da98ab9b2254d688a75ce822637acbf-ricardo de;/o=exchangelabs/ou=exchange administrative group (fydibohf23spdlt)/cn=recipients/cn=9932c4aaf3fc41ea840766c299f76e8d-andrea lace;/o=exchangelabs/ou=exchange administrative group (fydibohf23spdlt)/cn=recipients/cn=a78f7dae304e472e9f75bd537683f6e5-hugo de oli;/o=exchangelabs/ou=exchange administrative group (fydibohf23spdlt)/cn=recipients/cn=cac18c5388b04f6d979d1bc87a08825a-marcopaulo;</t>
  </si>
  <si>
    <t>/o=exchangelabs/ou=exchange administrative group (fydibohf23spdlt)/cn=recipients/cn=6da98ab9b2254d688a75ce822637acbf-ricardo de,/o=exchangelabs/ou=exchange administrative group (fydibohf23spdlt)/cn=recipients/cn=9932c4aaf3fc41ea840766c299f76e8d-andrea lace,/o=exchangelabs/ou=exchange administrative group (fydibohf23spdlt)/cn=recipients/cn=a78f7dae304e472e9f75bd537683f6e5-hugo de oli,/o=exchangelabs/ou=exchange administrative group (fydibohf23spdlt)/cn=recipients/cn=cac18c5388b04f6d979d1bc87a08825a-marcopaulo</t>
  </si>
  <si>
    <t>09/26/2019 15:25:56</t>
  </si>
  <si>
    <t>09/26/2019 15:27:05</t>
  </si>
  <si>
    <t>09/26/2019 15:24:06</t>
  </si>
  <si>
    <t>09/26/2019 15:28:05</t>
  </si>
  <si>
    <t>/o=exchangelabs/ou=exchange administrative group (fydibohf23spdlt)/cn=recipients/cn=b3ad8a638fcc4c57bf8c7953dd4b3cb8-augusto ces;</t>
  </si>
  <si>
    <t>Expansão Caixa: Classificação de Itens - Audiocodes</t>
  </si>
  <si>
    <t>DETALHAMENTO_DE_ITENS_-_Audiocode_Ramais.xlsx</t>
  </si>
  <si>
    <t>/o=exchangelabs/ou=exchange administrative group (fydibohf23spdlt)/cn=recipients/cn=b3ad8a638fcc4c57bf8c7953dd4b3cb8-augusto ces</t>
  </si>
  <si>
    <t>09/26/2019 15:26:56</t>
  </si>
  <si>
    <t>Projeto Precificação - produtos_fusion.xlsx</t>
  </si>
  <si>
    <t>09/26/2019 15:24:12</t>
  </si>
  <si>
    <t>09/26/2019 15:29:05</t>
  </si>
  <si>
    <t>Relatório Pipeline_Dionizio_ 26_09_19.xlsx</t>
  </si>
  <si>
    <t>09/26/2019 15:27:52</t>
  </si>
  <si>
    <t>09/26/2019 15:32:05</t>
  </si>
  <si>
    <t>09/26/2019 15:31:31</t>
  </si>
  <si>
    <t>09/26/2019 15:29:44</t>
  </si>
  <si>
    <t>09/26/2019 15:33:06</t>
  </si>
  <si>
    <t>leonoraat@algartech.com.br;</t>
  </si>
  <si>
    <t>leonoraat@algartech.com.br</t>
  </si>
  <si>
    <t>09/26/2019 15:29:19</t>
  </si>
  <si>
    <t>09/26/2019 15:34:05</t>
  </si>
  <si>
    <t>/o=exchangelabs/ou=exchange administrative group (fydibohf23spdlt)/cn=recipients/cn=6fbc44b6d6b549208175d5a27201bd13-cintia nune;/o=exchangelabs/ou=exchange administrative group (fydibohf23spdlt)/cn=recipients/cn=9e72be441e9e4b08a759859a5b3a336a-daniela de;/o=exchangelabs/ou=exchange administrative group (fydibohf23spdlt)/cn=recipients/cn=f45617401bdf436baf70c45766699413-frederico b;cristinahs@algartech.com;erica@quilleconsultoria.com.br;fabianapm@algartech.com;</t>
  </si>
  <si>
    <t>Informações Bradesco - Contratos</t>
  </si>
  <si>
    <t>Operações Bradesco_validado.xlsx</t>
  </si>
  <si>
    <t>/o=exchangelabs/ou=exchange administrative group (fydibohf23spdlt)/cn=recipients/cn=6fbc44b6d6b549208175d5a27201bd13-cintia nune,/o=exchangelabs/ou=exchange administrative group (fydibohf23spdlt)/cn=recipients/cn=9e72be441e9e4b08a759859a5b3a336a-daniela de,/o=exchangelabs/ou=exchange administrative group (fydibohf23spdlt)/cn=recipients/cn=f45617401bdf436baf70c45766699413-frederico b,cristinahs@algartech.com,erica@quilleconsultoria.com.br,fabianapm@algartech.com</t>
  </si>
  <si>
    <t>09/26/2019 15:33:14</t>
  </si>
  <si>
    <t>09/26/2019 15:37:06</t>
  </si>
  <si>
    <t>09/26/2019 15:34:52</t>
  </si>
  <si>
    <t>09/26/2019 15:35:45</t>
  </si>
  <si>
    <t>09/26/2019 15:42:06</t>
  </si>
  <si>
    <t>09/26/2019 15:45:06</t>
  </si>
  <si>
    <t>09/26/2019 15:43:17</t>
  </si>
  <si>
    <t>09/26/2019 15:47:06</t>
  </si>
  <si>
    <t>09/26/2019 15:44:05</t>
  </si>
  <si>
    <t>09/26/2019 15:49:05</t>
  </si>
  <si>
    <t>09/26/2019 15:48:12</t>
  </si>
  <si>
    <t>09/26/2019 15:50:05</t>
  </si>
  <si>
    <t>RES: **RESTRITO Lista de acessos A100</t>
  </si>
  <si>
    <t>Relatorio cliente A100 26-09-2019.xlsx</t>
  </si>
  <si>
    <t>09/26/2019 15:49:58</t>
  </si>
  <si>
    <t>09/26/2019 15:52:05</t>
  </si>
  <si>
    <t>09/26/2019 15:53:13</t>
  </si>
  <si>
    <t>09/26/2019 15:59:06</t>
  </si>
  <si>
    <t>associados_sem_email_2609.xlsx</t>
  </si>
  <si>
    <t>09/26/2019 15:54:30</t>
  </si>
  <si>
    <t>09/26/2019 15:56:16</t>
  </si>
  <si>
    <t>/o=exchangelabs/ou=exchange administrative group (fydibohf23spdlt)/cn=recipients/cn=518109802f95454588121e2ff09bd792-marcio roge;/o=exchangelabs/ou=exchange administrative group (fydibohf23spdlt)/cn=recipients/cn=8c01e71056fe4e1a8ecc4e24420bd9ef-fellyp cros;</t>
  </si>
  <si>
    <t>ENC: Fechamento FAT B Setembro_19.xlsx</t>
  </si>
  <si>
    <t>/o=exchangelabs/ou=exchange administrative group (fydibohf23spdlt)/cn=recipients/cn=518109802f95454588121e2ff09bd792-marcio roge,/o=exchangelabs/ou=exchange administrative group (fydibohf23spdlt)/cn=recipients/cn=8c01e71056fe4e1a8ecc4e24420bd9ef-fellyp cros</t>
  </si>
  <si>
    <t>09/26/2019 15:55:04</t>
  </si>
  <si>
    <t>09/26/2019 16:00:05</t>
  </si>
  <si>
    <t>340500088 26092018 - Template Orçamentário Demais Pacotes - 2020.xlsb</t>
  </si>
  <si>
    <t>09/26/2019 15:56:53</t>
  </si>
  <si>
    <t>09/26/2019 15:57:00</t>
  </si>
  <si>
    <t>09/26/2019 15:58:43</t>
  </si>
  <si>
    <t>09/26/2019 16:02:05</t>
  </si>
  <si>
    <t>https://caey.fa.us2.oraclecloud.com/crmui/faces/fusewelcome?_adf.ctrl-state=167q8oqf1t_5</t>
  </si>
  <si>
    <t>\\acsfs\Deptos\CAS - Coordenação de Arquitetura de Soluções\Projetos\2019\BANCO BMG\171232-Banco BMG-Gestão de Ativos e Monitoramento\1. Precificação\</t>
  </si>
  <si>
    <t>171232 Plan Precificacao C017 B017_v10.xlsb</t>
  </si>
  <si>
    <t>\\acsfs\Deptos\CAS - Coordenação de Arquitetura de Soluções\Projetos\2019\BANCO BMG\171232-Banco BMG-Gestão de Ativos e Monitoramento\1. Precificação\171232 Plan Precificacao C017 B017_v10.xlsb\</t>
  </si>
  <si>
    <t>09/26/2019 16:03:00</t>
  </si>
  <si>
    <t>09/26/2019 16:07:05</t>
  </si>
  <si>
    <t>ENC: Planejamento 2019 Caixa Seguradora - Novas Operações</t>
  </si>
  <si>
    <t>AGENDA - Ações DIREN_Abril2019 - Algar.xlsx</t>
  </si>
  <si>
    <t>09/26/2019 16:07:07</t>
  </si>
  <si>
    <t>09/26/2019 16:08:05</t>
  </si>
  <si>
    <t>/o=exchangelabs/ou=exchange administrative group (fydibohf23spdlt)/cn=recipients/cn=46b1d57dae39409a8ab1d4bc11c620af-thalyta ale;/o=exchangelabs/ou=exchange administrative group (fydibohf23spdlt)/cn=recipients/cn=545f738e0fe740ba856f4eb6ef0135e0-vinicius si;</t>
  </si>
  <si>
    <t>Modelo de 3ª Métrica - Top Performance</t>
  </si>
  <si>
    <t>Faixas de metrica especifica - UDI - WHIRLPOOL - TLV CC RECEPTIVO - OUTUBRO 2019.xlsm</t>
  </si>
  <si>
    <t>/o=exchangelabs/ou=exchange administrative group (fydibohf23spdlt)/cn=recipients/cn=46b1d57dae39409a8ab1d4bc11c620af-thalyta ale,/o=exchangelabs/ou=exchange administrative group (fydibohf23spdlt)/cn=recipients/cn=545f738e0fe740ba856f4eb6ef0135e0-vinicius si</t>
  </si>
  <si>
    <t>09/26/2019 16:06:29</t>
  </si>
  <si>
    <t>/o=exchangelabs/ou=exchange administrative group (fydibohf23spdlt)/cn=recipients/cn=9b3c029cc2ba4212bb4247e9ef6df7f1-andressa cr;</t>
  </si>
  <si>
    <t>ENC: URGENTE! Orçamento 2020 - Pacote de Treinamento</t>
  </si>
  <si>
    <t>/o=exchangelabs/ou=exchange administrative group (fydibohf23spdlt)/cn=recipients/cn=9b3c029cc2ba4212bb4247e9ef6df7f1-andressa cr</t>
  </si>
  <si>
    <t>09/26/2019 16:06:39</t>
  </si>
  <si>
    <t>09/26/2019 16:09:06</t>
  </si>
  <si>
    <t>09/26/2019 16:05:43</t>
  </si>
  <si>
    <t>09/26/2019 16:10:05</t>
  </si>
  <si>
    <t>RELATÓRIO DE EVIDENCIAS E TROCA DE ÓLEO GERADOR 02 PIBSA01 - VOLVO - 1900009499n.xlsx</t>
  </si>
  <si>
    <t>09/26/2019 16:06:23</t>
  </si>
  <si>
    <t>09/26/2019 16:11:06</t>
  </si>
  <si>
    <t>09/26/2019 16:10:49</t>
  </si>
  <si>
    <t>09/26/2019 16:13:05</t>
  </si>
  <si>
    <t>C:\Users\luanaaoli\Desktop\</t>
  </si>
  <si>
    <t>09/26/2019 16:10:33</t>
  </si>
  <si>
    <t>C:\Users\elainemdlp\OD\_Projetos\Em andamento\Expansao Next\Algar Tech - Contrato -Next.zip\Algar Tech - Programa de Compliance -Next - 09-07-19.pptx\</t>
  </si>
  <si>
    <t>C:\Users\elainemdlp\OD\_Projetos\Em andamento\Expansao Next\Algar Tech - Contrato -Next.zip\CCNC - Banco Next.eml\Algar Tech - Programa de Compliance -Next - 09-07-19.pptx\</t>
  </si>
  <si>
    <t>09/26/2019 16:14:31</t>
  </si>
  <si>
    <t>09/26/2019 16:20:05</t>
  </si>
  <si>
    <t>EVIDENCIAS - PIBSA02 - GMG1 - PERKINS 1900009498.xlsx</t>
  </si>
  <si>
    <t>09/26/2019 14:56:08</t>
  </si>
  <si>
    <t>09/26/2019 16:24:06</t>
  </si>
  <si>
    <t>/o=exchangelabs/ou=exchange administrative group (fydibohf23spdlt)/cn=recipients/cn=b0dffb7bae8b4669bf2555c821ef7035-daniela vie;/o=exchangelabs/ou=exchange administrative group (fydibohf23spdlt)/cn=recipients/cn=e70cc16764ef4e4fac6e4581f29c2881-valeria bet;francisco_cardoso@whirlpool.com;luanda_s_almeida@whirlpool.com;</t>
  </si>
  <si>
    <t>Análise Categorização CCO</t>
  </si>
  <si>
    <t>Análise Categorização CCO 1.pptx\</t>
  </si>
  <si>
    <t>/o=exchangelabs/ou=exchange administrative group (fydibohf23spdlt)/cn=recipients/cn=b0dffb7bae8b4669bf2555c821ef7035-daniela vie,/o=exchangelabs/ou=exchange administrative group (fydibohf23spdlt)/cn=recipients/cn=e70cc16764ef4e4fac6e4581f29c2881-valeria bet,francisco_cardoso@whirlpool.com,luanda_s_almeida@whirlpool.com</t>
  </si>
  <si>
    <t>09/26/2019 16:22:38</t>
  </si>
  <si>
    <t>09/26/2019 16:28:07</t>
  </si>
  <si>
    <t>/o=exchangelabs/ou=exchange administrative group (fydibohf23spdlt)/cn=recipients/cn=68e6aa2e3fef4ccaba997d98294c9ed5-cristina he;/o=exchangelabs/ou=exchange administrative group (fydibohf23spdlt)/cn=recipients/cn=9b3c029cc2ba4212bb4247e9ef6df7f1-andressa cr;/o=exchangelabs/ou=exchange administrative group (fydibohf23spdlt)/cn=recipients/cn=f6cbd0513564419dbd829242338a05f3-wilsiane ma;/o=exchangelabs/ou=exchange administrative group (fydibohf23spdlt)/cn=recipients/cn=f9e751102def46a896bc3ec6e90e1aed-katia dos r;</t>
  </si>
  <si>
    <t>DRE Treinamento_2020 com premissas REGULAMENTADO.xlsx</t>
  </si>
  <si>
    <t>/o=exchangelabs/ou=exchange administrative group (fydibohf23spdlt)/cn=recipients/cn=68e6aa2e3fef4ccaba997d98294c9ed5-cristina he,/o=exchangelabs/ou=exchange administrative group (fydibohf23spdlt)/cn=recipients/cn=9b3c029cc2ba4212bb4247e9ef6df7f1-andressa cr,/o=exchangelabs/ou=exchange administrative group (fydibohf23spdlt)/cn=recipients/cn=f6cbd0513564419dbd829242338a05f3-wilsiane ma,/o=exchangelabs/ou=exchange administrative group (fydibohf23spdlt)/cn=recipients/cn=f9e751102def46a896bc3ec6e90e1aed-katia dos r</t>
  </si>
  <si>
    <t>09/26/2019 16:29:31</t>
  </si>
  <si>
    <t>09/26/2019 16:33:06</t>
  </si>
  <si>
    <t>/o=exchangelabs/ou=exchange administrative group (fydibohf23spdlt)/cn=recipients/cn=34a28d636a1b4c86b1ec79baed4b846a-marco anton;</t>
  </si>
  <si>
    <t>/o=exchangelabs/ou=exchange administrative group (fydibohf23spdlt)/cn=recipients/cn=34a28d636a1b4c86b1ec79baed4b846a-marco anton</t>
  </si>
  <si>
    <t>09/26/2019 16:35:07</t>
  </si>
  <si>
    <t>09/26/2019 16:36:06</t>
  </si>
  <si>
    <t>/o=exchangelabs/ou=exchange administrative group (fydibohf23spdlt)/cn=recipients/cn=03a1bc99308a456db7c0105407689b39-gilda elain;/o=nt5/ou=00000000000000000000000000000000/cn=a19c4145ef69b149ba078a1485f75fce;</t>
  </si>
  <si>
    <t>/o=exchangelabs/ou=exchange administrative group (fydibohf23spdlt)/cn=recipients/cn=03a1bc99308a456db7c0105407689b39-gilda elain,/o=nt5/ou=00000000000000000000000000000000/cn=a19c4145ef69b149ba078a1485f75fce</t>
  </si>
  <si>
    <t>09/26/2019 16:36:00</t>
  </si>
  <si>
    <t>09/26/2019 16:37:06</t>
  </si>
  <si>
    <t>/o=exchangelabs/ou=exchange administrative group (fydibohf23spdlt)/cn=recipients/cn=aa95083c791042ddaef1eb09f98440e8-camila silv;</t>
  </si>
  <si>
    <t>ENC: BV - BD atualizado</t>
  </si>
  <si>
    <t>Banco de Dados BV.xlsx</t>
  </si>
  <si>
    <t>/o=exchangelabs/ou=exchange administrative group (fydibohf23spdlt)/cn=recipients/cn=aa95083c791042ddaef1eb09f98440e8-camila silv</t>
  </si>
  <si>
    <t>09/26/2019 16:33:11</t>
  </si>
  <si>
    <t>09/26/2019 16:38:06</t>
  </si>
  <si>
    <t>09/26/2019 16:36:29</t>
  </si>
  <si>
    <t>09/26/2019 16:39:07</t>
  </si>
  <si>
    <t>Padrao Solicitacao Receitamento SG Telecom - TCO TLE intern. 26.09.xlsm</t>
  </si>
  <si>
    <t>09/26/2019 16:40:12</t>
  </si>
  <si>
    <t>09/26/2019 16:43:06</t>
  </si>
  <si>
    <t>/o=exchangelabs/ou=exchange administrative group (fydibohf23spdlt)/cn=recipients/cn=0b12aab521944ecb8b32eb8c0929be5c-rafael gonz;/o=exchangelabs/ou=exchange administrative group (fydibohf23spdlt)/cn=recipients/cn=26d35797a23841dda77608720c95f631-tiago dos r;/o=exchangelabs/ou=exchange administrative group (fydibohf23spdlt)/cn=recipients/cn=39b10ea69c23443aab7ad02aa1a69607-jose afonso;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6857e7b89b5f46e3b6aed2352ac8d5ac-carlos albe;/o=exchangelabs/ou=exchange administrative group (fydibohf23spdlt)/cn=recipients/cn=746f10dd924a4e7dbfe2f813f74b1f2c-gilmar pres;/o=exchangelabs/ou=exchange administrative group (fydibohf23spdlt)/cn=recipients/cn=7903c13fa0504ff0bc7dd2644020b0e8-mirn</t>
  </si>
  <si>
    <t>ENC: Modelo de 3ª Métrica - Top Performance</t>
  </si>
  <si>
    <t>/o=exchangelabs/ou=exchange administrative group (fydibohf23spdlt)/cn=recipients/cn=0b12aab521944ecb8b32eb8c0929be5c-rafael gonz,/o=exchangelabs/ou=exchange administrative group (fydibohf23spdlt)/cn=recipients/cn=26d35797a23841dda77608720c95f631-tiago dos r,/o=exchangelabs/ou=exchange administrative group (fydibohf23spdlt)/cn=recipients/cn=39b10ea69c23443aab7ad02aa1a69607-jose afonso,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6857e7b89b5f46e3b6aed2352ac8d5ac-carlos albe,/o=exchangelabs/ou=exchange administrative group (fydibohf23spdlt)/cn=recipients/cn=746f10dd924a4e7dbfe2f813f74b1f2c-gilmar pres,/o=exchangelabs/ou=exchange administrative group (fydibohf23spdlt)/cn=recipients/cn=7903c13fa0504ff0bc7dd2644020b0e8-mirn</t>
  </si>
  <si>
    <t>09/26/2019 16:42:11</t>
  </si>
  <si>
    <t>/o=exchangelabs/ou=exchange administrative group (fydibohf23spdlt)/cn=recipients/cn=97028c61ebe04c3ca84c604712943944-fabiano wil;/o=exchangelabs/ou=exchange administrative group (fydibohf23spdlt)/cn=recipients/cn=c82d742f5f1e4122a86db0495b71e095-nilton j. g;clovispx@br.ibm.com;</t>
  </si>
  <si>
    <t>ENC: PR209361 2019 - IBM 83191310EA Quotation Number 83191310EA</t>
  </si>
  <si>
    <t>/o=exchangelabs/ou=exchange administrative group (fydibohf23spdlt)/cn=recipients/cn=97028c61ebe04c3ca84c604712943944-fabiano wil,/o=exchangelabs/ou=exchange administrative group (fydibohf23spdlt)/cn=recipients/cn=c82d742f5f1e4122a86db0495b71e095-nilton j. g,clovispx@br.ibm.com</t>
  </si>
  <si>
    <t>09/26/2019 16:41:37</t>
  </si>
  <si>
    <t>09/26/2019 16:45:06</t>
  </si>
  <si>
    <t>/o=exchangelabs/ou=exchange administrative group (fydibohf23spdlt)/cn=recipients/cn=39b10ea69c23443aab7ad02aa1a69607-jose afonso;</t>
  </si>
  <si>
    <t>ENC: Informações - Avon 2020</t>
  </si>
  <si>
    <t>Informações Avon 2020 - Alinhado.xlsx</t>
  </si>
  <si>
    <t>/o=exchangelabs/ou=exchange administrative group (fydibohf23spdlt)/cn=recipients/cn=39b10ea69c23443aab7ad02aa1a69607-jose afonso</t>
  </si>
  <si>
    <t>09/26/2019 16:40:40</t>
  </si>
  <si>
    <t>/o=exchangelabs/ou=exchange administrative group (fydibohf23spdlt)/cn=recipients/cn=8ab5e44d485043d59eb4f21463e63e6a-tays dos sa;/o=exchangelabs/ou=exchange administrative group (fydibohf23spdlt)/cn=recipients/cn=df6ea6cc78a840278b1e7acccac67692-thiago rodr;/o=exchangelabs/ou=exchange administrative group (fydibohf23spdlt)/cn=recipients/cn=user8e89d2d7;</t>
  </si>
  <si>
    <t>Planilha de SLAs de Contrato - BV Financeira</t>
  </si>
  <si>
    <t>SLA GRC _ André Sampaio.xlsx</t>
  </si>
  <si>
    <t>/o=exchangelabs/ou=exchange administrative group (fydibohf23spdlt)/cn=recipients/cn=8ab5e44d485043d59eb4f21463e63e6a-tays dos sa,/o=exchangelabs/ou=exchange administrative group (fydibohf23spdlt)/cn=recipients/cn=df6ea6cc78a840278b1e7acccac67692-thiago rodr,/o=exchangelabs/ou=exchange administrative group (fydibohf23spdlt)/cn=recipients/cn=user8e89d2d7</t>
  </si>
  <si>
    <t>09/26/2019 16:46:11</t>
  </si>
  <si>
    <t>09/26/2019 16:50:06</t>
  </si>
  <si>
    <t>09/26/2019 16:46:24</t>
  </si>
  <si>
    <t>Daily Operador_25-09-2019.xlsx</t>
  </si>
  <si>
    <t>09/26/2019 16:46:41</t>
  </si>
  <si>
    <t>CORRENTISTA_DAILY_DeepCenter201909.xlsm</t>
  </si>
  <si>
    <t>09/26/2019 16:46:56</t>
  </si>
  <si>
    <t>09/26/2019 16:48:49</t>
  </si>
  <si>
    <t>09/26/2019 16:51:06</t>
  </si>
  <si>
    <t>D:\RODRIGO\PARTICULAR\TRIP´S\2019\Argentina-Uruguai\</t>
  </si>
  <si>
    <t>roteiro.xlsx</t>
  </si>
  <si>
    <t>09/26/2019 16:55:02</t>
  </si>
  <si>
    <t>09/26/2019 16:59:06</t>
  </si>
  <si>
    <t>/o=exchangelabs/ou=exchange administrative group (fydibohf23spdlt)/cn=recipients/cn=e080b7ee158144d38cdbecfb6bcc1e5c-jayne da co;</t>
  </si>
  <si>
    <t>Farol Senso Critico</t>
  </si>
  <si>
    <t>FAROL PILULA - SENSO CRITICO.xlsx</t>
  </si>
  <si>
    <t>/o=exchangelabs/ou=exchange administrative group (fydibohf23spdlt)/cn=recipients/cn=e080b7ee158144d38cdbecfb6bcc1e5c-jayne da co</t>
  </si>
  <si>
    <t>09/26/2019 16:56:04</t>
  </si>
  <si>
    <t>09/26/2019 17:00:06</t>
  </si>
  <si>
    <t>/o=exchangelabs/ou=exchange administrative group (fydibohf23spdlt)/cn=recipients/cn=651324bc204a42f6bbcdf62273ebdc5c-aluisio ant;/o=exchangelabs/ou=exchange administrative group (fydibohf23spdlt)/cn=recipients/cn=a7d54e15e3a94d53b0b5014d75c8d080-wanessa bor;</t>
  </si>
  <si>
    <t>RES: Projeto Precificação - produtos_fusion.xlsx</t>
  </si>
  <si>
    <t>Product Catalog (3 níveis) 26_09_19.xlsx</t>
  </si>
  <si>
    <t>/o=exchangelabs/ou=exchange administrative group (fydibohf23spdlt)/cn=recipients/cn=651324bc204a42f6bbcdf62273ebdc5c-aluisio ant,/o=exchangelabs/ou=exchange administrative group (fydibohf23spdlt)/cn=recipients/cn=a7d54e15e3a94d53b0b5014d75c8d080-wanessa bor</t>
  </si>
  <si>
    <t>09/26/2019 17:08:40</t>
  </si>
  <si>
    <t>09/26/2019 17:09:06</t>
  </si>
  <si>
    <t>/o=exchangelabs/ou=exchange administrative group (fydibohf23spdlt)/cn=recipients/cn=0cbce90bdb1a497884c650ccf6bb3f11-denise marq;/o=exchangelabs/ou=exchange administrative group (fydibohf23spdlt)/cn=recipients/cn=6b0580deded84616a49728efdb6b65e1-kamilla ram;</t>
  </si>
  <si>
    <t>/o=exchangelabs/ou=exchange administrative group (fydibohf23spdlt)/cn=recipients/cn=0cbce90bdb1a497884c650ccf6bb3f11-denise marq,/o=exchangelabs/ou=exchange administrative group (fydibohf23spdlt)/cn=recipients/cn=6b0580deded84616a49728efdb6b65e1-kamilla ram</t>
  </si>
  <si>
    <t>09/26/2019 17:08:25</t>
  </si>
  <si>
    <t>09/26/2019 17:12:07</t>
  </si>
  <si>
    <t>COORDENACAO GESTAO DE PERFORMANCE</t>
  </si>
  <si>
    <t>10.200.61.96</t>
  </si>
  <si>
    <t>D8-9C-67-6F-29-69</t>
  </si>
  <si>
    <t>NB-THIAGOCS</t>
  </si>
  <si>
    <t>thiagocso</t>
  </si>
  <si>
    <t>Thiago Cutrim De Sousa</t>
  </si>
  <si>
    <t xml:space="preserve">/o=exchangelabs/ou=exchange administrative group (fydibohf23spdlt)/cn=recipients/cn=01aeb64eff0d4de086089df15fb8ab85-lidiana fer;/o=exchangelabs/ou=exchange administrative group (fydibohf23spdlt)/cn=recipients/cn=022f9be39d034221ac81aa3656cce40a-ana paula s;/o=exchangelabs/ou=exchange administrative group (fydibohf23spdlt)/cn=recipients/cn=048959ac4cf24d99ac7fd5fc11a979ec-kele dayane;/o=exchangelabs/ou=exchange administrative group (fydibohf23spdlt)/cn=recipients/cn=1f8f749d479c45d79bc8dc2ec822678a-mara danies;/o=exchangelabs/ou=exchange administrative group (fydibohf23spdlt)/cn=recipients/cn=2144abc9537143519f505fcb8550b74c-juliana emi;/o=exchangelabs/ou=exchange administrative group (fydibohf23spdlt)/cn=recipients/cn=22f2a579a06e409a9da375a7e8c4759d-raissa andr;/o=exchangelabs/ou=exchange administrative group (fydibohf23spdlt)/cn=recipients/cn=2900e0e686484dc1b9e0b0e14c20d4b9-rafaela bor;/o=exchangelabs/ou=exchange administrative group (fydibohf23spdlt)/cn=recipients/cn=3047ce79768c4cbc8cb3393b889fd874-ana </t>
  </si>
  <si>
    <t>IMPORTANTE: Login e Senha de associados. Portal da Gente</t>
  </si>
  <si>
    <t>Lista de Funcionários-sem e-mail_26092019.xlsx</t>
  </si>
  <si>
    <t xml:space="preserve">/o=exchangelabs/ou=exchange administrative group (fydibohf23spdlt)/cn=recipients/cn=01aeb64eff0d4de086089df15fb8ab85-lidiana fer,/o=exchangelabs/ou=exchange administrative group (fydibohf23spdlt)/cn=recipients/cn=022f9be39d034221ac81aa3656cce40a-ana paula s,/o=exchangelabs/ou=exchange administrative group (fydibohf23spdlt)/cn=recipients/cn=048959ac4cf24d99ac7fd5fc11a979ec-kele dayane,/o=exchangelabs/ou=exchange administrative group (fydibohf23spdlt)/cn=recipients/cn=1f8f749d479c45d79bc8dc2ec822678a-mara danies,/o=exchangelabs/ou=exchange administrative group (fydibohf23spdlt)/cn=recipients/cn=2144abc9537143519f505fcb8550b74c-juliana emi,/o=exchangelabs/ou=exchange administrative group (fydibohf23spdlt)/cn=recipients/cn=22f2a579a06e409a9da375a7e8c4759d-raissa andr,/o=exchangelabs/ou=exchange administrative group (fydibohf23spdlt)/cn=recipients/cn=2900e0e686484dc1b9e0b0e14c20d4b9-rafaela bor,/o=exchangelabs/ou=exchange administrative group (fydibohf23spdlt)/cn=recipients/cn=3047ce79768c4cbc8cb3393b889fd874-ana </t>
  </si>
  <si>
    <t>09/26/2019 17:07:09</t>
  </si>
  <si>
    <t>/o=exchangelabs/ou=exchange administrative group (fydibohf23spdlt)/cn=recipients/cn=gabriela dias felipe;</t>
  </si>
  <si>
    <t>DRE_TransformaçãoVF.xlsx</t>
  </si>
  <si>
    <t>/o=exchangelabs/ou=exchange administrative group (fydibohf23spdlt)/cn=recipients/cn=gabriela dias felipe</t>
  </si>
  <si>
    <t>09/26/2019 17:11:26</t>
  </si>
  <si>
    <t>09/26/2019 17:14:06</t>
  </si>
  <si>
    <t>/o=exchangelabs/ou=exchange administrative group (fydibohf23spdlt)/cn=recipients/cn=18538d61f6f342f7a3d2db08df47d617-vanusa prec;/o=exchangelabs/ou=exchange administrative group (fydibohf23spdlt)/cn=recipients/cn=376dc21df9294b1e98e06de29a805db8-algar tech;/o=exchangelabs/ou=exchange administrative group (fydibohf23spdlt)/cn=recipients/cn=3d85af75e9a44da5bad9ced68d6c53ed-rosana peix;/o=exchangelabs/ou=exchange administrative group (fydibohf23spdlt)/cn=recipients/cn=e8a8131dc3334dc38d81db3d2a41a3fe-denise viei;alissonhms@algartech.com;capexcontractmanagement@timbrasil.com.br;mhbarbosa@timbrasil.com.br;pgoncalves@timbrasil.com.br;rhmpereira@timbrasil.com.br;rrmdsouza@timbrasil.com.br;</t>
  </si>
  <si>
    <t>RES: ENGESET - Compromissado 2019 - Fechamento Setembro</t>
  </si>
  <si>
    <t>/o=exchangelabs/ou=exchange administrative group (fydibohf23spdlt)/cn=recipients/cn=18538d61f6f342f7a3d2db08df47d617-vanusa prec,/o=exchangelabs/ou=exchange administrative group (fydibohf23spdlt)/cn=recipients/cn=376dc21df9294b1e98e06de29a805db8-algar tech,/o=exchangelabs/ou=exchange administrative group (fydibohf23spdlt)/cn=recipients/cn=3d85af75e9a44da5bad9ced68d6c53ed-rosana peix,/o=exchangelabs/ou=exchange administrative group (fydibohf23spdlt)/cn=recipients/cn=e8a8131dc3334dc38d81db3d2a41a3fe-denise viei,alissonhms@algartech.com,capexcontractmanagement@timbrasil.com.br,mhbarbosa@timbrasil.com.br,pgoncalves@timbrasil.com.br,rhmpereira@timbrasil.com.br,rrmdsouza@timbrasil.com.br</t>
  </si>
  <si>
    <t>09/26/2019 17:12:08</t>
  </si>
  <si>
    <t>09/26/2019 17:16:06</t>
  </si>
  <si>
    <t>10.200.251.37</t>
  </si>
  <si>
    <t>64-1C-67-9C-32-0B</t>
  </si>
  <si>
    <t>NTB-JOSEEB</t>
  </si>
  <si>
    <t>joseeb</t>
  </si>
  <si>
    <t>joseeb@algartech.com</t>
  </si>
  <si>
    <t>elainemdlp@algartech.com;fagner.lopes@onlinegroup.com.br;katiuciaaa@algartelecom.com.br;newton.vaz@onlinegroup.com.br;</t>
  </si>
  <si>
    <t>C:\Users\joseeb.ACS\Desktop\</t>
  </si>
  <si>
    <t>DETALHAMENTO VPN - ALGARTECH_CPS_INVENIT_CLOUD V4.xlsx</t>
  </si>
  <si>
    <t>elainemdlp@algartech.com,fagner.lopes@onlinegroup.com.br,katiuciaaa@algartelecom.com.br,newton.vaz@onlinegroup.com.br</t>
  </si>
  <si>
    <t>DETALHAMENTO VPN - ALGARTECH_UDIA_INVENIT_CLOUD_V4.xlsx</t>
  </si>
  <si>
    <t>09/26/2019 17:14:41</t>
  </si>
  <si>
    <t>09/26/2019 17:18:06</t>
  </si>
  <si>
    <t>/o=exchangelabs/ou=exchange administrative group (fydibohf23spdlt)/cn=recipients/cn=0ee39e9e189c42369588db5cf6d2866d-celia regin;/o=exchangelabs/ou=exchange administrative group (fydibohf23spdlt)/cn=recipients/cn=1981433b28a2405b86112019a8b25d8f-rodinei per;/o=exchangelabs/ou=exchange administrative group (fydibohf23spdlt)/cn=recipients/cn=2946605dcf554cb389220dec598b84fa-adriano mon;/o=exchangelabs/ou=exchange administrative group (fydibohf23spdlt)/cn=recipients/cn=3aa72ebfe8e5451fada36a54ed3993f1-nikelly da;/o=exchangelabs/ou=exchange administrative group (fydibohf23spdlt)/cn=recipients/cn=54861e79125f48cc952d00cf8160b9a8-jeferson fe;/o=exchangelabs/ou=exchange administrative group (fydibohf23spdlt)/cn=recipients/cn=c29ec9dae022497281c840087cccddec-patricia ar;/o=exchangelabs/ou=exchange administrative group (fydibohf23spdlt)/cn=recipients/cn=f167860e3f1940cc81730e5f24d2f0bb-alexandre f;</t>
  </si>
  <si>
    <t>RES: ***URGENTE*** 213389 - BV - Serviços de Operações de Prevenção a Fraudes (Cartões)</t>
  </si>
  <si>
    <t>Dúvidas_Fraude_BV.xlsx</t>
  </si>
  <si>
    <t>/o=exchangelabs/ou=exchange administrative group (fydibohf23spdlt)/cn=recipients/cn=0ee39e9e189c42369588db5cf6d2866d-celia regin,/o=exchangelabs/ou=exchange administrative group (fydibohf23spdlt)/cn=recipients/cn=1981433b28a2405b86112019a8b25d8f-rodinei per,/o=exchangelabs/ou=exchange administrative group (fydibohf23spdlt)/cn=recipients/cn=2946605dcf554cb389220dec598b84fa-adriano mon,/o=exchangelabs/ou=exchange administrative group (fydibohf23spdlt)/cn=recipients/cn=3aa72ebfe8e5451fada36a54ed3993f1-nikelly da,/o=exchangelabs/ou=exchange administrative group (fydibohf23spdlt)/cn=recipients/cn=54861e79125f48cc952d00cf8160b9a8-jeferson fe,/o=exchangelabs/ou=exchange administrative group (fydibohf23spdlt)/cn=recipients/cn=c29ec9dae022497281c840087cccddec-patricia ar,/o=exchangelabs/ou=exchange administrative group (fydibohf23spdlt)/cn=recipients/cn=f167860e3f1940cc81730e5f24d2f0bb-alexandre f</t>
  </si>
  <si>
    <t>09/26/2019 15:49:51</t>
  </si>
  <si>
    <t>09/26/2019 17:19:06</t>
  </si>
  <si>
    <t>/o=exchangelabs/ou=exchange administrative group (fydibohf23spdlt)/cn=recipients/cn=82e9af7034e542b3a622ab8e7d09ff5d-ricardo de;/o=exchangelabs/ou=exchange administrative group (fydibohf23spdlt)/cn=recipients/cn=a78f7dae304e472e9f75bd537683f6e5-hugo de oli;</t>
  </si>
  <si>
    <t>APRESENTACAO WFM</t>
  </si>
  <si>
    <t>PMO - STAFF DIGITAL 26-09.pptx\</t>
  </si>
  <si>
    <t>/o=exchangelabs/ou=exchange administrative group (fydibohf23spdlt)/cn=recipients/cn=82e9af7034e542b3a622ab8e7d09ff5d-ricardo de,/o=exchangelabs/ou=exchange administrative group (fydibohf23spdlt)/cn=recipients/cn=a78f7dae304e472e9f75bd537683f6e5-hugo de oli</t>
  </si>
  <si>
    <t>09/26/2019 17:18:59</t>
  </si>
  <si>
    <t>09/26/2019 17:22:06</t>
  </si>
  <si>
    <t>/o=exchangelabs/ou=exchange administrative group (fydibohf23spdlt)/cn=recipients/cn=a111820ea97a440c83191c55259f676f-marcelo rod;/o=exchangelabs/ou=exchange administrative group (fydibohf23spdlt)/cn=recipients/cn=f7a4290a46314a3cbb0d392508a7b5c5-luciana sil;</t>
  </si>
  <si>
    <t>ENC: RB Incremental - Projeto NIMBUS</t>
  </si>
  <si>
    <t>RB.2020.xlsx</t>
  </si>
  <si>
    <t>/o=exchangelabs/ou=exchange administrative group (fydibohf23spdlt)/cn=recipients/cn=a111820ea97a440c83191c55259f676f-marcelo rod,/o=exchangelabs/ou=exchange administrative group (fydibohf23spdlt)/cn=recipients/cn=f7a4290a46314a3cbb0d392508a7b5c5-luciana sil</t>
  </si>
  <si>
    <t>09/26/2019 17:25:00</t>
  </si>
  <si>
    <t>09/26/2019 17:26:06</t>
  </si>
  <si>
    <t>mail.google.com/_/upload?authuser=0&amp;dcp=asu-n&amp;upload_id=AEnB2UruxH9AhYHitI2hz9hzBtErw7uHgSM77kGy3kg2Ad7yBIQRp8bBDIrWAYg3Hhqeat4xSSb1hoJrlzpWRmuErxVCdLUkIG-HI9M15PTjKee1KHxSXfU&amp;upload_protocol=resumable</t>
  </si>
  <si>
    <t>andersonrf@algartech.com;fabriciovs@algartech.com;thiagog@algartech.com;</t>
  </si>
  <si>
    <t>andersonrf@algartech.com,fabriciovs@algartech.com,thiagog@algartech.com</t>
  </si>
  <si>
    <t>09/26/2019 17:23:36</t>
  </si>
  <si>
    <t>09/26/2019 17:28:06</t>
  </si>
  <si>
    <t>ENC: Cadastros - Top Performance</t>
  </si>
  <si>
    <t>VerificarCadastros.xlsx</t>
  </si>
  <si>
    <t>09/26/2019 17:28:58</t>
  </si>
  <si>
    <t>09/26/2019 17:30:06</t>
  </si>
  <si>
    <t>/o=exchangelabs/ou=exchange administrative group (fydibohf23spdlt)/cn=recipients/cn=99190249930b42e0aa1eac247aed9a4d-cinthia ive;</t>
  </si>
  <si>
    <t>ENC: Informação Fornecedor - Preclosing e Orçamento 2020 - LATAM</t>
  </si>
  <si>
    <t>346 Asyst Arg - Forn. Faturados Sep19.xlsx</t>
  </si>
  <si>
    <t>/o=exchangelabs/ou=exchange administrative group (fydibohf23spdlt)/cn=recipients/cn=99190249930b42e0aa1eac247aed9a4d-cinthia ive</t>
  </si>
  <si>
    <t>09/26/2019 17:26:42</t>
  </si>
  <si>
    <t>09/26/2019 17:32:06</t>
  </si>
  <si>
    <t>09/26/2019 17:29:13</t>
  </si>
  <si>
    <t>09/26/2019 17:34:06</t>
  </si>
  <si>
    <t>dayanegm@algartech.com;eder.nascimento@next.b.br;gestaofinanceiracontratos@algartech.com;kelencgt@algartech.com;sabrinagc@algartech.com;sabrinavds@algartech.com;</t>
  </si>
  <si>
    <t>dayanegm@algartech.com,eder.nascimento@next.b.br,gestaofinanceiracontratos@algartech.com,kelencgt@algartech.com,sabrinagc@algartech.com,sabrinavds@algartech.com</t>
  </si>
  <si>
    <t>09/26/2019 17:32:29</t>
  </si>
  <si>
    <t>09/26/2019 17:35:07</t>
  </si>
  <si>
    <t>http://shareit.global.avon.com/sites/arrmcm/forca-de-vendas/_layouts/upload.aspx?list={bfd161db-750f-4cbd-9e74-a6fb6ee0a6de}&amp;rootfolder=/sites/arrmcm/forca-de-vendas/revendedora/cadastro&amp;source=http://shareit.global.avon.com/sites/arrmcm/forca-de-vendas/revendedora/forms/allitems.aspx?rootfolder=%2fsites%2farrmcm%2fforca%2dde%2dvendas%2frevendedora%2fcadastro&amp;folderctid=&amp;view=%7b993eba10%2d8cf7%2d4fbc%2dbe91%2de4ca00ce3956%7d</t>
  </si>
  <si>
    <t>LISTAGEM DE ENDEREÇOS QUE NÃO PODEM SER APROVADOS PELO COLETA E CORNESTONE.xls</t>
  </si>
  <si>
    <t>09/26/2019 17:34:02</t>
  </si>
  <si>
    <t>09/26/2019 17:36:06</t>
  </si>
  <si>
    <t>/o=exchangelabs/ou=exchange administrative group (fydibohf23spdlt)/cn=recipients/cn=carlos henrique vilarinho_db6c0fb3df;</t>
  </si>
  <si>
    <t>ENC: Divulgação Meta com correções</t>
  </si>
  <si>
    <t>Meta Indiretos 2020_enviado.xlsx</t>
  </si>
  <si>
    <t>/o=exchangelabs/ou=exchange administrative group (fydibohf23spdlt)/cn=recipients/cn=carlos henrique vilarinho_db6c0fb3df</t>
  </si>
  <si>
    <t>09/26/2019 17:38:45</t>
  </si>
  <si>
    <t>09/26/2019 17:41:07</t>
  </si>
  <si>
    <t>/o=exchangelabs/ou=exchange administrative group (fydibohf23spdlt)/cn=recipients/cn=249f643ba1e044588b45a020c76dadde-daniel de o;/o=exchangelabs/ou=exchange administrative group (fydibohf23spdlt)/cn=recipients/cn=45f281eb2c55454da382ae61cb22aff4-fabiano mus;/o=exchangelabs/ou=exchange administrative group (fydibohf23spdlt)/cn=recipients/cn=9590810d44524cf49acee6103c18936a-denys guidi;/o=exchangelabs/ou=exchange administrative group (fydibohf23spdlt)/cn=recipients/cn=97d172c8919b4efe9c4a5cda6727a6c7-walter robe;tiago.paula@sap.com;</t>
  </si>
  <si>
    <t>RES: Renovação cliente Brasif</t>
  </si>
  <si>
    <t>Valor_Contratos_Renovação.xlsx</t>
  </si>
  <si>
    <t>/o=exchangelabs/ou=exchange administrative group (fydibohf23spdlt)/cn=recipients/cn=249f643ba1e044588b45a020c76dadde-daniel de o,/o=exchangelabs/ou=exchange administrative group (fydibohf23spdlt)/cn=recipients/cn=45f281eb2c55454da382ae61cb22aff4-fabiano mus,/o=exchangelabs/ou=exchange administrative group (fydibohf23spdlt)/cn=recipients/cn=9590810d44524cf49acee6103c18936a-denys guidi,/o=exchangelabs/ou=exchange administrative group (fydibohf23spdlt)/cn=recipients/cn=97d172c8919b4efe9c4a5cda6727a6c7-walter robe,tiago.paula@sap.com</t>
  </si>
  <si>
    <t>09/26/2019 17:39:13</t>
  </si>
  <si>
    <t>09/26/2019 17:42:06</t>
  </si>
  <si>
    <t>mail.google.com/_/upload?authuser=0&amp;dcp=asu-n&amp;upload_id=AEnB2UoSAUQE3maUj98QLPsrPLgqj7Xi4hOLCu4_pda-g9PmK1-rsN3pxI180jbqKLWXB6NiDOXqE1SrrkSfUOxcucXwAAqI_e-ofBheb1Q0nUNJL7XPWvk&amp;upload_protocol=resumable</t>
  </si>
  <si>
    <t>MAILING FINAL.xlsx</t>
  </si>
  <si>
    <t>09/26/2019 17:39:40</t>
  </si>
  <si>
    <t>09/26/2019 17:45:06</t>
  </si>
  <si>
    <t>ENC: Vandalismo - CGMS13 - TICKET - 1900005904</t>
  </si>
  <si>
    <t>Relatório Fotográfico - TICKET - 1900005904 - CGMS13 - MS.xlsx</t>
  </si>
  <si>
    <t>09/26/2019 17:46:51</t>
  </si>
  <si>
    <t>09/26/2019 17:49:06</t>
  </si>
  <si>
    <t>09/26/2019 17:48:59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6fbc44b6d6b549208175d5a27201bd13-cintia nune;/o=exchangelabs/ou=exchange administrative group (fydibohf23spdlt)/cn=recipients/cn=823ff3c9d5fe49399d544dd8d287e4b4-alexandre m;/o=exchangelabs/ou=exchange administrative group (fydibohf23spdlt)/cn=recipients/cn=95d6b80d0c3d44d6aee9bc955f10af3e-aparecida m;/o=exchangelabs/ou=exchange administrative group (fydibohf23spdlt)/cn=recipients/cn=b284454839e94314a90d49e7ec00864f-antonio car;/o=exchangelabs/ou=exchange administrative group (fydibohf23spdlt)/cn=recipients/cn=b3b3e588898842db813e69c542d02bb6-elaine marc;/o=exchangelabs/ou=exchange administrative group (fydibohf23spdlt)/cn=recipients/cn=b67cad4ecfa344baaa94d716e7554f49-brun</t>
  </si>
  <si>
    <t>RES: Controle de Expansão DIREN</t>
  </si>
  <si>
    <t>Controle de Expansão DIREN Set19 (007) V7.xlsx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6fbc44b6d6b549208175d5a27201bd13-cintia nune,/o=exchangelabs/ou=exchange administrative group (fydibohf23spdlt)/cn=recipients/cn=823ff3c9d5fe49399d544dd8d287e4b4-alexandre m,/o=exchangelabs/ou=exchange administrative group (fydibohf23spdlt)/cn=recipients/cn=95d6b80d0c3d44d6aee9bc955f10af3e-aparecida m,/o=exchangelabs/ou=exchange administrative group (fydibohf23spdlt)/cn=recipients/cn=b284454839e94314a90d49e7ec00864f-antonio car,/o=exchangelabs/ou=exchange administrative group (fydibohf23spdlt)/cn=recipients/cn=b3b3e588898842db813e69c542d02bb6-elaine marc,/o=exchangelabs/ou=exchange administrative group (fydibohf23spdlt)/cn=recipients/cn=b67cad4ecfa344baaa94d716e7554f49-brun</t>
  </si>
  <si>
    <t>09/26/2019 17:48:20</t>
  </si>
  <si>
    <t>09/26/2019 17:50:06</t>
  </si>
  <si>
    <t>/o=exchangelabs/ou=exchange administrative group (fydibohf23spdlt)/cn=recipients/cn=149f9ed0e2a245a89626e211d5f1f6a5-cqt treinam;/o=exchangelabs/ou=exchange administrative group (fydibohf23spdlt)/cn=recipients/cn=jane paula de oliveira;</t>
  </si>
  <si>
    <t>/o=exchangelabs/ou=exchange administrative group (fydibohf23spdlt)/cn=recipients/cn=149f9ed0e2a245a89626e211d5f1f6a5-cqt treinam,/o=exchangelabs/ou=exchange administrative group (fydibohf23spdlt)/cn=recipients/cn=jane paula de oliveira</t>
  </si>
  <si>
    <t>09/26/2019 17:52:24</t>
  </si>
  <si>
    <t>09/26/2019 17:54:06</t>
  </si>
  <si>
    <t>/o=exchangelabs/ou=exchange administrative group (fydibohf23spdlt)/cn=recipients/cn=60c79fa1bc994449ac17a5e2109f7abd-claudio fer;marcela.cunha@temposervicos.com.br;</t>
  </si>
  <si>
    <t>ENC: Análise 3º Nível.xlsx</t>
  </si>
  <si>
    <t>Análise 3º Nível 04-12.xlsx</t>
  </si>
  <si>
    <t>/o=exchangelabs/ou=exchange administrative group (fydibohf23spdlt)/cn=recipients/cn=60c79fa1bc994449ac17a5e2109f7abd-claudio fer,marcela.cunha@temposervicos.com.br</t>
  </si>
  <si>
    <t>09/26/2019 17:50:46</t>
  </si>
  <si>
    <t>10.200.99.175</t>
  </si>
  <si>
    <t>/o=exchangelabs/ou=exchange administrative group (fydibohf23spdlt)/cn=recipients/cn=d1d015f213f648abbf348b5ccdf8e9d9-senilda per;</t>
  </si>
  <si>
    <t>RES: Informações - Avon 2020</t>
  </si>
  <si>
    <t>/o=exchangelabs/ou=exchange administrative group (fydibohf23spdlt)/cn=recipients/cn=d1d015f213f648abbf348b5ccdf8e9d9-senilda per</t>
  </si>
  <si>
    <t>09/26/2019 17:49:33</t>
  </si>
  <si>
    <t>09/26/2019 17:55:06</t>
  </si>
  <si>
    <t>/o=exchangelabs/ou=exchange administrative group (fydibohf23spdlt)/cn=recipients/cn=066f391e261e41d38723bb6e42c3a6b3-josias cava;/o=exchangelabs/ou=exchange administrative group (fydibohf23spdlt)/cn=recipients/cn=0b12aab521944ecb8b32eb8c0929be5c-rafael gonz;/o=exchangelabs/ou=exchange administrative group (fydibohf23spdlt)/cn=recipients/cn=670d10f0276c47ba89a984b1a225496b-victor gala;/o=exchangelabs/ou=exchange administrative group (fydibohf23spdlt)/cn=recipients/cn=8ab5e44d485043d59eb4f21463e63e6a-tays dos sa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b739f6c32af9463ab9cd653d7f330c20-haruna morg;/o=exchangelabs/ou=exchange administrative group (fydibohf23spdlt)/cn=recipients/cn=d7b7225eca6c432cb952e8bf01b50f4b-alga</t>
  </si>
  <si>
    <t>RES: Controle de erros Operacionais_Setembro</t>
  </si>
  <si>
    <t>Controle de Erros operacionais - Setembro.xlsx</t>
  </si>
  <si>
    <t>/o=exchangelabs/ou=exchange administrative group (fydibohf23spdlt)/cn=recipients/cn=066f391e261e41d38723bb6e42c3a6b3-josias cava,/o=exchangelabs/ou=exchange administrative group (fydibohf23spdlt)/cn=recipients/cn=0b12aab521944ecb8b32eb8c0929be5c-rafael gonz,/o=exchangelabs/ou=exchange administrative group (fydibohf23spdlt)/cn=recipients/cn=670d10f0276c47ba89a984b1a225496b-victor gala,/o=exchangelabs/ou=exchange administrative group (fydibohf23spdlt)/cn=recipients/cn=8ab5e44d485043d59eb4f21463e63e6a-tays dos sa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b739f6c32af9463ab9cd653d7f330c20-haruna morg,/o=exchangelabs/ou=exchange administrative group (fydibohf23spdlt)/cn=recipients/cn=d7b7225eca6c432cb952e8bf01b50f4b-alga</t>
  </si>
  <si>
    <t>09/26/2019 17:56:43</t>
  </si>
  <si>
    <t>09/26/2019 17:59:07</t>
  </si>
  <si>
    <t>/o=exchangelabs/ou=exchange administrative group (fydibohf23spdlt)/cn=recipients/cn=d1d015f213f648abbf348b5ccdf8e9d9-senilda per;alexmarques.silva@avon.com;anderson.negrisoli@avon.com;</t>
  </si>
  <si>
    <t>/o=exchangelabs/ou=exchange administrative group (fydibohf23spdlt)/cn=recipients/cn=d1d015f213f648abbf348b5ccdf8e9d9-senilda per,alexmarques.silva@avon.com,anderson.negrisoli@avon.com</t>
  </si>
  <si>
    <t>09/26/2019 17:56:02</t>
  </si>
  <si>
    <t>09/26/2019 18:00:06</t>
  </si>
  <si>
    <t>/o=exchangelabs/ou=exchange administrative group (fydibohf23spdlt)/cn=recipients/cn=a72a765de829420582b78941417073ac-karina rodr;/o=exchangelabs/ou=exchange administrative group (fydibohf23spdlt)/cn=recipients/cn=e6e28e2646d74f638943c02afdaa6d1e-luciana rod;</t>
  </si>
  <si>
    <t>/o=exchangelabs/ou=exchange administrative group (fydibohf23spdlt)/cn=recipients/cn=a72a765de829420582b78941417073ac-karina rodr,/o=exchangelabs/ou=exchange administrative group (fydibohf23spdlt)/cn=recipients/cn=e6e28e2646d74f638943c02afdaa6d1e-luciana rod</t>
  </si>
  <si>
    <t>09/26/2019 17:54:39</t>
  </si>
  <si>
    <t>/o=exchangelabs/ou=exchange administrative group (fydibohf23spdlt)/cn=recipients/cn=092327d7955f47e78ad4a60dc2ac8d69-joaquim eli;/o=exchangelabs/ou=exchange administrative group (fydibohf23spdlt)/cn=recipients/cn=8f6e1392c4f24f4faa8b69e41e9921dd-francisco m;/o=exchangelabs/ou=exchange administrative group (fydibohf23spdlt)/cn=recipients/cn=b1058a533ac4401692cca2b45ce61ec8-antonio car;/o=exchangelabs/ou=exchange administrative group (fydibohf23spdlt)/cn=recipients/cn=b24a1bfdc1aa45a2a190e0a7a66455b6-caio ferrei;atsousa@timbrasil.com.br;efribeiro@timbrasil.com.br;ghsilva@timbrasil.com.br;mbfilho@timbrasil.com.br;mmendonca@timbrasil.com.br;</t>
  </si>
  <si>
    <t>RES: Vandalismo - CGMS13 - TICKET - 1900005904</t>
  </si>
  <si>
    <t>Cópia de EVIDENCIAS DE EVIDENCIAS CGMS13 - TICKET - 1900005904.xlsx</t>
  </si>
  <si>
    <t>/o=exchangelabs/ou=exchange administrative group (fydibohf23spdlt)/cn=recipients/cn=092327d7955f47e78ad4a60dc2ac8d69-joaquim eli,/o=exchangelabs/ou=exchange administrative group (fydibohf23spdlt)/cn=recipients/cn=8f6e1392c4f24f4faa8b69e41e9921dd-francisco m,/o=exchangelabs/ou=exchange administrative group (fydibohf23spdlt)/cn=recipients/cn=b1058a533ac4401692cca2b45ce61ec8-antonio car,/o=exchangelabs/ou=exchange administrative group (fydibohf23spdlt)/cn=recipients/cn=b24a1bfdc1aa45a2a190e0a7a66455b6-caio ferrei,atsousa@timbrasil.com.br,efribeiro@timbrasil.com.br,ghsilva@timbrasil.com.br,mbfilho@timbrasil.com.br,mmendonca@timbrasil.com.br</t>
  </si>
  <si>
    <t>09/26/2019 17:57:57</t>
  </si>
  <si>
    <t>09/26/2019 18:12:10</t>
  </si>
  <si>
    <t>09/26/2019 18:14:06</t>
  </si>
  <si>
    <t>09/26/2019 18:17:01</t>
  </si>
  <si>
    <t>09/26/2019 18:20:06</t>
  </si>
  <si>
    <t>Fornecedores setembro.xlsx</t>
  </si>
  <si>
    <t>09/26/2019 18:19:06</t>
  </si>
  <si>
    <t>09/26/2019 18:24:06</t>
  </si>
  <si>
    <t>10.200.61.216</t>
  </si>
  <si>
    <t>/o=exchangelabs/ou=exchange administrative group (fydibohf23spdlt)/cn=recipients/cn=33eadc062e4e444685992c7de4b20cbb-ana carolin;/o=exchangelabs/ou=exchange administrative group (fydibohf23spdlt)/cn=recipients/cn=5cff907b7abb465c8dbe10257a462656-diego iure;/o=exchangelabs/ou=exchange administrative group (fydibohf23spdlt)/cn=recipients/cn=9c71bc5f5a3648bbbb5f6bedb86e15a6-marcelo buz;/o=exchangelabs/ou=exchange administrative group (fydibohf23spdlt)/cn=recipients/cn=b284454839e94314a90d49e7ec00864f-antonio car;/o=exchangelabs/ou=exchange administrative group (fydibohf23spdlt)/cn=recipients/cn=ee68a2a53024446789dc480aef9c7a7c-joao gabrie;</t>
  </si>
  <si>
    <t>FÉRIAS - Nova proposta de férias - Sinergy</t>
  </si>
  <si>
    <t>FÉRIAS - Fluxo.xlsx</t>
  </si>
  <si>
    <t>/o=exchangelabs/ou=exchange administrative group (fydibohf23spdlt)/cn=recipients/cn=33eadc062e4e444685992c7de4b20cbb-ana carolin,/o=exchangelabs/ou=exchange administrative group (fydibohf23spdlt)/cn=recipients/cn=5cff907b7abb465c8dbe10257a462656-diego iure,/o=exchangelabs/ou=exchange administrative group (fydibohf23spdlt)/cn=recipients/cn=9c71bc5f5a3648bbbb5f6bedb86e15a6-marcelo buz,/o=exchangelabs/ou=exchange administrative group (fydibohf23spdlt)/cn=recipients/cn=b284454839e94314a90d49e7ec00864f-antonio car,/o=exchangelabs/ou=exchange administrative group (fydibohf23spdlt)/cn=recipients/cn=ee68a2a53024446789dc480aef9c7a7c-joao gabrie</t>
  </si>
  <si>
    <t>09/26/2019 18:26:35</t>
  </si>
  <si>
    <t>09/26/2019 18:27:06</t>
  </si>
  <si>
    <t>/o=exchangelabs/ou=exchange administrative group (fydibohf23spdlt)/cn=recipients/cn=3efbc8c427614158ac5e05d72141135e-thiago guil;/o=exchangelabs/ou=exchange administrative group (fydibohf23spdlt)/cn=recipients/cn=54861e79125f48cc952d00cf8160b9a8-jeferson fe;/o=exchangelabs/ou=exchange administrative group (fydibohf23spdlt)/cn=recipients/cn=56c2af2d07fd48c0aebfc00ddc006494-alessio rod;/o=exchangelabs/ou=exchange administrative group (fydibohf23spdlt)/cn=recipients/cn=738f64da88314610b103acc900ce8979-leandro san;/o=exchangelabs/ou=exchange administrative group (fydibohf23spdlt)/cn=recipients/cn=ba64882ecdca4e529551bc93e56e2f41-helbert bec;/o=exchangelabs/ou=exchange administrative group (fydibohf23spdlt)/cn=recipients/cn=c212eb60f4be444cb64e0cc9b82f6e10-alessandro;/o=exchangelabs/ou=exchange administrative group (fydibohf23spdlt)/cn=recipients/cn=cd93dacc38404a95a829585c2e317a9f-dionizio ri;/o=exchangelabs/ou=exchange administrative group (fydibohf23spdlt)/cn=recipients/cn=d0093b7063a942388b31a7ba794f9061-dener</t>
  </si>
  <si>
    <t>RES: RES: Infra para novo Site Curitiba</t>
  </si>
  <si>
    <t>ENC RES Infra para novo Site Curitiba.msg\s1\</t>
  </si>
  <si>
    <t>/o=exchangelabs/ou=exchange administrative group (fydibohf23spdlt)/cn=recipients/cn=3efbc8c427614158ac5e05d72141135e-thiago guil,/o=exchangelabs/ou=exchange administrative group (fydibohf23spdlt)/cn=recipients/cn=54861e79125f48cc952d00cf8160b9a8-jeferson fe,/o=exchangelabs/ou=exchange administrative group (fydibohf23spdlt)/cn=recipients/cn=56c2af2d07fd48c0aebfc00ddc006494-alessio rod,/o=exchangelabs/ou=exchange administrative group (fydibohf23spdlt)/cn=recipients/cn=738f64da88314610b103acc900ce8979-leandro san,/o=exchangelabs/ou=exchange administrative group (fydibohf23spdlt)/cn=recipients/cn=ba64882ecdca4e529551bc93e56e2f41-helbert bec,/o=exchangelabs/ou=exchange administrative group (fydibohf23spdlt)/cn=recipients/cn=c212eb60f4be444cb64e0cc9b82f6e10-alessandro,/o=exchangelabs/ou=exchange administrative group (fydibohf23spdlt)/cn=recipients/cn=cd93dacc38404a95a829585c2e317a9f-dionizio ri,/o=exchangelabs/ou=exchange administrative group (fydibohf23spdlt)/cn=recipients/cn=d0093b7063a942388b31a7ba794f9061-dener</t>
  </si>
  <si>
    <t>09/26/2019 18:26:32</t>
  </si>
  <si>
    <t>09/26/2019 18:31:06</t>
  </si>
  <si>
    <t>/o=exchangelabs/ou=exchange administrative group (fydibohf23spdlt)/cn=recipients/cn=5ab64dc5178e4d66aadc5f660807b2c3-andre gomes;/o=exchangelabs/ou=exchange administrative group (fydibohf23spdlt)/cn=recipients/cn=e46cd96e8e9e452c8cc8ba65a6c4ec57-gustavo hen;</t>
  </si>
  <si>
    <t>RES: RETOP</t>
  </si>
  <si>
    <t>Estudo irregularidades Telecom.xlsx</t>
  </si>
  <si>
    <t>/o=exchangelabs/ou=exchange administrative group (fydibohf23spdlt)/cn=recipients/cn=5ab64dc5178e4d66aadc5f660807b2c3-andre gomes,/o=exchangelabs/ou=exchange administrative group (fydibohf23spdlt)/cn=recipients/cn=e46cd96e8e9e452c8cc8ba65a6c4ec57-gustavo hen</t>
  </si>
  <si>
    <t>09/26/2019 18:27:23</t>
  </si>
  <si>
    <t>09/26/2019 18:32:06</t>
  </si>
  <si>
    <t>RES: Amazon - Energia Faturamento Outubro/2019 (relacionado a conta CPFL de Setembro)</t>
  </si>
  <si>
    <t>09/26/2019 18:33:27</t>
  </si>
  <si>
    <t>09/26/2019 18:34:06</t>
  </si>
  <si>
    <t>/o=exchangelabs/ou=exchange administrative group (fydibohf23spdlt)/cn=recipients/cn=2144abc9537143519f505fcb8550b74c-juliana emi;/o=exchangelabs/ou=exchange administrative group (fydibohf23spdlt)/cn=recipients/cn=8fd99aed0dcd4cc881e5e5966c425c41-gabriel bor;/o=exchangelabs/ou=exchange administrative group (fydibohf23spdlt)/cn=recipients/cn=a8f05db2744643a38d71c36d72eacc9b-karla steph;</t>
  </si>
  <si>
    <t>RES: Indicadores participantes Family Day</t>
  </si>
  <si>
    <t>Family Day 31-07_v2.xlsx</t>
  </si>
  <si>
    <t>/o=exchangelabs/ou=exchange administrative group (fydibohf23spdlt)/cn=recipients/cn=2144abc9537143519f505fcb8550b74c-juliana emi,/o=exchangelabs/ou=exchange administrative group (fydibohf23spdlt)/cn=recipients/cn=8fd99aed0dcd4cc881e5e5966c425c41-gabriel bor,/o=exchangelabs/ou=exchange administrative group (fydibohf23spdlt)/cn=recipients/cn=a8f05db2744643a38d71c36d72eacc9b-karla steph</t>
  </si>
  <si>
    <t>09/26/2019 18:35:35</t>
  </si>
  <si>
    <t>09/26/2019 18:39:06</t>
  </si>
  <si>
    <t>gabrielaog@algartech.com.br;</t>
  </si>
  <si>
    <t>gabrielaog@algartech.com.br</t>
  </si>
  <si>
    <t>09/26/2019 18:38:12</t>
  </si>
  <si>
    <t>RES: Resultado Potenciais Supervisores 07 e 08/2019</t>
  </si>
  <si>
    <t>Resultados Potenciais Supervisores.xlsx</t>
  </si>
  <si>
    <t>09/26/2019 18:50:12</t>
  </si>
  <si>
    <t>09/26/2019 18:53:06</t>
  </si>
  <si>
    <t>09/26/2019 19:45:27</t>
  </si>
  <si>
    <t>09/26/2019 21:20:08</t>
  </si>
  <si>
    <t>09/26/2019 22:54:57</t>
  </si>
  <si>
    <t>09/26/2019 22:58:09</t>
  </si>
  <si>
    <t>10.250.254.44</t>
  </si>
  <si>
    <t>/o=exchangelabs/ou=exchange administrative group (fydibohf23spdlt)/cn=recipients/cn=d134214c6cba41689b0b9a728a5f0528-joao neto s;</t>
  </si>
  <si>
    <t>Servidores Nice</t>
  </si>
  <si>
    <t>Servidores.xlsx</t>
  </si>
  <si>
    <t>/o=exchangelabs/ou=exchange administrative group (fydibohf23spdlt)/cn=recipients/cn=d134214c6cba41689b0b9a728a5f0528-joao neto s</t>
  </si>
  <si>
    <t>09/26/2019 23:00:08</t>
  </si>
  <si>
    <t>09/26/2019 23:04:09</t>
  </si>
  <si>
    <t>09/26/2019 23:01:26</t>
  </si>
  <si>
    <t>09/26/2019 23:02:28</t>
  </si>
  <si>
    <t>09/26/2019 23:03:11</t>
  </si>
  <si>
    <t>09/26/2019 23:09:09</t>
  </si>
  <si>
    <t>09/26/2019 23:08:14</t>
  </si>
  <si>
    <t>09/26/2019 23:13:09</t>
  </si>
  <si>
    <t>C:\Users\andersonrf\OneDrive - Grupo Algar\</t>
  </si>
  <si>
    <t>IP_Scan_Results_Servers_BRA.csv</t>
  </si>
  <si>
    <t>09/26/2019 23:09:04</t>
  </si>
  <si>
    <t>09/26/2019 23:14:09</t>
  </si>
  <si>
    <t>09/26/2019 23:10:02</t>
  </si>
  <si>
    <t>09/26/2019 23:14:16</t>
  </si>
  <si>
    <t>09/26/2019 23:16:09</t>
  </si>
  <si>
    <t>/o=exchangelabs/ou=exchange administrative group (fydibohf23spdlt)/cn=recipients/cn=9e72be441e9e4b08a759859a5b3a336a-daniela de;</t>
  </si>
  <si>
    <t>Report Semanal Customer Success_26-09_GRC.pptx</t>
  </si>
  <si>
    <t>Report Semanal Customer Success_26-09_GRC.pptx\</t>
  </si>
  <si>
    <t>/o=exchangelabs/ou=exchange administrative group (fydibohf23spdlt)/cn=recipients/cn=9e72be441e9e4b08a759859a5b3a336a-daniela de</t>
  </si>
  <si>
    <t>09/26/2019 23:13:16</t>
  </si>
  <si>
    <t>09/26/2019 23:19:10</t>
  </si>
  <si>
    <t>09/26/2019 23:14:36</t>
  </si>
  <si>
    <t>09/26/2019 23:14:53</t>
  </si>
  <si>
    <t>09/26/2019 23:17:20</t>
  </si>
  <si>
    <t>09/26/2019 23:21:10</t>
  </si>
  <si>
    <t>C:\Users\glaysongds\Downloads\</t>
  </si>
  <si>
    <t>STATUS 3.xls</t>
  </si>
  <si>
    <t>09/27/2019 07:23:35</t>
  </si>
  <si>
    <t>09/27/2019 07:24:13</t>
  </si>
  <si>
    <t>Registros de Ponto 2019-NB-FILEMONCMJ.xlsx</t>
  </si>
  <si>
    <t>09/27/2019 07:49:44</t>
  </si>
  <si>
    <t>09/27/2019 07:52:13</t>
  </si>
  <si>
    <t>09/26/2019 18:37:46</t>
  </si>
  <si>
    <t>09/27/2019 08:06:13</t>
  </si>
  <si>
    <t>09/26/2019 18:43:14</t>
  </si>
  <si>
    <t>09/27/2019 08:21:14</t>
  </si>
  <si>
    <t>/o=exchangelabs/ou=exchange administrative group (fydibohf23spdlt)/cn=recipients/cn=159cdfa0e5c74c26b87c8e07208fe6a1-moises de o;/o=exchangelabs/ou=exchange administrative group (fydibohf23spdlt)/cn=recipients/cn=2a2dbb67c76e4e33beac0602893fa479-carlos juni;/o=exchangelabs/ou=exchange administrative group (fydibohf23spdlt)/cn=recipients/cn=353d0bf4020f410a88b7fbfc2e5b5302-gerald card;/o=exchangelabs/ou=exchange administrative group (fydibohf23spdlt)/cn=recipients/cn=3720674f67dd4336be39b7fa42f5aac8-wesley silv;/o=exchangelabs/ou=exchange administrative group (fydibohf23spdlt)/cn=recipients/cn=3d76664d4bc241c487f06913aba47ca9-rafael da s;/o=exchangelabs/ou=exchange administrative group (fydibohf23spdlt)/cn=recipients/cn=3e53cb9709eb44f6a5c985e8a116316d-marcelo gil;/o=exchangelabs/ou=exchange administrative group (fydibohf23spdlt)/cn=recipients/cn=49977412a25148daaa52037018015a31-sandro mats;/o=exchangelabs/ou=exchange administrative group (fydibohf23spdlt)/cn=recipients/cn=5c5f9086690040b2a551f7ed5d78e128-adri</t>
  </si>
  <si>
    <t>RES: Baixas e Aceites</t>
  </si>
  <si>
    <t>MOVE ORDER.xlsx</t>
  </si>
  <si>
    <t>/o=exchangelabs/ou=exchange administrative group (fydibohf23spdlt)/cn=recipients/cn=159cdfa0e5c74c26b87c8e07208fe6a1-moises de o,/o=exchangelabs/ou=exchange administrative group (fydibohf23spdlt)/cn=recipients/cn=2a2dbb67c76e4e33beac0602893fa479-carlos juni,/o=exchangelabs/ou=exchange administrative group (fydibohf23spdlt)/cn=recipients/cn=353d0bf4020f410a88b7fbfc2e5b5302-gerald card,/o=exchangelabs/ou=exchange administrative group (fydibohf23spdlt)/cn=recipients/cn=3720674f67dd4336be39b7fa42f5aac8-wesley silv,/o=exchangelabs/ou=exchange administrative group (fydibohf23spdlt)/cn=recipients/cn=3d76664d4bc241c487f06913aba47ca9-rafael da s,/o=exchangelabs/ou=exchange administrative group (fydibohf23spdlt)/cn=recipients/cn=3e53cb9709eb44f6a5c985e8a116316d-marcelo gil,/o=exchangelabs/ou=exchange administrative group (fydibohf23spdlt)/cn=recipients/cn=49977412a25148daaa52037018015a31-sandro mats,/o=exchangelabs/ou=exchange administrative group (fydibohf23spdlt)/cn=recipients/cn=5c5f9086690040b2a551f7ed5d78e128-adri</t>
  </si>
  <si>
    <t>09/26/2019 16:05:25</t>
  </si>
  <si>
    <t>09/27/2019 08:25:13</t>
  </si>
  <si>
    <t>RES: Relatório de Compra VT - TECH CAMPINAS</t>
  </si>
  <si>
    <t>PEDIDO MENSAL V.T_29 TECH_09.2019.xlsx</t>
  </si>
  <si>
    <t>09/26/2019 16:48:04</t>
  </si>
  <si>
    <t>Relatório Recarga Certa_28 ENGESET_4442610.xlsx</t>
  </si>
  <si>
    <t>09/27/2019 08:22:32</t>
  </si>
  <si>
    <t>09/27/2019 08:27:14</t>
  </si>
  <si>
    <t>https://caey.fa.us2.oraclecloud.com/crmui/faces/fuseoverview?_adf.ctrl-state=16avcgngdw_5&amp;fnd=;;;;false;256;;;&amp;fndglobalitemnodeid=moo_opptymgmtopportunities_crm_card</t>
  </si>
  <si>
    <t>09/27/2019 08:27:29</t>
  </si>
  <si>
    <t>09/27/2019 08:28:13</t>
  </si>
  <si>
    <t>09/27/2019 08:26:57</t>
  </si>
  <si>
    <t>09/27/2019 08:30:13</t>
  </si>
  <si>
    <t>09/26/2019 18:54:36</t>
  </si>
  <si>
    <t>09/27/2019 08:33:13</t>
  </si>
  <si>
    <t>09/27/2019 08:50:45</t>
  </si>
  <si>
    <t>09/27/2019 08:52:14</t>
  </si>
  <si>
    <t>CURVA NORMAL - 26/09/2019</t>
  </si>
  <si>
    <t>09/27/2019 08:53:14</t>
  </si>
  <si>
    <t>09/27/2019 08:54:15</t>
  </si>
  <si>
    <t>/o=exchangelabs/ou=exchange administrative group (fydibohf23spdlt)/cn=recipients/cn=249f643ba1e044588b45a020c76dadde-daniel de o;/o=exchangelabs/ou=exchange administrative group (fydibohf23spdlt)/cn=recipients/cn=45f281eb2c55454da382ae61cb22aff4-fabiano mus;/o=exchangelabs/ou=exchange administrative group (fydibohf23spdlt)/cn=recipients/cn=8c89829ad534498fa4c85b5ac11174f1-suelen more;/o=exchangelabs/ou=exchange administrative group (fydibohf23spdlt)/cn=recipients/cn=9590810d44524cf49acee6103c18936a-denys guidi;/o=exchangelabs/ou=exchange administrative group (fydibohf23spdlt)/cn=recipients/cn=d376cbd484f64104bc8476daf590c7dc-paulo eduar;</t>
  </si>
  <si>
    <t>RES: URGENTE - Booking - Cliente EMS</t>
  </si>
  <si>
    <t>BP_Cenário_2.xlsx</t>
  </si>
  <si>
    <t>/o=exchangelabs/ou=exchange administrative group (fydibohf23spdlt)/cn=recipients/cn=249f643ba1e044588b45a020c76dadde-daniel de o,/o=exchangelabs/ou=exchange administrative group (fydibohf23spdlt)/cn=recipients/cn=45f281eb2c55454da382ae61cb22aff4-fabiano mus,/o=exchangelabs/ou=exchange administrative group (fydibohf23spdlt)/cn=recipients/cn=8c89829ad534498fa4c85b5ac11174f1-suelen more,/o=exchangelabs/ou=exchange administrative group (fydibohf23spdlt)/cn=recipients/cn=9590810d44524cf49acee6103c18936a-denys guidi,/o=exchangelabs/ou=exchange administrative group (fydibohf23spdlt)/cn=recipients/cn=d376cbd484f64104bc8476daf590c7dc-paulo eduar</t>
  </si>
  <si>
    <t>09/27/2019 08:50:35</t>
  </si>
  <si>
    <t>09/27/2019 08:55:15</t>
  </si>
  <si>
    <t>/o=exchangelabs/ou=exchange administrative group (fydibohf23spdlt)/cn=recipients/cn=8c01e71056fe4e1a8ecc4e24420bd9ef-fellyp cros;logisticatimopm@grupotpc.com;</t>
  </si>
  <si>
    <t>CORREÇÃO DE PN</t>
  </si>
  <si>
    <t>/o=exchangelabs/ou=exchange administrative group (fydibohf23spdlt)/cn=recipients/cn=8c01e71056fe4e1a8ecc4e24420bd9ef-fellyp cros,logisticatimopm@grupotpc.com</t>
  </si>
  <si>
    <t>09/27/2019 08:59:57</t>
  </si>
  <si>
    <t>09/27/2019 09:00:14</t>
  </si>
  <si>
    <t>/o=exchangelabs/ou=exchange administrative group (fydibohf23spdlt)/cn=recipients/cn=7c18c68de32d4253b0f64f2eed60d60e-thais ferna;andreavm@algartech.com.br;</t>
  </si>
  <si>
    <t>RES: Estudo Resultado de Qualidade</t>
  </si>
  <si>
    <t>Análise Curva - Adriano Monteiro.xlsb</t>
  </si>
  <si>
    <t>/o=exchangelabs/ou=exchange administrative group (fydibohf23spdlt)/cn=recipients/cn=7c18c68de32d4253b0f64f2eed60d60e-thais ferna,andreavm@algartech.com.br</t>
  </si>
  <si>
    <t>09/27/2019 08:55:54</t>
  </si>
  <si>
    <t>09/27/2019 09:01:14</t>
  </si>
  <si>
    <t>C:\Users\marcospr\OneDrive - Grupo Algar\Corporativo\01 - Projetos - Business Inteligence\Whirlpool - Nova Operação\Auditoria de Vendas - EcoHouse\Declaracao de Escopo - Auditoria de Vendas.doc\</t>
  </si>
  <si>
    <t>09/27/2019 09:00:13</t>
  </si>
  <si>
    <t>/o=exchangelabs/ou=exchange administrative group (fydibohf23spdlt)/cn=recipients/cn=userd3ef8196;aline_felicio_manpower@whirlpool.com;heliessania_a_lorenco_algar@whirlpool.com;tatiane_s_pereira@whirlpool.com;</t>
  </si>
  <si>
    <t>Base de Tabulações E-Center - BBlend</t>
  </si>
  <si>
    <t>Categorizações BBlend - Set19.xlsx</t>
  </si>
  <si>
    <t>/o=exchangelabs/ou=exchange administrative group (fydibohf23spdlt)/cn=recipients/cn=userd3ef8196,aline_felicio_manpower@whirlpool.com,heliessania_a_lorenco_algar@whirlpool.com,tatiane_s_pereira@whirlpool.com</t>
  </si>
  <si>
    <t>09/26/2019 18:37:33</t>
  </si>
  <si>
    <t>09/27/2019 09:06:14</t>
  </si>
  <si>
    <t>helieldfs@algartech.com;</t>
  </si>
  <si>
    <t>ROBERTA CRISTINA MORAIS FERREIRA (1).xlsx</t>
  </si>
  <si>
    <t>helieldfs@algartech.com</t>
  </si>
  <si>
    <t>09/27/2019 09:05:55</t>
  </si>
  <si>
    <t>09/27/2019 09:08:14</t>
  </si>
  <si>
    <t>09/27/2019 09:10:47</t>
  </si>
  <si>
    <t>09/27/2019 09:12:14</t>
  </si>
  <si>
    <t>09/27/2019 09:06:39</t>
  </si>
  <si>
    <t>09/27/2019 09:14:14</t>
  </si>
  <si>
    <t>/o=exchangelabs/ou=exchange administrative group (fydibohf23spdlt)/cn=recipients/cn=f0723cfec25d44359e10a3afabfe3d5f-ederlei rod;jecienegs@algartech.com;</t>
  </si>
  <si>
    <t>CAPITALIZAÇÃO PROJETO PRECIFICAÇÃO</t>
  </si>
  <si>
    <t>/o=exchangelabs/ou=exchange administrative group (fydibohf23spdlt)/cn=recipients/cn=f0723cfec25d44359e10a3afabfe3d5f-ederlei rod,jecienegs@algartech.com</t>
  </si>
  <si>
    <t>09/27/2019 09:13:56</t>
  </si>
  <si>
    <t>09/27/2019 09:15:15</t>
  </si>
  <si>
    <t>10.211.2.83</t>
  </si>
  <si>
    <t>Ocorrências 01 a 26/09</t>
  </si>
  <si>
    <t>OCORRENCIAS_028_01A2609.csv</t>
  </si>
  <si>
    <t>09/27/2019 09:15:00</t>
  </si>
  <si>
    <t>09/27/2019 09:18:14</t>
  </si>
  <si>
    <t>10.200.36.2</t>
  </si>
  <si>
    <t>D0-94-66-A2-59-E6</t>
  </si>
  <si>
    <t>ATDIRETORIA-03</t>
  </si>
  <si>
    <t>gabriellycc</t>
  </si>
  <si>
    <t>Gabrielly da Cruz Coelho</t>
  </si>
  <si>
    <t>/o=exchangelabs/ou=exchange administrative group (fydibohf23spdlt)/cn=recipients/cn=ffac67121fe44ee99a9e20917aba08be-nubia fraga;</t>
  </si>
  <si>
    <t>RES: Lista de Secretárias do Grupo Algar</t>
  </si>
  <si>
    <t>Lista Secretárias - Tech.msg\s1\</t>
  </si>
  <si>
    <t>SECRETÁRIAS GRUPO ALGAR.xlsx</t>
  </si>
  <si>
    <t>/o=exchangelabs/ou=exchange administrative group (fydibohf23spdlt)/cn=recipients/cn=ffac67121fe44ee99a9e20917aba08be-nubia fraga</t>
  </si>
  <si>
    <t>09/26/2019 06:21:44</t>
  </si>
  <si>
    <t>crcevmc@algartech.com.br;epolicarpo@positivo.com.br;suporte.vmc@bradescocartoes.com.br;willian.silva@bradesco.com.br;</t>
  </si>
  <si>
    <t>RES: Liberar MCC's - Centro de Estudos Superiores Positivo**73402</t>
  </si>
  <si>
    <t>PLANILHA DE PARAMETRIZAÇÃO Todos.xlsm</t>
  </si>
  <si>
    <t>crcevmc@algartech.com.br,epolicarpo@positivo.com.br,suporte.vmc@bradescocartoes.com.br,willian.silva@bradesco.com.br</t>
  </si>
  <si>
    <t>09/26/2019 11:32:22</t>
  </si>
  <si>
    <t>adriana.bitencourt@bradesco.com.br;</t>
  </si>
  <si>
    <t>RES: BRADESCO CARTÕES &amp; FARMÁCIAS SÃO JOÃO</t>
  </si>
  <si>
    <t>Cópia de Rel funcs Setembro_Suzana.xlsx</t>
  </si>
  <si>
    <t>adriana.bitencourt@bradesco.com.br</t>
  </si>
  <si>
    <t>sdoliveira@lpht.com.br;</t>
  </si>
  <si>
    <t>Base RH Atualizada</t>
  </si>
  <si>
    <t>3 - Gestao - Recursos Humanos (RH).xlsx</t>
  </si>
  <si>
    <t>sdoliveira@lpht.com.br</t>
  </si>
  <si>
    <t>09/26/2019 18:39:44</t>
  </si>
  <si>
    <t>/o=exchangelabs/ou=exchange administrative group (fydibohf23spdlt)/cn=recipients/cn=30f74284082a40308b3cb42ff978db0b-lucas faund;/o=exchangelabs/ou=exchange administrative group (fydibohf23spdlt)/cn=recipients/cn=5865f7bdf6dd4e85886f125a03522b87-paulo ricar;alencar.zanella@bradesco.com.br;</t>
  </si>
  <si>
    <t>ENC: VISITA LOJAS RENNER e STARA</t>
  </si>
  <si>
    <t>SÃO JOÃO Formulário de Implementação (2).xlsx</t>
  </si>
  <si>
    <t>/o=exchangelabs/ou=exchange administrative group (fydibohf23spdlt)/cn=recipients/cn=30f74284082a40308b3cb42ff978db0b-lucas faund,/o=exchangelabs/ou=exchange administrative group (fydibohf23spdlt)/cn=recipients/cn=5865f7bdf6dd4e85886f125a03522b87-paulo ricar,alencar.zanella@bradesco.com.br</t>
  </si>
  <si>
    <t>09/26/2019 20:32:58</t>
  </si>
  <si>
    <t>/o=exchangelabs/ou=exchange administrative group (fydibohf23spdlt)/cn=recipients/cn=196756394bd04698b4e4140c910f4646-sgsd - impl;</t>
  </si>
  <si>
    <t>ENC: AÇÃO ATUALIZAÇÃO DE CONTATOS - PORTAL PJ - Grupo HANNOVER SEGUROS CRM:000770002505</t>
  </si>
  <si>
    <t>Base Atualização Contatos Empresariais.xlsx</t>
  </si>
  <si>
    <t>/o=exchangelabs/ou=exchange administrative group (fydibohf23spdlt)/cn=recipients/cn=196756394bd04698b4e4140c910f4646-sgsd - impl</t>
  </si>
  <si>
    <t>09/27/2019 09:09:29</t>
  </si>
  <si>
    <t>09/27/2019 09:19:14</t>
  </si>
  <si>
    <t>RES: PROJETO XPERIECE - FTE</t>
  </si>
  <si>
    <t>Template_Registro_FTE_Realizado_v4.0.xlsb</t>
  </si>
  <si>
    <t>09/27/2019 09:16:57</t>
  </si>
  <si>
    <t>1daf7324-ca28-4042-bc0e-7819287408bf;</t>
  </si>
  <si>
    <t>C:\Users\rafaelqs\Desktop\</t>
  </si>
  <si>
    <t>27-09-2019 Template_Alteracao_de_Horario.xlsx</t>
  </si>
  <si>
    <t>09/27/2019 09:20:11</t>
  </si>
  <si>
    <t>09/27/2019 09:22:14</t>
  </si>
  <si>
    <t>RES: ADERENCIA NEXT - OUTUBRO_19 ( MANIFESTAÇÕES / SAC / ATIVO)</t>
  </si>
  <si>
    <t>10 - ADERENCIA OUTUBRO_19 NEXT HIBRIDO 27.09.xlsx</t>
  </si>
  <si>
    <t>09/27/2019 09:21:10</t>
  </si>
  <si>
    <t>09/27/2019 09:23:14</t>
  </si>
  <si>
    <t>D:\RODRIGO\PARTICULAR\CASA\</t>
  </si>
  <si>
    <t>Contas_2018.xlsx</t>
  </si>
  <si>
    <t>E:\RODRIGO\PARTICULAR\CASA\Contas_2018.xlsx</t>
  </si>
  <si>
    <t>Contas_2019.xlsx</t>
  </si>
  <si>
    <t>E:\RODRIGO\PARTICULAR\CASA\Contas_2019.xlsx</t>
  </si>
  <si>
    <t>Template_Contas_XXXX.xlsx</t>
  </si>
  <si>
    <t>E:\RODRIGO\PARTICULAR\CASA\Template_Contas_XXXX.xlsx</t>
  </si>
  <si>
    <t>D:\RODRIGO\PARTICULAR\CASA\2015\</t>
  </si>
  <si>
    <t>Contas_2015.xlsx</t>
  </si>
  <si>
    <t>E:\RODRIGO\PARTICULAR\CASA\2015\Contas_2015.xlsx</t>
  </si>
  <si>
    <t>D:\RODRIGO\PARTICULAR\CASA\2016\</t>
  </si>
  <si>
    <t>Contas_2016.xlsx</t>
  </si>
  <si>
    <t>E:\RODRIGO\PARTICULAR\CASA\2016\Contas_2016.xlsx</t>
  </si>
  <si>
    <t>09/27/2019 09:21:14</t>
  </si>
  <si>
    <t>D:\RODRIGO\PARTICULAR\CASA\2017\</t>
  </si>
  <si>
    <t>Contas_2017.xlsx</t>
  </si>
  <si>
    <t>E:\RODRIGO\PARTICULAR\CASA\2017\Contas_2017.xlsx</t>
  </si>
  <si>
    <t>09/27/2019 09:21:23</t>
  </si>
  <si>
    <t>D:\RODRIGO\PARTICULAR\CASA\2018\</t>
  </si>
  <si>
    <t>E:\RODRIGO\PARTICULAR\CASA\2018\Contas_2018.xlsx</t>
  </si>
  <si>
    <t>09/27/2019 09:21:38</t>
  </si>
  <si>
    <t>D:\RODRIGO\PARTICULAR\CASA\Comprovantes avulsos\</t>
  </si>
  <si>
    <t>Contas 2014.xlsx</t>
  </si>
  <si>
    <t>E:\RODRIGO\PARTICULAR\CASA\Comprovantes avulsos\Contas 2014.xlsx</t>
  </si>
  <si>
    <t>Contas de Casa.xls</t>
  </si>
  <si>
    <t>E:\RODRIGO\PARTICULAR\CASA\Comprovantes avulsos\Contas de Casa.xls</t>
  </si>
  <si>
    <t>Contas.xlsx</t>
  </si>
  <si>
    <t>E:\RODRIGO\PARTICULAR\CASA\Comprovantes avulsos\Contas.xlsx</t>
  </si>
  <si>
    <t>Contas_atual.xlsx</t>
  </si>
  <si>
    <t>E:\RODRIGO\PARTICULAR\CASA\Comprovantes avulsos\Contas_atual.xlsx</t>
  </si>
  <si>
    <t>09/27/2019 09:21:44</t>
  </si>
  <si>
    <t>D:\RODRIGO\PARTICULAR\CASA\Contas\2018\</t>
  </si>
  <si>
    <t>E:\RODRIGO\PARTICULAR\CASA\Contas\2018\Contas_2018.xlsx</t>
  </si>
  <si>
    <t>09/27/2019 09:22:18</t>
  </si>
  <si>
    <t>D:\RODRIGO\PARTICULAR\DOCUMENTOS\DOCUMENTOS PESSOAIS\Diversos\</t>
  </si>
  <si>
    <t>E:\RODRIGO\PARTICULAR\DOCUMENTOS\DOCUMENTOS PESSOAIS\Diversos\Contas.xls</t>
  </si>
  <si>
    <t>CRONOGRAMA 10 DEZEMBRO.xlsx</t>
  </si>
  <si>
    <t>E:\RODRIGO\PARTICULAR\DOCUMENTOS\DOCUMENTOS PESSOAIS\Diversos\CRONOGRAMA 10 DEZEMBRO.xlsx</t>
  </si>
  <si>
    <t>09/27/2019 09:22:20</t>
  </si>
  <si>
    <t>Formulário - Relatório de Despesas IBM.xlsx</t>
  </si>
  <si>
    <t>E:\RODRIGO\PARTICULAR\DOCUMENTOS\DOCUMENTOS PESSOAIS\Diversos\Formulário - Relatório de Despesas IBM.xlsx</t>
  </si>
  <si>
    <t>09/27/2019 09:22:24</t>
  </si>
  <si>
    <t>Obra_frente.xlsx</t>
  </si>
  <si>
    <t>E:\RODRIGO\PARTICULAR\DOCUMENTOS\DOCUMENTOS PESSOAIS\Diversos\Obra_frente.xlsx</t>
  </si>
  <si>
    <t>09/27/2019 09:22:25</t>
  </si>
  <si>
    <t>Protocolo - I Expense..xls</t>
  </si>
  <si>
    <t>E:\RODRIGO\PARTICULAR\DOCUMENTOS\DOCUMENTOS PESSOAIS\Diversos\Protocolo - I Expense..xls</t>
  </si>
  <si>
    <t>09/27/2019 09:22:27</t>
  </si>
  <si>
    <t>D:\RODRIGO\PARTICULAR\DOCUMENTOS\DOCUMENTOS PESSOAIS\Documentos Alphaville Terras Alpha\</t>
  </si>
  <si>
    <t>Comissões Alphaville.xlsx</t>
  </si>
  <si>
    <t>E:\RODRIGO\PARTICULAR\DOCUMENTOS\DOCUMENTOS PESSOAIS\Documentos Alphaville Terras Alpha\Comissões Alphaville.xlsx</t>
  </si>
  <si>
    <t>09/27/2019 09:22:43</t>
  </si>
  <si>
    <t>D:\RODRIGO\PARTICULAR\DOCUMENTOS\DOCUMENTOS PESSOAIS\Worker\aubay\</t>
  </si>
  <si>
    <t>custos.xlsx</t>
  </si>
  <si>
    <t>E:\RODRIGO\PARTICULAR\DOCUMENTOS\DOCUMENTOS PESSOAIS\Worker\aubay\custos.xlsx</t>
  </si>
  <si>
    <t>09/27/2019 09:22:16</t>
  </si>
  <si>
    <t>/o=exchangelabs/ou=exchange administrative group (fydibohf23spdlt)/cn=recipients/cn=54abac0a4fdc4ad1bec39bb51d85eab1-victor hugo;/o=exchangelabs/ou=exchange administrative group (fydibohf23spdlt)/cn=recipients/cn=userdc05fc7c;</t>
  </si>
  <si>
    <t>Receita Governo 2020</t>
  </si>
  <si>
    <t>Clientes governo_2709.xlsx</t>
  </si>
  <si>
    <t>/o=exchangelabs/ou=exchange administrative group (fydibohf23spdlt)/cn=recipients/cn=54abac0a4fdc4ad1bec39bb51d85eab1-victor hugo,/o=exchangelabs/ou=exchange administrative group (fydibohf23spdlt)/cn=recipients/cn=userdc05fc7c</t>
  </si>
  <si>
    <t>09/26/2019 13:42:43</t>
  </si>
  <si>
    <t>09/27/2019 09:24:14</t>
  </si>
  <si>
    <t>mail.google.com/_/upload?authuser=0&amp;dcp=asu-n&amp;upload_id=AEnB2Up169toqHipT3vaZQTJjEKa5u5FSSJvQBfyunPaz04m9kTxNeXtzEnGu8PhzFPzAB_WKjLFGbadPtETyowDfCpNXXkBsvmmNIVfm28DsxBcA1I7hg0&amp;upload_protocol=resumable</t>
  </si>
  <si>
    <t>lauravx@algartech.com;lucas.ferreira@cscalgar.com.br;lucasm@algartech.com;melissafpq@algartech.com;</t>
  </si>
  <si>
    <t>lauravx@algartech.com,lucas.ferreira@cscalgar.com.br,lucasm@algartech.com,melissafpq@algartech.com</t>
  </si>
  <si>
    <t>09/26/2019 15:13:59</t>
  </si>
  <si>
    <t>09/27/2019 09:25:14</t>
  </si>
  <si>
    <t>C:\Users\lucianabo\Desktop\2020\</t>
  </si>
  <si>
    <t>ORC_2020_LUCIANA BERNARDES.xlsx</t>
  </si>
  <si>
    <t>09/27/2019 09:23:10</t>
  </si>
  <si>
    <t>09/27/2019 09:28:15</t>
  </si>
  <si>
    <t>Rampa Pgtos CAP</t>
  </si>
  <si>
    <t>Valores pagos Passivo Bradesco.xls</t>
  </si>
  <si>
    <t>09/27/2019 09:23:52</t>
  </si>
  <si>
    <t>09/27/2019 09:29:14</t>
  </si>
  <si>
    <t>\\acsfs\deptos\gestão de projetos\3 - projetos\10 - projetos 2019\precificação\fte\</t>
  </si>
  <si>
    <t>template_registro_fte_precificação_26_09.xlsb</t>
  </si>
  <si>
    <t>09/27/2019 09:24:03</t>
  </si>
  <si>
    <t>c:\users\giseleclss\appdata\local\microsoft\windows\temporary internet files\content.outlook\h7b4qy9s\</t>
  </si>
  <si>
    <t>lista de presença - algar tech.xlsx</t>
  </si>
  <si>
    <t>09/27/2019 09:24:55</t>
  </si>
  <si>
    <t>/o=exchangelabs/ou=exchange administrative group (fydibohf23spdlt)/cn=recipients/cn=5a43360d06b1414e95034049cd89826c-guilherme m;/o=exchangelabs/ou=exchange administrative group (fydibohf23spdlt)/cn=recipients/cn=e46cd96e8e9e452c8cc8ba65a6c4ec57-gustavo hen;</t>
  </si>
  <si>
    <t>Relação de Associados Nimbus</t>
  </si>
  <si>
    <t>Associados - Cópia.xlsx</t>
  </si>
  <si>
    <t>/o=exchangelabs/ou=exchange administrative group (fydibohf23spdlt)/cn=recipients/cn=5a43360d06b1414e95034049cd89826c-guilherme m,/o=exchangelabs/ou=exchange administrative group (fydibohf23spdlt)/cn=recipients/cn=e46cd96e8e9e452c8cc8ba65a6c4ec57-gustavo hen</t>
  </si>
  <si>
    <t>09/27/2019 09:25:22</t>
  </si>
  <si>
    <t>ENC: Volume Gerenciadas Amex e Visa - 27/09</t>
  </si>
  <si>
    <t>09/27/2019 09:30:41</t>
  </si>
  <si>
    <t>09/27/2019 09:32:14</t>
  </si>
  <si>
    <t>/o=exchangelabs/ou=exchange administrative group (fydibohf23spdlt)/cn=recipients/cn=3d559cad8a6b4c9ba2e512604e1484a2-marcelo mal;</t>
  </si>
  <si>
    <t>ENC: ID 204374 - Banco Carrefour</t>
  </si>
  <si>
    <t>Abertura DRE ok.xlsx</t>
  </si>
  <si>
    <t>/o=exchangelabs/ou=exchange administrative group (fydibohf23spdlt)/cn=recipients/cn=3d559cad8a6b4c9ba2e512604e1484a2-marcelo mal</t>
  </si>
  <si>
    <t>09/27/2019 09:30:01</t>
  </si>
  <si>
    <t>09/27/2019 09:33:14</t>
  </si>
  <si>
    <t>D:\RODRIGO\PARTICULAR\karla - AADL\</t>
  </si>
  <si>
    <t>Lista de presença 2019.xlsx vertical fevereiro.xlsx</t>
  </si>
  <si>
    <t>E:\RODRIGO\PARTICULAR\karla - AADL\Lista de presença 2019.xlsx vertical fevereiro.xlsx</t>
  </si>
  <si>
    <t>Lista de presença 2019.xlsx VERTICAL.xlsx</t>
  </si>
  <si>
    <t>E:\RODRIGO\PARTICULAR\karla - AADL\Lista de presença 2019.xlsx VERTICAL.xlsx</t>
  </si>
  <si>
    <t>Lista final do ônibus.xlsx</t>
  </si>
  <si>
    <t>E:\RODRIGO\PARTICULAR\karla - AADL\Lista final do ônibus.xlsx</t>
  </si>
  <si>
    <t>pedido_detalhado_269_1000066261.xls</t>
  </si>
  <si>
    <t>E:\RODRIGO\PARTICULAR\karla - AADL\pedido_detalhado_269_1000066261.xls</t>
  </si>
  <si>
    <t>09/27/2019 09:31:45</t>
  </si>
  <si>
    <t>D:\RODRIGO\PARTICULAR\karla - AADL\pen drive\karla - AADL\</t>
  </si>
  <si>
    <t>Lista de presença 2019.xlsx AADL.xlsx</t>
  </si>
  <si>
    <t>E:\RODRIGO\PARTICULAR\karla - AADL\pen drive\karla - AADL\Lista de presença 2019.xlsx AADL.xlsx</t>
  </si>
  <si>
    <t>Lista de presença 2019.xlsx AADL.xlsx Março.xlsx</t>
  </si>
  <si>
    <t>E:\RODRIGO\PARTICULAR\karla - AADL\pen drive\karla - AADL\Lista de presença 2019.xlsx AADL.xlsx Março.xlsx</t>
  </si>
  <si>
    <t>09/27/2019 09:31:46</t>
  </si>
  <si>
    <t>Lista de presença 2019.xlsx Fevereiro.xlsx</t>
  </si>
  <si>
    <t>E:\RODRIGO\PARTICULAR\karla - AADL\pen drive\karla - AADL\Lista de presença 2019.xlsx Fevereiro.xlsx</t>
  </si>
  <si>
    <t>09/27/2019 09:32:01</t>
  </si>
  <si>
    <t>D:\RODRIGO\PARTICULAR\PASTORAL DE NOIVOS\</t>
  </si>
  <si>
    <t>planilha1.xlsx</t>
  </si>
  <si>
    <t>E:\RODRIGO\PARTICULAR\PASTORAL DE NOIVOS\planilha1.xlsx</t>
  </si>
  <si>
    <t>Quadrante dos Noivos 18-02-2018 (1).xlsx</t>
  </si>
  <si>
    <t>E:\RODRIGO\PARTICULAR\PASTORAL DE NOIVOS\Quadrante dos Noivos 18-02-2018 (1).xlsx</t>
  </si>
  <si>
    <t>Quadrante dos Noivos 18-02-2018.xlsx</t>
  </si>
  <si>
    <t>E:\RODRIGO\PARTICULAR\PASTORAL DE NOIVOS\Quadrante dos Noivos 18-02-2018.xlsx</t>
  </si>
  <si>
    <t>xx.xls</t>
  </si>
  <si>
    <t>E:\RODRIGO\PARTICULAR\PASTORAL DE NOIVOS\xx.xls</t>
  </si>
  <si>
    <t>09/27/2019 09:32:02</t>
  </si>
  <si>
    <t>D:\RODRIGO\PARTICULAR\TRIP´S\2017\Ny\</t>
  </si>
  <si>
    <t>roteiro-ny.xlsx</t>
  </si>
  <si>
    <t>E:\RODRIGO\PARTICULAR\TRIP´S\2017\Ny\roteiro-ny.xlsx</t>
  </si>
  <si>
    <t>09/27/2019 09:32:04</t>
  </si>
  <si>
    <t>D:\RODRIGO\PARTICULAR\TRIP´S\2017\Santiago\</t>
  </si>
  <si>
    <t>E:\RODRIGO\PARTICULAR\TRIP´S\2017\Santiago\roteiro.xlsx</t>
  </si>
  <si>
    <t>D:\RODRIGO\PARTICULAR\TRIP´S\2018\Europa-2018\</t>
  </si>
  <si>
    <t>roteiro_europa.xlsx</t>
  </si>
  <si>
    <t>E:\RODRIGO\PARTICULAR\TRIP´S\2018\Europa-2018\roteiro_europa.xlsx</t>
  </si>
  <si>
    <t>09/27/2019 09:32:08</t>
  </si>
  <si>
    <t>D:\RODRIGO\PARTICULAR\TRIP´S\2019\</t>
  </si>
  <si>
    <t>trip.xlsx</t>
  </si>
  <si>
    <t>E:\RODRIGO\PARTICULAR\TRIP´S\2019\trip.xlsx</t>
  </si>
  <si>
    <t>E:\RODRIGO\PARTICULAR\TRIP´S\2019\Argentina-Uruguai\roteiro.xlsx</t>
  </si>
  <si>
    <t>D:\RODRIGO\PARTICULAR\TRIP´S\2019\Olimpia-Barretos\</t>
  </si>
  <si>
    <t>fds.xlsx</t>
  </si>
  <si>
    <t>E:\RODRIGO\PARTICULAR\TRIP´S\2019\Olimpia-Barretos\fds.xlsx</t>
  </si>
  <si>
    <t>09/27/2019 09:33:00</t>
  </si>
  <si>
    <t>09/27/2019 09:35:15</t>
  </si>
  <si>
    <t>09/27/2019 09:32:33</t>
  </si>
  <si>
    <t>09/27/2019 09:36:14</t>
  </si>
  <si>
    <t>/o=exchangelabs/ou=exchange administrative group (fydibohf23spdlt)/cn=recipients/cn=1e212ef08dab4f26b88cba944f2ab7cb-pmo.governa;/o=exchangelabs/ou=exchange administrative group (fydibohf23spdlt)/cn=recipients/cn=590012d55fae421587844918af7bc53c-daiane mari;/o=exchangelabs/ou=exchange administrative group (fydibohf23spdlt)/cn=recipients/cn=61af722dd06149089cf1c867d796b8bc-delso estre;/o=exchangelabs/ou=exchange administrative group (fydibohf23spdlt)/cn=recipients/cn=65d35bc38c6743d7a55b3ae9726a5893-diego ribei;/o=exchangelabs/ou=exchange administrative group (fydibohf23spdlt)/cn=recipients/cn=b3ad8a638fcc4c57bf8c7953dd4b3cb8-augusto ces;/o=exchangelabs/ou=exchange administrative group (fydibohf23spdlt)/cn=recipients/cn=e46cd96e8e9e452c8cc8ba65a6c4ec57-gustavo hen;</t>
  </si>
  <si>
    <t>Custos das equipes do projeto XPERIENCE - janeiro a agosto de 2019</t>
  </si>
  <si>
    <t>Custo_Folha_Pagamento_Xperience_2019_08.xlsb</t>
  </si>
  <si>
    <t>/o=exchangelabs/ou=exchange administrative group (fydibohf23spdlt)/cn=recipients/cn=1e212ef08dab4f26b88cba944f2ab7cb-pmo.governa,/o=exchangelabs/ou=exchange administrative group (fydibohf23spdlt)/cn=recipients/cn=590012d55fae421587844918af7bc53c-daiane mari,/o=exchangelabs/ou=exchange administrative group (fydibohf23spdlt)/cn=recipients/cn=61af722dd06149089cf1c867d796b8bc-delso estre,/o=exchangelabs/ou=exchange administrative group (fydibohf23spdlt)/cn=recipients/cn=65d35bc38c6743d7a55b3ae9726a5893-diego ribei,/o=exchangelabs/ou=exchange administrative group (fydibohf23spdlt)/cn=recipients/cn=b3ad8a638fcc4c57bf8c7953dd4b3cb8-augusto ces,/o=exchangelabs/ou=exchange administrative group (fydibohf23spdlt)/cn=recipients/cn=e46cd96e8e9e452c8cc8ba65a6c4ec57-gustavo hen</t>
  </si>
  <si>
    <t>09/27/2019 09:31:58</t>
  </si>
  <si>
    <t>09/27/2019 09:37:15</t>
  </si>
  <si>
    <t>c:\users\polati\appdata\local\microsoft\windows\inetcache\content.outlook\g4um35x6\</t>
  </si>
  <si>
    <t>valores pagos passivo bradesco.xls</t>
  </si>
  <si>
    <t>09/27/2019 09:34:23</t>
  </si>
  <si>
    <t>/o=exchangelabs/ou=exchange administrative group (fydibohf23spdlt)/cn=recipients/cn=376dc21df9294b1e98e06de29a805db8-algar tech;/o=exchangelabs/ou=exchange administrative group (fydibohf23spdlt)/cn=recipients/cn=503af5e9cb5c4e399cc01f604e91dfb7-yolima bust;/o=exchangelabs/ou=exchange administrative group (fydibohf23spdlt)/cn=recipients/cn=5cdf7c02d3784fda99b7b159b2a127b2-rudney leme;/o=exchangelabs/ou=exchange administrative group (fydibohf23spdlt)/cn=recipients/cn=5d559e739a9e422da552ffdc9668775c-luiz fernan;/o=exchangelabs/ou=exchange administrative group (fydibohf23spdlt)/cn=recipients/cn=a4d4dbc88c434f8ba2bceed730d83878-marcellus r;/o=exchangelabs/ou=exchange administrative group (fydibohf23spdlt)/cn=recipients/cn=c5057601f2364b0db7ea84dbec10baa4-matheus mor;/o=exchangelabs/ou=exchange administrative group (fydibohf23spdlt)/cn=recipients/cn=carlos henrique vilarinho_db6c0fb3df;</t>
  </si>
  <si>
    <t>Prazos Médios de Faturamento/Recebimento de Clientes e Prazo Médio de Pagamento de Fornecedores</t>
  </si>
  <si>
    <t>APLICAÇÃO PMR E PMF LATAM.xlsx</t>
  </si>
  <si>
    <t>/o=exchangelabs/ou=exchange administrative group (fydibohf23spdlt)/cn=recipients/cn=376dc21df9294b1e98e06de29a805db8-algar tech,/o=exchangelabs/ou=exchange administrative group (fydibohf23spdlt)/cn=recipients/cn=503af5e9cb5c4e399cc01f604e91dfb7-yolima bust,/o=exchangelabs/ou=exchange administrative group (fydibohf23spdlt)/cn=recipients/cn=5cdf7c02d3784fda99b7b159b2a127b2-rudney leme,/o=exchangelabs/ou=exchange administrative group (fydibohf23spdlt)/cn=recipients/cn=5d559e739a9e422da552ffdc9668775c-luiz fernan,/o=exchangelabs/ou=exchange administrative group (fydibohf23spdlt)/cn=recipients/cn=a4d4dbc88c434f8ba2bceed730d83878-marcellus r,/o=exchangelabs/ou=exchange administrative group (fydibohf23spdlt)/cn=recipients/cn=c5057601f2364b0db7ea84dbec10baa4-matheus mor,/o=exchangelabs/ou=exchange administrative group (fydibohf23spdlt)/cn=recipients/cn=carlos henrique vilarinho_db6c0fb3df</t>
  </si>
  <si>
    <t>09/27/2019 09:38:52</t>
  </si>
  <si>
    <t>09/27/2019 09:42:14</t>
  </si>
  <si>
    <t>/o=exchangelabs/ou=exchange administrative group (fydibohf23spdlt)/cn=recipients/cn=168e05cabbf14ae289464a0c09955b31-sara ferrei;/o=exchangelabs/ou=exchange administrative group (fydibohf23spdlt)/cn=recipients/cn=2b69c7de1a3641269a7eed0596e1ddc2-wayner oliv;/o=exchangelabs/ou=exchange administrative group (fydibohf23spdlt)/cn=recipients/cn=54abac0a4fdc4ad1bec39bb51d85eab1-victor hugo;/o=exchangelabs/ou=exchange administrative group (fydibohf23spdlt)/cn=recipients/cn=6bc6ced03b1b4fafa41bb5c70c178940-antonio per;/o=exchangelabs/ou=exchange administrative group (fydibohf23spdlt)/cn=recipients/cn=9e20ba3b6afd447db98f75fb7bdc7037-francisco e;/o=exchangelabs/ou=exchange administrative group (fydibohf23spdlt)/cn=recipients/cn=9e7c445894a4474a86a42a5f271a0d12-viviane res;/o=exchangelabs/ou=exchange administrative group (fydibohf23spdlt)/cn=recipients/cn=b1a72fc2d0234efca84c7771ea70c7ee-roberta cri;/o=exchangelabs/ou=exchange administrative group (fydibohf23spdlt)/cn=recipients/cn=e46cd96e8e9e452c8cc8ba65a6c4ec57-gust</t>
  </si>
  <si>
    <t>ENC: Cronograma fechamento Contábil Setembro 2019 Algar Tech</t>
  </si>
  <si>
    <t>Cronograma Fechamento Grupo Tech Set-2019.xls</t>
  </si>
  <si>
    <t>/o=exchangelabs/ou=exchange administrative group (fydibohf23spdlt)/cn=recipients/cn=168e05cabbf14ae289464a0c09955b31-sara ferrei,/o=exchangelabs/ou=exchange administrative group (fydibohf23spdlt)/cn=recipients/cn=2b69c7de1a3641269a7eed0596e1ddc2-wayner oliv,/o=exchangelabs/ou=exchange administrative group (fydibohf23spdlt)/cn=recipients/cn=54abac0a4fdc4ad1bec39bb51d85eab1-victor hugo,/o=exchangelabs/ou=exchange administrative group (fydibohf23spdlt)/cn=recipients/cn=6bc6ced03b1b4fafa41bb5c70c178940-antonio per,/o=exchangelabs/ou=exchange administrative group (fydibohf23spdlt)/cn=recipients/cn=9e20ba3b6afd447db98f75fb7bdc7037-francisco e,/o=exchangelabs/ou=exchange administrative group (fydibohf23spdlt)/cn=recipients/cn=9e7c445894a4474a86a42a5f271a0d12-viviane res,/o=exchangelabs/ou=exchange administrative group (fydibohf23spdlt)/cn=recipients/cn=b1a72fc2d0234efca84c7771ea70c7ee-roberta cri,/o=exchangelabs/ou=exchange administrative group (fydibohf23spdlt)/cn=recipients/cn=e46cd96e8e9e452c8cc8ba65a6c4ec57-gust</t>
  </si>
  <si>
    <t>09/27/2019 09:40:20</t>
  </si>
  <si>
    <t>/o=exchangelabs/ou=exchange administrative group (fydibohf23spdlt)/cn=recipients/cn=b5c0603bea2f4c9aa87e620fde1cc281-copiadora;</t>
  </si>
  <si>
    <t>ENC: PIF - GFC10 - SIMPLES - ISBE - Uberlandia - MG_vFINAL</t>
  </si>
  <si>
    <t>PIF - GFC10 - SIMPLES - ISBE - Uberlandia - MG_vFINAL.docx\</t>
  </si>
  <si>
    <t>/o=exchangelabs/ou=exchange administrative group (fydibohf23spdlt)/cn=recipients/cn=b5c0603bea2f4c9aa87e620fde1cc281-copiadora</t>
  </si>
  <si>
    <t>09/27/2019 09:38:54</t>
  </si>
  <si>
    <t>09/27/2019 09:43:14</t>
  </si>
  <si>
    <t>/o=exchangelabs/ou=exchange administrative group (fydibohf23spdlt)/cn=recipients/cn=7903c13fa0504ff0bc7dd2644020b0e8-mirna prado;</t>
  </si>
  <si>
    <t>ENC: Mailing URA Ativa MP</t>
  </si>
  <si>
    <t>URA_20190926.xls</t>
  </si>
  <si>
    <t>/o=exchangelabs/ou=exchange administrative group (fydibohf23spdlt)/cn=recipients/cn=7903c13fa0504ff0bc7dd2644020b0e8-mirna prado</t>
  </si>
  <si>
    <t>09/27/2019 09:42:22</t>
  </si>
  <si>
    <t>09/27/2019 09:44:14</t>
  </si>
  <si>
    <t>09/27/2019 09:43:16</t>
  </si>
  <si>
    <t>09/27/2019 09:43:42</t>
  </si>
  <si>
    <t>C:\Users\lucianafaa\OneDrive - Grupo Algar\2019\PROJETOS\REAJUSTE DE CONTRATO\PLANILHA REAJUSTES\STATUS REPORT\PMO\SETEMBRO\outubro\</t>
  </si>
  <si>
    <t>09/27/2019 09:31:36</t>
  </si>
  <si>
    <t>09/27/2019 09:45:14</t>
  </si>
  <si>
    <t>/o=exchangelabs/ou=exchange administrative group (fydibohf23spdlt)/cn=recipients/cn=9e72be441e9e4b08a759859a5b3a336a-daniela de;/o=exchangelabs/ou=exchange administrative group (fydibohf23spdlt)/cn=recipients/cn=a72a765de829420582b78941417073ac-karina rodr;/o=exchangelabs/ou=exchange administrative group (fydibohf23spdlt)/cn=recipients/cn=c32cee7d339f4e7fab5beda7be171cc0-priscila ca;/o=exchangelabs/ou=exchange administrative group (fydibohf23spdlt)/cn=recipients/cn=f45617401bdf436baf70c45766699413-frederico b;alessandrar@algartech.com;cintian@algartech.com;cristinahs@algartech.com;jullian.faria@algartech.com;leandrolds@algartech.com;luiz.mendes@algartech.com;marcotb@algartech.com;taysdss@algartech.com;</t>
  </si>
  <si>
    <t>RES: Acompanhamento semanal Customer Success - GRC</t>
  </si>
  <si>
    <t>/o=exchangelabs/ou=exchange administrative group (fydibohf23spdlt)/cn=recipients/cn=9e72be441e9e4b08a759859a5b3a336a-daniela de,/o=exchangelabs/ou=exchange administrative group (fydibohf23spdlt)/cn=recipients/cn=a72a765de829420582b78941417073ac-karina rodr,/o=exchangelabs/ou=exchange administrative group (fydibohf23spdlt)/cn=recipients/cn=c32cee7d339f4e7fab5beda7be171cc0-priscila ca,/o=exchangelabs/ou=exchange administrative group (fydibohf23spdlt)/cn=recipients/cn=f45617401bdf436baf70c45766699413-frederico b,alessandrar@algartech.com,cintian@algartech.com,cristinahs@algartech.com,jullian.faria@algartech.com,leandrolds@algartech.com,luiz.mendes@algartech.com,marcotb@algartech.com,taysdss@algartech.com</t>
  </si>
  <si>
    <t>09/27/2019 09:42:39</t>
  </si>
  <si>
    <t>09/27/2019 09:46:14</t>
  </si>
  <si>
    <t>ENC: REVISÃO TARGET -PR207401 2019 - IBM 8719116877 - Field VLI - Quotation Number 8719116877</t>
  </si>
  <si>
    <t>207401_IBM_VLI_Field_v3_(C017_B017).xlsb</t>
  </si>
  <si>
    <t>09/27/2019 09:51:17</t>
  </si>
  <si>
    <t>09/27/2019 09:52:14</t>
  </si>
  <si>
    <t>09/27/2019 09:54:01</t>
  </si>
  <si>
    <t>09/27/2019 09:55:14</t>
  </si>
  <si>
    <t>Contratos - falta Bradesco</t>
  </si>
  <si>
    <t>Int_Sd_Algartech (11).xlsx</t>
  </si>
  <si>
    <t>09/27/2019 09:52:30</t>
  </si>
  <si>
    <t>09/27/2019 09:56:15</t>
  </si>
  <si>
    <t>Custos das equipes do projeto PRECIFICACAO - Agosto de 2019</t>
  </si>
  <si>
    <t>Custo_Folha_Pagamento_PRECIFICACAO_2019.xlsb</t>
  </si>
  <si>
    <t>09/27/2019 09:55:30</t>
  </si>
  <si>
    <t>09/27/2019 09:58:15</t>
  </si>
  <si>
    <t>10.200.110.35</t>
  </si>
  <si>
    <t>Padrao Solicitacao Receitamento SG Telecom - Intercompany TCO TLE intern. 27.09.xlsm</t>
  </si>
  <si>
    <t>09/27/2019 10:00:23</t>
  </si>
  <si>
    <t>09/27/2019 10:01:14</t>
  </si>
  <si>
    <t>09 - PA DIGITAL COMPRA CERT1.xlsx</t>
  </si>
  <si>
    <t>09/27/2019 10:02:31</t>
  </si>
  <si>
    <t>09/27/2019 10:05:14</t>
  </si>
  <si>
    <t>Holding - Comissão de Integridade - 26092019 - Sumário Executivo Ouvidoria (1).pptx\</t>
  </si>
  <si>
    <t>09/27/2019 10:09:20</t>
  </si>
  <si>
    <t>09/27/2019 10:11:14</t>
  </si>
  <si>
    <t>Custos das equipes do projeto WHIRLPOOL - Agosto de 2019</t>
  </si>
  <si>
    <t>Custo_Folha_Pagamento_WHIRLPOOL_2019_08 - AGOSTO.xlsb</t>
  </si>
  <si>
    <t>09/27/2019 10:14:29</t>
  </si>
  <si>
    <t>09/27/2019 10:15:14</t>
  </si>
  <si>
    <t>VF Precificacao C017 B017 GRC - Continuação Job - 12 meses - EBIT 135% (NOVO).xlsb</t>
  </si>
  <si>
    <t>09/27/2019 10:11:52</t>
  </si>
  <si>
    <t>09/27/2019 10:13:09</t>
  </si>
  <si>
    <t>09/27/2019 10:16:15</t>
  </si>
  <si>
    <t>09/27/2019 10:16:39</t>
  </si>
  <si>
    <t>09/27/2019 10:17:14</t>
  </si>
  <si>
    <t>/o=exchangelabs/ou=exchange administrative group (fydibohf23spdlt)/cn=recipients/cn=453b61456320491dad510b65b310018f-kelen crist;/o=exchangelabs/ou=exchange administrative group (fydibohf23spdlt)/cn=recipients/cn=75cdb831ed9b44aca8d8bbc1f13d5a1d-rafaela sam;/o=exchangelabs/ou=exchange administrative group (fydibohf23spdlt)/cn=recipients/cn=a452776c1b39477c8b59d497dfc8890e-graziella r;/o=exchangelabs/ou=exchange administrative group (fydibohf23spdlt)/cn=recipients/cn=a78f7dae304e472e9f75bd537683f6e5-hugo de oli;/o=exchangelabs/ou=exchange administrative group (fydibohf23spdlt)/cn=recipients/cn=b3f9afcbd2dd4282aa0db85ea5088e45-thiago kewl;daniel.cabeceira@bradesco.com.br;rafael.oliveira@next.b.br;</t>
  </si>
  <si>
    <t>RES: bases Avon</t>
  </si>
  <si>
    <t>Analise Base Ativos - Funil Avon.xlsx</t>
  </si>
  <si>
    <t>/o=exchangelabs/ou=exchange administrative group (fydibohf23spdlt)/cn=recipients/cn=453b61456320491dad510b65b310018f-kelen crist,/o=exchangelabs/ou=exchange administrative group (fydibohf23spdlt)/cn=recipients/cn=75cdb831ed9b44aca8d8bbc1f13d5a1d-rafaela sam,/o=exchangelabs/ou=exchange administrative group (fydibohf23spdlt)/cn=recipients/cn=a452776c1b39477c8b59d497dfc8890e-graziella r,/o=exchangelabs/ou=exchange administrative group (fydibohf23spdlt)/cn=recipients/cn=a78f7dae304e472e9f75bd537683f6e5-hugo de oli,/o=exchangelabs/ou=exchange administrative group (fydibohf23spdlt)/cn=recipients/cn=b3f9afcbd2dd4282aa0db85ea5088e45-thiago kewl,daniel.cabeceira@bradesco.com.br,rafael.oliveira@next.b.br</t>
  </si>
  <si>
    <t>09/27/2019 10:18:37</t>
  </si>
  <si>
    <t>09/27/2019 10:20:14</t>
  </si>
  <si>
    <t>0ANALYSIS_PATTERN (78).csv</t>
  </si>
  <si>
    <t>09/27/2019 10:18:44</t>
  </si>
  <si>
    <t>09/27/2019 10:19:11</t>
  </si>
  <si>
    <t>09/27/2019 10:23:18</t>
  </si>
  <si>
    <t>09/27/2019 10:25:14</t>
  </si>
  <si>
    <t>/o=exchangelabs/ou=exchange administrative group (fydibohf23spdlt)/cn=recipients/cn=2d3379e2d04c40db810b4b1f41dd2aea-erica carol;/o=exchangelabs/ou=exchange administrative group (fydibohf23spdlt)/cn=recipients/cn=503af5e9cb5c4e399cc01f604e91dfb7-yolima bust;/o=exchangelabs/ou=exchange administrative group (fydibohf23spdlt)/cn=recipients/cn=5d559e739a9e422da552ffdc9668775c-luiz fernan;</t>
  </si>
  <si>
    <t>RES: Prazos Médios de Faturamento/Recebimento de Clientes e Prazo Médio de Pagamento de Fornecedores</t>
  </si>
  <si>
    <t>/o=exchangelabs/ou=exchange administrative group (fydibohf23spdlt)/cn=recipients/cn=2d3379e2d04c40db810b4b1f41dd2aea-erica carol,/o=exchangelabs/ou=exchange administrative group (fydibohf23spdlt)/cn=recipients/cn=503af5e9cb5c4e399cc01f604e91dfb7-yolima bust,/o=exchangelabs/ou=exchange administrative group (fydibohf23spdlt)/cn=recipients/cn=5d559e739a9e422da552ffdc9668775c-luiz fernan</t>
  </si>
  <si>
    <t>09/27/2019 10:26:17</t>
  </si>
  <si>
    <t>09/27/2019 10:28:15</t>
  </si>
  <si>
    <t>/o=exchangelabs/ou=exchange administrative group (fydibohf23spdlt)/cn=recipients/cn=2946605dcf554cb389220dec598b84fa-adriano mon;/o=exchangelabs/ou=exchange administrative group (fydibohf23spdlt)/cn=recipients/cn=9932c4aaf3fc41ea840766c299f76e8d-andrea lace;/o=exchangelabs/ou=exchange administrative group (fydibohf23spdlt)/cn=recipients/cn=a409b42503b64cfd826533a2853532a9-weberson al;/o=exchangelabs/ou=exchange administrative group (fydibohf23spdlt)/cn=recipients/cn=a78f7dae304e472e9f75bd537683f6e5-hugo de oli;/o=exchangelabs/ou=exchange administrative group (fydibohf23spdlt)/cn=recipients/cn=db90dbcc571e4592b95f83004215799e-eduardo san;/o=exchangelabs/ou=exchange administrative group (fydibohf23spdlt)/cn=recipients/cn=f686c6cfcd464225892fe608e52efbcf-bruno apare;</t>
  </si>
  <si>
    <t>RES: [BRADESCO][FRAUDE] Alerta Digital - Estudo novos volumes EVM</t>
  </si>
  <si>
    <t>CAPACITY.xlsx</t>
  </si>
  <si>
    <t>/o=exchangelabs/ou=exchange administrative group (fydibohf23spdlt)/cn=recipients/cn=2946605dcf554cb389220dec598b84fa-adriano mon,/o=exchangelabs/ou=exchange administrative group (fydibohf23spdlt)/cn=recipients/cn=9932c4aaf3fc41ea840766c299f76e8d-andrea lace,/o=exchangelabs/ou=exchange administrative group (fydibohf23spdlt)/cn=recipients/cn=a409b42503b64cfd826533a2853532a9-weberson al,/o=exchangelabs/ou=exchange administrative group (fydibohf23spdlt)/cn=recipients/cn=a78f7dae304e472e9f75bd537683f6e5-hugo de oli,/o=exchangelabs/ou=exchange administrative group (fydibohf23spdlt)/cn=recipients/cn=db90dbcc571e4592b95f83004215799e-eduardo san,/o=exchangelabs/ou=exchange administrative group (fydibohf23spdlt)/cn=recipients/cn=f686c6cfcd464225892fe608e52efbcf-bruno apare</t>
  </si>
  <si>
    <t>09/27/2019 10:25:34</t>
  </si>
  <si>
    <t>09/27/2019 10:30:15</t>
  </si>
  <si>
    <t>/o=exchangelabs/ou=exchange administrative group (fydibohf23spdlt)/cn=recipients/cn=57b3e0724b2344fcbd88f738d223dd7a-leticia bor;/o=exchangelabs/ou=exchange administrative group (fydibohf23spdlt)/cn=recipients/cn=c5057601f2364b0db7ea84dbec10baa4-matheus mor;</t>
  </si>
  <si>
    <t>ENC: Prazos Médios de Faturamento/Recebimento de Clientes e Prazo Médio de Pagamento de Fornecedores</t>
  </si>
  <si>
    <t>/o=exchangelabs/ou=exchange administrative group (fydibohf23spdlt)/cn=recipients/cn=57b3e0724b2344fcbd88f738d223dd7a-leticia bor,/o=exchangelabs/ou=exchange administrative group (fydibohf23spdlt)/cn=recipients/cn=c5057601f2364b0db7ea84dbec10baa4-matheus mor</t>
  </si>
  <si>
    <t>09/27/2019 10:31:04</t>
  </si>
  <si>
    <t>09/27/2019 10:32:15</t>
  </si>
  <si>
    <t>09/27/2019 10:29:35</t>
  </si>
  <si>
    <t>Metas 2019 - v2.xlsx</t>
  </si>
  <si>
    <t>09/27/2019 10:31:23</t>
  </si>
  <si>
    <t>09/27/2019 10:33:16</t>
  </si>
  <si>
    <t>/o=exchangelabs/ou=exchange administrative group (fydibohf23spdlt)/cn=recipients/cn=089963f5f37f427c8a85f88a8c15a3bf-ricardo def;/o=exchangelabs/ou=exchange administrative group (fydibohf23spdlt)/cn=recipients/cn=2504d5028b6b4fb89d14a5df6031358d-jane carla;/o=exchangelabs/ou=exchange administrative group (fydibohf23spdlt)/cn=recipients/cn=49457acaa5584c6d8daec8f0ad186be2-carlos maur;/o=exchangelabs/ou=exchange administrative group (fydibohf23spdlt)/cn=recipients/cn=55f846c335d7437f892f0b0d49c89e92-celma ribei;/o=exchangelabs/ou=exchange administrative group (fydibohf23spdlt)/cn=recipients/cn=8c253c95243a40aa99c9416b7eb70a2a-julio cesar;/o=exchangelabs/ou=exchange administrative group (fydibohf23spdlt)/cn=recipients/cn=a111820ea97a440c83191c55259f676f-marcelo rod;/o=exchangelabs/ou=exchange administrative group (fydibohf23spdlt)/cn=recipients/cn=carlos henrique vilarinho_db6c0fb3df;/o=exchangelabs/ou=exchange administrative group (fydibohf23spdlt)/cn=recipients/cn=egidio carlos roveda mendonca;/o=exchangelabs/</t>
  </si>
  <si>
    <t>RES: Meta 2020</t>
  </si>
  <si>
    <t>Meta Indiretos 2020_revisado.xlsx</t>
  </si>
  <si>
    <t>/o=exchangelabs/ou=exchange administrative group (fydibohf23spdlt)/cn=recipients/cn=089963f5f37f427c8a85f88a8c15a3bf-ricardo def,/o=exchangelabs/ou=exchange administrative group (fydibohf23spdlt)/cn=recipients/cn=2504d5028b6b4fb89d14a5df6031358d-jane carla,/o=exchangelabs/ou=exchange administrative group (fydibohf23spdlt)/cn=recipients/cn=49457acaa5584c6d8daec8f0ad186be2-carlos maur,/o=exchangelabs/ou=exchange administrative group (fydibohf23spdlt)/cn=recipients/cn=55f846c335d7437f892f0b0d49c89e92-celma ribei,/o=exchangelabs/ou=exchange administrative group (fydibohf23spdlt)/cn=recipients/cn=8c253c95243a40aa99c9416b7eb70a2a-julio cesar,/o=exchangelabs/ou=exchange administrative group (fydibohf23spdlt)/cn=recipients/cn=a111820ea97a440c83191c55259f676f-marcelo rod,/o=exchangelabs/ou=exchange administrative group (fydibohf23spdlt)/cn=recipients/cn=carlos henrique vilarinho_db6c0fb3df,/o=exchangelabs/ou=exchange administrative group (fydibohf23spdlt)/cn=recipients/cn=egidio carlos roveda mendonca,/o=exchangelabs/</t>
  </si>
  <si>
    <t>09/27/2019 10:29:47</t>
  </si>
  <si>
    <t>mail.google.com/_/upload?authuser=0&amp;dcp=asu-n&amp;upload_id=AEnB2UrScMkc4N6UQ37nP4Lpdr9snUC8T07RloOmely4yzDykk_GkswTWJ3YuAI2DXiGrfMNTkh9UqNbo9-_n1-VfA4JttabayTsqMrxh2ePQ7bc7CLp2Xw&amp;upload_protocol=resumable</t>
  </si>
  <si>
    <t>Extract 2709.xlsx</t>
  </si>
  <si>
    <t>09/27/2019 10:31:51</t>
  </si>
  <si>
    <t>09/27/2019 10:34:15</t>
  </si>
  <si>
    <t>/o=exchangelabs/ou=exchange administrative group (fydibohf23spdlt)/cn=recipients/cn=5af2cae509964078b2026f7f550380b0-andre luis;/o=exchangelabs/ou=exchange administrative group (fydibohf23spdlt)/cn=recipients/cn=9b52022a6e624c30a92f50cf4538a4bf-talmaia rod;eliane.martins@bv.com.br;renata.veiga@bv.com.br;</t>
  </si>
  <si>
    <t>RES: Planilha Melhoria Continua BV</t>
  </si>
  <si>
    <t>RES Follow-up Erros Operacionais.msg\s1\</t>
  </si>
  <si>
    <t>Ações x Erros Operacionais.xlsx</t>
  </si>
  <si>
    <t>/o=exchangelabs/ou=exchange administrative group (fydibohf23spdlt)/cn=recipients/cn=5af2cae509964078b2026f7f550380b0-andre luis,/o=exchangelabs/ou=exchange administrative group (fydibohf23spdlt)/cn=recipients/cn=9b52022a6e624c30a92f50cf4538a4bf-talmaia rod,eliane.martins@bv.com.br,renata.veiga@bv.com.br</t>
  </si>
  <si>
    <t>09/27/2019 10:34:12</t>
  </si>
  <si>
    <t>09/27/2019 10:37:16</t>
  </si>
  <si>
    <t>09/27/2019 10:41:46</t>
  </si>
  <si>
    <t>09/27/2019 10:42:15</t>
  </si>
  <si>
    <t>Lote 2 FAT B setembro.xlsx</t>
  </si>
  <si>
    <t>09/27/2019 10:40:29</t>
  </si>
  <si>
    <t>09/27/2019 10:43:16</t>
  </si>
  <si>
    <t>09/27/2019 10:45:13</t>
  </si>
  <si>
    <t>09/27/2019 10:46:15</t>
  </si>
  <si>
    <t>C:\Users\marcospr\OneDrive - Grupo Algar\Corporativo\01 - Projetos - Business Inteligence\Whirlpool - Nova Operação\Auditoria de Vendas - EcoHouse\</t>
  </si>
  <si>
    <t>Cálculadora de Estimativa - Qlikview.xlsx</t>
  </si>
  <si>
    <t>09/27/2019 10:45:18</t>
  </si>
  <si>
    <t>09/27/2019 10:49:15</t>
  </si>
  <si>
    <t>Disparo_27.09.csv</t>
  </si>
  <si>
    <t>09/27/2019 10:47:58</t>
  </si>
  <si>
    <t>09/27/2019 10:51:15</t>
  </si>
  <si>
    <t>/o=exchangelabs/ou=exchange administrative group (fydibohf23spdlt)/cn=recipients/cn=7aaed863e0734538bc010e61e9020ad3-aline silve;/o=exchangelabs/ou=exchange administrative group (fydibohf23spdlt)/cn=recipients/cn=9932c4aaf3fc41ea840766c299f76e8d-andrea lace;/o=exchangelabs/ou=exchange administrative group (fydibohf23spdlt)/cn=recipients/cn=ca1f2dadbd0542a8ad075275acf52ff3-rondinele s;</t>
  </si>
  <si>
    <t>Report_Programação de férias 2609 - Marco A..xlsx</t>
  </si>
  <si>
    <t>/o=exchangelabs/ou=exchange administrative group (fydibohf23spdlt)/cn=recipients/cn=7aaed863e0734538bc010e61e9020ad3-aline silve,/o=exchangelabs/ou=exchange administrative group (fydibohf23spdlt)/cn=recipients/cn=9932c4aaf3fc41ea840766c299f76e8d-andrea lace,/o=exchangelabs/ou=exchange administrative group (fydibohf23spdlt)/cn=recipients/cn=ca1f2dadbd0542a8ad075275acf52ff3-rondinele s</t>
  </si>
  <si>
    <t>09/27/2019 10:50:09</t>
  </si>
  <si>
    <t>09/27/2019 10:52:15</t>
  </si>
  <si>
    <t>/o=exchangelabs/ou=exchange administrative group (fydibohf23spdlt)/cn=recipients/cn=2d3379e2d04c40db810b4b1f41dd2aea-erica carol;/o=exchangelabs/ou=exchange administrative group (fydibohf23spdlt)/cn=recipients/cn=57b3e0724b2344fcbd88f738d223dd7a-leticia bor;/o=exchangelabs/ou=exchange administrative group (fydibohf23spdlt)/cn=recipients/cn=9e20ba3b6afd447db98f75fb7bdc7037-francisco e;/o=exchangelabs/ou=exchange administrative group (fydibohf23spdlt)/cn=recipients/cn=e8a8131dc3334dc38d81db3d2a41a3fe-denise viei;</t>
  </si>
  <si>
    <t>/o=exchangelabs/ou=exchange administrative group (fydibohf23spdlt)/cn=recipients/cn=2d3379e2d04c40db810b4b1f41dd2aea-erica carol,/o=exchangelabs/ou=exchange administrative group (fydibohf23spdlt)/cn=recipients/cn=57b3e0724b2344fcbd88f738d223dd7a-leticia bor,/o=exchangelabs/ou=exchange administrative group (fydibohf23spdlt)/cn=recipients/cn=9e20ba3b6afd447db98f75fb7bdc7037-francisco e,/o=exchangelabs/ou=exchange administrative group (fydibohf23spdlt)/cn=recipients/cn=e8a8131dc3334dc38d81db3d2a41a3fe-denise viei</t>
  </si>
  <si>
    <t>09/27/2019 10:46:09</t>
  </si>
  <si>
    <t>09/27/2019 10:53:15</t>
  </si>
  <si>
    <t>cynthiaf@tripag.com.br;</t>
  </si>
  <si>
    <t>RES: Orientação - OS 27039 - Ticket 10500360</t>
  </si>
  <si>
    <t>Formulário de cadastro VBA Excel automático (Recuperado).xlsm</t>
  </si>
  <si>
    <t>cynthiaf@tripag.com.br</t>
  </si>
  <si>
    <t>09/27/2019 10:50:43</t>
  </si>
  <si>
    <t>09/27/2019 10:54:15</t>
  </si>
  <si>
    <t>09/27/2019 10:53:58</t>
  </si>
  <si>
    <t>09/27/2019 10:58:15</t>
  </si>
  <si>
    <t>RES: Lote 2 FAT B setembro.xlsx</t>
  </si>
  <si>
    <t>Cópia de Lote 2 FAT B setembro.xlsx</t>
  </si>
  <si>
    <t>09/27/2019 10:55:08</t>
  </si>
  <si>
    <t>09/27/2019 10:59:15</t>
  </si>
  <si>
    <t>ENC: Algar - Projetos de Venda de Ativos Superbid - Vendas de Cabos</t>
  </si>
  <si>
    <t>Planilha_Input_Lista de Ativos_2019_v2 (2).xlsx</t>
  </si>
  <si>
    <t>09/27/2019 10:58:56</t>
  </si>
  <si>
    <t>ENC: Provisão Set/19</t>
  </si>
  <si>
    <t>Provisão Setembro.xlsx</t>
  </si>
  <si>
    <t>09/27/2019 10:58:43</t>
  </si>
  <si>
    <t>09/27/2019 11:02:15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75cdb831ed9b44aca8d8bbc1f13d5a1d-rafaela sam;/o=exchangelabs/ou=exchange administrative group (fydibohf23spdlt)/cn=recipients/cn=a452776c1b39477c8b59d497dfc8890e-graziella r;/o=exchangelabs/ou=exchange administrative group (fydibohf23spdlt)/cn=recipients/cn=a78f7dae304e472e9f75bd537683f6e5-hugo de oli;/o=exchangelabs/ou=exchange administrative group (fydibohf23spdlt)/cn=recipients/cn=b3f9afcbd2dd4282aa0db85ea5088e45-thiago kewl;/o=exchangelabs/ou=exchange administrative group (fydibohf23spdlt)/cn=recipients/cn=d1f87cddb1f045f0b9cae505d0a2ab94-nayane pere;/o=exchangelabs/ou=exchange administrative group (fydibohf23spdlt)/cn=recipients/cn=e4dbda4121b54299b4a719c6aa694894-alga</t>
  </si>
  <si>
    <t>Arquivo de retorno Reenvio - Algar- Setembro/19 27.09</t>
  </si>
  <si>
    <t>Arquivo de retorno - Reenvio - 27.09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75cdb831ed9b44aca8d8bbc1f13d5a1d-rafaela sam,/o=exchangelabs/ou=exchange administrative group (fydibohf23spdlt)/cn=recipients/cn=a452776c1b39477c8b59d497dfc8890e-graziella r,/o=exchangelabs/ou=exchange administrative group (fydibohf23spdlt)/cn=recipients/cn=a78f7dae304e472e9f75bd537683f6e5-hugo de oli,/o=exchangelabs/ou=exchange administrative group (fydibohf23spdlt)/cn=recipients/cn=b3f9afcbd2dd4282aa0db85ea5088e45-thiago kewl,/o=exchangelabs/ou=exchange administrative group (fydibohf23spdlt)/cn=recipients/cn=d1f87cddb1f045f0b9cae505d0a2ab94-nayane pere,/o=exchangelabs/ou=exchange administrative group (fydibohf23spdlt)/cn=recipients/cn=e4dbda4121b54299b4a719c6aa694894-alga</t>
  </si>
  <si>
    <t>09/27/2019 11:00:31</t>
  </si>
  <si>
    <t>09/27/2019 11:03:15</t>
  </si>
  <si>
    <t>/o=exchangelabs/ou=exchange administrative group (fydibohf23spdlt)/cn=recipients/cn=1d548783c10f4c62bcdf5de7a0f55a3e-lucas marqu;/o=exchangelabs/ou=exchange administrative group (fydibohf23spdlt)/cn=recipients/cn=2504d5028b6b4fb89d14a5df6031358d-jane carla;/o=exchangelabs/ou=exchange administrative group (fydibohf23spdlt)/cn=recipients/cn=3b76b3dd02a14d289cc323d3c8d12b81-waleska mar;/o=exchangelabs/ou=exchange administrative group (fydibohf23spdlt)/cn=recipients/cn=55f846c335d7437f892f0b0d49c89e92-celma ribei;/o=exchangelabs/ou=exchange administrative group (fydibohf23spdlt)/cn=recipients/cn=9c71bc5f5a3648bbbb5f6bedb86e15a6-marcelo buz;/o=exchangelabs/ou=exchange administrative group (fydibohf23spdlt)/cn=recipients/cn=d0093b7063a942388b31a7ba794f9061-dener benic;/o=exchangelabs/ou=exchange administrative group (fydibohf23spdlt)/cn=recipients/cn=f7a4290a46314a3cbb0d392508a7b5c5-luciana sil;/o=exchangelabs/ou=exchange administrative group (fydibohf23spdlt)/cn=recipients/cn=user3949317b;/o=exchangelabs/ou=exchan</t>
  </si>
  <si>
    <t>ENC: Meta 2020</t>
  </si>
  <si>
    <t>/o=exchangelabs/ou=exchange administrative group (fydibohf23spdlt)/cn=recipients/cn=1d548783c10f4c62bcdf5de7a0f55a3e-lucas marqu,/o=exchangelabs/ou=exchange administrative group (fydibohf23spdlt)/cn=recipients/cn=2504d5028b6b4fb89d14a5df6031358d-jane carla,/o=exchangelabs/ou=exchange administrative group (fydibohf23spdlt)/cn=recipients/cn=3b76b3dd02a14d289cc323d3c8d12b81-waleska mar,/o=exchangelabs/ou=exchange administrative group (fydibohf23spdlt)/cn=recipients/cn=55f846c335d7437f892f0b0d49c89e92-celma ribei,/o=exchangelabs/ou=exchange administrative group (fydibohf23spdlt)/cn=recipients/cn=9c71bc5f5a3648bbbb5f6bedb86e15a6-marcelo buz,/o=exchangelabs/ou=exchange administrative group (fydibohf23spdlt)/cn=recipients/cn=d0093b7063a942388b31a7ba794f9061-dener benic,/o=exchangelabs/ou=exchange administrative group (fydibohf23spdlt)/cn=recipients/cn=f7a4290a46314a3cbb0d392508a7b5c5-luciana sil,/o=exchangelabs/ou=exchange administrative group (fydibohf23spdlt)/cn=recipients/cn=user3949317b,/o=exchangelabs/ou=exchan</t>
  </si>
  <si>
    <t>09/27/2019 11:01:30</t>
  </si>
  <si>
    <t>09/27/2019 11:03:03</t>
  </si>
  <si>
    <t>09/27/2019 11:06:16</t>
  </si>
  <si>
    <t>/o=exchangelabs/ou=exchange administrative group (fydibohf23spdlt)/cn=recipients/cn=34a28d636a1b4c86b1ec79baed4b846a-marco anton;/o=exchangelabs/ou=exchange administrative group (fydibohf23spdlt)/cn=recipients/cn=8c89829ad534498fa4c85b5ac11174f1-suelen more;/o=exchangelabs/ou=exchange administrative group (fydibohf23spdlt)/cn=recipients/cn=userdc05fc7c;</t>
  </si>
  <si>
    <t>/o=exchangelabs/ou=exchange administrative group (fydibohf23spdlt)/cn=recipients/cn=34a28d636a1b4c86b1ec79baed4b846a-marco anton,/o=exchangelabs/ou=exchange administrative group (fydibohf23spdlt)/cn=recipients/cn=8c89829ad534498fa4c85b5ac11174f1-suelen more,/o=exchangelabs/ou=exchange administrative group (fydibohf23spdlt)/cn=recipients/cn=userdc05fc7c</t>
  </si>
  <si>
    <t>09/27/2019 11:03:32</t>
  </si>
  <si>
    <t>09/27/2019 11:08:15</t>
  </si>
  <si>
    <t>/o=exchangelabs/ou=exchange administrative group (fydibohf23spdlt)/cn=recipients/cn=3c7d42ed9f564e2f8855085002941e81-aline soare;</t>
  </si>
  <si>
    <t>ENC: monitorias Ilha de Especialista- GRAVE- ERRATA</t>
  </si>
  <si>
    <t>Monitorias Ilha Especialista.xlsx</t>
  </si>
  <si>
    <t>/o=exchangelabs/ou=exchange administrative group (fydibohf23spdlt)/cn=recipients/cn=3c7d42ed9f564e2f8855085002941e81-aline soare</t>
  </si>
  <si>
    <t>09/27/2019 11:09:27</t>
  </si>
  <si>
    <t>09/27/2019 11:10:15</t>
  </si>
  <si>
    <t>09/27/2019 11:10:02</t>
  </si>
  <si>
    <t>09/27/2019 11:14:15</t>
  </si>
  <si>
    <t>5 stars 27.09.csv</t>
  </si>
  <si>
    <t>09/27/2019 11:14:53</t>
  </si>
  <si>
    <t>09/27/2019 11:16:15</t>
  </si>
  <si>
    <t>\\acsfs\DEPTOS\Operacao\PCP\5 - Comum\HIGOR BARCELOS\00 - YOUSE\100 - OUTROS\ENVIOS\</t>
  </si>
  <si>
    <t>CENARIO-QLIK-CMS.xlsx</t>
  </si>
  <si>
    <t>09/27/2019 11:18:15</t>
  </si>
  <si>
    <t>09/27/2019 11:16:04</t>
  </si>
  <si>
    <t>Bases Ativos Consolidados - Setembro.xlsx</t>
  </si>
  <si>
    <t>09/27/2019 11:13:25</t>
  </si>
  <si>
    <t>09/27/2019 11:19:16</t>
  </si>
  <si>
    <t>Proposta Tabela de remuneração Blending - Ativo + Receptivo.</t>
  </si>
  <si>
    <t>Proposta Tabela de remuneração Blending - Ativo + Receptivo.xlsx</t>
  </si>
  <si>
    <t>09/27/2019 11:17:57</t>
  </si>
  <si>
    <t>09/27/2019 11:20:15</t>
  </si>
  <si>
    <t>Victor Santos Mendes</t>
  </si>
  <si>
    <t>diogo@quilleconsultoria.com.br;</t>
  </si>
  <si>
    <t>Relatórios Next - Top Performance</t>
  </si>
  <si>
    <t>Outros - Promoção Supervisores.xls</t>
  </si>
  <si>
    <t>diogo@quilleconsultoria.com.br</t>
  </si>
  <si>
    <t>09/27/2019 11:22:46</t>
  </si>
  <si>
    <t>09/27/2019 11:24:16</t>
  </si>
  <si>
    <t>/o=exchangelabs/ou=exchange administrative group (fydibohf23spdlt)/cn=recipients/cn=2504d5028b6b4fb89d14a5df6031358d-jane carla;/o=exchangelabs/ou=exchange administrative group (fydibohf23spdlt)/cn=recipients/cn=2b69c7de1a3641269a7eed0596e1ddc2-wayner oliv;/o=exchangelabs/ou=exchange administrative group (fydibohf23spdlt)/cn=recipients/cn=2d3379e2d04c40db810b4b1f41dd2aea-erica carol;/o=exchangelabs/ou=exchange administrative group (fydibohf23spdlt)/cn=recipients/cn=54abac0a4fdc4ad1bec39bb51d85eab1-victor hugo;/o=exchangelabs/ou=exchange administrative group (fydibohf23spdlt)/cn=recipients/cn=55f846c335d7437f892f0b0d49c89e92-celma ribei;/o=exchangelabs/ou=exchange administrative group (fydibohf23spdlt)/cn=recipients/cn=6bc6ced03b1b4fafa41bb5c70c178940-antonio per;</t>
  </si>
  <si>
    <t>RES: Programação das Agendas</t>
  </si>
  <si>
    <t>/o=exchangelabs/ou=exchange administrative group (fydibohf23spdlt)/cn=recipients/cn=2504d5028b6b4fb89d14a5df6031358d-jane carla,/o=exchangelabs/ou=exchange administrative group (fydibohf23spdlt)/cn=recipients/cn=2b69c7de1a3641269a7eed0596e1ddc2-wayner oliv,/o=exchangelabs/ou=exchange administrative group (fydibohf23spdlt)/cn=recipients/cn=2d3379e2d04c40db810b4b1f41dd2aea-erica carol,/o=exchangelabs/ou=exchange administrative group (fydibohf23spdlt)/cn=recipients/cn=54abac0a4fdc4ad1bec39bb51d85eab1-victor hugo,/o=exchangelabs/ou=exchange administrative group (fydibohf23spdlt)/cn=recipients/cn=55f846c335d7437f892f0b0d49c89e92-celma ribei,/o=exchangelabs/ou=exchange administrative group (fydibohf23spdlt)/cn=recipients/cn=6bc6ced03b1b4fafa41bb5c70c178940-antonio per</t>
  </si>
  <si>
    <t>09/27/2019 11:25:04</t>
  </si>
  <si>
    <t>09/27/2019 11:26:16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4f704fadae79458ea8debd9007b3354c-marilton ma;/o=exchangelabs/ou=exchange administrative group (fydibohf23spdlt)/cn=recipients/cn=88e4fcbd3ea14730a81286cc0683fb42-manoel eloy;</t>
  </si>
  <si>
    <t>RES: Base Categorizador - Set/19</t>
  </si>
  <si>
    <t>BackUp 20190927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4f704fadae79458ea8debd9007b3354c-marilton ma,/o=exchangelabs/ou=exchange administrative group (fydibohf23spdlt)/cn=recipients/cn=88e4fcbd3ea14730a81286cc0683fb42-manoel eloy</t>
  </si>
  <si>
    <t>09/27/2019 11:22:11</t>
  </si>
  <si>
    <t>340500088 26092018 - Template Orçamentário Demais Pacotes - 2020 - Copia.xlsb</t>
  </si>
  <si>
    <t>09/27/2019 11:22:40</t>
  </si>
  <si>
    <t>340500088 27092018 - Template Orçamentário Demais Pacotes - 2020.xlsb</t>
  </si>
  <si>
    <t>09/27/2019 11:27:47</t>
  </si>
  <si>
    <t>09/27/2019 11:32:15</t>
  </si>
  <si>
    <t>/o=exchangelabs/ou=exchange administrative group (fydibohf23spdlt)/cn=recipients/cn=d376cbd484f64104bc8476daf590c7dc-paulo eduar;</t>
  </si>
  <si>
    <t>Transacional</t>
  </si>
  <si>
    <t>/o=exchangelabs/ou=exchange administrative group (fydibohf23spdlt)/cn=recipients/cn=d376cbd484f64104bc8476daf590c7dc-paulo eduar</t>
  </si>
  <si>
    <t>09/27/2019 11:30:00</t>
  </si>
  <si>
    <t>Relatório Pipeline_Dionizio_ 26_09_11.xlsx</t>
  </si>
  <si>
    <t>09/27/2019 11:30:27</t>
  </si>
  <si>
    <t>09/27/2019 11:33:15</t>
  </si>
  <si>
    <t>RA'S IMPACTADAS COM ENTREGAS - PROBLEMA BATOM COBRANDO INDEVIDAMENTE.xls</t>
  </si>
  <si>
    <t>09/27/2019 11:33:07</t>
  </si>
  <si>
    <t>09/27/2019 11:36:15</t>
  </si>
  <si>
    <t>Atualizar_Emails_Tech_2709.xlsx</t>
  </si>
  <si>
    <t>09/27/2019 11:38:10</t>
  </si>
  <si>
    <t>09/27/2019 11:40:16</t>
  </si>
  <si>
    <t>Report_Programação de férias 2609 - Carlos M..xlsx</t>
  </si>
  <si>
    <t>09/27/2019 11:39:46</t>
  </si>
  <si>
    <t>09/27/2019 11:42:15</t>
  </si>
  <si>
    <t>/o=exchangelabs/ou=exchange administrative group (fydibohf23spdlt)/cn=recipients/cn=1e45e12566d4418ba0325de92fea64a4-akassia bez;/o=exchangelabs/ou=exchange administrative group (fydibohf23spdlt)/cn=recipients/cn=376dc21df9294b1e98e06de29a805db8-algar tech;/o=exchangelabs/ou=exchange administrative group (fydibohf23spdlt)/cn=recipients/cn=9e20ba3b6afd447db98f75fb7bdc7037-francisco e;</t>
  </si>
  <si>
    <t>LOTE COMPLEMENTAR FAT B</t>
  </si>
  <si>
    <t>Padrao Solicitacao Receitamento SG Telecom FAT B LOTE COMPLEMENTAR Setembro.xlsm</t>
  </si>
  <si>
    <t>/o=exchangelabs/ou=exchange administrative group (fydibohf23spdlt)/cn=recipients/cn=1e45e12566d4418ba0325de92fea64a4-akassia bez,/o=exchangelabs/ou=exchange administrative group (fydibohf23spdlt)/cn=recipients/cn=376dc21df9294b1e98e06de29a805db8-algar tech,/o=exchangelabs/ou=exchange administrative group (fydibohf23spdlt)/cn=recipients/cn=9e20ba3b6afd447db98f75fb7bdc7037-francisco e</t>
  </si>
  <si>
    <t>09/27/2019 11:41:57</t>
  </si>
  <si>
    <t>Arquivo de retorno - Funil Avon - 27.09.xlsx</t>
  </si>
  <si>
    <t>09/27/2019 11:42:34</t>
  </si>
  <si>
    <t>09/27/2019 11:43:15</t>
  </si>
  <si>
    <t>mail.google.com/_/upload?authuser=2&amp;dcp=asu-n</t>
  </si>
  <si>
    <t>C:\Downloads\testes_bases\</t>
  </si>
  <si>
    <t>relatorio_sd_algar_tech_2019_v2.xlsx</t>
  </si>
  <si>
    <t>09/27/2019 11:42:43</t>
  </si>
  <si>
    <t>09/27/2019 11:44:15</t>
  </si>
  <si>
    <t>10.200.61.87</t>
  </si>
  <si>
    <t>68-A3-C4-61-60-57</t>
  </si>
  <si>
    <t>/o=exchangelabs/ou=exchange administrative group (fydibohf23spdlt)/cn=recipients/cn=1f7fb15c11b94f728188c49441f5ad9d-samira fran;/o=exchangelabs/ou=exchange administrative group (fydibohf23spdlt)/cn=recipients/cn=c96fa2583f6c4d18b58c6c394ad007f2-franciele m;/o=exchangelabs/ou=exchange administrative group (fydibohf23spdlt)/cn=recipients/cn=d2811a6c188f43c3903a6a50e08fc7b4-gustavo dia;/o=exchangelabs/ou=exchange administrative group (fydibohf23spdlt)/cn=recipients/cn=dcb3e89b10ce4da18c92c6c450521fa7-murilo frei;leticia.oliveira@telematica.com.br;orcamentos@telematica.com.br;suporte@telematica.com.br;</t>
  </si>
  <si>
    <t>RES: ALGAR-SP(REPUBLICA)259207</t>
  </si>
  <si>
    <t>ALGAR-SP(REPUBLICA)259207.xlsx</t>
  </si>
  <si>
    <t>/o=exchangelabs/ou=exchange administrative group (fydibohf23spdlt)/cn=recipients/cn=1f7fb15c11b94f728188c49441f5ad9d-samira fran,/o=exchangelabs/ou=exchange administrative group (fydibohf23spdlt)/cn=recipients/cn=c96fa2583f6c4d18b58c6c394ad007f2-franciele m,/o=exchangelabs/ou=exchange administrative group (fydibohf23spdlt)/cn=recipients/cn=d2811a6c188f43c3903a6a50e08fc7b4-gustavo dia,/o=exchangelabs/ou=exchange administrative group (fydibohf23spdlt)/cn=recipients/cn=dcb3e89b10ce4da18c92c6c450521fa7-murilo frei,leticia.oliveira@telematica.com.br,orcamentos@telematica.com.br,suporte@telematica.com.br</t>
  </si>
  <si>
    <t>09/27/2019 11:42:59</t>
  </si>
  <si>
    <t>09/27/2019 11:46:15</t>
  </si>
  <si>
    <t>C:\Users\hugonmo\Downloads\</t>
  </si>
  <si>
    <t>Attributes Import Custom Ativo(a).xlsx</t>
  </si>
  <si>
    <t>09/27/2019 11:43:28</t>
  </si>
  <si>
    <t>09/27/2019 11:47:15</t>
  </si>
  <si>
    <t>/o=exchangelabs/ou=exchange administrative group (fydibohf23spdlt)/cn=recipients/cn=3b76b3dd02a14d289cc323d3c8d12b81-waleska mar;</t>
  </si>
  <si>
    <t>ENC: Alteração Orçamentária 2Sem Projeto LGPD - Jurídico</t>
  </si>
  <si>
    <t>alteração orçamento LGPD.xlsx</t>
  </si>
  <si>
    <t>/o=exchangelabs/ou=exchange administrative group (fydibohf23spdlt)/cn=recipients/cn=3b76b3dd02a14d289cc323d3c8d12b81-waleska mar</t>
  </si>
  <si>
    <t>09/27/2019 11:45:34</t>
  </si>
  <si>
    <t>09/27/2019 11:48:15</t>
  </si>
  <si>
    <t>RES: Validação Ação Avon</t>
  </si>
  <si>
    <t>09/27/2019 11:46:12</t>
  </si>
  <si>
    <t>09/27/2019 11:47:04</t>
  </si>
  <si>
    <t>09/27/2019 11:49:15</t>
  </si>
  <si>
    <t>/o=exchangelabs/ou=exchange administrative group (fydibohf23spdlt)/cn=recipients/cn=18538d61f6f342f7a3d2db08df47d617-vanusa prec;/o=exchangelabs/ou=exchange administrative group (fydibohf23spdlt)/cn=recipients/cn=503a4cae25a0474e8b364b01d4d28bc4-thais mozel;/o=exchangelabs/ou=exchange administrative group (fydibohf23spdlt)/cn=recipients/cn=55f846c335d7437f892f0b0d49c89e92-celma ribei;/o=exchangelabs/ou=exchange administrative group (fydibohf23spdlt)/cn=recipients/cn=590012d55fae421587844918af7bc53c-daiane mari;/o=exchangelabs/ou=exchange administrative group (fydibohf23spdlt)/cn=recipients/cn=e46cd96e8e9e452c8cc8ba65a6c4ec57-gustavo hen;/o=exchangelabs/ou=exchange administrative group (fydibohf23spdlt)/cn=recipients/cn=f7a4290a46314a3cbb0d392508a7b5c5-luciana sil;</t>
  </si>
  <si>
    <t>ENC: Orcamento Mexico</t>
  </si>
  <si>
    <t>Mexico 2020.xlsx</t>
  </si>
  <si>
    <t>/o=exchangelabs/ou=exchange administrative group (fydibohf23spdlt)/cn=recipients/cn=18538d61f6f342f7a3d2db08df47d617-vanusa prec,/o=exchangelabs/ou=exchange administrative group (fydibohf23spdlt)/cn=recipients/cn=503a4cae25a0474e8b364b01d4d28bc4-thais mozel,/o=exchangelabs/ou=exchange administrative group (fydibohf23spdlt)/cn=recipients/cn=55f846c335d7437f892f0b0d49c89e92-celma ribei,/o=exchangelabs/ou=exchange administrative group (fydibohf23spdlt)/cn=recipients/cn=590012d55fae421587844918af7bc53c-daiane mari,/o=exchangelabs/ou=exchange administrative group (fydibohf23spdlt)/cn=recipients/cn=e46cd96e8e9e452c8cc8ba65a6c4ec57-gustavo hen,/o=exchangelabs/ou=exchange administrative group (fydibohf23spdlt)/cn=recipients/cn=f7a4290a46314a3cbb0d392508a7b5c5-luciana sil</t>
  </si>
  <si>
    <t>09/27/2019 11:48:00</t>
  </si>
  <si>
    <t>09/27/2019 11:52:15</t>
  </si>
  <si>
    <t>09/27/2019 11:54:39</t>
  </si>
  <si>
    <t>09/27/2019 11:56:15</t>
  </si>
  <si>
    <t>andrearp@algartech.com;</t>
  </si>
  <si>
    <t>Transferencia Roberta.xls</t>
  </si>
  <si>
    <t>andrearp@algartech.com</t>
  </si>
  <si>
    <t>09/27/2019 11:53:06</t>
  </si>
  <si>
    <t>09/27/2019 11:57:15</t>
  </si>
  <si>
    <t>/o=exchangelabs/ou=exchange administrative group (fydibohf23spdlt)/cn=recipients/cn=06f7b28ae5fd4d08b534c77c4bd006de-thais brito;/o=exchangelabs/ou=exchange administrative group (fydibohf23spdlt)/cn=recipients/cn=188cf119266646948ce1364b0256b875-geysila tal;/o=exchangelabs/ou=exchange administrative group (fydibohf23spdlt)/cn=recipients/cn=437660f2d7104c728fd02934d309f657-erik lenis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52e670e2f8dd45f6bb83074a02c43b48-priscila ap;/o=exchangelabs/ou=exchange administrative group (fydibohf23spdlt)/cn=recipients/cn=8d77119d2f8247d39c0b1cfda92ac304-matheus pei;/o=exchangelabs/ou=exchange administrative group (fydibohf23spdlt)/cn=recipients/cn=9b3c029cc2ba4212bb4247e9ef6df7f1-andre</t>
  </si>
  <si>
    <t>Quadro de ativos - Algar NEXT - 26.09</t>
  </si>
  <si>
    <t>Quadro de ativos - 26.09.19.xlsx</t>
  </si>
  <si>
    <t>/o=exchangelabs/ou=exchange administrative group (fydibohf23spdlt)/cn=recipients/cn=06f7b28ae5fd4d08b534c77c4bd006de-thais brito,/o=exchangelabs/ou=exchange administrative group (fydibohf23spdlt)/cn=recipients/cn=188cf119266646948ce1364b0256b875-geysila tal,/o=exchangelabs/ou=exchange administrative group (fydibohf23spdlt)/cn=recipients/cn=437660f2d7104c728fd02934d309f657-erik lenis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52e670e2f8dd45f6bb83074a02c43b48-priscila ap,/o=exchangelabs/ou=exchange administrative group (fydibohf23spdlt)/cn=recipients/cn=8d77119d2f8247d39c0b1cfda92ac304-matheus pei,/o=exchangelabs/ou=exchange administrative group (fydibohf23spdlt)/cn=recipients/cn=9b3c029cc2ba4212bb4247e9ef6df7f1-andre</t>
  </si>
  <si>
    <t>09/27/2019 11:54:21</t>
  </si>
  <si>
    <t>09/27/2019 11:58:15</t>
  </si>
  <si>
    <t>http://shareit.global.avon.com/sites/arrmcm/forca-de-vendas/_layouts/upload.aspx?list={a89cd46c-19fa-458c-809f-d246a5e48452}&amp;rootfolder=/sites/arrmcm/forca-de-vendas/ficaadicatreinamento/novo modelo de neg?0d3cio&amp;source=http://shareit.global.avon.com/sites/arrmcm/forca-de-vendas/ficaadicatreinamento/forms/allitems.aspx?rootfolder=%2fsites%2farrmcm%2fforca%2dde%2dvendas%2fficaadicatreinamento%2fnovo%20modelo%20de%20neg%c3%93cio&amp;folderctid=&amp;view=%7bb9ba0dba%2db197%2d49b7%2d8048%2d506553e03103%7d</t>
  </si>
  <si>
    <t>AJUSTE DE CRÉDITOS DA PE THARROS E ELKIS CP 16-2019 NEW MODEL.xls</t>
  </si>
  <si>
    <t>http://shareit.global.avon.com/sites/arrmcm/forca-de-vendas/_layouts/upload.aspx?list={a89cd46c-19fa-458c-809f-d246a5e48452}&amp;rootfolder=/sites/arrmcm/forca-de-vendas/ficaadicatreinamento/novo modelo de neg�0d3cio&amp;source=http://shareit.global.avon.com/sites/arrmcm/forca-de-vendas/ficaadicatreinamento/forms/allitems.aspx?rootfolder=%2fsites%2farrmcm%2fforca%2dde%2dvendas%2fficaadicatreinamento%2fnovo%20modelo%20de%20neg%c3%93cio&amp;folderctid=&amp;view=%7bb9ba0dba%2db197%2d49b7%2d8048%2d506553e03103%7d</t>
  </si>
  <si>
    <t>09/27/2019 12:06:42</t>
  </si>
  <si>
    <t>09/27/2019 12:07:15</t>
  </si>
  <si>
    <t>ENC: EDP: Capitalização -</t>
  </si>
  <si>
    <t>Template_Registro_FTE_Realizado_Setembro_v4.0.xlsb</t>
  </si>
  <si>
    <t>09/27/2019 12:06:40</t>
  </si>
  <si>
    <t>09/27/2019 12:08:15</t>
  </si>
  <si>
    <t>/o=exchangelabs/ou=exchange administrative group (fydibohf23spdlt)/cn=recipients/cn=49df841081c647dfa3c968230c8e613c-sabrina gon;/o=exchangelabs/ou=exchange administrative group (fydibohf23spdlt)/cn=recipients/cn=groupadd70873;</t>
  </si>
  <si>
    <t>ENC: Necessidade de Quadro TOP Performance</t>
  </si>
  <si>
    <t>Necessidade de quadro.xlsx</t>
  </si>
  <si>
    <t>/o=exchangelabs/ou=exchange administrative group (fydibohf23spdlt)/cn=recipients/cn=49df841081c647dfa3c968230c8e613c-sabrina gon,/o=exchangelabs/ou=exchange administrative group (fydibohf23spdlt)/cn=recipients/cn=groupadd70873</t>
  </si>
  <si>
    <t>09/27/2019 12:07:27</t>
  </si>
  <si>
    <t>/o=exchangelabs/ou=exchange administrative group (fydibohf23spdlt)/cn=recipients/cn=0ca6cc8d100949a7866a928f62ef5778-rosilene de;/o=exchangelabs/ou=exchange administrative group (fydibohf23spdlt)/cn=recipients/cn=4a863c1fc8ab42089d3c33c848208915-camilla alv;/o=exchangelabs/ou=exchange administrative group (fydibohf23spdlt)/cn=recipients/cn=d1d015f213f648abbf348b5ccdf8e9d9-senilda per;/o=exchangelabs/ou=exchange administrative group (fydibohf23spdlt)/cn=recipients/cn=e39e329fc16a43329eb2766bae675122-mariana gon;/o=exchangelabs/ou=exchange administrative group (fydibohf23spdlt)/cn=recipients/cn=userd3ef8196;</t>
  </si>
  <si>
    <t>/o=exchangelabs/ou=exchange administrative group (fydibohf23spdlt)/cn=recipients/cn=0ca6cc8d100949a7866a928f62ef5778-rosilene de,/o=exchangelabs/ou=exchange administrative group (fydibohf23spdlt)/cn=recipients/cn=4a863c1fc8ab42089d3c33c848208915-camilla alv,/o=exchangelabs/ou=exchange administrative group (fydibohf23spdlt)/cn=recipients/cn=d1d015f213f648abbf348b5ccdf8e9d9-senilda per,/o=exchangelabs/ou=exchange administrative group (fydibohf23spdlt)/cn=recipients/cn=e39e329fc16a43329eb2766bae675122-mariana gon,/o=exchangelabs/ou=exchange administrative group (fydibohf23spdlt)/cn=recipients/cn=userd3ef8196</t>
  </si>
  <si>
    <t>09/27/2019 12:06:18</t>
  </si>
  <si>
    <t>09/27/2019 12:09:16</t>
  </si>
  <si>
    <t>10.200.200.91</t>
  </si>
  <si>
    <t>64-1C-67-9D-34-7B</t>
  </si>
  <si>
    <t>NB-FABIORB</t>
  </si>
  <si>
    <t>fabiorb</t>
  </si>
  <si>
    <t>C:\Users\fabiorb\OneDrive - Grupo Algar\</t>
  </si>
  <si>
    <t>Cronograma treinamentos.csv</t>
  </si>
  <si>
    <t>09/27/2019 12:06:20</t>
  </si>
  <si>
    <t>09/27/2019 12:10:15</t>
  </si>
  <si>
    <t>10.200.61.123</t>
  </si>
  <si>
    <t>/o=exchangelabs/ou=exchange administrative group (fydibohf23spdlt)/cn=recipients/cn=68e6aa2e3fef4ccaba997d98294c9ed5-cristina he;/o=exchangelabs/ou=exchange administrative group (fydibohf23spdlt)/cn=recipients/cn=6fbc44b6d6b549208175d5a27201bd13-cintia nune;/o=exchangelabs/ou=exchange administrative group (fydibohf23spdlt)/cn=recipients/cn=78e530b5e3244cc1a89eba7f7b0af42f-marco tulio;/o=exchangelabs/ou=exchange administrative group (fydibohf23spdlt)/cn=recipients/cn=8ab5e44d485043d59eb4f21463e63e6a-tays dos sa;/o=exchangelabs/ou=exchange administrative group (fydibohf23spdlt)/cn=recipients/cn=a72a765de829420582b78941417073ac-karina rodr;/o=exchangelabs/ou=exchange administrative group (fydibohf23spdlt)/cn=recipients/cn=c32cee7d339f4e7fab5beda7be171cc0-priscila ca;/o=exchangelabs/ou=exchange administrative group (fydibohf23spdlt)/cn=recipients/cn=f45617401bdf436baf70c45766699413-frederico b;</t>
  </si>
  <si>
    <t>RES: Necessidade de Quadro TOP Performance</t>
  </si>
  <si>
    <t>/o=exchangelabs/ou=exchange administrative group (fydibohf23spdlt)/cn=recipients/cn=68e6aa2e3fef4ccaba997d98294c9ed5-cristina he,/o=exchangelabs/ou=exchange administrative group (fydibohf23spdlt)/cn=recipients/cn=6fbc44b6d6b549208175d5a27201bd13-cintia nune,/o=exchangelabs/ou=exchange administrative group (fydibohf23spdlt)/cn=recipients/cn=78e530b5e3244cc1a89eba7f7b0af42f-marco tulio,/o=exchangelabs/ou=exchange administrative group (fydibohf23spdlt)/cn=recipients/cn=8ab5e44d485043d59eb4f21463e63e6a-tays dos sa,/o=exchangelabs/ou=exchange administrative group (fydibohf23spdlt)/cn=recipients/cn=a72a765de829420582b78941417073ac-karina rodr,/o=exchangelabs/ou=exchange administrative group (fydibohf23spdlt)/cn=recipients/cn=c32cee7d339f4e7fab5beda7be171cc0-priscila ca,/o=exchangelabs/ou=exchange administrative group (fydibohf23spdlt)/cn=recipients/cn=f45617401bdf436baf70c45766699413-frederico b</t>
  </si>
  <si>
    <t>09/27/2019 12:06:30</t>
  </si>
  <si>
    <t>09/27/2019 12:11:15</t>
  </si>
  <si>
    <t>IMPORTANTE: Custos dos associados para capitalização em projetos - Janeiro a Agosto de 2019</t>
  </si>
  <si>
    <t>Custo_Folha_Pagamento - Janeiro a Agosto 2019.xlsb</t>
  </si>
  <si>
    <t>09/27/2019 12:12:54</t>
  </si>
  <si>
    <t>09/27/2019 12:14:15</t>
  </si>
  <si>
    <t>09/27/2019 12:12:59</t>
  </si>
  <si>
    <t>C:\Users\elainemdlp\OD\_Projetos\Em andamento\EDP\04 - Controle\Capitalização\</t>
  </si>
  <si>
    <t>09/27/2019 12:09:21</t>
  </si>
  <si>
    <t>/o=exchangelabs/ou=exchange administrative group (fydibohf23spdlt)/cn=recipients/cn=22f2a579a06e409a9da375a7e8c4759d-raissa andr;/o=exchangelabs/ou=exchange administrative group (fydibohf23spdlt)/cn=recipients/cn=fbbb462fed0b402bbe147770ea84cf9e-adriana cae;</t>
  </si>
  <si>
    <t>ENC: Indicador x Top</t>
  </si>
  <si>
    <t>Desvio Reativação.xls</t>
  </si>
  <si>
    <t>/o=exchangelabs/ou=exchange administrative group (fydibohf23spdlt)/cn=recipients/cn=22f2a579a06e409a9da375a7e8c4759d-raissa andr,/o=exchangelabs/ou=exchange administrative group (fydibohf23spdlt)/cn=recipients/cn=fbbb462fed0b402bbe147770ea84cf9e-adriana cae</t>
  </si>
  <si>
    <t>09/27/2019 12:17:19</t>
  </si>
  <si>
    <t>09/27/2019 12:22:15</t>
  </si>
  <si>
    <t>/o=exchangelabs/ou=exchange administrative group (fydibohf23spdlt)/cn=recipients/cn=8c89829ad534498fa4c85b5ac11174f1-suelen more;</t>
  </si>
  <si>
    <t>Banco Carrefour - Abertura DRE.xlsx</t>
  </si>
  <si>
    <t>/o=exchangelabs/ou=exchange administrative group (fydibohf23spdlt)/cn=recipients/cn=8c89829ad534498fa4c85b5ac11174f1-suelen more</t>
  </si>
  <si>
    <t>09/27/2019 12:22:10</t>
  </si>
  <si>
    <t>09/27/2019 12:23:15</t>
  </si>
  <si>
    <t>/o=exchangelabs/ou=exchange administrative group (fydibohf23spdlt)/cn=recipients/cn=14f0f77a226e48a79b5d6a7df54730c3-dayane gome;/o=exchangelabs/ou=exchange administrative group (fydibohf23spdlt)/cn=recipients/cn=3ec4d7c108d94561bf46929ad1209afd-natalia per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6ee511b5750746579a79611e41d60751-gabriel ant;/o=exchangelabs/ou=exchange administrative group (fydibohf23spdlt)/cn=recipients/cn=88e4fcbd3ea14730a81286cc0683fb42-manoel eloy;/o=exchangelabs/ou=exchange administrative group (fydibohf23spdlt)/cn=recipients/cn=c3c332975ede42949f15ae890bcacbcf-pamela karo;/o=exchangelabs/ou=exchange administrative group (fydibohf23spdlt)/cn=recipients/cn=d35419c9cd7a4181b4c397073547c75e-pedr</t>
  </si>
  <si>
    <t>FAROL TREINAMENTOS</t>
  </si>
  <si>
    <t>FAROL NEXT - ATÉ 27.09.xlsx</t>
  </si>
  <si>
    <t>/o=exchangelabs/ou=exchange administrative group (fydibohf23spdlt)/cn=recipients/cn=14f0f77a226e48a79b5d6a7df54730c3-dayane gome,/o=exchangelabs/ou=exchange administrative group (fydibohf23spdlt)/cn=recipients/cn=3ec4d7c108d94561bf46929ad1209afd-natalia per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6ee511b5750746579a79611e41d60751-gabriel ant,/o=exchangelabs/ou=exchange administrative group (fydibohf23spdlt)/cn=recipients/cn=88e4fcbd3ea14730a81286cc0683fb42-manoel eloy,/o=exchangelabs/ou=exchange administrative group (fydibohf23spdlt)/cn=recipients/cn=c3c332975ede42949f15ae890bcacbcf-pamela karo,/o=exchangelabs/ou=exchange administrative group (fydibohf23spdlt)/cn=recipients/cn=d35419c9cd7a4181b4c397073547c75e-pedr</t>
  </si>
  <si>
    <t>09/27/2019 12:28:52</t>
  </si>
  <si>
    <t>09/27/2019 12:29:15</t>
  </si>
  <si>
    <t>09/27/2019 12:32:30</t>
  </si>
  <si>
    <t>09/27/2019 12:35:15</t>
  </si>
  <si>
    <t>/o=exchangelabs/ou=exchange administrative group (fydibohf23spdlt)/cn=recipients/cn=430b7fc0ccfe4728933af1b3039c7e24-marcus gome;/o=exchangelabs/ou=exchange administrative group (fydibohf23spdlt)/cn=recipients/cn=b1a4eb0e68a245b8b02aa780c1415694-rodrigo ara;/o=exchangelabs/ou=exchange administrative group (fydibohf23spdlt)/cn=recipients/cn=d3551c048b84429b8d372231b321e6f4-ramon elias;/o=exchangelabs/ou=exchange administrative group (fydibohf23spdlt)/cn=recipients/cn=f681a87682ec4eb3b3dfa2503f9869d3-filipe rese;</t>
  </si>
  <si>
    <t>/o=exchangelabs/ou=exchange administrative group (fydibohf23spdlt)/cn=recipients/cn=430b7fc0ccfe4728933af1b3039c7e24-marcus gome,/o=exchangelabs/ou=exchange administrative group (fydibohf23spdlt)/cn=recipients/cn=b1a4eb0e68a245b8b02aa780c1415694-rodrigo ara,/o=exchangelabs/ou=exchange administrative group (fydibohf23spdlt)/cn=recipients/cn=d3551c048b84429b8d372231b321e6f4-ramon elias,/o=exchangelabs/ou=exchange administrative group (fydibohf23spdlt)/cn=recipients/cn=f681a87682ec4eb3b3dfa2503f9869d3-filipe rese</t>
  </si>
  <si>
    <t>09/27/2019 12:44:34</t>
  </si>
  <si>
    <t>09/27/2019 12:45:15</t>
  </si>
  <si>
    <t>/o=exchangelabs/ou=exchange administrative group (fydibohf23spdlt)/cn=recipients/cn=95d6b80d0c3d44d6aee9bc955f10af3e-aparecida m;</t>
  </si>
  <si>
    <t>Relatório TD Prematuro.</t>
  </si>
  <si>
    <t>/o=exchangelabs/ou=exchange administrative group (fydibohf23spdlt)/cn=recipients/cn=95d6b80d0c3d44d6aee9bc955f10af3e-aparecida m</t>
  </si>
  <si>
    <t>09/27/2019 12:50:15</t>
  </si>
  <si>
    <t>/o=exchangelabs/ou=exchange administrative group (fydibohf23spdlt)/cn=recipients/cn=a4725b7c782941fda1d1c00ae0ff9e26-camiller mo;</t>
  </si>
  <si>
    <t>ENC: Relatório TD Prematuro.</t>
  </si>
  <si>
    <t>/o=exchangelabs/ou=exchange administrative group (fydibohf23spdlt)/cn=recipients/cn=a4725b7c782941fda1d1c00ae0ff9e26-camiller mo</t>
  </si>
  <si>
    <t>09/27/2019 12:53:45</t>
  </si>
  <si>
    <t>09/27/2019 12:56:15</t>
  </si>
  <si>
    <t>anapscl@algartech.com;bonfim.silva@bradesco.com.br;cristiany.caixeta@bradesco.com.br;greiciele.alves@bradesco.com.br;jussaragp@algartech.com;micheless@algartech.com;patricia.amaral@temposervicos.com.br;patriciaa.lima@temposervicos.com.br;rosemery.silva@bradesco.com.br;</t>
  </si>
  <si>
    <t>Régua BackOffice Agências</t>
  </si>
  <si>
    <t>Bo Agências.xlsx</t>
  </si>
  <si>
    <t>anapscl@algartech.com,bonfim.silva@bradesco.com.br,cristiany.caixeta@bradesco.com.br,greiciele.alves@bradesco.com.br,jussaragp@algartech.com,micheless@algartech.com,patricia.amaral@temposervicos.com.br,patriciaa.lima@temposervicos.com.br,rosemery.silva@bradesco.com.br</t>
  </si>
  <si>
    <t>09/27/2019 13:03:17</t>
  </si>
  <si>
    <t>09/27/2019 13:07:15</t>
  </si>
  <si>
    <t>DRE - CArrefoiur</t>
  </si>
  <si>
    <t>Abertura DRE ok1.xlsx</t>
  </si>
  <si>
    <t>09/27/2019 13:23:37</t>
  </si>
  <si>
    <t>09/27/2019 13:24:16</t>
  </si>
  <si>
    <t>09/27/2019 13:24:29</t>
  </si>
  <si>
    <t>09/27/2019 13:26:17</t>
  </si>
  <si>
    <t>/o=exchangelabs/ou=exchange administrative group (fydibohf23spdlt)/cn=recipients/cn=4a12565b1fd641949c422bae61f78467-antonia jaq;/o=exchangelabs/ou=exchange administrative group (fydibohf23spdlt)/cn=recipients/cn=c6f5c50e91244036872327464dc6624a-cinthia mar;</t>
  </si>
  <si>
    <t>Profarma</t>
  </si>
  <si>
    <t>/o=exchangelabs/ou=exchange administrative group (fydibohf23spdlt)/cn=recipients/cn=4a12565b1fd641949c422bae61f78467-antonia jaq,/o=exchangelabs/ou=exchange administrative group (fydibohf23spdlt)/cn=recipients/cn=c6f5c50e91244036872327464dc6624a-cinthia mar</t>
  </si>
  <si>
    <t>09/27/2019 08:50:19</t>
  </si>
  <si>
    <t>09/27/2019 13:27:16</t>
  </si>
  <si>
    <t>ENC: Abertura de Orçamento - CGMS81 (Ar condicionado sala de Equipamento - ticket 1900009513</t>
  </si>
  <si>
    <t>Relatório Fotográfico - CGMS81 1900009513 - MS.xlsx</t>
  </si>
  <si>
    <t>09/27/2019 09:12:36</t>
  </si>
  <si>
    <t>09/27/2019 09:12:51</t>
  </si>
  <si>
    <t>ENC: CGMS19 - recuperação da trava da porta do GS - TICKET 1900007440</t>
  </si>
  <si>
    <t>Relatório Fotográfico - TICKET 1900007440 - CGMS19 - MS.xlsx</t>
  </si>
  <si>
    <t>09/27/2019 11:27:56</t>
  </si>
  <si>
    <t>C:\Users\wilameadsess\Desktop\CANCELADO_ SITE - PIRBO02- NTT1904015251 - VANDALISMO 10-09-2019 TICKET 1900009250.msg\s94\</t>
  </si>
  <si>
    <t>RELATÓRIO FOTOGRÁFICO DE EVIDENCIA - SITE - PIRBO02 - AC_REV01.xlsx</t>
  </si>
  <si>
    <t>09/27/2019 13:30:53</t>
  </si>
  <si>
    <t>09/27/2019 13:36:16</t>
  </si>
  <si>
    <t>09/27/2019 13:30:41</t>
  </si>
  <si>
    <t>/o=exchangelabs/ou=exchange administrative group (fydibohf23spdlt)/cn=recipients/cn=f6cbd0513564419dbd829242338a05f3-wilsiane ma;</t>
  </si>
  <si>
    <t>Relatório Cursos</t>
  </si>
  <si>
    <t>RELATÓRIO CURSOS.xlsx</t>
  </si>
  <si>
    <t>/o=exchangelabs/ou=exchange administrative group (fydibohf23spdlt)/cn=recipients/cn=f6cbd0513564419dbd829242338a05f3-wilsiane ma</t>
  </si>
  <si>
    <t>09/27/2019 13:33:33</t>
  </si>
  <si>
    <t>09/27/2019 13:38:16</t>
  </si>
  <si>
    <t>gustavo.cataneo@adama.com;julio.baptistella@adama.com;leynin.paulo@adama.com;ricardo.nsilva@adama.com;willian.silva@bradesco.com.br;</t>
  </si>
  <si>
    <t>RES: Relatórios e Sistema - Cartão Virtual</t>
  </si>
  <si>
    <t>Arquivo Exportação SmartData.xls</t>
  </si>
  <si>
    <t>gustavo.cataneo@adama.com,julio.baptistella@adama.com,leynin.paulo@adama.com,ricardo.nsilva@adama.com,willian.silva@bradesco.com.br</t>
  </si>
  <si>
    <t>09/27/2019 13:36:41</t>
  </si>
  <si>
    <t>09/27/2019 13:40:16</t>
  </si>
  <si>
    <t>10.200.58.148</t>
  </si>
  <si>
    <t>FC-01-7C-FE-64-89</t>
  </si>
  <si>
    <t>/o=exchangelabs/ou=exchange administrative group (fydibohf23spdlt)/cn=recipients/cn=32fe8a14424941da83c2bf35a8a5709e-fabiana car;/o=exchangelabs/ou=exchange administrative group (fydibohf23spdlt)/cn=recipients/cn=b67cad4ecfa344baaa94d716e7554f49-bruno camel;/o=exchangelabs/ou=exchange administrative group (fydibohf23spdlt)/cn=recipients/cn=c08089b92f0643f18c949cb099a06593-tamara luis;/o=exchangelabs/ou=exchange administrative group (fydibohf23spdlt)/cn=recipients/cn=fd4a47c4d251414eb48a57376a49e773-marco tulio;</t>
  </si>
  <si>
    <t>RES: Speech - Categorização Monitores</t>
  </si>
  <si>
    <t>Cópia de SKILL Monitor.xlsx</t>
  </si>
  <si>
    <t>/o=exchangelabs/ou=exchange administrative group (fydibohf23spdlt)/cn=recipients/cn=32fe8a14424941da83c2bf35a8a5709e-fabiana car,/o=exchangelabs/ou=exchange administrative group (fydibohf23spdlt)/cn=recipients/cn=b67cad4ecfa344baaa94d716e7554f49-bruno camel,/o=exchangelabs/ou=exchange administrative group (fydibohf23spdlt)/cn=recipients/cn=c08089b92f0643f18c949cb099a06593-tamara luis,/o=exchangelabs/ou=exchange administrative group (fydibohf23spdlt)/cn=recipients/cn=fd4a47c4d251414eb48a57376a49e773-marco tulio</t>
  </si>
  <si>
    <t>09/27/2019 13:41:02</t>
  </si>
  <si>
    <t>09/27/2019 13:44:16</t>
  </si>
  <si>
    <t>Revisão 2019</t>
  </si>
  <si>
    <t>Revisão Orçamento - SG Dep Pag_ (005).xlsx</t>
  </si>
  <si>
    <t>09/27/2019 13:39:51</t>
  </si>
  <si>
    <t>09/27/2019 13:45:16</t>
  </si>
  <si>
    <t>/o=exchangelabs/ou=exchange administrative group (fydibohf23spdlt)/cn=recipients/cn=f0e6b231679d41b89fbbc682e6e3a6ca-daiane barb;</t>
  </si>
  <si>
    <t>Monitorias - Supervisão</t>
  </si>
  <si>
    <t>Monitorias - Daiane.xlsx</t>
  </si>
  <si>
    <t>/o=exchangelabs/ou=exchange administrative group (fydibohf23spdlt)/cn=recipients/cn=f0e6b231679d41b89fbbc682e6e3a6ca-daiane barb</t>
  </si>
  <si>
    <t>09/27/2019 13:47:56</t>
  </si>
  <si>
    <t>09/27/2019 13:49:16</t>
  </si>
  <si>
    <t>alinescsi@algartecnologia.com.br;andreals@algartech.com;patriciaars@algartech.com;</t>
  </si>
  <si>
    <t>Report_Programação de férias 2609 - Marco A.xlsx</t>
  </si>
  <si>
    <t>alinescsi@algartecnologia.com.br,andreals@algartech.com,patriciaars@algartech.com</t>
  </si>
  <si>
    <t>09/27/2019 13:47:22</t>
  </si>
  <si>
    <t>mail.google.com/_/upload?authuser=1&amp;dcp=asu-n&amp;upload_id=AEnB2UquU2yCC2BGYeZ7iedjIrTkXCZMmIyK_7EgsjL17SbR9B85-ukpN4wrglcFlm2CCBbR0lWOf7rETFmMmdBSonOYe2qhHJsglZkx6LeprHyUeqIhEZU&amp;upload_protocol=resumable</t>
  </si>
  <si>
    <t>Contratos Sorocaba.xlsx</t>
  </si>
  <si>
    <t>09/27/2019 11:48:30</t>
  </si>
  <si>
    <t>09/27/2019 13:50:16</t>
  </si>
  <si>
    <t>banco 27_09.xlsx</t>
  </si>
  <si>
    <t>09/27/2019 13:47:50</t>
  </si>
  <si>
    <t>09/27/2019 13:51:17</t>
  </si>
  <si>
    <t>09/27/2019 13:49:46</t>
  </si>
  <si>
    <t>09/27/2019 13:52:16</t>
  </si>
  <si>
    <t>mail.google.com/_/upload?authuser=3&amp;dcp=asu-n&amp;upload_id=AEnB2UofjcASK318ki4BPajdjjt409YBJctAaDX4evbkaDOJ4i-27NEPzi-qi-aNK3fqp50s7DwZvNMtV8AfvC5DIjJqyTKVjECtfHj4TvuVhCtCv5oX50s&amp;upload_protocol=resumable</t>
  </si>
  <si>
    <t>recife - IMPRIMIR 2.xlsx</t>
  </si>
  <si>
    <t>09/27/2019 13:55:43</t>
  </si>
  <si>
    <t>09/27/2019 13:57:16</t>
  </si>
  <si>
    <t>C:\Users\lauravx\Downloads\</t>
  </si>
  <si>
    <t>Template_-_Gestao_de_Titulos (29).xlsx</t>
  </si>
  <si>
    <t>09/27/2019 13:54:30</t>
  </si>
  <si>
    <t>09/27/2019 13:59:16</t>
  </si>
  <si>
    <t>C:\Users\filemoncmj\OneDrive - Grupo Algar\01. Algar Tech\01. Projetos de Clientes\13. Yahsat\2019\03. TAP\PMO Algar Tech - TAP - Aumento 7 PAs Yahsat - Copia.pptx\</t>
  </si>
  <si>
    <t>Microsoft_Excel_Binary_Worksheet.xlsb</t>
  </si>
  <si>
    <t>09/27/2019 13:55:57</t>
  </si>
  <si>
    <t>Desmobilização GST</t>
  </si>
  <si>
    <t>orçamento_desmobilização_GST.xlsb</t>
  </si>
  <si>
    <t>09/27/2019 08:28:53</t>
  </si>
  <si>
    <t>09/27/2019 14:00:16</t>
  </si>
  <si>
    <t>10.250.254.31</t>
  </si>
  <si>
    <t>D:\OneDrive\AlgarTech\Pré-Vendas\Cliente\2019\CSC Algar\185266 - Migração e Sustentação AWS\3 - Informações\</t>
  </si>
  <si>
    <t>COMPILADO_TECH_V6_PosReuniaoTecnica - Copia.xlsx</t>
  </si>
  <si>
    <t>09/27/2019 11:19:57</t>
  </si>
  <si>
    <t>D:\OneDrive\AlgarTech\Pré-Vendas\Cliente\2019\Faber Castell\198278 - Projeto da feature ATC (ABAP Test Cockpit)\3 - Informações\</t>
  </si>
  <si>
    <t>HorasExtras.xlsx</t>
  </si>
  <si>
    <t>09/27/2019 11:34:19</t>
  </si>
  <si>
    <t>09/27/2019 11:34:22</t>
  </si>
  <si>
    <t>09/27/2019 11:36:34</t>
  </si>
  <si>
    <t>D:\OneDrive\AlgarTech\Pré-Vendas\Cliente\2019\Algar Telecom\206402 - BASIS - JMACEDO\</t>
  </si>
  <si>
    <t>206402_Preco_rev01.xlsb</t>
  </si>
  <si>
    <t>09/27/2019 13:34:46</t>
  </si>
  <si>
    <t>D:\OneDrive\AlgarTech\Pré-Vendas\Cliente\2019\Elcano\148877 - DR Elcano\2 - Analise Financeira\</t>
  </si>
  <si>
    <t>Preco_V10_Forceoneit_PosPOC - Copia.xlsb</t>
  </si>
  <si>
    <t>09/27/2019 13:36:37</t>
  </si>
  <si>
    <t>https://caey.fa.us2.oraclecloud.com/crmui/faces/fusewelcome?_adf.ctrl-state=131woaa5ta_9</t>
  </si>
  <si>
    <t>Preco_V10_FINAL.xlsb</t>
  </si>
  <si>
    <t>09/27/2019 14:03:35</t>
  </si>
  <si>
    <t>09/27/2019 14:04:16</t>
  </si>
  <si>
    <t>/o=exchangelabs/ou=exchange administrative group (fydibohf23spdlt)/cn=recipients/cn=a4ba92cba10f4fe498074594f937f3b6-leandro lop;/o=exchangelabs/ou=exchange administrative group (fydibohf23spdlt)/cn=recipients/cn=cac18c5388b04f6d979d1bc87a08825a-marcopaulo;/o=exchangelabs/ou=exchange administrative group (fydibohf23spdlt)/cn=recipients/cn=d66a262ea1e040adaf711e9b38c488e7-adine paula;</t>
  </si>
  <si>
    <t>/o=exchangelabs/ou=exchange administrative group (fydibohf23spdlt)/cn=recipients/cn=a4ba92cba10f4fe498074594f937f3b6-leandro lop,/o=exchangelabs/ou=exchange administrative group (fydibohf23spdlt)/cn=recipients/cn=cac18c5388b04f6d979d1bc87a08825a-marcopaulo,/o=exchangelabs/ou=exchange administrative group (fydibohf23spdlt)/cn=recipients/cn=d66a262ea1e040adaf711e9b38c488e7-adine paula</t>
  </si>
  <si>
    <t>09/27/2019 14:03:13</t>
  </si>
  <si>
    <t>09/27/2019 14:08:16</t>
  </si>
  <si>
    <t>/o=exchangelabs/ou=exchange administrative group (fydibohf23spdlt)/cn=recipients/cn=8e974a0c2c3f4521ad84c5b1aa62616e-caroline fe;</t>
  </si>
  <si>
    <t>TEMPLATE FOLHA RETIFICADORA</t>
  </si>
  <si>
    <t>Template_folha_retificadora.xlsx</t>
  </si>
  <si>
    <t>/o=exchangelabs/ou=exchange administrative group (fydibohf23spdlt)/cn=recipients/cn=8e974a0c2c3f4521ad84c5b1aa62616e-caroline fe</t>
  </si>
  <si>
    <t>09/27/2019 14:07:36</t>
  </si>
  <si>
    <t>09/27/2019 14:11:16</t>
  </si>
  <si>
    <t>/o=exchangelabs/ou=exchange administrative group (fydibohf23spdlt)/cn=recipients/cn=32fe8a14424941da83c2bf35a8a5709e-fabiana car;/o=exchangelabs/ou=exchange administrative group (fydibohf23spdlt)/cn=recipients/cn=f9e751102def46a896bc3ec6e90e1aed-katia dos r;</t>
  </si>
  <si>
    <t>RES: Reunião 01/10 Raquel Lopes - ACE e Contencioso</t>
  </si>
  <si>
    <t>Forum 08 2019_Raquel Lopes.pptx\</t>
  </si>
  <si>
    <t>/o=exchangelabs/ou=exchange administrative group (fydibohf23spdlt)/cn=recipients/cn=32fe8a14424941da83c2bf35a8a5709e-fabiana car,/o=exchangelabs/ou=exchange administrative group (fydibohf23spdlt)/cn=recipients/cn=f9e751102def46a896bc3ec6e90e1aed-katia dos r</t>
  </si>
  <si>
    <t>09/27/2019 14:14:04</t>
  </si>
  <si>
    <t>09/27/2019 14:15:16</t>
  </si>
  <si>
    <t>10.200.58.5</t>
  </si>
  <si>
    <t>2C-6F-C9-66-3C-25</t>
  </si>
  <si>
    <t>/o=exchangelabs/ou=exchange administrative group (fydibohf23spdlt)/cn=recipients/cn=fabio martins sampaio - 004327;</t>
  </si>
  <si>
    <t>RES: Folha Renault-Nissan</t>
  </si>
  <si>
    <t>BP Preço C017 B017-Renault Latam LOT5 (insite) v1.6 - 26%MC (fechamento).xlsb</t>
  </si>
  <si>
    <t>/o=exchangelabs/ou=exchange administrative group (fydibohf23spdlt)/cn=recipients/cn=fabio martins sampaio - 004327</t>
  </si>
  <si>
    <t>09/27/2019 14:13:51</t>
  </si>
  <si>
    <t>Century Link- Fechamento setembro.xlsx</t>
  </si>
  <si>
    <t>09/27/2019 14:17:24</t>
  </si>
  <si>
    <t>09/27/2019 14:19:16</t>
  </si>
  <si>
    <t>10.200.61.187</t>
  </si>
  <si>
    <t>20-04-0F-FE-46-EE</t>
  </si>
  <si>
    <t>renataba@algartech.com;</t>
  </si>
  <si>
    <t>\\cppfs\cpdeptos\CPC\2 - Planejamento\YOUSE\09 - Relatórios\02 - Report\00 - Hora Hora\09 - Setembro\</t>
  </si>
  <si>
    <t>Intradiário-3.0.xlsm</t>
  </si>
  <si>
    <t>renataba@algartech.com</t>
  </si>
  <si>
    <t>09/27/2019 14:14:27</t>
  </si>
  <si>
    <t>09/27/2019 14:17:25</t>
  </si>
  <si>
    <t>C:\Users\filemoncmj\OneDrive - Grupo Algar\01. Algar Tech\01. Projetos de Clientes\13. Yahsat\2019\03. TAP\PMO Algar Tech - TAP - Aumento 7 PAs Yahsat v2.pptx\</t>
  </si>
  <si>
    <t>09/27/2019 14:18:33</t>
  </si>
  <si>
    <t>/o=exchangelabs/ou=exchange administrative group (fydibohf23spdlt)/cn=recipients/cn=10d9bf2715304872bd0e6f8b03de50d1-projetos -;/o=exchangelabs/ou=exchange administrative group (fydibohf23spdlt)/cn=recipients/cn=1e212ef08dab4f26b88cba944f2ab7cb-pmo.governa;/o=exchangelabs/ou=exchange administrative group (fydibohf23spdlt)/cn=recipients/cn=8a0784ccebb14202a66b1b8f3a285b61-thais de al;</t>
  </si>
  <si>
    <t>RES: ATEC-2019-0024-015 - Aumento 7 PA’s Yahsat</t>
  </si>
  <si>
    <t>PMO Algar Tech - TAP - Aumento 7 PAs Yahsat v2.pptx\</t>
  </si>
  <si>
    <t>/o=exchangelabs/ou=exchange administrative group (fydibohf23spdlt)/cn=recipients/cn=10d9bf2715304872bd0e6f8b03de50d1-projetos -,/o=exchangelabs/ou=exchange administrative group (fydibohf23spdlt)/cn=recipients/cn=1e212ef08dab4f26b88cba944f2ab7cb-pmo.governa,/o=exchangelabs/ou=exchange administrative group (fydibohf23spdlt)/cn=recipients/cn=8a0784ccebb14202a66b1b8f3a285b61-thais de al</t>
  </si>
  <si>
    <t>09/27/2019 14:18:45</t>
  </si>
  <si>
    <t>09/27/2019 14:20:17</t>
  </si>
  <si>
    <t>Custos das equipes do projeto EDP - Agosto de 2019</t>
  </si>
  <si>
    <t>Custo_Folha_Pagamento_EDP_2019_08.xlsb</t>
  </si>
  <si>
    <t>09/27/2019 14:22:04</t>
  </si>
  <si>
    <t>09/27/2019 14:24:16</t>
  </si>
  <si>
    <t>/o=exchangelabs/ou=exchange administrative group (fydibohf23spdlt)/cn=recipients/cn=168e05cabbf14ae289464a0c09955b31-sara ferrei;/o=exchangelabs/ou=exchange administrative group (fydibohf23spdlt)/cn=recipients/cn=249f643ba1e044588b45a020c76dadde-daniel de o;</t>
  </si>
  <si>
    <t>ENC: Proposta promoção Implementação PJ</t>
  </si>
  <si>
    <t>Fechamento Financeiro Service Desk - Agosto2019.msg\s1\</t>
  </si>
  <si>
    <t>Fechamento Financeiro_Agosto_19.xlsb</t>
  </si>
  <si>
    <t>/o=exchangelabs/ou=exchange administrative group (fydibohf23spdlt)/cn=recipients/cn=168e05cabbf14ae289464a0c09955b31-sara ferrei,/o=exchangelabs/ou=exchange administrative group (fydibohf23spdlt)/cn=recipients/cn=249f643ba1e044588b45a020c76dadde-daniel de o</t>
  </si>
  <si>
    <t>09/27/2019 14:19:34</t>
  </si>
  <si>
    <t>09/27/2019 14:25:21</t>
  </si>
  <si>
    <t>09/27/2019 14:29:17</t>
  </si>
  <si>
    <t>10.250.254.75</t>
  </si>
  <si>
    <t>Base BW % Conversão - Set-2019 - Parcial - 26-09-19.xlsm</t>
  </si>
  <si>
    <t>09/27/2019 14:25:42</t>
  </si>
  <si>
    <t>Farol Churn - Parcial - Set/2019 - 26/10/19</t>
  </si>
  <si>
    <t>09/27/2019 14:29:03</t>
  </si>
  <si>
    <t>09/27/2019 14:33:18</t>
  </si>
  <si>
    <t>/o=exchangelabs/ou=exchange administrative group (fydibohf23spdlt)/cn=recipients/cn=a4ba92cba10f4fe498074594f937f3b6-leandro lop;claudiac.machado@bradesco.com.br;emerson.r.correia@bradesco.com.br;filype.s.przybylski@bradesco.com.br;</t>
  </si>
  <si>
    <t>Volumetria_27_09_2019</t>
  </si>
  <si>
    <t>Volumetria_Setembro.xlsx</t>
  </si>
  <si>
    <t>/o=exchangelabs/ou=exchange administrative group (fydibohf23spdlt)/cn=recipients/cn=a4ba92cba10f4fe498074594f937f3b6-leandro lop,claudiac.machado@bradesco.com.br,emerson.r.correia@bradesco.com.br,filype.s.przybylski@bradesco.com.br</t>
  </si>
  <si>
    <t>09/27/2019 14:33:43</t>
  </si>
  <si>
    <t>09/27/2019 14:34:17</t>
  </si>
  <si>
    <t>09/27/2019 14:39:47</t>
  </si>
  <si>
    <t>09/27/2019 14:43:17</t>
  </si>
  <si>
    <t>andre_gome.xlsx</t>
  </si>
  <si>
    <t>09/27/2019 14:43:04</t>
  </si>
  <si>
    <t>http://shareit.global.avon.com/sites/arrmcm/forca-de-vendas/_layouts/upload.aspx?list={a89cd46c-19fa-458c-809f-d246a5e48452}&amp;rootfolder=/sites/arrmcm/forca-de-vendas/ficaadicatreinamento/novo modelo de neg?0d3cio/new model gs/produtividade&amp;source=http://shareit.global.avon.com/sites/arrmcm/forca-de-vendas/ficaadicatreinamento/forms/allitems.aspx?rootfolder=%2fsites%2farrmcm%2fforca%2dde%2dvendas%2fficaadicatreinamento%2fnovo%20modelo%20de%20neg%c3%93cio%2fnew%20model%20gs%2fprodutividade&amp;folderctid=&amp;view=%7bb9ba0dba%2db197%2d49b7%2d8048%2d506553e03103%7d</t>
  </si>
  <si>
    <t>OBJETIVO DE PEDIDOS BÔNUS DE CRESCIMENTO DE PEDIDOS GERENTE DE SETOR CP 18 a 02-2020 NEW MODEL.xls</t>
  </si>
  <si>
    <t>http://shareit.global.avon.com/sites/arrmcm/forca-de-vendas/_layouts/upload.aspx?list={a89cd46c-19fa-458c-809f-d246a5e48452}&amp;rootfolder=/sites/arrmcm/forca-de-vendas/ficaadicatreinamento/novo modelo de neg�0d3cio/new model gs/produtividade&amp;source=http://shareit.global.avon.com/sites/arrmcm/forca-de-vendas/ficaadicatreinamento/forms/allitems.aspx?rootfolder=%2fsites%2farrmcm%2fforca%2dde%2dvendas%2fficaadicatreinamento%2fnovo%20modelo%20de%20neg%c3%93cio%2fnew%20model%20gs%2fprodutividade&amp;folderctid=&amp;view=%7bb9ba0dba%2db197%2d49b7%2d8048%2d506553e03103%7d</t>
  </si>
  <si>
    <t>09/27/2019 14:44:18</t>
  </si>
  <si>
    <t>09/27/2019 14:48:18</t>
  </si>
  <si>
    <t>Daily Operador_26-09-2019.xlsx</t>
  </si>
  <si>
    <t>09/27/2019 14:45:53</t>
  </si>
  <si>
    <t>09/27/2019 14:46:24</t>
  </si>
  <si>
    <t>Daily Algar Correntista_26setembro.xlsm</t>
  </si>
  <si>
    <t>09/27/2019 13:51:59</t>
  </si>
  <si>
    <t>10.250.255.49</t>
  </si>
  <si>
    <t>C:\Users\fabianowo.ACS\OneDrive - Grupo Algar\</t>
  </si>
  <si>
    <t>Demandas.xlsx</t>
  </si>
  <si>
    <t>09/27/2019 14:44:23</t>
  </si>
  <si>
    <t>http://shareit.global.avon.com/sites/arrmcm/forca-de-vendas/_layouts/upload.aspx?list={a89cd46c-19fa-458c-809f-d246a5e48452}&amp;rootfolder=/sites/arrmcm/forca-de-vendas/ficaadicatreinamento/novo modelo de neg?0d3cio/new model eva/incentivos/produtividade&amp;source=http://shareit.global.avon.com/sites/arrmcm/forca-de-vendas/ficaadicatreinamento/forms/allitems.aspx?rootfolder=%2fsites%2farrmcm%2fforca%2dde%2dvendas%2fficaadicatreinamento%2fnovo%20modelo%20de%20neg%c3%93cio%2fnew%20model%20eva%2fincentivos%2fprodutividade&amp;folderctid=&amp;view=%7bb9ba0dba%2db197%2d49b7%2d8048%2d506553e03103%7d</t>
  </si>
  <si>
    <t>OBJETIVO DE PEDIDOS BÔNUS DE CRESCIMENTO DE PEDIDOS EXECUTIVA DE VENDAS CP 18 a 02-2020 NEW MODEL.xls</t>
  </si>
  <si>
    <t>http://shareit.global.avon.com/sites/arrmcm/forca-de-vendas/_layouts/upload.aspx?list={a89cd46c-19fa-458c-809f-d246a5e48452}&amp;rootfolder=/sites/arrmcm/forca-de-vendas/ficaadicatreinamento/novo modelo de neg�0d3cio/new model eva/incentivos/produtividade&amp;source=http://shareit.global.avon.com/sites/arrmcm/forca-de-vendas/ficaadicatreinamento/forms/allitems.aspx?rootfolder=%2fsites%2farrmcm%2fforca%2dde%2dvendas%2fficaadicatreinamento%2fnovo%20modelo%20de%20neg%c3%93cio%2fnew%20model%20eva%2fincentivos%2fprodutividade&amp;folderctid=&amp;view=%7bb9ba0dba%2db197%2d49b7%2d8048%2d506553e03103%7d</t>
  </si>
  <si>
    <t>09/27/2019 14:45:57</t>
  </si>
  <si>
    <t>09/27/2019 14:49:17</t>
  </si>
  <si>
    <t>09/27/2019 14:46:19</t>
  </si>
  <si>
    <t>09/27/2019 14:49:18</t>
  </si>
  <si>
    <t>09/27/2019 14:50:17</t>
  </si>
  <si>
    <t>Receita Century Link Setembro</t>
  </si>
  <si>
    <t>Padrao Solicitacao Receitamento SG Telecom FAT B CENTURY LINK Setembro.xlsm</t>
  </si>
  <si>
    <t>09/27/2019 14:48:24</t>
  </si>
  <si>
    <t>D:\OneDrive\AlgarTech\Pré-Vendas\Cliente\2019\HUB\213408 - HUB - Connect-Direct\</t>
  </si>
  <si>
    <t>Preco_V1.xlsb</t>
  </si>
  <si>
    <t>D:\OneDrive\AlgarTech\Pré-Vendas\Cliente\2019\HUB\213408 - HUB - Connect-Direct\Preco_V1.xlsb\</t>
  </si>
  <si>
    <t>09/27/2019 14:47:31</t>
  </si>
  <si>
    <t>09/27/2019 14:53:17</t>
  </si>
  <si>
    <t>09/27/2019 14:52:50</t>
  </si>
  <si>
    <t>09/27/2019 14:54:17</t>
  </si>
  <si>
    <t>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db59eaca92dc4389b5f6125984872aa3-elisangela;franciscamq@algartech.com.br;rafaelabsz@algartech.com.br;wesleymb@algartech.com.br;</t>
  </si>
  <si>
    <t>Base ALELO</t>
  </si>
  <si>
    <t>Base Alelo 2709.csv</t>
  </si>
  <si>
    <t>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db59eaca92dc4389b5f6125984872aa3-elisangela,franciscamq@algartech.com.br,rafaelabsz@algartech.com.br,wesleymb@algartech.com.br</t>
  </si>
  <si>
    <t>09/27/2019 14:52:03</t>
  </si>
  <si>
    <t>ENC: ENC: Meta 2020</t>
  </si>
  <si>
    <t>09/27/2019 14:52:39</t>
  </si>
  <si>
    <t>09/27/2019 14:55:18</t>
  </si>
  <si>
    <t>/o=exchangelabs/ou=exchange administrative group (fydibohf23spdlt)/cn=recipients/cn=1f7fb15c11b94f728188c49441f5ad9d-samira fran;/o=exchangelabs/ou=exchange administrative group (fydibohf23spdlt)/cn=recipients/cn=76d765d676864fe79b29c865fa21a2c7-leticia rez;/o=exchangelabs/ou=exchange administrative group (fydibohf23spdlt)/cn=recipients/cn=c96fa2583f6c4d18b58c6c394ad007f2-franciele m;/o=exchangelabs/ou=exchange administrative group (fydibohf23spdlt)/cn=recipients/cn=d2811a6c188f43c3903a6a50e08fc7b4-gustavo dia;/o=exchangelabs/ou=exchange administrative group (fydibohf23spdlt)/cn=recipients/cn=dcb3e89b10ce4da18c92c6c450521fa7-murilo frei;leticia.oliveira@telematica.com.br;orcamentos@telematica.com.br;suporte@telematica.com.br;</t>
  </si>
  <si>
    <t>/o=exchangelabs/ou=exchange administrative group (fydibohf23spdlt)/cn=recipients/cn=1f7fb15c11b94f728188c49441f5ad9d-samira fran,/o=exchangelabs/ou=exchange administrative group (fydibohf23spdlt)/cn=recipients/cn=76d765d676864fe79b29c865fa21a2c7-leticia rez,/o=exchangelabs/ou=exchange administrative group (fydibohf23spdlt)/cn=recipients/cn=c96fa2583f6c4d18b58c6c394ad007f2-franciele m,/o=exchangelabs/ou=exchange administrative group (fydibohf23spdlt)/cn=recipients/cn=d2811a6c188f43c3903a6a50e08fc7b4-gustavo dia,/o=exchangelabs/ou=exchange administrative group (fydibohf23spdlt)/cn=recipients/cn=dcb3e89b10ce4da18c92c6c450521fa7-murilo frei,leticia.oliveira@telematica.com.br,orcamentos@telematica.com.br,suporte@telematica.com.br</t>
  </si>
  <si>
    <t>09/27/2019 14:56:37</t>
  </si>
  <si>
    <t>09/27/2019 14:59:18</t>
  </si>
  <si>
    <t>10.200.60.222</t>
  </si>
  <si>
    <t>D8-9C-67-01-53-55</t>
  </si>
  <si>
    <t>mail.google.com/_/upload?authuser=1&amp;dcp=asu-n&amp;upload_id=AEnB2UoCVA39VpYJL_6JmCh3n38wevmyDGHc2XuQ_caDr7nzbeujytfYoEsHL8RbClx69a9hS7Hp5TQL_MMPe26V5wIkEMtytsU-7EZ11G2rPV9GoopPbEU&amp;upload_protocol=resumable</t>
  </si>
  <si>
    <t>agendas domingo.xlsx</t>
  </si>
  <si>
    <t>09/27/2019 15:01:15</t>
  </si>
  <si>
    <t>09/27/2019 15:06:18</t>
  </si>
  <si>
    <t>/o=exchangelabs/ou=exchange administrative group (fydibohf23spdlt)/cn=recipients/cn=1e2e97da71ef410ba6f7bc3d1bfa9175-antonio car;</t>
  </si>
  <si>
    <t>ENC: Projeto Reenvio de Boleto - Homologação Bradesco</t>
  </si>
  <si>
    <t>ENC Atendimento DUDA Ilha Digital.msg\s1\</t>
  </si>
  <si>
    <t>Duda Bradesco granular 3.0.xlsx</t>
  </si>
  <si>
    <t>/o=exchangelabs/ou=exchange administrative group (fydibohf23spdlt)/cn=recipients/cn=1e2e97da71ef410ba6f7bc3d1bfa9175-antonio car</t>
  </si>
  <si>
    <t>09/27/2019 15:19:12</t>
  </si>
  <si>
    <t>09/27/2019 15:21:19</t>
  </si>
  <si>
    <t>/o=exchangelabs/ou=exchange administrative group (fydibohf23spdlt)/cn=recipients/cn=083204b1bd464d0fbbd2451a3a305923-katia gonca;/o=exchangelabs/ou=exchange administrative group (fydibohf23spdlt)/cn=recipients/cn=userd3ef8196;</t>
  </si>
  <si>
    <t>RES: Resumo do Mailing 26-09-2019</t>
  </si>
  <si>
    <t>IMPORTADOR OPEN.xlsx</t>
  </si>
  <si>
    <t>/o=exchangelabs/ou=exchange administrative group (fydibohf23spdlt)/cn=recipients/cn=083204b1bd464d0fbbd2451a3a305923-katia gonca,/o=exchangelabs/ou=exchange administrative group (fydibohf23spdlt)/cn=recipients/cn=userd3ef8196</t>
  </si>
  <si>
    <t>09/27/2019 15:21:05</t>
  </si>
  <si>
    <t>09/27/2019 15:22:18</t>
  </si>
  <si>
    <t>/o=exchangelabs/ou=exchange administrative group (fydibohf23spdlt)/cn=recipients/cn=0addf5d63aa844c7a80c4c80b8d6351e-edson barbo;/o=exchangelabs/ou=exchange administrative group (fydibohf23spdlt)/cn=recipients/cn=d4969550e41b4ec9b728d4bfe5cf6031-patricia ro;</t>
  </si>
  <si>
    <t>ATA CIPA</t>
  </si>
  <si>
    <t>Relação de Pendências da CIPA.xlsx</t>
  </si>
  <si>
    <t>/o=exchangelabs/ou=exchange administrative group (fydibohf23spdlt)/cn=recipients/cn=0addf5d63aa844c7a80c4c80b8d6351e-edson barbo,/o=exchangelabs/ou=exchange administrative group (fydibohf23spdlt)/cn=recipients/cn=d4969550e41b4ec9b728d4bfe5cf6031-patricia ro</t>
  </si>
  <si>
    <t>09/27/2019 15:22:02</t>
  </si>
  <si>
    <t>09/27/2019 15:23:19</t>
  </si>
  <si>
    <t>mail.google.com/_/upload?authuser=0&amp;dcp=asu-n&amp;upload_id=AEnB2UoogtgcYqd-6rA1w1PzMtexNvj0Zr67swzFJXJIwSq4t_VVVWBux_W9eWLquLUr1wcYi_QWRRA5uABFIV5TEeRb1l7TyGtNLxFDq-plH_zZDLJpcYk&amp;upload_protocol=resumable</t>
  </si>
  <si>
    <t>\\acsfs\dsti\CIT- Coordenação de Inteligência de Tecnologia\05 - Gerenciamento Orçamento e Contabilização\5. Contabilidade 2019\9. Setembro\Despesas Antecipadas\Oracle NF 277170 NF276946 OC 8379_ENVIADA\</t>
  </si>
  <si>
    <t>09/27/2019 15:21:10</t>
  </si>
  <si>
    <t>09/27/2019 15:23:51</t>
  </si>
  <si>
    <t>09/27/2019 15:26:18</t>
  </si>
  <si>
    <t>Family day</t>
  </si>
  <si>
    <t>09/27/2019 15:21:47</t>
  </si>
  <si>
    <t>09/27/2019 15:29:19</t>
  </si>
  <si>
    <t>/o=exchangelabs/ou=exchange administrative group (fydibohf23spdlt)/cn=recipients/cn=groupd5c96cfa;</t>
  </si>
  <si>
    <t>ENC: Relatório Treinamento NR-17 - 30ª Parcial 2019</t>
  </si>
  <si>
    <t>Farol NR-17 - 30ª Parcial 2019.xlsb</t>
  </si>
  <si>
    <t>/o=exchangelabs/ou=exchange administrative group (fydibohf23spdlt)/cn=recipients/cn=groupd5c96cfa</t>
  </si>
  <si>
    <t>09/27/2019 15:25:52</t>
  </si>
  <si>
    <t>09/27/2019 15:31:18</t>
  </si>
  <si>
    <t>ENC: Avaliações - Consumidor.gov.br - Cartões de Crédito</t>
  </si>
  <si>
    <t>Cartões.xlsx</t>
  </si>
  <si>
    <t>09/27/2019 15:31:44</t>
  </si>
  <si>
    <t>09/27/2019 15:32:18</t>
  </si>
  <si>
    <t>/o=exchangelabs/ou=exchange administrative group (fydibohf23spdlt)/cn=recipients/cn=02b715e2a3c744dbab0f4054efc9d2d2-raquel corr;/o=exchangelabs/ou=exchange administrative group (fydibohf23spdlt)/cn=recipients/cn=2d3379e2d04c40db810b4b1f41dd2aea-erica carol;/o=exchangelabs/ou=exchange administrative group (fydibohf23spdlt)/cn=recipients/cn=5cdf7c02d3784fda99b7b159b2a127b2-rudney leme;</t>
  </si>
  <si>
    <t>Relação de NF - BBN 09-2019.xlsx</t>
  </si>
  <si>
    <t>/o=exchangelabs/ou=exchange administrative group (fydibohf23spdlt)/cn=recipients/cn=02b715e2a3c744dbab0f4054efc9d2d2-raquel corr,/o=exchangelabs/ou=exchange administrative group (fydibohf23spdlt)/cn=recipients/cn=2d3379e2d04c40db810b4b1f41dd2aea-erica carol,/o=exchangelabs/ou=exchange administrative group (fydibohf23spdlt)/cn=recipients/cn=5cdf7c02d3784fda99b7b159b2a127b2-rudney leme</t>
  </si>
  <si>
    <t>09/26/2019 11:17:40</t>
  </si>
  <si>
    <t>09/27/2019 15:42:18</t>
  </si>
  <si>
    <t>09/26/2019 11:28:41</t>
  </si>
  <si>
    <t>09/26/2019 11:31:11</t>
  </si>
  <si>
    <t>09/26/2019 11:45:49</t>
  </si>
  <si>
    <t>09/26/2019 12:41:13</t>
  </si>
  <si>
    <t>09/26/2019 14:11:33</t>
  </si>
  <si>
    <t>09/26/2019 14:12:07</t>
  </si>
  <si>
    <t>09/26/2019 14:12:45</t>
  </si>
  <si>
    <t>09/26/2019 14:13:17</t>
  </si>
  <si>
    <t>09/26/2019 14:14:27</t>
  </si>
  <si>
    <t>09/26/2019 14:15:03</t>
  </si>
  <si>
    <t>09/26/2019 14:16:08</t>
  </si>
  <si>
    <t>09/26/2019 14:25:02</t>
  </si>
  <si>
    <t>09/26/2019 14:27:39</t>
  </si>
  <si>
    <t>09/26/2019 14:28:46</t>
  </si>
  <si>
    <t>09/26/2019 14:29:20</t>
  </si>
  <si>
    <t>09/26/2019 14:29:54</t>
  </si>
  <si>
    <t>09/26/2019 14:34:35</t>
  </si>
  <si>
    <t>09/26/2019 14:37:48</t>
  </si>
  <si>
    <t>09/26/2019 15:23:46</t>
  </si>
  <si>
    <t>09/26/2019 15:39:05</t>
  </si>
  <si>
    <t>09/26/2019 15:39:40</t>
  </si>
  <si>
    <t>09/26/2019 15:40:13</t>
  </si>
  <si>
    <t>09/26/2019 17:55:21</t>
  </si>
  <si>
    <t>09/26/2019 17:55:41</t>
  </si>
  <si>
    <t>09/27/2019 09:43:23</t>
  </si>
  <si>
    <t>09/27/2019 09:45:28</t>
  </si>
  <si>
    <t>09/27/2019 09:50:02</t>
  </si>
  <si>
    <t>09/27/2019 09:55:47</t>
  </si>
  <si>
    <t>09/27/2019 09:56:04</t>
  </si>
  <si>
    <t>09/27/2019 09:56:21</t>
  </si>
  <si>
    <t>09/27/2019 09:56:37</t>
  </si>
  <si>
    <t>09/27/2019 09:56:57</t>
  </si>
  <si>
    <t>09/27/2019 09:57:13</t>
  </si>
  <si>
    <t>09/27/2019 09:58:21</t>
  </si>
  <si>
    <t>09/27/2019 09:58:37</t>
  </si>
  <si>
    <t>09/27/2019 09:59:02</t>
  </si>
  <si>
    <t>09/27/2019 09:59:22</t>
  </si>
  <si>
    <t>09/27/2019 09:59:38</t>
  </si>
  <si>
    <t>09/27/2019 10:01:26</t>
  </si>
  <si>
    <t>09/27/2019 10:01:34</t>
  </si>
  <si>
    <t>09/27/2019 10:03:09</t>
  </si>
  <si>
    <t>09/27/2019 10:03:35</t>
  </si>
  <si>
    <t>09/27/2019 10:07:48</t>
  </si>
  <si>
    <t>09/27/2019 10:19:25</t>
  </si>
  <si>
    <t>09/27/2019 10:19:59</t>
  </si>
  <si>
    <t>09/27/2019 10:20:31</t>
  </si>
  <si>
    <t>09/27/2019 10:22:32</t>
  </si>
  <si>
    <t>09/27/2019 10:23:07</t>
  </si>
  <si>
    <t>09/27/2019 10:24:22</t>
  </si>
  <si>
    <t>09/27/2019 10:50:44</t>
  </si>
  <si>
    <t>09/27/2019 10:59:40</t>
  </si>
  <si>
    <t>09/27/2019 11:00:27</t>
  </si>
  <si>
    <t>09/27/2019 11:08:06</t>
  </si>
  <si>
    <t>09/27/2019 11:08:56</t>
  </si>
  <si>
    <t>09/27/2019 11:09:32</t>
  </si>
  <si>
    <t>09/27/2019 11:13:35</t>
  </si>
  <si>
    <t>09/27/2019 11:16:19</t>
  </si>
  <si>
    <t>09/27/2019 11:19:40</t>
  </si>
  <si>
    <t>09/27/2019 11:29:57</t>
  </si>
  <si>
    <t>09/27/2019 11:30:32</t>
  </si>
  <si>
    <t>09/27/2019 11:31:06</t>
  </si>
  <si>
    <t>09/27/2019 11:31:42</t>
  </si>
  <si>
    <t>09/27/2019 11:32:17</t>
  </si>
  <si>
    <t>09/27/2019 11:33:27</t>
  </si>
  <si>
    <t>09/27/2019 11:34:01</t>
  </si>
  <si>
    <t>09/27/2019 11:34:39</t>
  </si>
  <si>
    <t>09/27/2019 11:38:07</t>
  </si>
  <si>
    <t>09/27/2019 11:38:39</t>
  </si>
  <si>
    <t>09/27/2019 11:39:14</t>
  </si>
  <si>
    <t>09/27/2019 11:39:49</t>
  </si>
  <si>
    <t>09/27/2019 11:56:32</t>
  </si>
  <si>
    <t>09/27/2019 11:56:39</t>
  </si>
  <si>
    <t>09/27/2019 11:56:55</t>
  </si>
  <si>
    <t>09/27/2019 11:57:30</t>
  </si>
  <si>
    <t>09/27/2019 12:10:08</t>
  </si>
  <si>
    <t>09/27/2019 12:10:42</t>
  </si>
  <si>
    <t>09/27/2019 12:11:18</t>
  </si>
  <si>
    <t>09/27/2019 12:11:53</t>
  </si>
  <si>
    <t>09/27/2019 12:12:28</t>
  </si>
  <si>
    <t>09/27/2019 12:13:03</t>
  </si>
  <si>
    <t>09/27/2019 12:16:45</t>
  </si>
  <si>
    <t>09/27/2019 12:17:20</t>
  </si>
  <si>
    <t>09/27/2019 12:17:54</t>
  </si>
  <si>
    <t>09/27/2019 12:18:55</t>
  </si>
  <si>
    <t>09/27/2019 12:25:27</t>
  </si>
  <si>
    <t>09/27/2019 12:28:44</t>
  </si>
  <si>
    <t>09/27/2019 12:29:40</t>
  </si>
  <si>
    <t>09/27/2019 12:30:14</t>
  </si>
  <si>
    <t>09/27/2019 12:30:49</t>
  </si>
  <si>
    <t>09/27/2019 12:31:29</t>
  </si>
  <si>
    <t>09/27/2019 12:32:05</t>
  </si>
  <si>
    <t>09/27/2019 12:34:05</t>
  </si>
  <si>
    <t>09/27/2019 12:34:40</t>
  </si>
  <si>
    <t>09/27/2019 12:38:48</t>
  </si>
  <si>
    <t>09/27/2019 12:39:22</t>
  </si>
  <si>
    <t>09/27/2019 12:39:57</t>
  </si>
  <si>
    <t>09/27/2019 12:40:34</t>
  </si>
  <si>
    <t>09/27/2019 12:42:58</t>
  </si>
  <si>
    <t>09/27/2019 12:43:33</t>
  </si>
  <si>
    <t>09/27/2019 12:47:34</t>
  </si>
  <si>
    <t>09/27/2019 12:51:46</t>
  </si>
  <si>
    <t>09/27/2019 12:52:36</t>
  </si>
  <si>
    <t>09/27/2019 12:53:16</t>
  </si>
  <si>
    <t>09/27/2019 12:54:17</t>
  </si>
  <si>
    <t>09/27/2019 12:54:57</t>
  </si>
  <si>
    <t>09/27/2019 12:59:52</t>
  </si>
  <si>
    <t>09/27/2019 13:00:56</t>
  </si>
  <si>
    <t>09/27/2019 13:01:32</t>
  </si>
  <si>
    <t>09/27/2019 13:02:05</t>
  </si>
  <si>
    <t>09/27/2019 13:04:24</t>
  </si>
  <si>
    <t>09/27/2019 13:08:48</t>
  </si>
  <si>
    <t>09/27/2019 13:10:04</t>
  </si>
  <si>
    <t>10.200.111.14</t>
  </si>
  <si>
    <t>09/27/2019 13:10:39</t>
  </si>
  <si>
    <t>09/27/2019 13:11:14</t>
  </si>
  <si>
    <t>09/27/2019 13:15:20</t>
  </si>
  <si>
    <t>09/27/2019 13:15:55</t>
  </si>
  <si>
    <t>09/27/2019 13:18:06</t>
  </si>
  <si>
    <t>09/27/2019 13:18:41</t>
  </si>
  <si>
    <t>09/27/2019 13:20:33</t>
  </si>
  <si>
    <t>09/27/2019 13:22:33</t>
  </si>
  <si>
    <t>09/27/2019 13:28:06</t>
  </si>
  <si>
    <t>09/27/2019 13:28:40</t>
  </si>
  <si>
    <t>09/27/2019 13:34:31</t>
  </si>
  <si>
    <t>09/27/2019 13:35:03</t>
  </si>
  <si>
    <t>09/27/2019 13:54:03</t>
  </si>
  <si>
    <t>09/27/2019 13:54:36</t>
  </si>
  <si>
    <t>09/27/2019 13:55:09</t>
  </si>
  <si>
    <t>09/27/2019 13:55:44</t>
  </si>
  <si>
    <t>09/27/2019 13:57:28</t>
  </si>
  <si>
    <t>09/27/2019 13:58:47</t>
  </si>
  <si>
    <t>09/27/2019 14:00:42</t>
  </si>
  <si>
    <t>09/27/2019 14:01:10</t>
  </si>
  <si>
    <t>09/27/2019 14:01:47</t>
  </si>
  <si>
    <t>09/27/2019 14:02:23</t>
  </si>
  <si>
    <t>09/27/2019 14:05:36</t>
  </si>
  <si>
    <t>09/27/2019 14:09:44</t>
  </si>
  <si>
    <t>09/27/2019 14:13:24</t>
  </si>
  <si>
    <t>09/27/2019 14:14:16</t>
  </si>
  <si>
    <t>09/27/2019 14:22:39</t>
  </si>
  <si>
    <t>09/27/2019 14:27:39</t>
  </si>
  <si>
    <t>09/27/2019 14:28:16</t>
  </si>
  <si>
    <t>09/27/2019 14:29:28</t>
  </si>
  <si>
    <t>09/27/2019 14:30:05</t>
  </si>
  <si>
    <t>09/27/2019 15:43:18</t>
  </si>
  <si>
    <t>09/27/2019 14:36:13</t>
  </si>
  <si>
    <t>09/27/2019 14:36:48</t>
  </si>
  <si>
    <t>09/27/2019 14:37:22</t>
  </si>
  <si>
    <t>09/27/2019 14:39:02</t>
  </si>
  <si>
    <t>09/27/2019 14:39:37</t>
  </si>
  <si>
    <t>09/27/2019 14:40:08</t>
  </si>
  <si>
    <t>09/27/2019 14:40:40</t>
  </si>
  <si>
    <t>09/27/2019 14:41:34</t>
  </si>
  <si>
    <t>09/27/2019 14:41:50</t>
  </si>
  <si>
    <t>09/27/2019 14:43:15</t>
  </si>
  <si>
    <t>09/27/2019 14:43:56</t>
  </si>
  <si>
    <t>09/27/2019 14:45:55</t>
  </si>
  <si>
    <t>09/27/2019 14:48:05</t>
  </si>
  <si>
    <t>09/27/2019 14:49:10</t>
  </si>
  <si>
    <t>09/27/2019 14:50:13</t>
  </si>
  <si>
    <t>09/27/2019 14:50:46</t>
  </si>
  <si>
    <t>09/27/2019 14:51:18</t>
  </si>
  <si>
    <t>09/27/2019 14:51:51</t>
  </si>
  <si>
    <t>09/27/2019 14:53:38</t>
  </si>
  <si>
    <t>09/27/2019 15:03:50</t>
  </si>
  <si>
    <t>09/27/2019 15:06:26</t>
  </si>
  <si>
    <t>09/27/2019 15:12:10</t>
  </si>
  <si>
    <t>09/27/2019 15:14:20</t>
  </si>
  <si>
    <t>09/27/2019 15:17:41</t>
  </si>
  <si>
    <t>09/27/2019 15:37:16</t>
  </si>
  <si>
    <t>09/27/2019 15:37:59</t>
  </si>
  <si>
    <t>09/27/2019 15:41:41</t>
  </si>
  <si>
    <t>/o=exchangelabs/ou=exchange administrative group (fydibohf23spdlt)/cn=recipients/cn=214987ca45394b93a473a4e901f49d56-valmirian d;/o=exchangelabs/ou=exchange administrative group (fydibohf23spdlt)/cn=recipients/cn=603027dcf7ae430bb4a2797d5147745e-aspect;/o=exchangelabs/ou=exchange administrative group (fydibohf23spdlt)/cn=recipients/cn=771021d04c454ed59656ea0e14dd7974-wagner cele;/o=exchangelabs/ou=exchange administrative group (fydibohf23spdlt)/cn=recipients/cn=aef94c0f98b44279a41d719230c27333-sabrina dan;/o=exchangelabs/ou=exchange administrative group (fydibohf23spdlt)/cn=recipients/cn=c08089b92f0643f18c949cb099a06593-tamara luis;/o=exchangelabs/ou=exchange administrative group (fydibohf23spdlt)/cn=recipients/cn=e1b0af96fdc94f4f866f918c896827c9-adriele cat;</t>
  </si>
  <si>
    <t>Planejamento Outbound IBI</t>
  </si>
  <si>
    <t>Calculadora Dimensionamento Ativo.xlsb</t>
  </si>
  <si>
    <t>/o=exchangelabs/ou=exchange administrative group (fydibohf23spdlt)/cn=recipients/cn=214987ca45394b93a473a4e901f49d56-valmirian d,/o=exchangelabs/ou=exchange administrative group (fydibohf23spdlt)/cn=recipients/cn=603027dcf7ae430bb4a2797d5147745e-aspect,/o=exchangelabs/ou=exchange administrative group (fydibohf23spdlt)/cn=recipients/cn=771021d04c454ed59656ea0e14dd7974-wagner cele,/o=exchangelabs/ou=exchange administrative group (fydibohf23spdlt)/cn=recipients/cn=aef94c0f98b44279a41d719230c27333-sabrina dan,/o=exchangelabs/ou=exchange administrative group (fydibohf23spdlt)/cn=recipients/cn=c08089b92f0643f18c949cb099a06593-tamara luis,/o=exchangelabs/ou=exchange administrative group (fydibohf23spdlt)/cn=recipients/cn=e1b0af96fdc94f4f866f918c896827c9-adriele cat</t>
  </si>
  <si>
    <t>09/27/2019 15:45:32</t>
  </si>
  <si>
    <t>09/27/2019 15:46:18</t>
  </si>
  <si>
    <t>Furto de Combustível - Qual o Procedimento?</t>
  </si>
  <si>
    <t>Controle abastecimentos - Cristiano Ribeiro.xlsx</t>
  </si>
  <si>
    <t>09/25/2019 15:29:46</t>
  </si>
  <si>
    <t>09/27/2019 15:48:19</t>
  </si>
  <si>
    <t>09/25/2019 15:30:17</t>
  </si>
  <si>
    <t>09/25/2019 15:39:21</t>
  </si>
  <si>
    <t>09/25/2019 15:40:29</t>
  </si>
  <si>
    <t>09/25/2019 15:53:13</t>
  </si>
  <si>
    <t>09/25/2019 15:53:52</t>
  </si>
  <si>
    <t>09/25/2019 15:54:55</t>
  </si>
  <si>
    <t>09/25/2019 15:55:28</t>
  </si>
  <si>
    <t>09/25/2019 15:57:13</t>
  </si>
  <si>
    <t>09/25/2019 15:57:45</t>
  </si>
  <si>
    <t>09/25/2019 16:10:22</t>
  </si>
  <si>
    <t>09/25/2019 16:12:37</t>
  </si>
  <si>
    <t>09/25/2019 16:13:43</t>
  </si>
  <si>
    <t>09/25/2019 16:15:08</t>
  </si>
  <si>
    <t>09/25/2019 16:15:21</t>
  </si>
  <si>
    <t>09/25/2019 16:16:59</t>
  </si>
  <si>
    <t>09/25/2019 16:18:13</t>
  </si>
  <si>
    <t>09/25/2019 16:29:13</t>
  </si>
  <si>
    <t>09/25/2019 16:29:47</t>
  </si>
  <si>
    <t>09/25/2019 16:42:06</t>
  </si>
  <si>
    <t>09/25/2019 17:05:53</t>
  </si>
  <si>
    <t>09/25/2019 17:06:24</t>
  </si>
  <si>
    <t>09/26/2019 09:51:07</t>
  </si>
  <si>
    <t>09/26/2019 09:51:26</t>
  </si>
  <si>
    <t>09/26/2019 11:04:39</t>
  </si>
  <si>
    <t>09/26/2019 11:05:09</t>
  </si>
  <si>
    <t>09/26/2019 11:15:37</t>
  </si>
  <si>
    <t>09/27/2019 15:40:22</t>
  </si>
  <si>
    <t>09/27/2019 15:42:45</t>
  </si>
  <si>
    <t>09/27/2019 15:43:42</t>
  </si>
  <si>
    <t>09/27/2019 15:43:47</t>
  </si>
  <si>
    <t>09/27/2019 15:44:15</t>
  </si>
  <si>
    <t>09/27/2019 15:43:43</t>
  </si>
  <si>
    <t>09/27/2019 15:49:18</t>
  </si>
  <si>
    <t>http://shareit.global.avon.com/sites/arrmcm/forca-de-vendas/_layouts/upload.aspx?list={bfd161db-750f-4cbd-9e74-a6fb6ee0a6de}&amp;rootfolder=/sites/arrmcm/forca-de-vendas/revendedora/incentivos/meu mundo avon&amp;source=http://shareit.global.avon.com/sites/arrmcm/forca-de-vendas/revendedora/forms/allitems.aspx?folderctid=&amp;rootfolder=%2fsites%2farrmcm%2fforca%2dde%2dvendas%2frevendedora%2fincentivos%2fmeu%20mundo%20avon&amp;sortfield=modified&amp;sortdir=asc&amp;view=%7b993eba10%2d8cf7%2d4fbc%2dbe91%2de4ca00ce3956%7d</t>
  </si>
  <si>
    <t>Status MMA - Micro-ondas.xls</t>
  </si>
  <si>
    <t>09/27/2019 15:45:34</t>
  </si>
  <si>
    <t>http://shareit.global.avon.com/sites/arrmcm/forca-de-vendas/_layouts/upload.aspx?list={49a50e3f-b4b4-49bc-b117-70e608bcb21b}&amp;rootfolder=/sites/arrmcm/forca-de-vendas/gerente de setor/concur&amp;source=http://shareit.global.avon.com/sites/arrmcm/forca-de-vendas/gerente de setor/forms/allitems.aspx?rootfolder=%2fsites%2farrmcm%2fforca%2dde%2dvendas%2fgerente%20de%20setor%2fconcur&amp;folderctid=&amp;view=%7bd059265c%2dd14d%2d41b3%2d9614%2d5dc74317d84e%7d</t>
  </si>
  <si>
    <t>PLANILHA DATA DE PAGAMENTO DOS RELATÃ“RIOS DO CONCUR.xls</t>
  </si>
  <si>
    <t>09/27/2019 15:48:46</t>
  </si>
  <si>
    <t>'marciamdf@algatech.com;/o=exchangelabs/ou=exchange administrative group (fydibohf23spdlt)/cn=recipients/cn=822f65115a2046059fff20a916dd90e9-thais marti;/o=exchangelabs/ou=exchange administrative group (fydibohf23spdlt)/cn=recipients/cn=82e9af7034e542b3a622ab8e7d09ff5d-ricardo de;/o=exchangelabs/ou=exchange administrative group (fydibohf23spdlt)/cn=recipients/cn=8b5b63d67af648d081a40c45cc800804-fabiana per;/o=exchangelabs/ou=exchange administrative group (fydibohf23spdlt)/cn=recipients/cn=aff8c3b9538840fe9b9778861292fbea-everton pau;/o=exchangelabs/ou=exchange administrative group (fydibohf23spdlt)/cn=recipients/cn=f45617401bdf436baf70c45766699413-frederico b;aurio.nogueira@bradesco.com.br;brunosr@algartech.com.br;isabelaaf@algartech.com.br;jackson.diniz@bradesco.com.br;janaina.arantes@bradesco.com.br;jhonatan.ventino@bradesco.com.br;marciohpr@algartech.com.br;poliane.amaral@bradesco.com.br;sheilacdf@algartech.com.br;suzanasb@algartech.com.br;suzane.b.rodrigues@bradesco.com.br;vivianega@algartech.com.br;</t>
  </si>
  <si>
    <t>Painel Acompanhamento - FORMALIZAÇÃO AMEX E VISA</t>
  </si>
  <si>
    <t>'marciamdf@algatech.com,/o=exchangelabs/ou=exchange administrative group (fydibohf23spdlt)/cn=recipients/cn=822f65115a2046059fff20a916dd90e9-thais marti,/o=exchangelabs/ou=exchange administrative group (fydibohf23spdlt)/cn=recipients/cn=82e9af7034e542b3a622ab8e7d09ff5d-ricardo de,/o=exchangelabs/ou=exchange administrative group (fydibohf23spdlt)/cn=recipients/cn=8b5b63d67af648d081a40c45cc800804-fabiana per,/o=exchangelabs/ou=exchange administrative group (fydibohf23spdlt)/cn=recipients/cn=aff8c3b9538840fe9b9778861292fbea-everton pau,/o=exchangelabs/ou=exchange administrative group (fydibohf23spdlt)/cn=recipients/cn=f45617401bdf436baf70c45766699413-frederico b,aurio.nogueira@bradesco.com.br,brunosr@algartech.com.br,isabelaaf@algartech.com.br,jackson.diniz@bradesco.com.br,janaina.arantes@bradesco.com.br,jhonatan.ventino@bradesco.com.br,marciohpr@algartech.com.br,poliane.amaral@bradesco.com.br,sheilacdf@algartech.com.br,suzanasb@algartech.com.br,suzane.b.rodrigues@bradesco.com.br,vivianega@algartech.com.br</t>
  </si>
  <si>
    <t>09/27/2019 15:44:33</t>
  </si>
  <si>
    <t>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c492b691dff246198e997a7bfe50c15a-joao pedro;/o=exchangelabs/ou=exchange administrative group (fydibohf23spdlt)/cn=recipients/cn=user8e89d2d7;/o=nt5/ou=00000000000000000000000000000000/cn=0497a20c4e8fe14ebd377110dbd26814;</t>
  </si>
  <si>
    <t>ENC: Auditoria de Vendas - Setembro</t>
  </si>
  <si>
    <t>Dimensionamento_Vendas_Setembro.xlsx</t>
  </si>
  <si>
    <t>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c492b691dff246198e997a7bfe50c15a-joao pedro,/o=exchangelabs/ou=exchange administrative group (fydibohf23spdlt)/cn=recipients/cn=user8e89d2d7,/o=nt5/ou=00000000000000000000000000000000/cn=0497a20c4e8fe14ebd377110dbd26814</t>
  </si>
  <si>
    <t>09/27/2019 15:46:32</t>
  </si>
  <si>
    <t>09/27/2019 15:50:18</t>
  </si>
  <si>
    <t>/o=exchangelabs/ou=exchange administrative group (fydibohf23spdlt)/cn=recipients/cn=027c2da1ea5a42378a892f895ed29947-andressa tu;/o=exchangelabs/ou=exchange administrative group (fydibohf23spdlt)/cn=recipients/cn=0ae9da151ba7444f9601ef3ec5b6fbe1-danilo atai;/o=exchangelabs/ou=exchange administrative group (fydibohf23spdlt)/cn=recipients/cn=0b6a994899de4cd3af0f6d1091e97ebf-arones abre;/o=exchangelabs/ou=exchange administrative group (fydibohf23spdlt)/cn=recipients/cn=287c26b08a0f48578479a15a452f025d-edilson rod;/o=exchangelabs/ou=exchange administrative group (fydibohf23spdlt)/cn=recipients/cn=372a4aee70df4061aed129651510b96b-raul montei;/o=exchangelabs/ou=exchange administrative group (fydibohf23spdlt)/cn=recipients/cn=5676353c001f41558e00d4c7fa4fd023-aprova.vend;/o=exchangelabs/ou=exchange administrative group (fydibohf23spdlt)/cn=recipients/cn=f71035a74a95411c8b0276261ec8a527-rafael barr;/o=exchangelabs/ou=exchange administrative group (fydibohf23spdlt)/cn=recipients/cn=user78f7a52d;</t>
  </si>
  <si>
    <t>RES: OPP 148877 - FECHADA GANHA</t>
  </si>
  <si>
    <t>Classificação de Ativo.msg\s136\</t>
  </si>
  <si>
    <t>PMO_-_Detalhamento_de_Itens_-_RenovacaoComfrio_3256295.xlsx</t>
  </si>
  <si>
    <t>/o=exchangelabs/ou=exchange administrative group (fydibohf23spdlt)/cn=recipients/cn=027c2da1ea5a42378a892f895ed29947-andressa tu,/o=exchangelabs/ou=exchange administrative group (fydibohf23spdlt)/cn=recipients/cn=0ae9da151ba7444f9601ef3ec5b6fbe1-danilo atai,/o=exchangelabs/ou=exchange administrative group (fydibohf23spdlt)/cn=recipients/cn=0b6a994899de4cd3af0f6d1091e97ebf-arones abre,/o=exchangelabs/ou=exchange administrative group (fydibohf23spdlt)/cn=recipients/cn=287c26b08a0f48578479a15a452f025d-edilson rod,/o=exchangelabs/ou=exchange administrative group (fydibohf23spdlt)/cn=recipients/cn=372a4aee70df4061aed129651510b96b-raul montei,/o=exchangelabs/ou=exchange administrative group (fydibohf23spdlt)/cn=recipients/cn=5676353c001f41558e00d4c7fa4fd023-aprova.vend,/o=exchangelabs/ou=exchange administrative group (fydibohf23spdlt)/cn=recipients/cn=f71035a74a95411c8b0276261ec8a527-rafael barr,/o=exchangelabs/ou=exchange administrative group (fydibohf23spdlt)/cn=recipients/cn=user78f7a52d</t>
  </si>
  <si>
    <t>09/27/2019 15:47:36</t>
  </si>
  <si>
    <t>09/27/2019 15:53:18</t>
  </si>
  <si>
    <t>/o=exchangelabs/ou=exchange administrative group (fydibohf23spdlt)/cn=recipients/cn=ea550deb494c40fe8242caed7dc5feb8-henrique fe;</t>
  </si>
  <si>
    <t>RES: Planilha Solicitações x incidentes A100w</t>
  </si>
  <si>
    <t>2019.9 - A100 KPI Report.xlsx</t>
  </si>
  <si>
    <t>/o=exchangelabs/ou=exchange administrative group (fydibohf23spdlt)/cn=recipients/cn=ea550deb494c40fe8242caed7dc5feb8-henrique fe</t>
  </si>
  <si>
    <t>09/27/2019 15:49:27</t>
  </si>
  <si>
    <t>09/27/2019 15:50:03</t>
  </si>
  <si>
    <t>09/27/2019 12:11:20</t>
  </si>
  <si>
    <t>/o=exchangelabs/ou=exchange administrative group (fydibohf23spdlt)/cn=recipients/cn=240fafdb21074ab9a87c95d3265e411c-rodrigo rod;/o=exchangelabs/ou=exchange administrative group (fydibohf23spdlt)/cn=recipients/cn=2946605dcf554cb389220dec598b84fa-adriano mon;/o=exchangelabs/ou=exchange administrative group (fydibohf23spdlt)/cn=recipients/cn=2f13f6d577d947158c5f81c08b0e5faf-tatiane dor;/o=exchangelabs/ou=exchange administrative group (fydibohf23spdlt)/cn=recipients/cn=47bcba0edfbb48d39e9b215eae1400b2-ana paula s;/o=exchangelabs/ou=exchange administrative group (fydibohf23spdlt)/cn=recipients/cn=5c0e0b883c0f4ccbb2cf13db05a00b36-luciene ivo;/o=exchangelabs/ou=exchange administrative group (fydibohf23spdlt)/cn=recipients/cn=aef94c0f98b44279a41d719230c27333-sabrina dan;</t>
  </si>
  <si>
    <t>/o=exchangelabs/ou=exchange administrative group (fydibohf23spdlt)/cn=recipients/cn=240fafdb21074ab9a87c95d3265e411c-rodrigo rod,/o=exchangelabs/ou=exchange administrative group (fydibohf23spdlt)/cn=recipients/cn=2946605dcf554cb389220dec598b84fa-adriano mon,/o=exchangelabs/ou=exchange administrative group (fydibohf23spdlt)/cn=recipients/cn=2f13f6d577d947158c5f81c08b0e5faf-tatiane dor,/o=exchangelabs/ou=exchange administrative group (fydibohf23spdlt)/cn=recipients/cn=47bcba0edfbb48d39e9b215eae1400b2-ana paula s,/o=exchangelabs/ou=exchange administrative group (fydibohf23spdlt)/cn=recipients/cn=5c0e0b883c0f4ccbb2cf13db05a00b36-luciene ivo,/o=exchangelabs/ou=exchange administrative group (fydibohf23spdlt)/cn=recipients/cn=aef94c0f98b44279a41d719230c27333-sabrina dan</t>
  </si>
  <si>
    <t>09/27/2019 15:48:33</t>
  </si>
  <si>
    <t>Planejamento Inbound IBI</t>
  </si>
  <si>
    <t>Dimensionamento IBI Outubro 85% - Entrega.xlsx</t>
  </si>
  <si>
    <t>09/27/2019 15:52:38</t>
  </si>
  <si>
    <t>09/27/2019 15:52:39</t>
  </si>
  <si>
    <t>09/27/2019 15:52:40</t>
  </si>
  <si>
    <t>09/27/2019 15:52:24</t>
  </si>
  <si>
    <t>09/27/2019 15:54:18</t>
  </si>
  <si>
    <t>C:\Users\lucianafaa\OneDrive - Grupo Algar\2019\CONTROLE HORAS\</t>
  </si>
  <si>
    <t>Horas 2019- agosto.xlsx</t>
  </si>
  <si>
    <t>09/27/2019 15:49:57</t>
  </si>
  <si>
    <t>'marciamdf@algatech.com;/o=exchangelabs/ou=exchange administrative group (fydibohf23spdlt)/cn=recipients/cn=60c79fa1bc994449ac17a5e2109f7abd-claudio fer;/o=exchangelabs/ou=exchange administrative group (fydibohf23spdlt)/cn=recipients/cn=822f65115a2046059fff20a916dd90e9-thais marti;/o=exchangelabs/ou=exchange administrative group (fydibohf23spdlt)/cn=recipients/cn=82e9af7034e542b3a622ab8e7d09ff5d-ricardo de;/o=exchangelabs/ou=exchange administrative group (fydibohf23spdlt)/cn=recipients/cn=8b5b63d67af648d081a40c45cc800804-fabiana per;/o=exchangelabs/ou=exchange administrative group (fydibohf23spdlt)/cn=recipients/cn=aff8c3b9538840fe9b9778861292fbea-everton pau;/o=exchangelabs/ou=exchange administrative group (fydibohf23spdlt)/cn=recipients/cn=f45617401bdf436baf70c45766699413-frederico b;aurio.nogueira@bradesco.com.br;brunosr@algartech.com.br;franciscoeag@algartech.com.br;isabelaaf@algartech.com.br;jackson.diniz@bradesco.com.br;janaina.arantes@bradesco.com.br;jhonatan.ventino@bradesco.com.br;jose.miranda@tempos</t>
  </si>
  <si>
    <t>Painel Acompanhamento - VALE E UCB</t>
  </si>
  <si>
    <t>UCB_Setembro.xlsm</t>
  </si>
  <si>
    <t>'marciamdf@algatech.com,/o=exchangelabs/ou=exchange administrative group (fydibohf23spdlt)/cn=recipients/cn=60c79fa1bc994449ac17a5e2109f7abd-claudio fer,/o=exchangelabs/ou=exchange administrative group (fydibohf23spdlt)/cn=recipients/cn=822f65115a2046059fff20a916dd90e9-thais marti,/o=exchangelabs/ou=exchange administrative group (fydibohf23spdlt)/cn=recipients/cn=82e9af7034e542b3a622ab8e7d09ff5d-ricardo de,/o=exchangelabs/ou=exchange administrative group (fydibohf23spdlt)/cn=recipients/cn=8b5b63d67af648d081a40c45cc800804-fabiana per,/o=exchangelabs/ou=exchange administrative group (fydibohf23spdlt)/cn=recipients/cn=aff8c3b9538840fe9b9778861292fbea-everton pau,/o=exchangelabs/ou=exchange administrative group (fydibohf23spdlt)/cn=recipients/cn=f45617401bdf436baf70c45766699413-frederico b,aurio.nogueira@bradesco.com.br,brunosr@algartech.com.br,franciscoeag@algartech.com.br,isabelaaf@algartech.com.br,jackson.diniz@bradesco.com.br,janaina.arantes@bradesco.com.br,jhonatan.ventino@bradesco.com.br,jose.miranda@tempos</t>
  </si>
  <si>
    <t>09/27/2019 15:50:40</t>
  </si>
  <si>
    <t>'marciamdf@algatech.com;/o=exchangelabs/ou=exchange administrative group (fydibohf23spdlt)/cn=recipients/cn=822f65115a2046059fff20a916dd90e9-thais marti;/o=exchangelabs/ou=exchange administrative group (fydibohf23spdlt)/cn=recipients/cn=82e9af7034e542b3a622ab8e7d09ff5d-ricardo de;/o=exchangelabs/ou=exchange administrative group (fydibohf23spdlt)/cn=recipients/cn=8b5b63d67af648d081a40c45cc800804-fabiana per;/o=exchangelabs/ou=exchange administrative group (fydibohf23spdlt)/cn=recipients/cn=aff8c3b9538840fe9b9778861292fbea-everton pau;/o=exchangelabs/ou=exchange administrative group (fydibohf23spdlt)/cn=recipients/cn=f45617401bdf436baf70c45766699413-frederico b;adrianofo@algartech.com.br;aurio.nogueira@bradesco.com.br;brunosr@algartech.com.br;isabelaaf@algartech.com.br;jackson.diniz@bradesco.com.br;janaina.arantes@bradesco.com.br;jhonatan.ventino@bradesco.com.br;leonardoamf@algartech.com.br;marciohpr@algartech.com.br;poliane.amaral@bradesco.com.br;selmaasr@algartech.com.br;suzane.b.rodrigues@bradesco.com.br;uen</t>
  </si>
  <si>
    <t>Painel Acompanhamento_ UNE e Casos Especiais</t>
  </si>
  <si>
    <t>'marciamdf@algatech.com,/o=exchangelabs/ou=exchange administrative group (fydibohf23spdlt)/cn=recipients/cn=822f65115a2046059fff20a916dd90e9-thais marti,/o=exchangelabs/ou=exchange administrative group (fydibohf23spdlt)/cn=recipients/cn=82e9af7034e542b3a622ab8e7d09ff5d-ricardo de,/o=exchangelabs/ou=exchange administrative group (fydibohf23spdlt)/cn=recipients/cn=8b5b63d67af648d081a40c45cc800804-fabiana per,/o=exchangelabs/ou=exchange administrative group (fydibohf23spdlt)/cn=recipients/cn=aff8c3b9538840fe9b9778861292fbea-everton pau,/o=exchangelabs/ou=exchange administrative group (fydibohf23spdlt)/cn=recipients/cn=f45617401bdf436baf70c45766699413-frederico b,adrianofo@algartech.com.br,aurio.nogueira@bradesco.com.br,brunosr@algartech.com.br,isabelaaf@algartech.com.br,jackson.diniz@bradesco.com.br,janaina.arantes@bradesco.com.br,jhonatan.ventino@bradesco.com.br,leonardoamf@algartech.com.br,marciohpr@algartech.com.br,poliane.amaral@bradesco.com.br,selmaasr@algartech.com.br,suzane.b.rodrigues@bradesco.com.br,uen</t>
  </si>
  <si>
    <t>09/27/2019 15:55:09</t>
  </si>
  <si>
    <t>09/27/2019 15:56:18</t>
  </si>
  <si>
    <t>Consumidor</t>
  </si>
  <si>
    <t>Avaliações Consumidor.Gov.xlsb</t>
  </si>
  <si>
    <t>09/27/2019 15:56:46</t>
  </si>
  <si>
    <t>09/27/2019 15:58:18</t>
  </si>
  <si>
    <t>/o=exchangelabs/ou=exchange administrative group (fydibohf23spdlt)/cn=recipients/cn=8da96f497b5c46ee81c2775857a1df84-pedro henri;</t>
  </si>
  <si>
    <t>ENC: FÉRIAS OUTUBRO-19</t>
  </si>
  <si>
    <t>/o=exchangelabs/ou=exchange administrative group (fydibohf23spdlt)/cn=recipients/cn=8da96f497b5c46ee81c2775857a1df84-pedro henri</t>
  </si>
  <si>
    <t>09/27/2019 15:59:07</t>
  </si>
  <si>
    <t>09/27/2019 16:01:19</t>
  </si>
  <si>
    <t>/o=exchangelabs/ou=exchange administrative group (fydibohf23spdlt)/cn=recipients/cn=3f81420aa09a45308e82efb501d64cad-rafaela alv;</t>
  </si>
  <si>
    <t>Resultados Pesquisa</t>
  </si>
  <si>
    <t>RESPOSTAS (SUGESTÕES, ELOGIOS E RECLAMAÇOES).xlsx</t>
  </si>
  <si>
    <t>/o=exchangelabs/ou=exchange administrative group (fydibohf23spdlt)/cn=recipients/cn=3f81420aa09a45308e82efb501d64cad-rafaela alv</t>
  </si>
  <si>
    <t>09/27/2019 16:03:51</t>
  </si>
  <si>
    <t>09/27/2019 16:07:18</t>
  </si>
  <si>
    <t>/o=exchangelabs/ou=exchange administrative group (fydibohf23spdlt)/cn=recipients/cn=1c3bae1d5aab4c72b84516e819cd16c9-wilton paim;/o=exchangelabs/ou=exchange administrative group (fydibohf23spdlt)/cn=recipients/cn=6857e7b89b5f46e3b6aed2352ac8d5ac-carlos albe;/o=exchangelabs/ou=exchange administrative group (fydibohf23spdlt)/cn=recipients/cn=7f100576a0d642769861fae5d58c2022-diego barda;/o=exchangelabs/ou=exchange administrative group (fydibohf23spdlt)/cn=recipients/cn=feeccbeb32424ad09b049c1a1ba68bda-patricia ma;</t>
  </si>
  <si>
    <t>RES: Power BI - Mobility</t>
  </si>
  <si>
    <t>/o=exchangelabs/ou=exchange administrative group (fydibohf23spdlt)/cn=recipients/cn=1c3bae1d5aab4c72b84516e819cd16c9-wilton paim,/o=exchangelabs/ou=exchange administrative group (fydibohf23spdlt)/cn=recipients/cn=6857e7b89b5f46e3b6aed2352ac8d5ac-carlos albe,/o=exchangelabs/ou=exchange administrative group (fydibohf23spdlt)/cn=recipients/cn=7f100576a0d642769861fae5d58c2022-diego barda,/o=exchangelabs/ou=exchange administrative group (fydibohf23spdlt)/cn=recipients/cn=feeccbeb32424ad09b049c1a1ba68bda-patricia ma</t>
  </si>
  <si>
    <t>09/27/2019 16:03:32</t>
  </si>
  <si>
    <t>09/27/2019 16:08:18</t>
  </si>
  <si>
    <t>09/27/2019 16:12:08</t>
  </si>
  <si>
    <t>09/27/2019 16:13:18</t>
  </si>
  <si>
    <t>10.200.57.105</t>
  </si>
  <si>
    <t>48-51-B7-8D-FC-70</t>
  </si>
  <si>
    <t>NB-LILIANEADB</t>
  </si>
  <si>
    <t>lilianeadb</t>
  </si>
  <si>
    <t>https://algarnet-my.sharepoint.com/personal/lilianeadb_algartech_com1/_layouts/15/upload.aspx?isajax=1&amp;list={541b4213-506b-478f-821a-bcfa18337951}&amp;rootfolder=/personal/lilianeadb_algartech_com1/documents</t>
  </si>
  <si>
    <t>\\acsfs\engeset\CPV_ULA\ADMINISTRATIVO\CONTROLE ADMINISTRATIVO\CONTRATOS\DESENVOLVE SP.zip\DESENVOLVE SP\Transacionais\Op. 144759\</t>
  </si>
  <si>
    <t>ACC_OP.144759-DESENVOLVE SP.xlsx</t>
  </si>
  <si>
    <t>PrecificaÃ§Ã£o - Desenvolve SP - 144759 - Cenario V2.xlsb</t>
  </si>
  <si>
    <t>\\acsfs\engeset\CPV_ULA\ADMINISTRATIVO\CONTROLE ADMINISTRATIVO\CONTRATOS\DESENVOLVE SP.zip\DESENVOLVE SP\Transacionais\Op. 145024 - Transacionais\</t>
  </si>
  <si>
    <t>TRANSACIONAIS AGR (6).xlsx</t>
  </si>
  <si>
    <t>\\acsfs\engeset\CPV_ULA\ADMINISTRATIVO\CONTROLE ADMINISTRATIVO\CONTRATOS\DESENVOLVE SP.zip\DESENVOLVE SP\Transacionais\Op. 144759\PrecificaÃ§Ã£o - Desenvolve SP - 144759 - Cenario V2.xlsb\</t>
  </si>
  <si>
    <t>\\acsfs\engeset\CPV_ULA\ADMINISTRATIVO\CONTROLE ADMINISTRATIVO\CONTRATOS\DESENVOLVE SP.zip\DESENVOLVE SP\Transacionais\Op. 145024 - Transacionais\Op. 145024 - Transacionais.rar\</t>
  </si>
  <si>
    <t>09/27/2019 16:12:24</t>
  </si>
  <si>
    <t>09/27/2019 16:12:07</t>
  </si>
  <si>
    <t>09/27/2019 16:14:18</t>
  </si>
  <si>
    <t>reag_27.09.csv</t>
  </si>
  <si>
    <t>09/27/2019 16:14:53</t>
  </si>
  <si>
    <t>09/27/2019 16:16:18</t>
  </si>
  <si>
    <t>Cópia de RFI_Padrão_v2_TH.xlsx</t>
  </si>
  <si>
    <t>09/27/2019 16:13:21</t>
  </si>
  <si>
    <t>09/27/2019 16:18:18</t>
  </si>
  <si>
    <t>\\acsfs\engeset\CPV_ULA\ADMINISTRATIVO\CONTROLE ADMINISTRATIVO\CONTRATOS\RENAULT DO BRASIL S.A.zip\RENAULT DO BRASIL S.A\OUTSOURCING\Contrato Novo e Anexos - ID 137249\</t>
  </si>
  <si>
    <t>Anexo 3 - Planilha de Precos.xlsx</t>
  </si>
  <si>
    <t>\\acsfs\engeset\CPV_ULA\ADMINISTRATIVO\CONTROLE ADMINISTRATIVO\CONTRATOS\RENAULT DO BRASIL S.A.zip\RENAULT DO BRASIL S.A\OUTSOURCING\Contrato Novo e Anexos - ID 137249\Anexos.zip\</t>
  </si>
  <si>
    <t>09/27/2019 16:12:57</t>
  </si>
  <si>
    <t>09/27/2019 16:13:30</t>
  </si>
  <si>
    <t>09/27/2019 16:14:32</t>
  </si>
  <si>
    <t>09/27/2019 16:19:18</t>
  </si>
  <si>
    <t>https://algarnet-my.sharepoint.com/personal/yuriifd_algartech_com/_layouts/15/upload.aspx?isajax=1&amp;list={75bc35a4-6a42-459f-a68b-05df76acab59}&amp;rootfolder=/personal/yuriifd_algartech_com/documents/whirlpool - implantação rfp/nps - design thinking</t>
  </si>
  <si>
    <t>actionitems;backgroundimagegridviewlink;backgroundimagelink;backgroundimagelistviewlink;canaddchildren;canchangeteamdrivebackground;cancomment;cancopy;candelete;candeletechildren;candeleteteamdrive;candownload;canedit;canmanagemembers;canmanagevisitors;canmoveitemoutofteamdrive;canmoveitemwithinteamdrive;canmoveteamdriveitem);canreadteamdrive;canremovechildren;canrename;canrenameteamdrive;canshare;canshareoutsidedomain;cantrash;cantrashchildren;cantrashchildren)));canuntrash;capabilities(canaddchildren;capabilities(canmoveitemintoteamdrive;colorrgb;containsunsubscribedchildren;contentrestrictions(readonly);copyable;createddate;displayname;domain;editable;emailaddress;explicitlytrashed;file(kind;fileextension;fileid;filesize;flaggedforabuse;foldercolor;folderfeatures;hasaugmentedpermissions;haschildfolders;hasthumbnail;hasvisitorpermissions;hidden;id;id);items(deleted;ken;kind;labels(starred;lastmodifyinguser(kind;lastviewedbymedate;mimetype;modifiedbymedate;modifieddate;name;ontainsunsubscribedchildren;organi</t>
  </si>
  <si>
    <t>C:\Users\yuriifd\Desktop\Whirlpool\Design Thinking\</t>
  </si>
  <si>
    <t>Sessão DT NPS Whirlpool.xlsx</t>
  </si>
  <si>
    <t>https://actionitems,backgroundimagegridviewlink,backgroundimagelink,backgroundimagelistviewlink,canaddchildren,canchangeteamdrivebackground,cancomment,cancopy,candelete,candeletechildren,candeleteteamdrive,candownload,canedit,canmanagemembers,canmanagevisitors,canmoveitemoutofteamdrive,canmoveitemwithinteamdrive,canmoveteamdriveitem),canreadteamdrive,canremovechildren,canrename,canrenameteamdrive,canshare,canshareoutsidedomain,cantrash,cantrashchildren,cantrashchildren))),canuntrash,capabilities(canaddchildren,capabilities(canmoveitemintoteamdrive,colorrgb,containsunsubscribedchildren,contentrestrictions(readonly),copyable,createddate,displayname,domain,editable,emailaddress,explicitlytrashed,file(kind,fileextension,fileid,filesize,flaggedforabuse,foldercolor,folderfeatures,hasaugmentedpermissions,haschildfolders,hasthumbnail,hasvisitorpermissions,hidden,id,id),items(deleted,ken,kind,labels(starred,lastmodifyinguser(kind,lastviewedbymedate,mimetype,modifiedbymedate,modifieddate,name,ontainsunsubscribedchildre</t>
  </si>
  <si>
    <t>09/27/2019 16:18:56</t>
  </si>
  <si>
    <t>09/27/2019 16:22:18</t>
  </si>
  <si>
    <t>mail.google.com/_/upload?authuser=3&amp;dcp=asu-n&amp;upload_id=AEnB2UrU9DpZ32DZmsdVJk4BnBLfra2wpCsbPZCEaIHbjHfHTwAEGLT4DTtwv0RjQzf3LcBNrbeXp7z-mOM5qdZSdFs_lvW5SKOf35eT3O0AH0hqV9cKfgw&amp;upload_protocol=resumable</t>
  </si>
  <si>
    <t>Solicitações em Setembro.xlsx</t>
  </si>
  <si>
    <t>09/27/2019 16:17:42</t>
  </si>
  <si>
    <t>09/27/2019 16:23:18</t>
  </si>
  <si>
    <t>dmryan@amazon.com;rosjesse@amazon.com;</t>
  </si>
  <si>
    <t>RES: GRU2 Letter - Critical Equipment Project</t>
  </si>
  <si>
    <t>PROGRAMA DE LONGO PRAZO EQUIPAMENTOS v1.xlsx</t>
  </si>
  <si>
    <t>dmryan@amazon.com,rosjesse@amazon.com</t>
  </si>
  <si>
    <t>09/27/2019 16:18:12</t>
  </si>
  <si>
    <t>09/27/2019 16:21:05</t>
  </si>
  <si>
    <t>09/27/2019 16:26:18</t>
  </si>
  <si>
    <t>Microanálise - 26-09.xlsm</t>
  </si>
  <si>
    <t>09/27/2019 16:24:31</t>
  </si>
  <si>
    <t>09/27/2019 16:29:19</t>
  </si>
  <si>
    <t>09/27/2019 16:24:56</t>
  </si>
  <si>
    <t>09/27/2019 16:26:23</t>
  </si>
  <si>
    <t>09/27/2019 16:25:26</t>
  </si>
  <si>
    <t>09/27/2019 16:30:18</t>
  </si>
  <si>
    <t>Resumo ID's Implantação 26_08.xlsx</t>
  </si>
  <si>
    <t>09/27/2019 16:29:54</t>
  </si>
  <si>
    <t>09/27/2019 16:34:18</t>
  </si>
  <si>
    <t>09/27/2019 16:30:53</t>
  </si>
  <si>
    <t>09/27/2019 16:33:30</t>
  </si>
  <si>
    <t>09/27/2019 16:35:18</t>
  </si>
  <si>
    <t>mail.google.com/_/upload?authuser=0&amp;dcp=asu-n&amp;upload_id=AEnB2UqeI9WqceRhn4FCJuIaw_Grx34m5CS_Xeu7RrABubz4vQlHDjAONwsH5CYV4XKjumrFu1eYB44u_CH_iOb6e9d2oRIV_NsVZt4C681_srbNGzRosUw&amp;upload_protocol=resumable</t>
  </si>
  <si>
    <t>jaquelines@algartecnologia.com.br;</t>
  </si>
  <si>
    <t>\\acsfs\dsti\CITIM - Coordenação de Infra TI Implantação\Projetos\EM IMPLANTAÇÃO\SAGE\NOVO FATURAMENTO\10 - Outubro\</t>
  </si>
  <si>
    <t>Faturamento.Sage.Outubro.xlsx</t>
  </si>
  <si>
    <t>jaquelines@algartecnologia.com.br</t>
  </si>
  <si>
    <t>09/27/2019 16:33:39</t>
  </si>
  <si>
    <t>09/27/2019 16:37:18</t>
  </si>
  <si>
    <t>/o=exchangelabs/ou=exchange administrative group (fydibohf23spdlt)/cn=recipients/cn=01a1f66a08fd441b860a430efe9babba-cpc - contr;/o=exchangelabs/ou=exchange administrative group (fydibohf23spdlt)/cn=recipients/cn=e174366906884bd1b4d4c5ddfc8c9433-rodrigo men;/o=exchangelabs/ou=exchange administrative group (fydibohf23spdlt)/cn=recipients/cn=e712654cf705427d937df14d5caed840-henrique be;</t>
  </si>
  <si>
    <t>Ajustes TTV - Whirpool // Outubro 2019</t>
  </si>
  <si>
    <t>Pausas CAC_Outubro.xlsx</t>
  </si>
  <si>
    <t>/o=exchangelabs/ou=exchange administrative group (fydibohf23spdlt)/cn=recipients/cn=01a1f66a08fd441b860a430efe9babba-cpc - contr,/o=exchangelabs/ou=exchange administrative group (fydibohf23spdlt)/cn=recipients/cn=e174366906884bd1b4d4c5ddfc8c9433-rodrigo men,/o=exchangelabs/ou=exchange administrative group (fydibohf23spdlt)/cn=recipients/cn=e712654cf705427d937df14d5caed840-henrique be</t>
  </si>
  <si>
    <t>09/27/2019 16:32:28</t>
  </si>
  <si>
    <t>09/27/2019 16:34:51</t>
  </si>
  <si>
    <t>09/27/2019 16:39:18</t>
  </si>
  <si>
    <t>09/27/2019 16:37:38</t>
  </si>
  <si>
    <t>09/27/2019 16:40:18</t>
  </si>
  <si>
    <t>09/27/2019 16:41:47</t>
  </si>
  <si>
    <t>09/27/2019 16:43:18</t>
  </si>
  <si>
    <t>/o=exchangelabs/ou=exchange administrative group (fydibohf23spdlt)/cn=recipients/cn=2f13f6d577d947158c5f81c08b0e5faf-tatiane dor;/o=exchangelabs/ou=exchange administrative group (fydibohf23spdlt)/cn=recipients/cn=aef94c0f98b44279a41d719230c27333-sabrina dan;</t>
  </si>
  <si>
    <t>Razão Setembro</t>
  </si>
  <si>
    <t>Razão Setembro.xls</t>
  </si>
  <si>
    <t>/o=exchangelabs/ou=exchange administrative group (fydibohf23spdlt)/cn=recipients/cn=2f13f6d577d947158c5f81c08b0e5faf-tatiane dor,/o=exchangelabs/ou=exchange administrative group (fydibohf23spdlt)/cn=recipients/cn=aef94c0f98b44279a41d719230c27333-sabrina dan</t>
  </si>
  <si>
    <t>09/27/2019 16:41:24</t>
  </si>
  <si>
    <t>09/27/2019 16:45:18</t>
  </si>
  <si>
    <t>RES: CLASSIFICAÇÃO: RESTRITO – MANIFESTAÇÃO OUVIDORIA ALGAR – PROTOCOLO – [#25003]</t>
  </si>
  <si>
    <t>Arquivo nome e matricula.xlsx</t>
  </si>
  <si>
    <t>09/27/2019 16:43:48</t>
  </si>
  <si>
    <t>09/27/2019 16:46:19</t>
  </si>
  <si>
    <t>C:\Users\lucianafaa\OneDrive - Grupo Algar\2019\PROJETOS\WFM\CONTROLE\STATUS REPORT\2019\SETEMBRO\30-09\PMO - STAFF DIGITAL 30-09.pptx\</t>
  </si>
  <si>
    <t>09/27/2019 16:43:49</t>
  </si>
  <si>
    <t>09/27/2019 16:45:17</t>
  </si>
  <si>
    <t>/o=exchangelabs/ou=exchange administrative group (fydibohf23spdlt)/cn=recipients/cn=feeccbeb32424ad09b049c1a1ba68bda-patricia ma;</t>
  </si>
  <si>
    <t>APRESENTACAO - PREVIA PMO - WFM</t>
  </si>
  <si>
    <t>PMO - STAFF DIGITAL 30-09.pptx\</t>
  </si>
  <si>
    <t>/o=exchangelabs/ou=exchange administrative group (fydibohf23spdlt)/cn=recipients/cn=feeccbeb32424ad09b049c1a1ba68bda-patricia ma</t>
  </si>
  <si>
    <t>09/27/2019 16:44:23</t>
  </si>
  <si>
    <t>C:\Users\danielhdm\OneDrive - Grupo Algar\Anexos\Desktop2709.rar\sms\</t>
  </si>
  <si>
    <t>01_EXP_INTRA_HORA_20190706_100026.csv</t>
  </si>
  <si>
    <t>01_EXP_INTRA_HORA_20190706_110022.csv</t>
  </si>
  <si>
    <t>01_EXP_INTRA_HORA_20190706_120022.csv</t>
  </si>
  <si>
    <t>01_EXP_INTRA_HORA_20190706_130018.csv</t>
  </si>
  <si>
    <t>01_EXP_INTRA_HORA_20190706_140021.csv</t>
  </si>
  <si>
    <t>01_EXP_INTRA_HORA_20190706_150027.csv</t>
  </si>
  <si>
    <t>02_DMENOS2_HORA_20190708_103017.csv</t>
  </si>
  <si>
    <t>C:\Users\danielhdm\OneDrive - Grupo Algar\Anexos\Desktop2709.rar\tempSet19\</t>
  </si>
  <si>
    <t>01_EXP_INTRA_HORA_20190625_10000000000.csv</t>
  </si>
  <si>
    <t>01_EXP_INTRA_HORA_20190625_11000000000.csv</t>
  </si>
  <si>
    <t>01_EXP_INTRA_HORA_20190625_12000000000.csv</t>
  </si>
  <si>
    <t>01_EXP_INTRA_HORA_20190625_150000 (1) (003).csv</t>
  </si>
  <si>
    <t>01_EXP_INTRA_HORA_20190703_160022.csv</t>
  </si>
  <si>
    <t>01_EXP_INTRA_HORA_20190704_100024.csv</t>
  </si>
  <si>
    <t>02_DMENOS2_20190624_00000000000.csv</t>
  </si>
  <si>
    <t>EAVM_R_Neg_130219_130219.csv</t>
  </si>
  <si>
    <t>C:\Users\danielhdm\OneDrive - Grupo Algar\Anexos\Desktop2709.rar\t\</t>
  </si>
  <si>
    <t>Receptivo.xlsx</t>
  </si>
  <si>
    <t>07_Daily_operador_JulhoEAVM.xlsb</t>
  </si>
  <si>
    <t>08 as 09 correntista.xlsx</t>
  </si>
  <si>
    <t>08_Daily_operador_Agosto Att.xlsb</t>
  </si>
  <si>
    <t>Chamadas_Operadores_Algar.xlsx</t>
  </si>
  <si>
    <t>C:\Users\danielhdm\OneDrive - Grupo Algar\Anexos\Desktop2709.rar\temp_fev\</t>
  </si>
  <si>
    <t>RelatÃ³rio campos novos.xlsx</t>
  </si>
  <si>
    <t>09/27/2019 16:44:24</t>
  </si>
  <si>
    <t>C:\Users\danielhdm\OneDrive - Grupo Algar\Anexos\Desktop2709.rar\tempSet19\DE-SICOOB_MESA_DIGITAL (003).docx\</t>
  </si>
  <si>
    <t>09/27/2019 16:42:15</t>
  </si>
  <si>
    <t>09/27/2019 16:47:18</t>
  </si>
  <si>
    <t>09/27/2019 16:45:01</t>
  </si>
  <si>
    <t>09/27/2019 16:48:18</t>
  </si>
  <si>
    <t>6j7ywvfa3behse68_r2bmocaaaae1iaaaa4mqgutincjus_gxwkljip0xubflyonpz-zgb8jltnhkx9k9d7lp_mmmjprhweh7dbodah5asmtk9m2g4zac-fn-ah7klwca1txaab5_qrqox-9jstpoqw7hx04if7pz;</t>
  </si>
  <si>
    <t>https://6j7ywvfa3behse68_r2bmocaaaae1iaaaa4mqgutincjus_gxwkljip0xubflyonpz-zgb8jltnhkx9k9d7lp_mmmjprhweh7dbodah5asmtk9m2g4zac-fn-ah7klwca1txaab5_qrqox-9jstpoqw7hx04if7pz</t>
  </si>
  <si>
    <t>09/27/2019 16:45:27</t>
  </si>
  <si>
    <t>/o=exchangelabs/ou=exchange administrative group (fydibohf23spdlt)/cn=recipients/cn=08495392e8ff447fa6268b697ae28485-flavia ferr;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6189712535ea4b50a3625910837af2c9-larissa bra;/o=exchangelabs/ou=exchange administrative group (fydibohf23spdlt)/cn=recipients/cn=b0dffb7bae8b4669bf2555c821ef7035-daniela vie;/o=exchangelabs/ou=exchange administrative group (fydibohf23spdlt)/cn=recipients/cn=ca1f2dadbd0542a8ad075275acf52ff3-rondinele s;/o=exchangelabs/ou=exchange administrative group (fydibohf23spdlt)/cn=recipients/cn=cbea44aca4fb41a1aba289a0475041a1-daiane cris;/o=exchangelabs/ou=exchange administrative group (fydibohf23spdlt)/cn=recipients/cn=e174366906884bd1b4d4c5ddfc8c9433-rodr</t>
  </si>
  <si>
    <t>RES: Operações Whirlpool - Status de ações NPS</t>
  </si>
  <si>
    <t>/o=exchangelabs/ou=exchange administrative group (fydibohf23spdlt)/cn=recipients/cn=08495392e8ff447fa6268b697ae28485-flavia ferr,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6189712535ea4b50a3625910837af2c9-larissa bra,/o=exchangelabs/ou=exchange administrative group (fydibohf23spdlt)/cn=recipients/cn=b0dffb7bae8b4669bf2555c821ef7035-daniela vie,/o=exchangelabs/ou=exchange administrative group (fydibohf23spdlt)/cn=recipients/cn=ca1f2dadbd0542a8ad075275acf52ff3-rondinele s,/o=exchangelabs/ou=exchange administrative group (fydibohf23spdlt)/cn=recipients/cn=cbea44aca4fb41a1aba289a0475041a1-daiane cris,/o=exchangelabs/ou=exchange administrative group (fydibohf23spdlt)/cn=recipients/cn=e174366906884bd1b4d4c5ddfc8c9433-rodr</t>
  </si>
  <si>
    <t>09/27/2019 16:43:41</t>
  </si>
  <si>
    <t>09/27/2019 16:49:18</t>
  </si>
  <si>
    <t>10.200.39.116</t>
  </si>
  <si>
    <t>54-BF-64-F4-AD-AA</t>
  </si>
  <si>
    <t>NB-FABRICIOVS</t>
  </si>
  <si>
    <t>fabriciovs</t>
  </si>
  <si>
    <t>fabriciovs@algartech.com</t>
  </si>
  <si>
    <t>mail.google.com/_/upload?authuser=0&amp;dcp=asu-n&amp;upload_id=AEnB2UqifDcne8z2eKsi2u_HjpBLzt-NpfY62rhY2i0hBscXTWSWwNpMwTC0tjbdLKUruU2e17mxXFN2GKfqV-Cm-XjBNo-d3DbbE2hqscTUyfjeYbHKRp0&amp;upload_protocol=resumable</t>
  </si>
  <si>
    <t>\\acsfs.acs.com.br\dsti\CPE - ITO\05 - TCO\BPO\Zimbra\</t>
  </si>
  <si>
    <t>Zimbra Infra Planilha Precificao BPO v5.xlsx</t>
  </si>
  <si>
    <t>09/27/2019 16:49:08</t>
  </si>
  <si>
    <t>09/27/2019 16:52:18</t>
  </si>
  <si>
    <t>C:\Users\renatofol\OneDrive - Grupo Algar\ALGAR - ATIVIDADES E PROJETOS\</t>
  </si>
  <si>
    <t>Atividade_Projetos_Transformacao_Digital_2019.xls</t>
  </si>
  <si>
    <t>09/27/2019 16:44:59</t>
  </si>
  <si>
    <t>09/27/2019 16:53:17</t>
  </si>
  <si>
    <t>/o=exchangelabs/ou=exchange administrative group (fydibohf23spdlt)/cn=recipients/cn=136bac3aad104a579e671eb261072338-fabio dos r;/o=exchangelabs/ou=exchange administrative group (fydibohf23spdlt)/cn=recipients/cn=3dd2a19994fe4c34a2427058cc20314f-anderson ro;/o=exchangelabs/ou=exchange administrative group (fydibohf23spdlt)/cn=recipients/cn=7f100576a0d642769861fae5d58c2022-diego barda;/o=exchangelabs/ou=exchange administrative group (fydibohf23spdlt)/cn=recipients/cn=f8583aae88d4485dac542c395d25e6fc-diego dos r;/o=exchangelabs/ou=exchange administrative group (fydibohf23spdlt)/cn=recipients/cn=faf77f0ee4054e22b436cafb92084254-heitor ferr;</t>
  </si>
  <si>
    <t>ENC: RDM 5305 - Adequações para atender o crescimento da operação "TOYOTA"</t>
  </si>
  <si>
    <t>Planilha de Ativação.xlsx</t>
  </si>
  <si>
    <t>/o=exchangelabs/ou=exchange administrative group (fydibohf23spdlt)/cn=recipients/cn=136bac3aad104a579e671eb261072338-fabio dos r,/o=exchangelabs/ou=exchange administrative group (fydibohf23spdlt)/cn=recipients/cn=3dd2a19994fe4c34a2427058cc20314f-anderson ro,/o=exchangelabs/ou=exchange administrative group (fydibohf23spdlt)/cn=recipients/cn=7f100576a0d642769861fae5d58c2022-diego barda,/o=exchangelabs/ou=exchange administrative group (fydibohf23spdlt)/cn=recipients/cn=f8583aae88d4485dac542c395d25e6fc-diego dos r,/o=exchangelabs/ou=exchange administrative group (fydibohf23spdlt)/cn=recipients/cn=faf77f0ee4054e22b436cafb92084254-heitor ferr</t>
  </si>
  <si>
    <t>09/27/2019 16:53:19</t>
  </si>
  <si>
    <t>09/27/2019 16:55:18</t>
  </si>
  <si>
    <t>10.200.110.36</t>
  </si>
  <si>
    <t>Revisão das margens produtos GAT - Receita incremental</t>
  </si>
  <si>
    <t>REVISÃO_MARGEM_POR_PRATICAS_GAT_AGOSTO_2019 v2.xlsx</t>
  </si>
  <si>
    <t>09/27/2019 16:54:08</t>
  </si>
  <si>
    <t>09/27/2019 16:58:18</t>
  </si>
  <si>
    <t>D8-9C-67-01-54-99</t>
  </si>
  <si>
    <t>/o=exchangelabs/ou=exchange administrative group (fydibohf23spdlt)/cn=recipients/cn=fd4a47c4d251414eb48a57376a49e773-marco tulio;</t>
  </si>
  <si>
    <t>/o=exchangelabs/ou=exchange administrative group (fydibohf23spdlt)/cn=recipients/cn=fd4a47c4d251414eb48a57376a49e773-marco tulio</t>
  </si>
  <si>
    <t>09/27/2019 16:55:44</t>
  </si>
  <si>
    <t>09/27/2019 17:00:18</t>
  </si>
  <si>
    <t>/o=exchangelabs/ou=exchange administrative group (fydibohf23spdlt)/cn=recipients/cn=590012d55fae421587844918af7bc53c-daiane mari;/o=exchangelabs/ou=exchange administrative group (fydibohf23spdlt)/cn=recipients/cn=b3ad8a638fcc4c57bf8c7953dd4b3cb8-augusto ces;/o=exchangelabs/ou=exchange administrative group (fydibohf23spdlt)/cn=recipients/cn=e46cd96e8e9e452c8cc8ba65a6c4ec57-gustavo hen;</t>
  </si>
  <si>
    <t>RES: IMPORTANTE: Custos dos associados para capitalização em projetos - Janeiro a Agosto de 2019</t>
  </si>
  <si>
    <t>Custo_Folha_Pagamento - Agosto 2019.xlsb</t>
  </si>
  <si>
    <t>/o=exchangelabs/ou=exchange administrative group (fydibohf23spdlt)/cn=recipients/cn=590012d55fae421587844918af7bc53c-daiane mari,/o=exchangelabs/ou=exchange administrative group (fydibohf23spdlt)/cn=recipients/cn=b3ad8a638fcc4c57bf8c7953dd4b3cb8-augusto ces,/o=exchangelabs/ou=exchange administrative group (fydibohf23spdlt)/cn=recipients/cn=e46cd96e8e9e452c8cc8ba65a6c4ec57-gustavo hen</t>
  </si>
  <si>
    <t>09/27/2019 16:57:08</t>
  </si>
  <si>
    <t>09/27/2019 17:01:19</t>
  </si>
  <si>
    <t>mail.google.com/_/upload?authuser=0&amp;dcp=asu-n&amp;upload_id=AEnB2UpdsNUMpkUQUE8fxH2smb0Uv7aHVNXoBgPBAtG225-kTwrutpr2rgdkZnPFIl7rGQFC8WTxCS_dvlPWZu3-11Q9crfmqIZYd4gvvST5nI68O1jBvAg&amp;upload_protocol=resumable</t>
  </si>
  <si>
    <t>09/27/2019 17:06:04</t>
  </si>
  <si>
    <t>09/27/2019 17:06:18</t>
  </si>
  <si>
    <t>Relatório Pipeline_Raul_ 2019_09_26.xlsx</t>
  </si>
  <si>
    <t>09/27/2019 17:03:42</t>
  </si>
  <si>
    <t>09/27/2019 17:08:18</t>
  </si>
  <si>
    <t>/o=exchangelabs/ou=exchange administrative group (fydibohf23spdlt)/cn=recipients/cn=1388e760581940569776ffce7145c40e-patricia ap;claudiac.machado@bradesco.com.br;cristiano.j.cortez@bradesco.com.br;emerson.r.correia@bradesco.com.br;fernanda.l.pereira@bradesco.com.br;</t>
  </si>
  <si>
    <t>Boletim Semanal Algar - 27/09</t>
  </si>
  <si>
    <t>Boletim Semanal_27-09 - Comercial Algar.pptx\</t>
  </si>
  <si>
    <t>/o=exchangelabs/ou=exchange administrative group (fydibohf23spdlt)/cn=recipients/cn=1388e760581940569776ffce7145c40e-patricia ap,claudiac.machado@bradesco.com.br,cristiano.j.cortez@bradesco.com.br,emerson.r.correia@bradesco.com.br,fernanda.l.pereira@bradesco.com.br</t>
  </si>
  <si>
    <t>09/27/2019 17:12:56</t>
  </si>
  <si>
    <t>09/27/2019 17:15:18</t>
  </si>
  <si>
    <t>mail.google.com/_/upload?authuser=0&amp;dcp=asu-n&amp;upload_id=AEnB2UpON-BjpHVEyhXJT6RkVybwlySaM8P6b_Iy_suzXvtZDSn1l60mhNLlOw2AZfWlNCjjlFCF8GRsjyumpZ_ZWHs6pa9bRoV7_p3YgfKGcI0AHq-wYxM&amp;upload_protocol=resumable</t>
  </si>
  <si>
    <t>jaquelines@algartecnologia.com.br;renatacp@algartelecom.com.br;suporteredes@algartech.com;suportestorage@algartech.com;</t>
  </si>
  <si>
    <t>jaquelines@algartecnologia.com.br,renatacp@algartelecom.com.br,suporteredes@algartech.com,suportestorage@algartech.com</t>
  </si>
  <si>
    <t>09/27/2019 17:13:40</t>
  </si>
  <si>
    <t>09/27/2019 17:17:18</t>
  </si>
  <si>
    <t>RDM - WHIRLPOOL - URA SERVICE.xls</t>
  </si>
  <si>
    <t>09/27/2019 17:14:39</t>
  </si>
  <si>
    <t>RELATÓRIO MICROSIGA 01.01.2016 A 31.12.2016.xlsx</t>
  </si>
  <si>
    <t>09/27/2019 17:14:49</t>
  </si>
  <si>
    <t>09/27/2019 17:19:19</t>
  </si>
  <si>
    <t>10.200.61.253</t>
  </si>
  <si>
    <t>64-1C-67-9C-31-F0</t>
  </si>
  <si>
    <t>NB-GABRIELAAS</t>
  </si>
  <si>
    <t>gabrielaasa</t>
  </si>
  <si>
    <t>Gabriela Alves Sampaio</t>
  </si>
  <si>
    <t>/o=exchangelabs/ou=exchange administrative group (fydibohf23spdlt)/cn=recipients/cn=430b7fc0ccfe4728933af1b3039c7e24-marcus gome;/o=exchangelabs/ou=exchange administrative group (fydibohf23spdlt)/cn=recipients/cn=746f10dd924a4e7dbfe2f813f74b1f2c-gilmar pres;/o=exchangelabs/ou=exchange administrative group (fydibohf23spdlt)/cn=recipients/cn=92f840270c3143f3a4d11a96cbe1c928-marcela car;/o=exchangelabs/ou=exchange administrative group (fydibohf23spdlt)/cn=recipients/cn=9932c4aaf3fc41ea840766c299f76e8d-andrea lace;/o=exchangelabs/ou=exchange administrative group (fydibohf23spdlt)/cn=recipients/cn=ab1cb9dab31c4c649ff222e39c0f822f-francielle;/o=exchangelabs/ou=exchange administrative group (fydibohf23spdlt)/cn=recipients/cn=f681a87682ec4eb3b3dfa2503f9869d3-filipe rese;/o=exchangelabs/ou=exchange administrative group (fydibohf23spdlt)/cn=recipients/cn=f878ae58590e41cbabba2fa1ee2ae905-izadora nas;</t>
  </si>
  <si>
    <t>RES: Dimensionamento BKO - Telecom</t>
  </si>
  <si>
    <t>Informações para Dimensionamento - BackOffice Algar Telecom.msg\s1\</t>
  </si>
  <si>
    <t>Volumetria.xlsx</t>
  </si>
  <si>
    <t>/o=exchangelabs/ou=exchange administrative group (fydibohf23spdlt)/cn=recipients/cn=430b7fc0ccfe4728933af1b3039c7e24-marcus gome,/o=exchangelabs/ou=exchange administrative group (fydibohf23spdlt)/cn=recipients/cn=746f10dd924a4e7dbfe2f813f74b1f2c-gilmar pres,/o=exchangelabs/ou=exchange administrative group (fydibohf23spdlt)/cn=recipients/cn=92f840270c3143f3a4d11a96cbe1c928-marcela car,/o=exchangelabs/ou=exchange administrative group (fydibohf23spdlt)/cn=recipients/cn=9932c4aaf3fc41ea840766c299f76e8d-andrea lace,/o=exchangelabs/ou=exchange administrative group (fydibohf23spdlt)/cn=recipients/cn=ab1cb9dab31c4c649ff222e39c0f822f-francielle,/o=exchangelabs/ou=exchange administrative group (fydibohf23spdlt)/cn=recipients/cn=f681a87682ec4eb3b3dfa2503f9869d3-filipe rese,/o=exchangelabs/ou=exchange administrative group (fydibohf23spdlt)/cn=recipients/cn=f878ae58590e41cbabba2fa1ee2ae905-izadora nas</t>
  </si>
  <si>
    <t>09/27/2019 17:28:38</t>
  </si>
  <si>
    <t>09/27/2019 17:33:18</t>
  </si>
  <si>
    <t>CR 341000079 - PPE GIAT - META.xlsx</t>
  </si>
  <si>
    <t>09/27/2019 17:30:51</t>
  </si>
  <si>
    <t>CR 341000080 - PPE ISD - META.xlsx</t>
  </si>
  <si>
    <t>09/27/2019 17:31:45</t>
  </si>
  <si>
    <t>CR 341000081 TI - Backoffice.xlsx</t>
  </si>
  <si>
    <t>09/27/2019 17:29:46</t>
  </si>
  <si>
    <t>09/27/2019 17:35:19</t>
  </si>
  <si>
    <t>/o=exchangelabs/ou=exchange administrative group (fydibohf23spdlt)/cn=recipients/cn=d052f9c9a4404e849e00b751758229a8-carlos dos;</t>
  </si>
  <si>
    <t>ENC: Daily Receptivo, Ativo, Promessas x Pagamento, Unique connect e Digital - Setembro - Operação P2</t>
  </si>
  <si>
    <t>Relatorio DeepCenterDaily_Receptivo_setembro.xlsx</t>
  </si>
  <si>
    <t>/o=exchangelabs/ou=exchange administrative group (fydibohf23spdlt)/cn=recipients/cn=d052f9c9a4404e849e00b751758229a8-carlos dos</t>
  </si>
  <si>
    <t>09/27/2019 17:32:16</t>
  </si>
  <si>
    <t>09/27/2019 17:36:18</t>
  </si>
  <si>
    <t>mail.google.com/_/upload?authuser=0&amp;dcp=asu-n&amp;upload_id=AEnB2UqZw1n9W1FDDmWDT47SDcojVo0ihOVFF-Dh6FguMrgMA70MIXy1IW2wtbXKE1JOLjyW4iCMvubXUYFO2P9h6m4w5oM6LaHTTgF2Ofvd-hpCBJhKVI8&amp;upload_protocol=resumable</t>
  </si>
  <si>
    <t>lannatga@algartech.com;larissamfb@algartech.com;leandrom@algartech.com;</t>
  </si>
  <si>
    <t>lannatga@algartech.com,larissamfb@algartech.com,leandrom@algartech.com</t>
  </si>
  <si>
    <t>09/27/2019 17:35:42</t>
  </si>
  <si>
    <t>09/27/2019 17:37:19</t>
  </si>
  <si>
    <t>/o=exchangelabs/ou=exchange administrative group (fydibohf23spdlt)/cn=recipients/cn=4dde75d344314dd083b2cdade7779b33-caroline me;/o=exchangelabs/ou=exchange administrative group (fydibohf23spdlt)/cn=recipients/cn=4e42be0c35fe437c89a815dbb8f1ffeb-faturamento;/o=exchangelabs/ou=exchange administrative group (fydibohf23spdlt)/cn=recipients/cn=873a9dd2b40848f6a9024bc5e46194a9-abia cristi;/o=exchangelabs/ou=exchange administrative group (fydibohf23spdlt)/cn=recipients/cn=8c51ca9a8ac149ef8d2e915da6d3ce21-felipe augu;/o=exchangelabs/ou=exchange administrative group (fydibohf23spdlt)/cn=recipients/cn=9e1cfeab361743cdbf2dc3b2ea9ad0f8-rejane souz;/o=exchangelabs/ou=exchange administrative group (fydibohf23spdlt)/cn=recipients/cn=a2218441175a4b12910f75d4954353ce-otavio mour;</t>
  </si>
  <si>
    <t>FATURAMENTO 09.2019 - ENGESET</t>
  </si>
  <si>
    <t>RELATÓRIO FATURAMENTO 01.09.2019 A 30.09.2019.xlsx</t>
  </si>
  <si>
    <t>/o=exchangelabs/ou=exchange administrative group (fydibohf23spdlt)/cn=recipients/cn=4dde75d344314dd083b2cdade7779b33-caroline me,/o=exchangelabs/ou=exchange administrative group (fydibohf23spdlt)/cn=recipients/cn=4e42be0c35fe437c89a815dbb8f1ffeb-faturamento,/o=exchangelabs/ou=exchange administrative group (fydibohf23spdlt)/cn=recipients/cn=873a9dd2b40848f6a9024bc5e46194a9-abia cristi,/o=exchangelabs/ou=exchange administrative group (fydibohf23spdlt)/cn=recipients/cn=8c51ca9a8ac149ef8d2e915da6d3ce21-felipe augu,/o=exchangelabs/ou=exchange administrative group (fydibohf23spdlt)/cn=recipients/cn=9e1cfeab361743cdbf2dc3b2ea9ad0f8-rejane souz,/o=exchangelabs/ou=exchange administrative group (fydibohf23spdlt)/cn=recipients/cn=a2218441175a4b12910f75d4954353ce-otavio mour</t>
  </si>
  <si>
    <t>09/27/2019 17:38:42</t>
  </si>
  <si>
    <t>09/27/2019 17:40:18</t>
  </si>
  <si>
    <t>Cópia de Sala de Guerra Avon_horas extras_ajuste staf.xlsx</t>
  </si>
  <si>
    <t>09/27/2019 17:40:44</t>
  </si>
  <si>
    <t>09/27/2019 17:43:18</t>
  </si>
  <si>
    <t>CR 341000082 TI - Atendimento.xlsx</t>
  </si>
  <si>
    <t>09/27/2019 17:40:25</t>
  </si>
  <si>
    <t>09/27/2019 17:44:18</t>
  </si>
  <si>
    <t>10.207.12.61</t>
  </si>
  <si>
    <t>D4-6A-6A-F9-D4-8F</t>
  </si>
  <si>
    <t>felipe.oliveira@voith.com;</t>
  </si>
  <si>
    <t>RES: RFI - BID SERVICE DESK</t>
  </si>
  <si>
    <t>RFI_Padrão_v2_AlgarTech.xlsx</t>
  </si>
  <si>
    <t>felipe.oliveira@voith.com</t>
  </si>
  <si>
    <t>09/27/2019 17:39:04</t>
  </si>
  <si>
    <t>10.211.2.119</t>
  </si>
  <si>
    <t>C:\Users\ricardoft\OneDrive - Grupo Algar\Documentos\Projetos\2019\Royal\</t>
  </si>
  <si>
    <t>Roayl Solman.xlsb</t>
  </si>
  <si>
    <t>C:\Users\ricardoft\OneDrive - Grupo Algar\Documentos\Projetos\2019\Royal\Roayl Solman.xlsb\</t>
  </si>
  <si>
    <t>09/27/2019 17:43:38</t>
  </si>
  <si>
    <t>09/27/2019 17:48:19</t>
  </si>
  <si>
    <t>CR 341000083 TI - Cobrança.xlsx</t>
  </si>
  <si>
    <t>09/27/2019 17:47:10</t>
  </si>
  <si>
    <t>09/27/2019 17:49:18</t>
  </si>
  <si>
    <t>C:\Users\filemoncmj\OneDrive - Grupo Algar\01. Algar Tech\01. Projetos de Clientes\13. Yahsat\2019\04. Aquisições\</t>
  </si>
  <si>
    <t>Classificação de Itens - Aumento PAs - Copia.xlsx</t>
  </si>
  <si>
    <t>09/27/2019 17:49:19</t>
  </si>
  <si>
    <t>09/27/2019 17:50:19</t>
  </si>
  <si>
    <t>09/27/2019 17:51:54</t>
  </si>
  <si>
    <t>09/27/2019 17:56:18</t>
  </si>
  <si>
    <t>/o=exchangelabs/ou=exchange administrative group (fydibohf23spdlt)/cn=recipients/cn=15f616a4e6744bd78ffee4185371e965-cristiane d;/o=exchangelabs/ou=exchange administrative group (fydibohf23spdlt)/cn=recipients/cn=626f88f0427049a1bc09ea3f8adf9b1d-marcio rica;/o=exchangelabs/ou=exchange administrative group (fydibohf23spdlt)/cn=recipients/cn=8bab2e9eaf824d2d93602784a48ac5f9-ronan salus;</t>
  </si>
  <si>
    <t>RES: Veículos Leilão</t>
  </si>
  <si>
    <t>Base Veiculos Tech.xlsx</t>
  </si>
  <si>
    <t>/o=exchangelabs/ou=exchange administrative group (fydibohf23spdlt)/cn=recipients/cn=15f616a4e6744bd78ffee4185371e965-cristiane d,/o=exchangelabs/ou=exchange administrative group (fydibohf23spdlt)/cn=recipients/cn=626f88f0427049a1bc09ea3f8adf9b1d-marcio rica,/o=exchangelabs/ou=exchange administrative group (fydibohf23spdlt)/cn=recipients/cn=8bab2e9eaf824d2d93602784a48ac5f9-ronan salus</t>
  </si>
  <si>
    <t>09/27/2019 17:55:30</t>
  </si>
  <si>
    <t>/o=exchangelabs/ou=exchange administrative group (fydibohf23spdlt)/cn=recipients/cn=15f616a4e6744bd78ffee4185371e965-cristiane d;/o=exchangelabs/ou=exchange administrative group (fydibohf23spdlt)/cn=recipients/cn=eeb52116eb614584878369e6bea5562b-salatiel sa;</t>
  </si>
  <si>
    <t>ENC: Aprovação Leilão</t>
  </si>
  <si>
    <t>TEMPLATE APROVAÇÃO MINIMO VENDA-ENGESET 25092019.xlsx</t>
  </si>
  <si>
    <t>/o=exchangelabs/ou=exchange administrative group (fydibohf23spdlt)/cn=recipients/cn=15f616a4e6744bd78ffee4185371e965-cristiane d,/o=exchangelabs/ou=exchange administrative group (fydibohf23spdlt)/cn=recipients/cn=eeb52116eb614584878369e6bea5562b-salatiel sa</t>
  </si>
  <si>
    <t>09/27/2019 17:59:02</t>
  </si>
  <si>
    <t>09/27/2019 18:03:18</t>
  </si>
  <si>
    <t>CR 341000084 TI - Vendas.xlsx</t>
  </si>
  <si>
    <t>09/27/2019 18:00:04</t>
  </si>
  <si>
    <t>CR 340000058 TECH - Atendimento.xlsx</t>
  </si>
  <si>
    <t>09/27/2019 18:00:49</t>
  </si>
  <si>
    <t>CR 340000059 TECH - Cobrança.xlsx</t>
  </si>
  <si>
    <t>09/27/2019 18:01:36</t>
  </si>
  <si>
    <t>CR 340000060 TECH - Backoffice.xlsx</t>
  </si>
  <si>
    <t>09/27/2019 18:01:52</t>
  </si>
  <si>
    <t>09/27/2019 18:04:18</t>
  </si>
  <si>
    <t>Cronograma treinamentos.xlt</t>
  </si>
  <si>
    <t>09/27/2019 18:05:22</t>
  </si>
  <si>
    <t>09/27/2019 18:06:18</t>
  </si>
  <si>
    <t>10.200.61.144</t>
  </si>
  <si>
    <t>FC-01-7C-B3-BA-03</t>
  </si>
  <si>
    <t>NB-LEANDROM</t>
  </si>
  <si>
    <t>leandrom</t>
  </si>
  <si>
    <t>leandrom@algartech.com</t>
  </si>
  <si>
    <t>mail.google.com/_/upload?authuser=0&amp;dcp=asu-n&amp;upload_id=AEnB2Ur3K_fhfIk3gdSZHD8PAUnGU-gbN0WZdlbpwdk1EGjTROnmZBNM9VDQD9o-VTXfzk23aKR01Igvid42dDIt5v-IoN1zxKQu-81AFcGwyvjgoAnx864&amp;upload_protocol=resumable</t>
  </si>
  <si>
    <t>C:\Users\leandrom\Desktop\</t>
  </si>
  <si>
    <t>listaGruposEmail.csv</t>
  </si>
  <si>
    <t>09/27/2019 18:11:09</t>
  </si>
  <si>
    <t>09/27/2019 18:12:18</t>
  </si>
  <si>
    <t>CORREÇÃO ENGESET PO 4503346885</t>
  </si>
  <si>
    <t>09/27/2019 18:13:18</t>
  </si>
  <si>
    <t>/o=exchangelabs/ou=exchange administrative group (fydibohf23spdlt)/cn=recipients/cn=0b12aab521944ecb8b32eb8c0929be5c-rafael gonz;/o=exchangelabs/ou=exchange administrative group (fydibohf23spdlt)/cn=recipients/cn=5af2cae509964078b2026f7f550380b0-andre luis;/o=exchangelabs/ou=exchange administrative group (fydibohf23spdlt)/cn=recipients/cn=8ab5e44d485043d59eb4f21463e63e6a-tays dos sa;/o=exchangelabs/ou=exchange administrative group (fydibohf23spdlt)/cn=recipients/cn=df6ea6cc78a840278b1e7acccac67692-thiago rodr;amanda.poucheira@bv.com.br;eliane.martins@bv.com.br;jose.gomes@bv.com.br;</t>
  </si>
  <si>
    <t>BV - Análise Desktop - MVP Telas 2</t>
  </si>
  <si>
    <t>Análise MVP 2 Telas v2.xlsx</t>
  </si>
  <si>
    <t>/o=exchangelabs/ou=exchange administrative group (fydibohf23spdlt)/cn=recipients/cn=0b12aab521944ecb8b32eb8c0929be5c-rafael gonz,/o=exchangelabs/ou=exchange administrative group (fydibohf23spdlt)/cn=recipients/cn=5af2cae509964078b2026f7f550380b0-andre luis,/o=exchangelabs/ou=exchange administrative group (fydibohf23spdlt)/cn=recipients/cn=8ab5e44d485043d59eb4f21463e63e6a-tays dos sa,/o=exchangelabs/ou=exchange administrative group (fydibohf23spdlt)/cn=recipients/cn=df6ea6cc78a840278b1e7acccac67692-thiago rodr,amanda.poucheira@bv.com.br,eliane.martins@bv.com.br,jose.gomes@bv.com.br</t>
  </si>
  <si>
    <t>09/27/2019 18:10:04</t>
  </si>
  <si>
    <t>CR 340000057 TECH - Vendas.xlsx</t>
  </si>
  <si>
    <t>09/27/2019 18:17:34</t>
  </si>
  <si>
    <t>09/27/2019 18:20:20</t>
  </si>
  <si>
    <t>relatório</t>
  </si>
  <si>
    <t>Farol_ Ouvidoria_Acompanhamento_26092019.xlsx</t>
  </si>
  <si>
    <t>09/27/2019 18:31:57</t>
  </si>
  <si>
    <t>09/27/2019 18:33:20</t>
  </si>
  <si>
    <t>09/27/2019 18:33:34</t>
  </si>
  <si>
    <t>09/27/2019 18:38:20</t>
  </si>
  <si>
    <t>09/27/2019 18:52:46</t>
  </si>
  <si>
    <t>09/27/2019 18:54:19</t>
  </si>
  <si>
    <t>/o=exchangelabs/ou=exchange administrative group (fydibohf23spdlt)/cn=recipients/cn=2abd653b249741f0aaab575ad2f855a3-tayse ianda;/o=exchangelabs/ou=exchange administrative group (fydibohf23spdlt)/cn=recipients/cn=e6e28e2646d74f638943c02afdaa6d1e-luciana rod;</t>
  </si>
  <si>
    <t>ENC: Retomada Robô - BPM/Dynamics - Automation AnyWhere</t>
  </si>
  <si>
    <t>/o=exchangelabs/ou=exchange administrative group (fydibohf23spdlt)/cn=recipients/cn=2abd653b249741f0aaab575ad2f855a3-tayse ianda,/o=exchangelabs/ou=exchange administrative group (fydibohf23spdlt)/cn=recipients/cn=e6e28e2646d74f638943c02afdaa6d1e-luciana rod</t>
  </si>
  <si>
    <t>09/27/2019 19:20:32</t>
  </si>
  <si>
    <t>09/27/2019 19:23:20</t>
  </si>
  <si>
    <t>10.200.99.122</t>
  </si>
  <si>
    <t>Sala de Guerra Avon_horas extras_ajuste staf.xlsx</t>
  </si>
  <si>
    <t>09/27/2019 19:23:45</t>
  </si>
  <si>
    <t>09/27/2019 19:24:20</t>
  </si>
  <si>
    <t>/o=exchangelabs/ou=exchange administrative group (fydibohf23spdlt)/cn=recipients/cn=54861e79125f48cc952d00cf8160b9a8-jeferson fe;/o=exchangelabs/ou=exchange administrative group (fydibohf23spdlt)/cn=recipients/cn=e46cd96e8e9e452c8cc8ba65a6c4ec57-gustavo hen;</t>
  </si>
  <si>
    <t>/o=exchangelabs/ou=exchange administrative group (fydibohf23spdlt)/cn=recipients/cn=54861e79125f48cc952d00cf8160b9a8-jeferson fe,/o=exchangelabs/ou=exchange administrative group (fydibohf23spdlt)/cn=recipients/cn=e46cd96e8e9e452c8cc8ba65a6c4ec57-gustavo hen</t>
  </si>
  <si>
    <t>09/27/2019 19:34:13</t>
  </si>
  <si>
    <t>09/27/2019 19:39:21</t>
  </si>
  <si>
    <t>C:\Users\elainemdlp\OD\_Projetos\Em andamento\EDP\03 - Execucao\</t>
  </si>
  <si>
    <t>Operadores_EDP.xlsx</t>
  </si>
  <si>
    <t>09/27/2019 19:35:30</t>
  </si>
  <si>
    <t>/o=exchangelabs/ou=exchange administrative group (fydibohf23spdlt)/cn=recipients/cn=8d66bf0fd9334a81b7c67eda8652a948-guilherme c;/o=exchangelabs/ou=exchange administrative group (fydibohf23spdlt)/cn=recipients/cn=d73974a6e555442cafd74cda95746e86-denia alves;rodolfo.delfino@edpbr.com.br;</t>
  </si>
  <si>
    <t>EDP: Dados dos operadores - Acessos</t>
  </si>
  <si>
    <t>/o=exchangelabs/ou=exchange administrative group (fydibohf23spdlt)/cn=recipients/cn=8d66bf0fd9334a81b7c67eda8652a948-guilherme c,/o=exchangelabs/ou=exchange administrative group (fydibohf23spdlt)/cn=recipients/cn=d73974a6e555442cafd74cda95746e86-denia alves,rodolfo.delfino@edpbr.com.br</t>
  </si>
  <si>
    <t>09/27/2019 21:17:40</t>
  </si>
  <si>
    <t>09/27/2019 21:20:22</t>
  </si>
  <si>
    <t>ref. relatorio</t>
  </si>
  <si>
    <t>OUVIDORIA - Orcamento 2019_2020.xlsm</t>
  </si>
  <si>
    <t>09/28/2019 09:28:53</t>
  </si>
  <si>
    <t>09/28/2019 09:29:27</t>
  </si>
  <si>
    <t>/o=exchangelabs/ou=exchange administrative group (fydibohf23spdlt)/cn=recipients/cn=e712654cf705427d937df14d5caed840-henrique be;</t>
  </si>
  <si>
    <t>Usa essa base como o consolidado</t>
  </si>
  <si>
    <t>Base Qlikview.xls</t>
  </si>
  <si>
    <t>/o=exchangelabs/ou=exchange administrative group (fydibohf23spdlt)/cn=recipients/cn=e712654cf705427d937df14d5caed840-henrique be</t>
  </si>
  <si>
    <t>09/28/2019 11:40:15</t>
  </si>
  <si>
    <t>09/28/2019 11:45:27</t>
  </si>
  <si>
    <t>\\acsfs\DEPTOS\TH\03. Custo de Pessoal\1 - Contas Pessoal\2019\09 - Set19\APRENDIZES\</t>
  </si>
  <si>
    <t>Modelo_Planilha_WEB - ENGESET.xls</t>
  </si>
  <si>
    <t>09/28/2019 11:40:16</t>
  </si>
  <si>
    <t>mail.google.com/_/upload?authuser=0&amp;dcp=asu-n&amp;upload_id=AEnB2UqA_gsema7taAe34AIroC59r4Ew4wvMgZImusJo19MssUZm1yR9A4LTQ-w9pQ-RYL8x3G6ts9hs8z3UsCvq1V8aZqwmh6Lvo1ckXVHGBQSNdzn4VyM&amp;upload_protocol=resumable</t>
  </si>
  <si>
    <t>Modelo_Planilha_WEB_Bloco_P - TECH.xls</t>
  </si>
  <si>
    <t>mail.google.com/_/upload?authuser=0&amp;dcp=asu-n&amp;upload_id=AEnB2UpKhs7OBfwTp2QSkxB_hUJWHRKp2-zLdz4RPLxDfCK1Sqdjr8IFAYrX-nprp4jT0SV0DnrWGxlk8cCsgvKEVVyqpGuT3CndEiQLOpqh05ao9S2aH7Q&amp;upload_protocol=resumable</t>
  </si>
  <si>
    <t>Modelo_Planilha_WEB_Bloco_P - TI.xls</t>
  </si>
  <si>
    <t>09/28/2019 14:12:51</t>
  </si>
  <si>
    <t>09/28/2019 14:17:27</t>
  </si>
  <si>
    <t>ENC: Argentina</t>
  </si>
  <si>
    <t>2020_Argentina.xlsx</t>
  </si>
  <si>
    <t>09/28/2019 15:12:28</t>
  </si>
  <si>
    <t>09/28/2019 15:17:28</t>
  </si>
  <si>
    <t>\\acsfs\engeset\FINANCEIRO_ULA\CONTROLA\Orc 2020\Templates\DRE_QLIKVIEW\PACOTE\</t>
  </si>
  <si>
    <t>09/28/2019 15:15:09</t>
  </si>
  <si>
    <t>template</t>
  </si>
  <si>
    <t>09/28/2019 14:42:18</t>
  </si>
  <si>
    <t>09/28/2019 15:21:28</t>
  </si>
  <si>
    <t>C:\Users\fellypcsj\OneDrive - Grupo Algar\Engeset\CADASTRO FORNECEDOR\NOVO FORMULARIO\</t>
  </si>
  <si>
    <t>CADASTRO - TIM BRASIL.xlsx</t>
  </si>
  <si>
    <t>09/28/2019 20:18:04</t>
  </si>
  <si>
    <t>09/28/2019 20:20:30</t>
  </si>
  <si>
    <t>Recebimentos 2019/2020</t>
  </si>
  <si>
    <t>RECEBIMENTOS_OFICIAL_v3.xlsb</t>
  </si>
  <si>
    <t>09/29/2019 18:18:57</t>
  </si>
  <si>
    <t>09/29/2019 18:20:40</t>
  </si>
  <si>
    <t>/o=exchangelabs/ou=exchange administrative group (fydibohf23spdlt)/cn=recipients/cn=1e212ef08dab4f26b88cba944f2ab7cb-pmo.governa;/o=exchangelabs/ou=exchange administrative group (fydibohf23spdlt)/cn=recipients/cn=b3ad8a638fcc4c57bf8c7953dd4b3cb8-augusto ces;/o=exchangelabs/ou=exchange administrative group (fydibohf23spdlt)/cn=recipients/cn=cd7b8f1463954705b9d398b58ce8411d-dannyella f;/o=exchangelabs/ou=exchange administrative group (fydibohf23spdlt)/cn=recipients/cn=cfc48e6960e745d5a5caa3a9584c60eb-leticia vie;/o=exchangelabs/ou=exchange administrative group (fydibohf23spdlt)/cn=recipients/cn=e04f4a5c99bd4ba1b4ff9572d332b2b8-sarah de ab;</t>
  </si>
  <si>
    <t>PWEB para contabilização de FTE's - TRANSFORMACAO DIGITAL GRC (PI-1004940-17) - Janeiro a Setembro 2019</t>
  </si>
  <si>
    <t>340 - ATEC-2017-0019-002 - M09 - PWEB_.xlsb</t>
  </si>
  <si>
    <t>/o=exchangelabs/ou=exchange administrative group (fydibohf23spdlt)/cn=recipients/cn=1e212ef08dab4f26b88cba944f2ab7cb-pmo.governa,/o=exchangelabs/ou=exchange administrative group (fydibohf23spdlt)/cn=recipients/cn=b3ad8a638fcc4c57bf8c7953dd4b3cb8-augusto ces,/o=exchangelabs/ou=exchange administrative group (fydibohf23spdlt)/cn=recipients/cn=cd7b8f1463954705b9d398b58ce8411d-dannyella f,/o=exchangelabs/ou=exchange administrative group (fydibohf23spdlt)/cn=recipients/cn=cfc48e6960e745d5a5caa3a9584c60eb-leticia vie,/o=exchangelabs/ou=exchange administrative group (fydibohf23spdlt)/cn=recipients/cn=e04f4a5c99bd4ba1b4ff9572d332b2b8-sarah de ab</t>
  </si>
  <si>
    <t>09/29/2019 20:10:46</t>
  </si>
  <si>
    <t>09/30/2019 07:24:45</t>
  </si>
  <si>
    <t>/o=exchangelabs/ou=exchange administrative group (fydibohf23spdlt)/cn=recipients/cn=7f100576a0d642769861fae5d58c2022-diego barda;/o=exchangelabs/ou=exchange administrative group (fydibohf23spdlt)/cn=recipients/cn=dc545318d7744217a865d0e9bb7ca61d-luciana gom;/o=exchangelabs/ou=exchange administrative group (fydibohf23spdlt)/cn=recipients/cn=groupf6411c2f;</t>
  </si>
  <si>
    <t>PROJETO RECALL TOYOTA</t>
  </si>
  <si>
    <t>Lista de Treinamento Toyota.xlsx</t>
  </si>
  <si>
    <t>/o=exchangelabs/ou=exchange administrative group (fydibohf23spdlt)/cn=recipients/cn=7f100576a0d642769861fae5d58c2022-diego barda,/o=exchangelabs/ou=exchange administrative group (fydibohf23spdlt)/cn=recipients/cn=dc545318d7744217a865d0e9bb7ca61d-luciana gom,/o=exchangelabs/ou=exchange administrative group (fydibohf23spdlt)/cn=recipients/cn=groupf6411c2f</t>
  </si>
  <si>
    <t>09/29/2019 20:13:20</t>
  </si>
  <si>
    <t>/o=exchangelabs/ou=exchange administrative group (fydibohf23spdlt)/cn=recipients/cn=109f6d628834480fabc1188cbdef64fa-antonia apa;/o=exchangelabs/ou=exchange administrative group (fydibohf23spdlt)/cn=recipients/cn=518d86a2f4064540845859796ca5563b-vinicius sc;/o=exchangelabs/ou=exchange administrative group (fydibohf23spdlt)/cn=recipients/cn=6857e7b89b5f46e3b6aed2352ac8d5ac-carlos albe;/o=exchangelabs/ou=exchange administrative group (fydibohf23spdlt)/cn=recipients/cn=7f100576a0d642769861fae5d58c2022-diego barda;</t>
  </si>
  <si>
    <t>PROJETO AGENDAMENTO DE RECALL</t>
  </si>
  <si>
    <t>Mailing - Toyota - 30092019 - SMS.xlsx</t>
  </si>
  <si>
    <t>/o=exchangelabs/ou=exchange administrative group (fydibohf23spdlt)/cn=recipients/cn=109f6d628834480fabc1188cbdef64fa-antonia apa,/o=exchangelabs/ou=exchange administrative group (fydibohf23spdlt)/cn=recipients/cn=518d86a2f4064540845859796ca5563b-vinicius sc,/o=exchangelabs/ou=exchange administrative group (fydibohf23spdlt)/cn=recipients/cn=6857e7b89b5f46e3b6aed2352ac8d5ac-carlos albe,/o=exchangelabs/ou=exchange administrative group (fydibohf23spdlt)/cn=recipients/cn=7f100576a0d642769861fae5d58c2022-diego barda</t>
  </si>
  <si>
    <t>09/27/2019 13:28:33</t>
  </si>
  <si>
    <t>09/30/2019 07:30:45</t>
  </si>
  <si>
    <t>10.200.68.1</t>
  </si>
  <si>
    <t>FC-01-7C-B3-54-A1</t>
  </si>
  <si>
    <t>NB-LAUANEDJS</t>
  </si>
  <si>
    <t>lauanedjs</t>
  </si>
  <si>
    <t>alinedsdi@algartech.com;ambalgar@lotussaude.com.br;ambulatorio@algartech.com;antoniocoj@algartech.com;cqe-qualidadeudi@algartech.com;cqe-regionalcps@algartech.com;cqe-uberaba@algartech.com;danilormo@algartech.com;dgrc.coordenadores.cps.cwb@algartech.com;dgrc.coordenadores.udi.iua@algartech.com;dgrc.gerentes@algartech.com;dgrc.supervisores.cps@algartech.com;dgrc.supervisores.cwb@algartech.com;dgrc.supervisores.udi.iua@algartech.com;diegorbo@algartech.com;fabiolaaca@algartech.com;gabrielaf@algartech.com;giseleclss@algartech.com;hugooc@algartech.com;iramildass@algartech.com;isabelafc@algartech.com;jackelinegn@algartech.com;karolynecj@algartech.com;marcelosdr@algartech.com;mariarocha@sinergyrh.com.br;mateusms@algartech.com;nilsiosc@algartech.com;octavio.vasconcellos@algartech.com;olivar@algar.com.br;patriciams@algartech.com;sesmt-regionalcps@algartech.com;sesmt-regionaludi@algartech.com;suelepw@algartech.com;wasleylc@algartech.com;wilsianemf@algartech.com;</t>
  </si>
  <si>
    <t>C:\Users\lauanedjs\Desktop\Lauane Cristina\NR17\01. Farol\</t>
  </si>
  <si>
    <t>alinedsdi@algartech.com,ambalgar@lotussaude.com.br,ambulatorio@algartech.com,antoniocoj@algartech.com,cqe-qualidadeudi@algartech.com,cqe-regionalcps@algartech.com,cqe-uberaba@algartech.com,danilormo@algartech.com,dgrc.coordenadores.cps.cwb@algartech.com,dgrc.coordenadores.udi.iua@algartech.com,dgrc.gerentes@algartech.com,dgrc.supervisores.cps@algartech.com,dgrc.supervisores.cwb@algartech.com,dgrc.supervisores.udi.iua@algartech.com,diegorbo@algartech.com,fabiolaaca@algartech.com,gabrielaf@algartech.com,giseleclss@algartech.com,hugooc@algartech.com,iramildass@algartech.com,isabelafc@algartech.com,jackelinegn@algartech.com,karolynecj@algartech.com,marcelosdr@algartech.com,mariarocha@sinergyrh.com.br,mateusms@algartech.com,nilsiosc@algartech.com,octavio.vasconcellos@algartech.com,olivar@algar.com.br,patriciams@algartech.com,sesmt-regionalcps@algartech.com,sesmt-regionaludi@algartech.com,suelepw@algartech.com,wasleylc@algartech.com,wilsianemf@algartech.com</t>
  </si>
  <si>
    <t>09/27/2019 16:15:49</t>
  </si>
  <si>
    <t>09/30/2019 07:40:45</t>
  </si>
  <si>
    <t>/o=exchangelabs/ou=exchange administrative group (fydibohf23spdlt)/cn=recipients/cn=1d548783c10f4c62bcdf5de7a0f55a3e-lucas marqu;/o=exchangelabs/ou=exchange administrative group (fydibohf23spdlt)/cn=recipients/cn=56c2af2d07fd48c0aebfc00ddc006494-alessio rod;/o=exchangelabs/ou=exchange administrative group (fydibohf23spdlt)/cn=recipients/cn=5dc660c055e14f5ab5647ab38237cbdc-eduardo aug;/o=exchangelabs/ou=exchange administrative group (fydibohf23spdlt)/cn=recipients/cn=8f4e3aa524514f919832da77d1e13730-giselle nar;</t>
  </si>
  <si>
    <t>ENC: ENC: Oportunidade Carrefour Reclame Aqui * Autorização de Projeto*</t>
  </si>
  <si>
    <t>Negociação Hugme Carrefour.xlsx</t>
  </si>
  <si>
    <t>/o=exchangelabs/ou=exchange administrative group (fydibohf23spdlt)/cn=recipients/cn=1d548783c10f4c62bcdf5de7a0f55a3e-lucas marqu,/o=exchangelabs/ou=exchange administrative group (fydibohf23spdlt)/cn=recipients/cn=56c2af2d07fd48c0aebfc00ddc006494-alessio rod,/o=exchangelabs/ou=exchange administrative group (fydibohf23spdlt)/cn=recipients/cn=5dc660c055e14f5ab5647ab38237cbdc-eduardo aug,/o=exchangelabs/ou=exchange administrative group (fydibohf23spdlt)/cn=recipients/cn=8f4e3aa524514f919832da77d1e13730-giselle nar</t>
  </si>
  <si>
    <t>09/25/2019 09:21:46</t>
  </si>
  <si>
    <t>09/30/2019 07:42:45</t>
  </si>
  <si>
    <t>10.200.99.65</t>
  </si>
  <si>
    <t>64-1C-67-9C-32-3B</t>
  </si>
  <si>
    <t>NB-MATHEUSV</t>
  </si>
  <si>
    <t>matheusvs</t>
  </si>
  <si>
    <t>Matheus Vinicius da Silva</t>
  </si>
  <si>
    <t>/o=exchangelabs/ou=exchange administrative group (fydibohf23spdlt)/cn=recipients/cn=d1d015f213f648abbf348b5ccdf8e9d9-senilda per;/o=exchangelabs/ou=exchange administrative group (fydibohf23spdlt)/cn=recipients/cn=f0ff087361a245daa16e71ac77ecc3f0-ivan costa;/o=exchangelabs/ou=exchange administrative group (fydibohf23spdlt)/cn=recipients/cn=f701196445cc4cd494c258b6fe596d27-pamela cris;</t>
  </si>
  <si>
    <t>Pesquisa de Satisfação Jun e Jul/2019</t>
  </si>
  <si>
    <t>PESQUISA_SATISFACAO_URA_SAR.zip\</t>
  </si>
  <si>
    <t>/o=exchangelabs/ou=exchange administrative group (fydibohf23spdlt)/cn=recipients/cn=d1d015f213f648abbf348b5ccdf8e9d9-senilda per,/o=exchangelabs/ou=exchange administrative group (fydibohf23spdlt)/cn=recipients/cn=f0ff087361a245daa16e71ac77ecc3f0-ivan costa,/o=exchangelabs/ou=exchange administrative group (fydibohf23spdlt)/cn=recipients/cn=f701196445cc4cd494c258b6fe596d27-pamela cris</t>
  </si>
  <si>
    <t>09/25/2019 10:09:30</t>
  </si>
  <si>
    <t>/o=exchangelabs/ou=exchange administrative group (fydibohf23spdlt)/cn=recipients/cn=096be01f3be1448b9e04fb22996909f1-michele sil;/o=exchangelabs/ou=exchange administrative group (fydibohf23spdlt)/cn=recipients/cn=35869a39927a432c8d0daeede3b9e512-joyce virgi;/o=exchangelabs/ou=exchange administrative group (fydibohf23spdlt)/cn=recipients/cn=3fdae55f800a40bf81283bd4e9732f23-ludimila ti;/o=exchangelabs/ou=exchange administrative group (fydibohf23spdlt)/cn=recipients/cn=b4c27a00523743509c2a8673c01acf8b-emanuella g;/o=exchangelabs/ou=exchange administrative group (fydibohf23spdlt)/cn=recipients/cn=ba307e7ec0fc4bdbb07006aa828c05f7-carina ferr;/o=exchangelabs/ou=exchange administrative group (fydibohf23spdlt)/cn=recipients/cn=d1d015f213f648abbf348b5ccdf8e9d9-senilda per;/o=exchangelabs/ou=exchange administrative group (fydibohf23spdlt)/cn=recipients/cn=f701196445cc4cd494c258b6fe596d27-pamela cris;</t>
  </si>
  <si>
    <t>RES: Pesquisa Setembro</t>
  </si>
  <si>
    <t>Pesquisa atualizada.xlsx</t>
  </si>
  <si>
    <t>/o=exchangelabs/ou=exchange administrative group (fydibohf23spdlt)/cn=recipients/cn=096be01f3be1448b9e04fb22996909f1-michele sil,/o=exchangelabs/ou=exchange administrative group (fydibohf23spdlt)/cn=recipients/cn=35869a39927a432c8d0daeede3b9e512-joyce virgi,/o=exchangelabs/ou=exchange administrative group (fydibohf23spdlt)/cn=recipients/cn=3fdae55f800a40bf81283bd4e9732f23-ludimila ti,/o=exchangelabs/ou=exchange administrative group (fydibohf23spdlt)/cn=recipients/cn=b4c27a00523743509c2a8673c01acf8b-emanuella g,/o=exchangelabs/ou=exchange administrative group (fydibohf23spdlt)/cn=recipients/cn=ba307e7ec0fc4bdbb07006aa828c05f7-carina ferr,/o=exchangelabs/ou=exchange administrative group (fydibohf23spdlt)/cn=recipients/cn=d1d015f213f648abbf348b5ccdf8e9d9-senilda per,/o=exchangelabs/ou=exchange administrative group (fydibohf23spdlt)/cn=recipients/cn=f701196445cc4cd494c258b6fe596d27-pamela cris</t>
  </si>
  <si>
    <t>09/25/2019 11:43:27</t>
  </si>
  <si>
    <t>c:\users\matheusvs\desktop\aulas\3° período\direito penal\</t>
  </si>
  <si>
    <t>escolas penais.xlsx</t>
  </si>
  <si>
    <t>09/26/2019 13:51:39</t>
  </si>
  <si>
    <t>/o=exchangelabs/ou=exchange administrative group (fydibohf23spdlt)/cn=recipients/cn=d1d015f213f648abbf348b5ccdf8e9d9-senilda per;/o=exchangelabs/ou=exchange administrative group (fydibohf23spdlt)/cn=recipients/cn=ff07a8bacc8946dda73cdb81f8820316-humberto eu;adriana.oliveira@avon.com;juan.lopes@avon.com;</t>
  </si>
  <si>
    <t>RES: Atualização Stop List URA</t>
  </si>
  <si>
    <t>/o=exchangelabs/ou=exchange administrative group (fydibohf23spdlt)/cn=recipients/cn=d1d015f213f648abbf348b5ccdf8e9d9-senilda per,/o=exchangelabs/ou=exchange administrative group (fydibohf23spdlt)/cn=recipients/cn=ff07a8bacc8946dda73cdb81f8820316-humberto eu,adriana.oliveira@avon.com,juan.lopes@avon.com</t>
  </si>
  <si>
    <t>09/30/2019 07:47:03</t>
  </si>
  <si>
    <t>09/30/2019 07:50:44</t>
  </si>
  <si>
    <t>10.200.61.126</t>
  </si>
  <si>
    <t>64-1C-67-9B-A1-92</t>
  </si>
  <si>
    <t>mail.google.com/_/upload?authuser=2&amp;dcp=asu-n&amp;upload_id=AEnB2UpV1DQWiFsYus2o3syPWMOAY85lxIoKwRHMUaclb6maywevCxHdvYQXiyMMZXACU33ugxl2_G6CKwwLv57i-RH5Beb1HQJebskYTsZO4pUb6MGR2jA&amp;upload_protocol=resumable</t>
  </si>
  <si>
    <t>C:\Users\raphaelapm\Desktop\AD_IMPRENSA_FREELANCE\</t>
  </si>
  <si>
    <t>Controle de Apostas e Gestão de Banca - Seguir_DANILO MARTINS.xlsm</t>
  </si>
  <si>
    <t>09/30/2019 07:47:04</t>
  </si>
  <si>
    <t>mail.google.com/_/upload?authuser=2&amp;dcp=asu-n&amp;upload_id=AEnB2UqNF7TQnjV9TLt2xOoYtjh2_t-Ruq5xUyFH8VcLVOwCJ27m2gKZAwuye4hfgF41D0rU8HWWhZla_Hsk9wQvGJh8dUbT-7PZWfkM1pcnWVs8BBHqKYY&amp;upload_protocol=resumable</t>
  </si>
  <si>
    <t>Controle_de_Apostas_e_Gestão_de Banca - RAPHAEL MOURA.xlsm</t>
  </si>
  <si>
    <t>09/29/2019 23:20:35</t>
  </si>
  <si>
    <t>/o=exchangelabs/ou=exchange administrative group (fydibohf23spdlt)/cn=recipients/cn=82e9af7034e542b3a622ab8e7d09ff5d-ricardo de;/o=exchangelabs/ou=exchange administrative group (fydibohf23spdlt)/cn=recipients/cn=a78f7dae304e472e9f75bd537683f6e5-hugo de oli;/o=exchangelabs/ou=exchange administrative group (fydibohf23spdlt)/cn=recipients/cn=fd4a47c4d251414eb48a57376a49e773-marco tulio;/o=exchangelabs/ou=exchange administrative group (fydibohf23spdlt)/cn=recipients/cn=feeccbeb32424ad09b049c1a1ba68bda-patricia ma;</t>
  </si>
  <si>
    <t>ENC: APRESENTACAO WFM</t>
  </si>
  <si>
    <t>/o=exchangelabs/ou=exchange administrative group (fydibohf23spdlt)/cn=recipients/cn=82e9af7034e542b3a622ab8e7d09ff5d-ricardo de,/o=exchangelabs/ou=exchange administrative group (fydibohf23spdlt)/cn=recipients/cn=a78f7dae304e472e9f75bd537683f6e5-hugo de oli,/o=exchangelabs/ou=exchange administrative group (fydibohf23spdlt)/cn=recipients/cn=fd4a47c4d251414eb48a57376a49e773-marco tulio,/o=exchangelabs/ou=exchange administrative group (fydibohf23spdlt)/cn=recipients/cn=feeccbeb32424ad09b049c1a1ba68bda-patricia ma</t>
  </si>
  <si>
    <t>09/29/2019 23:22:21</t>
  </si>
  <si>
    <t>C:\Users\lucianafaa\OneDrive - Grupo Algar\2019\PROJETOS\WFM\CONTROLE\STATUS REPORT\2019\PMO\PMO - STAFF DIGITAL 30-9.pptx\</t>
  </si>
  <si>
    <t>09/28/2019 19:40:02</t>
  </si>
  <si>
    <t>09/30/2019 07:57:45</t>
  </si>
  <si>
    <t>/o=exchangelabs/ou=exchange administrative group (fydibohf23spdlt)/cn=recipients/cn=8c253c95243a40aa99c9416b7eb70a2a-julio cesar;/o=exchangelabs/ou=exchange administrative group (fydibohf23spdlt)/cn=recipients/cn=98ea30ba409149f69837fad4ccd70171-leonardo el;/o=exchangelabs/ou=exchange administrative group (fydibohf23spdlt)/cn=recipients/cn=e46cd96e8e9e452c8cc8ba65a6c4ec57-gustavo hen;</t>
  </si>
  <si>
    <t>Ideia - mérito em folha ou bônus?</t>
  </si>
  <si>
    <t>Projeto_Mérito ou Bônus_2019_V1.xlsx</t>
  </si>
  <si>
    <t>/o=exchangelabs/ou=exchange administrative group (fydibohf23spdlt)/cn=recipients/cn=8c253c95243a40aa99c9416b7eb70a2a-julio cesar,/o=exchangelabs/ou=exchange administrative group (fydibohf23spdlt)/cn=recipients/cn=98ea30ba409149f69837fad4ccd70171-leonardo el,/o=exchangelabs/ou=exchange administrative group (fydibohf23spdlt)/cn=recipients/cn=e46cd96e8e9e452c8cc8ba65a6c4ec57-gustavo hen</t>
  </si>
  <si>
    <t>09/28/2019 09:38:41</t>
  </si>
  <si>
    <t>09/30/2019 08:05:44</t>
  </si>
  <si>
    <t>Segue Base</t>
  </si>
  <si>
    <t>09/27/2019 19:05:34</t>
  </si>
  <si>
    <t>09/30/2019 08:12:45</t>
  </si>
  <si>
    <t>RONAN SALUSTIANO DE MIRANDA PROV..xlsx</t>
  </si>
  <si>
    <t>09/30/2019 08:14:59</t>
  </si>
  <si>
    <t>09/30/2019 08:17:45</t>
  </si>
  <si>
    <t>09/28/2019 17:29:15</t>
  </si>
  <si>
    <t>09/30/2019 08:21:45</t>
  </si>
  <si>
    <t>adalbertovgn@gmail.com;marisefmorais@yahoo.com.br;</t>
  </si>
  <si>
    <t>C:\Users\mariannacsm\Documents\Pós Graduação\8 - SIMPLES NACIONAL E O ESTATUTO DA MICRO E PEQUENA EMPRESA\</t>
  </si>
  <si>
    <t>Estudos de Caso - Parte 1 (Case 1 a 5).xlsx</t>
  </si>
  <si>
    <t>adalbertovgn@gmail.com,marisefmorais@yahoo.com.br</t>
  </si>
  <si>
    <t>09/29/2019 11:22:04</t>
  </si>
  <si>
    <t>adalbertovgn@gmail.com;</t>
  </si>
  <si>
    <t>Estudo de Caso - Parte 2 (Case 7).xls</t>
  </si>
  <si>
    <t>adalbertovgn@gmail.com</t>
  </si>
  <si>
    <t>09/29/2019 20:18:34</t>
  </si>
  <si>
    <t>https://imepac.blackboard.com/webapps/assignment/uploadassignment?action=submit</t>
  </si>
  <si>
    <t>C:\Users\mariannacsm\Desktop\</t>
  </si>
  <si>
    <t>TDE 01 CRISTIANO GODOI.xlsx</t>
  </si>
  <si>
    <t>09/27/2019 20:45:57</t>
  </si>
  <si>
    <t>09/30/2019 08:27:45</t>
  </si>
  <si>
    <t>C:\Users\yuriifd\Desktop\Conteúdos\TCC - MBA\</t>
  </si>
  <si>
    <t>Trabalho Final - Análise Contábil e Financeira.xlsx</t>
  </si>
  <si>
    <t>09/28/2019 09:08:31</t>
  </si>
  <si>
    <t>C:\Users\yuriifd\Downloads\</t>
  </si>
  <si>
    <t>Budget 2019.20 v3.xlsx</t>
  </si>
  <si>
    <t>actionitems,backgroundimagegridviewlink,backgroundimagelink,backgroundimagelistviewlink,canaddchildren,canchangeteamdrivebackground,cancomment,cancopy,candelete,candeletechildren,candeleteteamdrive,candownload,canedit,canmanagemembers,canmanagevisitors,canmoveitemoutofteamdrive,canmoveitemwithinteamdrive,canmoveteamdriveitem),canreadteamdrive,canremovechildren,canrename,canrenameteamdrive,canshare,canshareoutsidedomain,cantrash,cantrashchildren,cantrashchildren))),canuntrash,capabilities(canaddchildren,capabilities(canmoveitemintoteamdrive,colorrgb,containsunsubscribedchildren,contentrestrictions(readonly),copyable,createddate,displayname,domain,editable,emailaddress,explicitlytrashed,file(kind,fileextension,fileid,filesize,flaggedforabuse,foldercolor,folderfeatures,hasaugmentedpermissions,haschildfolders,hasthumbnail,hasvisitorpermissions,hidden,id,id),items(deleted,ken,kind,labels(starred,lastmodifyinguser(kind,lastviewedbymedate,mimetype,modifiedbymedate,modifieddate,name,ontainsunsubscribedchildren,organi</t>
  </si>
  <si>
    <t>09/30/2019 08:37:04</t>
  </si>
  <si>
    <t>09/30/2019 08:41:46</t>
  </si>
  <si>
    <t>PWEB para contabilização de FTE's - PRECIFICACAO (PI-1005324-19) - Setembro 2019</t>
  </si>
  <si>
    <t>341 - ATEC-2019-0034-001 - M09 - PWEB_.xlsb</t>
  </si>
  <si>
    <t>09/26/2019 17:48:39</t>
  </si>
  <si>
    <t>09/30/2019 08:44:47</t>
  </si>
  <si>
    <t>/o=exchangelabs/ou=exchange administrative group (fydibohf23spdlt)/cn=recipients/cn=789dec4dad7d44908ec466b75359c302-amanda robe;/o=exchangelabs/ou=exchange administrative group (fydibohf23spdlt)/cn=recipients/cn=fb4805c542924cd48b03576d4af0f3a0-aline ferna;</t>
  </si>
  <si>
    <t>FATURA B</t>
  </si>
  <si>
    <t>Controle FatB 2019 Fellyp SET.xlsx</t>
  </si>
  <si>
    <t>/o=exchangelabs/ou=exchange administrative group (fydibohf23spdlt)/cn=recipients/cn=789dec4dad7d44908ec466b75359c302-amanda robe,/o=exchangelabs/ou=exchange administrative group (fydibohf23spdlt)/cn=recipients/cn=fb4805c542924cd48b03576d4af0f3a0-aline ferna</t>
  </si>
  <si>
    <t>09/27/2019 15:10:17</t>
  </si>
  <si>
    <t>/o=exchangelabs/ou=exchange administrative group (fydibohf23spdlt)/cn=recipients/cn=1e45e12566d4418ba0325de92fea64a4-akassia bez;/o=exchangelabs/ou=exchange administrative group (fydibohf23spdlt)/cn=recipients/cn=518109802f95454588121e2ff09bd792-marcio roge;/o=exchangelabs/ou=exchange administrative group (fydibohf23spdlt)/cn=recipients/cn=8c01e71056fe4e1a8ecc4e24420bd9ef-fellyp cros;</t>
  </si>
  <si>
    <t>RES: Conciliação de Fatura B (Setembro/2019)</t>
  </si>
  <si>
    <t>/o=exchangelabs/ou=exchange administrative group (fydibohf23spdlt)/cn=recipients/cn=1e45e12566d4418ba0325de92fea64a4-akassia bez,/o=exchangelabs/ou=exchange administrative group (fydibohf23spdlt)/cn=recipients/cn=518109802f95454588121e2ff09bd792-marcio roge,/o=exchangelabs/ou=exchange administrative group (fydibohf23spdlt)/cn=recipients/cn=8c01e71056fe4e1a8ecc4e24420bd9ef-fellyp cros</t>
  </si>
  <si>
    <t>09/30/2019 08:44:36</t>
  </si>
  <si>
    <t>09/30/2019 08:48:47</t>
  </si>
  <si>
    <t>planilha</t>
  </si>
  <si>
    <t>PLANILHA TICKETS PARA MARCUS CRIAR FAT - PENDING (002).xlsx</t>
  </si>
  <si>
    <t>09/30/2019 08:47:01</t>
  </si>
  <si>
    <t>09/30/2019 08:49:47</t>
  </si>
  <si>
    <t>C:\Users\karlosgc\Dropbox\C-BigBang\financeiro_brasil\</t>
  </si>
  <si>
    <t>dividas_calculos_2019.xlsx</t>
  </si>
  <si>
    <t>09/30/2019 08:49:44</t>
  </si>
  <si>
    <t>09/30/2019 08:50:46</t>
  </si>
  <si>
    <t>0ANALYSIS_PATTERN (80).csv</t>
  </si>
  <si>
    <t>09/28/2019 13:21:54</t>
  </si>
  <si>
    <t>09/30/2019 08:52:46</t>
  </si>
  <si>
    <t>09/28/2019 13:24:48</t>
  </si>
  <si>
    <t>09/30/2019 08:49:58</t>
  </si>
  <si>
    <t>09/30/2019 08:54:46</t>
  </si>
  <si>
    <t>VALIDAÇÃO FATURAMENTO OS'S TIM 2017 A 2019.xlsx</t>
  </si>
  <si>
    <t>09/30/2019 08:52:12</t>
  </si>
  <si>
    <t>09/30/2019 08:55:47</t>
  </si>
  <si>
    <t>09/30/2019 08:54:33</t>
  </si>
  <si>
    <t>09/30/2019 08:56:46</t>
  </si>
  <si>
    <t>C:\Users\alessandroam\OneDrive\OneDrive - Grupo Algar\01 - Historico\02 - Seg Informação\02 - Recentes\</t>
  </si>
  <si>
    <t>Transferência NEXT.xlsx</t>
  </si>
  <si>
    <t>09/28/2019 15:05:37</t>
  </si>
  <si>
    <t>Cenário 1 - Base Advanced Collection V1.xlsx</t>
  </si>
  <si>
    <t>09/28/2019 17:01:50</t>
  </si>
  <si>
    <t>09/29/2019 11:45:32</t>
  </si>
  <si>
    <t>R:\OneDrive - Grupo Algar\Advanced Collection\Revisão da Oferta\20190925 - Revisão oferta\Versão 3\</t>
  </si>
  <si>
    <t>Cenário 1 - Folha.xlsx</t>
  </si>
  <si>
    <t>09/29/2019 11:45:33</t>
  </si>
  <si>
    <t>09/29/2019 11:45:38</t>
  </si>
  <si>
    <t>09/29/2019 11:46:35</t>
  </si>
  <si>
    <t>09/30/2019 08:57:08</t>
  </si>
  <si>
    <t>09/30/2019 08:57:47</t>
  </si>
  <si>
    <t>/o=exchangelabs/ou=exchange administrative group (fydibohf23spdlt)/cn=recipients/cn=49df841081c647dfa3c968230c8e613c-sabrina gon;/o=exchangelabs/ou=exchange administrative group (fydibohf23spdlt)/cn=recipients/cn=68e6aa2e3fef4ccaba997d98294c9ed5-cristina he;/o=exchangelabs/ou=exchange administrative group (fydibohf23spdlt)/cn=recipients/cn=e46cd96e8e9e452c8cc8ba65a6c4ec57-gustavo hen;</t>
  </si>
  <si>
    <t>RES: Opção de Conta Salario NEXT</t>
  </si>
  <si>
    <t>Contas Next.xlsx</t>
  </si>
  <si>
    <t>/o=exchangelabs/ou=exchange administrative group (fydibohf23spdlt)/cn=recipients/cn=49df841081c647dfa3c968230c8e613c-sabrina gon,/o=exchangelabs/ou=exchange administrative group (fydibohf23spdlt)/cn=recipients/cn=68e6aa2e3fef4ccaba997d98294c9ed5-cristina he,/o=exchangelabs/ou=exchange administrative group (fydibohf23spdlt)/cn=recipients/cn=e46cd96e8e9e452c8cc8ba65a6c4ec57-gustavo hen</t>
  </si>
  <si>
    <t>09/30/2019 08:56:14</t>
  </si>
  <si>
    <t>09/30/2019 08:59:47</t>
  </si>
  <si>
    <t>09/29/2019 22:34:47</t>
  </si>
  <si>
    <t>09/30/2019 09:00:46</t>
  </si>
  <si>
    <t>COORDENACAO INFRAESTRUTURA</t>
  </si>
  <si>
    <t>10.200.58.168</t>
  </si>
  <si>
    <t>D8-9C-67-6F-2A-D1</t>
  </si>
  <si>
    <t>NB-LUIZEG</t>
  </si>
  <si>
    <t>rodolfogv</t>
  </si>
  <si>
    <t>RODOLFO GONCALVES VILELA</t>
  </si>
  <si>
    <t>rodolfo.vilela@outlook.com;</t>
  </si>
  <si>
    <t>Luciano Vilela</t>
  </si>
  <si>
    <t>Inventário - Luciano V Campos.xlsx</t>
  </si>
  <si>
    <t>rodolfo.vilela@outlook.com</t>
  </si>
  <si>
    <t>09/30/2019 09:04:02</t>
  </si>
  <si>
    <t>09/30/2019 09:07:47</t>
  </si>
  <si>
    <t>eva.cordeiro@bradesco.com.br;lorrany.bianca@bradesco.com.br;rodrigo.cunha@bradesco.com.br;wesleys.oliveira@bradesco.com.br;</t>
  </si>
  <si>
    <t>ENC: Custo G3 Algar</t>
  </si>
  <si>
    <t>Custo unitário - Algar.xlsx</t>
  </si>
  <si>
    <t>eva.cordeiro@bradesco.com.br,lorrany.bianca@bradesco.com.br,rodrigo.cunha@bradesco.com.br,wesleys.oliveira@bradesco.com.br</t>
  </si>
  <si>
    <t>09/30/2019 09:07:51</t>
  </si>
  <si>
    <t>09/30/2019 09:10:47</t>
  </si>
  <si>
    <t>rede de infra.xlsx</t>
  </si>
  <si>
    <t>09/30/2019 09:10:52</t>
  </si>
  <si>
    <t>09/30/2019 09:11:46</t>
  </si>
  <si>
    <t>/o=exchangelabs/ou=exchange administrative group (fydibohf23spdlt)/cn=recipients/cn=47cf60ebce7b4b5eb317a8340264d209-elizi anne;/o=exchangelabs/ou=exchange administrative group (fydibohf23spdlt)/cn=recipients/cn=8ab5e44d485043d59eb4f21463e63e6a-tays dos sa;cfonseca@tripag.com.br;cynthiaf@tripag.com.br;oscilang@tripag.com.br;</t>
  </si>
  <si>
    <t>ENC: Devolutiva Forecast Novembro-19</t>
  </si>
  <si>
    <t>Devolutiva Forecast Novembro-19.msg\s1\</t>
  </si>
  <si>
    <t>11 - SD_Template_Volumetria_ 2019 Oficial.xlsm</t>
  </si>
  <si>
    <t>/o=exchangelabs/ou=exchange administrative group (fydibohf23spdlt)/cn=recipients/cn=47cf60ebce7b4b5eb317a8340264d209-elizi anne,/o=exchangelabs/ou=exchange administrative group (fydibohf23spdlt)/cn=recipients/cn=8ab5e44d485043d59eb4f21463e63e6a-tays dos sa,cfonseca@tripag.com.br,cynthiaf@tripag.com.br,oscilang@tripag.com.br</t>
  </si>
  <si>
    <t>09/30/2019 09:11:35</t>
  </si>
  <si>
    <t>09/30/2019 09:12:47</t>
  </si>
  <si>
    <t>10.200.57.230</t>
  </si>
  <si>
    <t>80-86-F2-FD-4C-C9</t>
  </si>
  <si>
    <t>NB-ALINEAM</t>
  </si>
  <si>
    <t>alineam</t>
  </si>
  <si>
    <t>C:\Users\alineam\Grupo Algar\Marco Tulio Garcia Goncalves - Projeto Nimbus\</t>
  </si>
  <si>
    <t>20181112_Check List_Projeto Nimbus_Consolidado.xlsx</t>
  </si>
  <si>
    <t>09/30/2019 09:13:46</t>
  </si>
  <si>
    <t>10.200.57.242</t>
  </si>
  <si>
    <t>D8-9C-67-6F-31-41</t>
  </si>
  <si>
    <t>c:\users\angelinegn\downloads\</t>
  </si>
  <si>
    <t>2019_10 (2) (1).xls</t>
  </si>
  <si>
    <t>09/30/2019 09:14:41</t>
  </si>
  <si>
    <t>09/30/2019 09:15:46</t>
  </si>
  <si>
    <t>RES: Acompanhamento NPS - TRACK SALES e 5 STAR - Parcial Set/2019</t>
  </si>
  <si>
    <t>09/30/2019 09:16:32</t>
  </si>
  <si>
    <t>09/30/2019 09:17:47</t>
  </si>
  <si>
    <t>/o=exchangelabs/ou=exchange administrative group (fydibohf23spdlt)/cn=recipients/cn=1a68fd0c71d242d89abd9f9904b69653-lidianne sa;/o=exchangelabs/ou=exchange administrative group (fydibohf23spdlt)/cn=recipients/cn=2946605dcf554cb389220dec598b84fa-adriano mon;/o=exchangelabs/ou=exchange administrative group (fydibohf23spdlt)/cn=recipients/cn=b1a72fc2d0234efca84c7771ea70c7ee-roberta cri;</t>
  </si>
  <si>
    <t>/o=exchangelabs/ou=exchange administrative group (fydibohf23spdlt)/cn=recipients/cn=1a68fd0c71d242d89abd9f9904b69653-lidianne sa,/o=exchangelabs/ou=exchange administrative group (fydibohf23spdlt)/cn=recipients/cn=2946605dcf554cb389220dec598b84fa-adriano mon,/o=exchangelabs/ou=exchange administrative group (fydibohf23spdlt)/cn=recipients/cn=b1a72fc2d0234efca84c7771ea70c7ee-roberta cri</t>
  </si>
  <si>
    <t>09/30/2019 09:14:22</t>
  </si>
  <si>
    <t>09/30/2019 09:18:46</t>
  </si>
  <si>
    <t>/o=exchangelabs/ou=exchange administrative group (fydibohf23spdlt)/cn=recipients/cn=822f65115a2046059fff20a916dd90e9-thais marti;</t>
  </si>
  <si>
    <t>ENC: Formalização - Gerenciadas</t>
  </si>
  <si>
    <t>Cópia de Capacidade Revitalização_10072017 (005).xlsx</t>
  </si>
  <si>
    <t>/o=exchangelabs/ou=exchange administrative group (fydibohf23spdlt)/cn=recipients/cn=822f65115a2046059fff20a916dd90e9-thais marti</t>
  </si>
  <si>
    <t>09/30/2019 09:21:48</t>
  </si>
  <si>
    <t>09/30/2019 09:22:47</t>
  </si>
  <si>
    <t>C:\Users\lucianafaa\OneDrive - Grupo Algar\2019\PROJETOS\URLL\ACTION\</t>
  </si>
  <si>
    <t>Action Itensv12-v1-tudo - Copia.xlsx</t>
  </si>
  <si>
    <t>09/30/2019 09:23:39</t>
  </si>
  <si>
    <t>09/30/2019 09:24:47</t>
  </si>
  <si>
    <t>/o=exchangelabs/ou=exchange administrative group (fydibohf23spdlt)/cn=recipients/cn=1c3bae1d5aab4c72b84516e819cd16c9-wilton paim;/o=exchangelabs/ou=exchange administrative group (fydibohf23spdlt)/cn=recipients/cn=c08089b92f0643f18c949cb099a06593-tamara luis;/o=exchangelabs/ou=exchange administrative group (fydibohf23spdlt)/cn=recipients/cn=e5f757f577d04a6ca8cf68390f19008c-helber patr;/o=exchangelabs/ou=exchange administrative group (fydibohf23spdlt)/cn=recipients/cn=fbb57ef15418497d9cf342b341ae2491-helder ribe;/o=exchangelabs/ou=exchange administrative group (fydibohf23spdlt)/cn=recipients/cn=userc1fb6474;</t>
  </si>
  <si>
    <t>Cadastro de Skills/Contratos</t>
  </si>
  <si>
    <t>/o=exchangelabs/ou=exchange administrative group (fydibohf23spdlt)/cn=recipients/cn=1c3bae1d5aab4c72b84516e819cd16c9-wilton paim,/o=exchangelabs/ou=exchange administrative group (fydibohf23spdlt)/cn=recipients/cn=c08089b92f0643f18c949cb099a06593-tamara luis,/o=exchangelabs/ou=exchange administrative group (fydibohf23spdlt)/cn=recipients/cn=e5f757f577d04a6ca8cf68390f19008c-helber patr,/o=exchangelabs/ou=exchange administrative group (fydibohf23spdlt)/cn=recipients/cn=fbb57ef15418497d9cf342b341ae2491-helder ribe,/o=exchangelabs/ou=exchange administrative group (fydibohf23spdlt)/cn=recipients/cn=userc1fb6474</t>
  </si>
  <si>
    <t>09/30/2019 09:20:50</t>
  </si>
  <si>
    <t>/o=exchangelabs/ou=exchange administrative group (fydibohf23spdlt)/cn=recipients/cn=02b715e2a3c744dbab0f4054efc9d2d2-raquel corr;/o=exchangelabs/ou=exchange administrative group (fydibohf23spdlt)/cn=recipients/cn=5f81fe805d734dda80651a0797d779be-paulo cesar;/o=exchangelabs/ou=exchange administrative group (fydibohf23spdlt)/cn=recipients/cn=e716265113464d42959c665918ae1b54-bianca nefa;</t>
  </si>
  <si>
    <t>ENC: [Penalidade/Bonificação] Aditivo FMM - Algar Jul - Ago 19</t>
  </si>
  <si>
    <t>Benchmarking - Algar.xlsx</t>
  </si>
  <si>
    <t>/o=exchangelabs/ou=exchange administrative group (fydibohf23spdlt)/cn=recipients/cn=02b715e2a3c744dbab0f4054efc9d2d2-raquel corr,/o=exchangelabs/ou=exchange administrative group (fydibohf23spdlt)/cn=recipients/cn=5f81fe805d734dda80651a0797d779be-paulo cesar,/o=exchangelabs/ou=exchange administrative group (fydibohf23spdlt)/cn=recipients/cn=e716265113464d42959c665918ae1b54-bianca nefa</t>
  </si>
  <si>
    <t>09/30/2019 09:21:40</t>
  </si>
  <si>
    <t>/o=exchangelabs/ou=exchange administrative group (fydibohf23spdlt)/cn=recipients/cn=61af722dd06149089cf1c867d796b8bc-delso estre;</t>
  </si>
  <si>
    <t>ENC: Ideia - mérito em folha ou bônus?</t>
  </si>
  <si>
    <t>/o=exchangelabs/ou=exchange administrative group (fydibohf23spdlt)/cn=recipients/cn=61af722dd06149089cf1c867d796b8bc-delso estre</t>
  </si>
  <si>
    <t>09/30/2019 09:23:32</t>
  </si>
  <si>
    <t>09/30/2019 09:25:46</t>
  </si>
  <si>
    <t>/o=exchangelabs/ou=exchange administrative group (fydibohf23spdlt)/cn=recipients/cn=e76869615b8149a9945434c66719ab6e-dayane de o;</t>
  </si>
  <si>
    <t>ENC: Microanálise - Setembro</t>
  </si>
  <si>
    <t>Microanalise - Setembro - Parcial.xlsx</t>
  </si>
  <si>
    <t>/o=exchangelabs/ou=exchange administrative group (fydibohf23spdlt)/cn=recipients/cn=e76869615b8149a9945434c66719ab6e-dayane de o</t>
  </si>
  <si>
    <t>09/30/2019 09:27:30</t>
  </si>
  <si>
    <t>09/30/2019 09:28:46</t>
  </si>
  <si>
    <t>10.207.12.80</t>
  </si>
  <si>
    <t>Report Semanal Customer Success_26-09_GAT.pptx</t>
  </si>
  <si>
    <t>Report Semanal Customer Success_26-09_GAT.pptx\</t>
  </si>
  <si>
    <t>09/30/2019 09:28:02</t>
  </si>
  <si>
    <t>09/30/2019 09:31:46</t>
  </si>
  <si>
    <t>10.211.2.89</t>
  </si>
  <si>
    <t>C:\Users\Flavia\OneDrive - Grupo Algar\FLAVIA_10042019\FLAVIA\</t>
  </si>
  <si>
    <t>Prata.xlsx</t>
  </si>
  <si>
    <t>09/27/2019 17:53:13</t>
  </si>
  <si>
    <t>10.200.68.5</t>
  </si>
  <si>
    <t>2019_09_27_BadCalls_Televendas_Receptivo.xlsx</t>
  </si>
  <si>
    <t>09/30/2019 09:29:51</t>
  </si>
  <si>
    <t>09/30/2019 09:32:45</t>
  </si>
  <si>
    <t>apresentacao wfm</t>
  </si>
  <si>
    <t>PMO - STAFF DIGITAL 30-9.pptx\</t>
  </si>
  <si>
    <t>09/27/2019 14:31:49</t>
  </si>
  <si>
    <t>09/30/2019 09:35:46</t>
  </si>
  <si>
    <t>RES: Century Link- Fechamento setembro.xlsx</t>
  </si>
  <si>
    <t>Cópia de Century Link- Fechamento setembro.xlsx</t>
  </si>
  <si>
    <t>09/27/2019 14:42:02</t>
  </si>
  <si>
    <t>C:\Users\akassiablc.ACS\Documents\fechamento 092019\pweb\</t>
  </si>
  <si>
    <t>Provisão Penalidades FMT 092019 - Copia.xls</t>
  </si>
  <si>
    <t>09/27/2019 14:50:40</t>
  </si>
  <si>
    <t>Provisão Penalidades</t>
  </si>
  <si>
    <t>09/27/2019 16:14:12</t>
  </si>
  <si>
    <t>Receitamento FAT B 2º lote</t>
  </si>
  <si>
    <t>Receitamento FAT B 092019 2º lote.xlsx</t>
  </si>
  <si>
    <t>09/27/2019 16:26:42</t>
  </si>
  <si>
    <t>Provisão Penalidades Tim BBN 092019 .xls</t>
  </si>
  <si>
    <t>09/27/2019 16:32:36</t>
  </si>
  <si>
    <t>09/27/2019 17:16:45</t>
  </si>
  <si>
    <t>09/27/2019 17:36:37</t>
  </si>
  <si>
    <t>RES: PREVIA FECHAMENTO TORRE GST</t>
  </si>
  <si>
    <t>Padrao Solicitacao Receitamento SG Telecom -Aging maior que 60 dias.xlsm</t>
  </si>
  <si>
    <t>09/27/2019 17:42:43</t>
  </si>
  <si>
    <t>RES: Retificação Receitamento FAT B 2º lote</t>
  </si>
  <si>
    <t>09/27/2019 18:01:06</t>
  </si>
  <si>
    <t>09/30/2019 09:34:07</t>
  </si>
  <si>
    <t>09/30/2019 09:34:32</t>
  </si>
  <si>
    <t>09/30/2019 09:31:37</t>
  </si>
  <si>
    <t>09/30/2019 09:36:46</t>
  </si>
  <si>
    <t>/o=exchangelabs/ou=exchange administrative group (fydibohf23spdlt)/cn=recipients/cn=51e4257c2b7f4ac3a37104c52a243254-caf - centr;/o=exchangelabs/ou=exchange administrative group (fydibohf23spdlt)/cn=recipients/cn=f8583aae88d4485dac542c395d25e6fc-diego dos r;</t>
  </si>
  <si>
    <t>EDP: Retirada de equipamento - Ticket 776328</t>
  </si>
  <si>
    <t>Liberacao_EPD_01.xlsx</t>
  </si>
  <si>
    <t>/o=exchangelabs/ou=exchange administrative group (fydibohf23spdlt)/cn=recipients/cn=51e4257c2b7f4ac3a37104c52a243254-caf - centr,/o=exchangelabs/ou=exchange administrative group (fydibohf23spdlt)/cn=recipients/cn=f8583aae88d4485dac542c395d25e6fc-diego dos r</t>
  </si>
  <si>
    <t>09/30/2019 09:35:47</t>
  </si>
  <si>
    <t>09/30/2019 09:37:46</t>
  </si>
  <si>
    <t>10.200.60.92</t>
  </si>
  <si>
    <t>20-04-0F-FD-B0-C6</t>
  </si>
  <si>
    <t>09/30/2019 09:33:58</t>
  </si>
  <si>
    <t>09/30/2019 09:38:45</t>
  </si>
  <si>
    <t>/o=exchangelabs/ou=exchange administrative group (fydibohf23spdlt)/cn=recipients/cn=54abac0a4fdc4ad1bec39bb51d85eab1-victor hugo;/o=exchangelabs/ou=exchange administrative group (fydibohf23spdlt)/cn=recipients/cn=651324bc204a42f6bbcdf62273ebdc5c-aluisio ant;</t>
  </si>
  <si>
    <t>Metas x Produto GAT - Nova definição</t>
  </si>
  <si>
    <t>/o=exchangelabs/ou=exchange administrative group (fydibohf23spdlt)/cn=recipients/cn=54abac0a4fdc4ad1bec39bb51d85eab1-victor hugo,/o=exchangelabs/ou=exchange administrative group (fydibohf23spdlt)/cn=recipients/cn=651324bc204a42f6bbcdf62273ebdc5c-aluisio ant</t>
  </si>
  <si>
    <t>09/30/2019 09:17:38</t>
  </si>
  <si>
    <t>09/30/2019 09:39:45</t>
  </si>
  <si>
    <t>daniloma@algartech.com</t>
  </si>
  <si>
    <t>\\acsfs\dsti\CIT- Coordenação de Inteligência de Tecnologia\20- Gerenciamento de Mudanças\01 - Gestao\03 - Relatorios\</t>
  </si>
  <si>
    <t>notificação de cobrança Backlog CMDB 30-09-19.xls</t>
  </si>
  <si>
    <t>09/30/2019 09:40:22</t>
  </si>
  <si>
    <t>09/30/2019 09:40:46</t>
  </si>
  <si>
    <t>10.200.99.97</t>
  </si>
  <si>
    <t>/o=exchangelabs/ou=exchange administrative group (fydibohf23spdlt)/cn=recipients/cn=2abd653b249741f0aaab575ad2f855a3-tayse ianda;/o=exchangelabs/ou=exchange administrative group (fydibohf23spdlt)/cn=recipients/cn=e6e28e2646d74f638943c02afdaa6d1e-luciana rod;erika.machado@avon.com;priscila.pedreira@avon.com;rosana.scalabrin@avon.com;vanessa.terron@avon.com;</t>
  </si>
  <si>
    <t>ENC: Relatório Filas BackOffice Avon 30/09/2019</t>
  </si>
  <si>
    <t>Filas Back Office Avon.xlsx</t>
  </si>
  <si>
    <t>/o=exchangelabs/ou=exchange administrative group (fydibohf23spdlt)/cn=recipients/cn=2abd653b249741f0aaab575ad2f855a3-tayse ianda,/o=exchangelabs/ou=exchange administrative group (fydibohf23spdlt)/cn=recipients/cn=e6e28e2646d74f638943c02afdaa6d1e-luciana rod,erika.machado@avon.com,priscila.pedreira@avon.com,rosana.scalabrin@avon.com,vanessa.terron@avon.com</t>
  </si>
  <si>
    <t>09/27/2019 14:58:23</t>
  </si>
  <si>
    <t>09/30/2019 09:45:45</t>
  </si>
  <si>
    <t>ORC_2020_LUCIANA BERNARDES 27092019.xlsx</t>
  </si>
  <si>
    <t>09/27/2019 15:10:24</t>
  </si>
  <si>
    <t>/o=exchangelabs/ou=exchange administrative group (fydibohf23spdlt)/cn=recipients/cn=376dc21df9294b1e98e06de29a805db8-algar tech;/o=exchangelabs/ou=exchange administrative group (fydibohf23spdlt)/cn=recipients/cn=57b3e0724b2344fcbd88f738d223dd7a-leticia bor;/o=exchangelabs/ou=exchange administrative group (fydibohf23spdlt)/cn=recipients/cn=6fbc44b6d6b549208175d5a27201bd13-cintia nune;/o=exchangelabs/ou=exchange administrative group (fydibohf23spdlt)/cn=recipients/cn=f87f494a8d1d405d8a7b42a51dd5ab84-iris eugeni;/o=exchangelabs/ou=exchange administrative group (fydibohf23spdlt)/cn=recipients/cn=fd90fae387f145908887589a75c16eb5-karen dara;</t>
  </si>
  <si>
    <t>Complemento Provisão Caixa Cap - Set.19</t>
  </si>
  <si>
    <t>RECEITAMENTO - TERCEIROS SET.19 - CAIXA CAP ACEITE DO CLIENTE.xlsm</t>
  </si>
  <si>
    <t>/o=exchangelabs/ou=exchange administrative group (fydibohf23spdlt)/cn=recipients/cn=376dc21df9294b1e98e06de29a805db8-algar tech,/o=exchangelabs/ou=exchange administrative group (fydibohf23spdlt)/cn=recipients/cn=57b3e0724b2344fcbd88f738d223dd7a-leticia bor,/o=exchangelabs/ou=exchange administrative group (fydibohf23spdlt)/cn=recipients/cn=6fbc44b6d6b549208175d5a27201bd13-cintia nune,/o=exchangelabs/ou=exchange administrative group (fydibohf23spdlt)/cn=recipients/cn=f87f494a8d1d405d8a7b42a51dd5ab84-iris eugeni,/o=exchangelabs/ou=exchange administrative group (fydibohf23spdlt)/cn=recipients/cn=fd90fae387f145908887589a75c16eb5-karen dara</t>
  </si>
  <si>
    <t>09/27/2019 17:43:12</t>
  </si>
  <si>
    <t>Formulário Antec Receita Whirlpool Set.19 - BKO SERV</t>
  </si>
  <si>
    <t>Formulário Antec Receita Whirlpool Set.19 - BKO SERV.xlsx</t>
  </si>
  <si>
    <t>09/30/2019 09:52:30</t>
  </si>
  <si>
    <t>09/30/2019 09:53:46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3bff4ffb267e4ea2a4a3347f6a4c5cf8-tatiane mag;/o=exchangelabs/ou=exchange administrative group (fydibohf23spdlt)/cn=recipients/cn=42aadbe8775e4c2cb37c145f9d092a4e-carlos west;/o=exchangelabs/ou=exchange administrative group (fydibohf23spdlt)/cn=recipients/cn=435be7f7fc8c4dcfb9b8cfee6270553e-vinicius jo;/o=exchangelabs/ou=exchange administrative group (fydibohf23spdlt)/cn=recipients/cn=5eb8447f1992416c986b6f95f45fc7f7-jose paixao;/o=exchangelabs/ou=exchange administrative group (fydibohf23spdlt)/cn=recipients/cn=7df34f8bfd5c49aba90be766dd53403a-rosimar lei;/o=exchangelabs/ou=exchange administrative group (fydibohf23spdlt)/cn=recipients/cn=7ec9b79e321b423c9a6328e6d2a8765d-fabi</t>
  </si>
  <si>
    <t>ORÇAMENTOS EXECUTADOS TIM</t>
  </si>
  <si>
    <t>EXECUTADOS -27-09-2019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3bff4ffb267e4ea2a4a3347f6a4c5cf8-tatiane mag,/o=exchangelabs/ou=exchange administrative group (fydibohf23spdlt)/cn=recipients/cn=42aadbe8775e4c2cb37c145f9d092a4e-carlos west,/o=exchangelabs/ou=exchange administrative group (fydibohf23spdlt)/cn=recipients/cn=435be7f7fc8c4dcfb9b8cfee6270553e-vinicius jo,/o=exchangelabs/ou=exchange administrative group (fydibohf23spdlt)/cn=recipients/cn=5eb8447f1992416c986b6f95f45fc7f7-jose paixao,/o=exchangelabs/ou=exchange administrative group (fydibohf23spdlt)/cn=recipients/cn=7df34f8bfd5c49aba90be766dd53403a-rosimar lei,/o=exchangelabs/ou=exchange administrative group (fydibohf23spdlt)/cn=recipients/cn=7ec9b79e321b423c9a6328e6d2a8765d-fabi</t>
  </si>
  <si>
    <t>09/30/2019 09:55:46</t>
  </si>
  <si>
    <t>09/30/2019 09:58:45</t>
  </si>
  <si>
    <t>C:\Users\filemoncmj\Downloads\</t>
  </si>
  <si>
    <t>Classificação de Itens - Notebooks.xlsx</t>
  </si>
  <si>
    <t>09/30/2019 09:56:15</t>
  </si>
  <si>
    <t>/o=exchangelabs/ou=exchange administrative group (fydibohf23spdlt)/cn=recipients/cn=3a5a57fc01354a128619146c836d1ba7-camila de p;bruno.m.vitorino@bradesco.com.br;</t>
  </si>
  <si>
    <t>Demanda Fato Gerador - Operação ACE</t>
  </si>
  <si>
    <t>Data do Fato Gerador.xlsx</t>
  </si>
  <si>
    <t>/o=exchangelabs/ou=exchange administrative group (fydibohf23spdlt)/cn=recipients/cn=3a5a57fc01354a128619146c836d1ba7-camila de p,bruno.m.vitorino@bradesco.com.br</t>
  </si>
  <si>
    <t>09/30/2019 09:57:52</t>
  </si>
  <si>
    <t>09/30/2019 10:00:46</t>
  </si>
  <si>
    <t>rodrigormc@algartech.com</t>
  </si>
  <si>
    <t>mail.google.com/_/upload?authuser=0&amp;dcp=asu-n&amp;upload_id=AEnB2UpT77FmOjd6_teb6XfjyZGkGgfPZdW_X8g-mb67GHK25Z6_zwZLx4kRxMh5rwZwutZpw8u2HcNPFhbzCsfsSix1QjKC89BHmBo7RTeDQlH1I2Bf50c&amp;upload_protocol=resumable</t>
  </si>
  <si>
    <t>C:\Users\rodrigormc\Desktop\</t>
  </si>
  <si>
    <t>09/30/2019 10:00:16</t>
  </si>
  <si>
    <t>/o=exchangelabs/ou=exchange administrative group (fydibohf23spdlt)/cn=recipients/cn=2072905e221e44cd93713caf57a4301f-roberta igi;/o=exchangelabs/ou=exchange administrative group (fydibohf23spdlt)/cn=recipients/cn=47cf60ebce7b4b5eb317a8340264d209-elizi anne;/o=exchangelabs/ou=exchange administrative group (fydibohf23spdlt)/cn=recipients/cn=8ab5e44d485043d59eb4f21463e63e6a-tays dos sa;/o=exchangelabs/ou=exchange administrative group (fydibohf23spdlt)/cn=recipients/cn=c52a157e02d64dd1a81927cd619e2686-keila prisc;/o=exchangelabs/ou=exchange administrative group (fydibohf23spdlt)/cn=recipients/cn=f0ff087361a245daa16e71ac77ecc3f0-ivan costa;cfonseca@tripag.com.br;claudia@tripag.com.br;cynthiaf@tripag.com.br;ganunes@tripag.com.br;oscilang@tripag.com.br;</t>
  </si>
  <si>
    <t>Apresentação de Resultados - Book Agosto</t>
  </si>
  <si>
    <t>/o=exchangelabs/ou=exchange administrative group (fydibohf23spdlt)/cn=recipients/cn=2072905e221e44cd93713caf57a4301f-roberta igi,/o=exchangelabs/ou=exchange administrative group (fydibohf23spdlt)/cn=recipients/cn=47cf60ebce7b4b5eb317a8340264d209-elizi anne,/o=exchangelabs/ou=exchange administrative group (fydibohf23spdlt)/cn=recipients/cn=8ab5e44d485043d59eb4f21463e63e6a-tays dos sa,/o=exchangelabs/ou=exchange administrative group (fydibohf23spdlt)/cn=recipients/cn=c52a157e02d64dd1a81927cd619e2686-keila prisc,/o=exchangelabs/ou=exchange administrative group (fydibohf23spdlt)/cn=recipients/cn=f0ff087361a245daa16e71ac77ecc3f0-ivan costa,cfonseca@tripag.com.br,claudia@tripag.com.br,cynthiaf@tripag.com.br,ganunes@tripag.com.br,oscilang@tripag.com.br</t>
  </si>
  <si>
    <t>09/30/2019 09:57:59</t>
  </si>
  <si>
    <t>09/30/2019 10:01:45</t>
  </si>
  <si>
    <t>RES: PWEB para contabilização de FTE's - PRECIFICACAO (PI-1005324-19) - Setembro 2019</t>
  </si>
  <si>
    <t>341 - M09 - LD-2019-002-ATEC-2019-0034-001.xlsx</t>
  </si>
  <si>
    <t>09/30/2019 09:58:51</t>
  </si>
  <si>
    <t>suporte.vmc@bradescocartoes.com.br;</t>
  </si>
  <si>
    <t>ENC: Controle de Projetos - COMERCIO DE MEDICAMENTOS BRAIR LTDA</t>
  </si>
  <si>
    <t>COMERCIO DE MEDICAMENTOS BRAIR LTDA.xlsx</t>
  </si>
  <si>
    <t>suporte.vmc@bradescocartoes.com.br</t>
  </si>
  <si>
    <t>09/30/2019 10:00:48</t>
  </si>
  <si>
    <t>09/30/2019 10:03:46</t>
  </si>
  <si>
    <t>C:\04.orçamento DAF e PRE\orçamento 2020\</t>
  </si>
  <si>
    <t>ORC_2020_GILDA MIRANDA_v3.xlsx</t>
  </si>
  <si>
    <t>09/30/2019 10:01:01</t>
  </si>
  <si>
    <t>/o=exchangelabs/ou=exchange administrative group (fydibohf23spdlt)/cn=recipients/cn=a4ba92cba10f4fe498074594f937f3b6-leandro lop;</t>
  </si>
  <si>
    <t>Bradesco_Leandro Lopes_validar.xlsx</t>
  </si>
  <si>
    <t>/o=exchangelabs/ou=exchange administrative group (fydibohf23spdlt)/cn=recipients/cn=a4ba92cba10f4fe498074594f937f3b6-leandro lop</t>
  </si>
  <si>
    <t>09/30/2019 10:00:45</t>
  </si>
  <si>
    <t>09/30/2019 10:04:46</t>
  </si>
  <si>
    <t>CURVA NORMAL - 27/09/2019</t>
  </si>
  <si>
    <t>09/30/2019 10:00:29</t>
  </si>
  <si>
    <t>/o=exchangelabs/ou=exchange administrative group (fydibohf23spdlt)/cn=recipients/cn=2b69c7de1a3641269a7eed0596e1ddc2-wayner oliv;/o=exchangelabs/ou=exchange administrative group (fydibohf23spdlt)/cn=recipients/cn=65f2464c9a2e4d2981cae7124572133d-cristiane c;</t>
  </si>
  <si>
    <t>/o=exchangelabs/ou=exchange administrative group (fydibohf23spdlt)/cn=recipients/cn=2b69c7de1a3641269a7eed0596e1ddc2-wayner oliv,/o=exchangelabs/ou=exchange administrative group (fydibohf23spdlt)/cn=recipients/cn=65f2464c9a2e4d2981cae7124572133d-cristiane c</t>
  </si>
  <si>
    <t>09/30/2019 10:05:42</t>
  </si>
  <si>
    <t>09/30/2019 10:07:45</t>
  </si>
  <si>
    <t>10.203.30.111</t>
  </si>
  <si>
    <t>gustavoplo@algartech.com</t>
  </si>
  <si>
    <t>mail.google.com/_/upload?authuser=0&amp;dcp=asu-n&amp;upload_id=AEnB2UohX_MntVyS_am_vegr_uCrWcfM1PXG1tPXoco4cNK8rBn3vjh5roLOPJ73REl7SXkSYjOJWOM5twwIyLu2Ynw8caL3Sgj4z2UmtZJXnOUNpG9Tt6k&amp;upload_protocol=resumable</t>
  </si>
  <si>
    <t>C:\Users\gustavoplo\Desktop\</t>
  </si>
  <si>
    <t>ROSALIA MÊS 08.xlsx</t>
  </si>
  <si>
    <t>09/30/2019 10:03:04</t>
  </si>
  <si>
    <t>09/30/2019 10:08:45</t>
  </si>
  <si>
    <t>09/30/2019 10:08:59</t>
  </si>
  <si>
    <t>09/30/2019 10:09:46</t>
  </si>
  <si>
    <t>10.12.250.6</t>
  </si>
  <si>
    <t>mail.google.com/_/upload?authuser=1&amp;dcp=asu-n&amp;upload_id=AEnB2UrrqqEFXSIOZ-1gWPI9I2uw-z8E-VBGXc_jnlPJHJqbEJvRNaYcTyE9oU30AppQItH6cKDjnDjuaxM93w9poVIZ6hJQaHN_KEE4K1PHCJ87yx2TpSE&amp;upload_protocol=resumable</t>
  </si>
  <si>
    <t>contratos_francisco.xlsx</t>
  </si>
  <si>
    <t>09/30/2019 10:07:29</t>
  </si>
  <si>
    <t>09/30/2019 10:11:46</t>
  </si>
  <si>
    <t>mail.google.com/_/upload?authuser=0&amp;dcp=asu-n&amp;upload_id=AEnB2UrSGZmvEXZgZdYRiV3ojD1bJKGT8GN_x1iHL6D2hgl0I0AQgS7b749i7prFCvcLLHr_PmHjc9mwjiKOE31Kq0KmSD_Qfv1I8QIEPRzpui6HMSI5260&amp;upload_protocol=resumable</t>
  </si>
  <si>
    <t>backup_restore@algartech.com;leonardofdsa@algartech.com;</t>
  </si>
  <si>
    <t>backup_restore@algartech.com,leonardofdsa@algartech.com</t>
  </si>
  <si>
    <t>09/30/2019 10:13:20</t>
  </si>
  <si>
    <t>09/30/2019 10:17:45</t>
  </si>
  <si>
    <t>/o=exchangelabs/ou=exchange administrative group (fydibohf23spdlt)/cn=recipients/cn=49df841081c647dfa3c968230c8e613c-sabrina gon;/o=exchangelabs/ou=exchange administrative group (fydibohf23spdlt)/cn=recipients/cn=6b0580deded84616a49728efdb6b65e1-kamilla ram;/o=exchangelabs/ou=exchange administrative group (fydibohf23spdlt)/cn=recipients/cn=a4ba92cba10f4fe498074594f937f3b6-leandro lop;/o=exchangelabs/ou=exchange administrative group (fydibohf23spdlt)/cn=recipients/cn=groupadd70873;</t>
  </si>
  <si>
    <t>RES: RES: Necessidade de Quadro TOP Performance</t>
  </si>
  <si>
    <t>/o=exchangelabs/ou=exchange administrative group (fydibohf23spdlt)/cn=recipients/cn=49df841081c647dfa3c968230c8e613c-sabrina gon,/o=exchangelabs/ou=exchange administrative group (fydibohf23spdlt)/cn=recipients/cn=6b0580deded84616a49728efdb6b65e1-kamilla ram,/o=exchangelabs/ou=exchange administrative group (fydibohf23spdlt)/cn=recipients/cn=a4ba92cba10f4fe498074594f937f3b6-leandro lop,/o=exchangelabs/ou=exchange administrative group (fydibohf23spdlt)/cn=recipients/cn=groupadd70873</t>
  </si>
  <si>
    <t>09/30/2019 10:14:45</t>
  </si>
  <si>
    <t>/o=exchangelabs/ou=exchange administrative group (fydibohf23spdlt)/cn=recipients/cn=40310755e2634a6183c772072d9b4f04-coordenador;/o=exchangelabs/ou=exchange administrative group (fydibohf23spdlt)/cn=recipients/cn=b88fbbe7feb5433885019feb0ecb000c-lilian beat;/o=exchangelabs/ou=exchange administrative group (fydibohf23spdlt)/cn=recipients/cn=fd4a47c4d251414eb48a57376a49e773-marco tulio;claudia.siqueira@bradesco.com.br;jacqueline.mariano@bradesco.com.br;</t>
  </si>
  <si>
    <t>ENC: Caso de Fraude Vivi</t>
  </si>
  <si>
    <t>Ligação Maria Clara.xlsx</t>
  </si>
  <si>
    <t>/o=exchangelabs/ou=exchange administrative group (fydibohf23spdlt)/cn=recipients/cn=40310755e2634a6183c772072d9b4f04-coordenador,/o=exchangelabs/ou=exchange administrative group (fydibohf23spdlt)/cn=recipients/cn=b88fbbe7feb5433885019feb0ecb000c-lilian beat,/o=exchangelabs/ou=exchange administrative group (fydibohf23spdlt)/cn=recipients/cn=fd4a47c4d251414eb48a57376a49e773-marco tulio,claudia.siqueira@bradesco.com.br,jacqueline.mariano@bradesco.com.br</t>
  </si>
  <si>
    <t>09/30/2019 10:16:09</t>
  </si>
  <si>
    <t>ENC: Funcionário sem acesso ao sistema</t>
  </si>
  <si>
    <t>Paula Barbosa Silva.xlsx</t>
  </si>
  <si>
    <t>09/30/2019 10:16:23</t>
  </si>
  <si>
    <t>09/30/2019 10:18:46</t>
  </si>
  <si>
    <t>/o=exchangelabs/ou=exchange administrative group (fydibohf23spdlt)/cn=recipients/cn=9b3c029cc2ba4212bb4247e9ef6df7f1-andressa cr;ana.palazzo@bradesco.com.br;leticia.albuquerque@bradesco.com.br;</t>
  </si>
  <si>
    <t>/o=exchangelabs/ou=exchange administrative group (fydibohf23spdlt)/cn=recipients/cn=9b3c029cc2ba4212bb4247e9ef6df7f1-andressa cr,ana.palazzo@bradesco.com.br,leticia.albuquerque@bradesco.com.br</t>
  </si>
  <si>
    <t>09/30/2019 10:18:07</t>
  </si>
  <si>
    <t>/o=exchangelabs/ou=exchange administrative group (fydibohf23spdlt)/cn=recipients/cn=453b61456320491dad510b65b310018f-kelen crist;daniel.cabeceira@bradesco.com.br;</t>
  </si>
  <si>
    <t>RES bases Avon.msg\s1\</t>
  </si>
  <si>
    <t>/o=exchangelabs/ou=exchange administrative group (fydibohf23spdlt)/cn=recipients/cn=453b61456320491dad510b65b310018f-kelen crist,daniel.cabeceira@bradesco.com.br</t>
  </si>
  <si>
    <t>09/30/2019 10:21:58</t>
  </si>
  <si>
    <t>09/30/2019 10:23:46</t>
  </si>
  <si>
    <t>\\acsfs\deptos\controladoria\2 - business performance\2019\2 - longo prazo\revisão outubro\</t>
  </si>
  <si>
    <t>gat_revisÃo_margem_por_praticas_gat_agosto_2019 v2.xlsx</t>
  </si>
  <si>
    <t>09/30/2019 10:26:32</t>
  </si>
  <si>
    <t>09/30/2019 10:27:46</t>
  </si>
  <si>
    <t>C:\Users\nataliamam\Desktop\Whirlpool _Registros RPA.docx\</t>
  </si>
  <si>
    <t>09/30/2019 10:27:15</t>
  </si>
  <si>
    <t>09/30/2019 10:28:45</t>
  </si>
  <si>
    <t>danubiacsm@algartech.com</t>
  </si>
  <si>
    <t>C:\Users\danubiacsm\Desktop\</t>
  </si>
  <si>
    <t>09/30/2019 10:26:11</t>
  </si>
  <si>
    <t>D:\OneDrive\AlgarTech\Pré-Vendas\Cliente\2019\Algar Telecom\214360 - BASIS - Santa Helena\</t>
  </si>
  <si>
    <t>HorasExtras_BASIS.xlsx</t>
  </si>
  <si>
    <t>09/30/2019 10:23:42</t>
  </si>
  <si>
    <t>/o=exchangelabs/ou=exchange administrative group (fydibohf23spdlt)/cn=recipients/cn=240fafdb21074ab9a87c95d3265e411c-rodrigo rod;/o=exchangelabs/ou=exchange administrative group (fydibohf23spdlt)/cn=recipients/cn=2f13f6d577d947158c5f81c08b0e5faf-tatiane dor;/o=exchangelabs/ou=exchange administrative group (fydibohf23spdlt)/cn=recipients/cn=47bcba0edfbb48d39e9b215eae1400b2-ana paula s;/o=exchangelabs/ou=exchange administrative group (fydibohf23spdlt)/cn=recipients/cn=5c0e0b883c0f4ccbb2cf13db05a00b36-luciene ivo;/o=exchangelabs/ou=exchange administrative group (fydibohf23spdlt)/cn=recipients/cn=a4ba92cba10f4fe498074594f937f3b6-leandro lop;/o=exchangelabs/ou=exchange administrative group (fydibohf23spdlt)/cn=recipients/cn=aef94c0f98b44279a41d719230c27333-sabrina dan;</t>
  </si>
  <si>
    <t>Necessidade de quadros - LEANDRO LOPES.xlsx</t>
  </si>
  <si>
    <t>/o=exchangelabs/ou=exchange administrative group (fydibohf23spdlt)/cn=recipients/cn=240fafdb21074ab9a87c95d3265e411c-rodrigo rod,/o=exchangelabs/ou=exchange administrative group (fydibohf23spdlt)/cn=recipients/cn=2f13f6d577d947158c5f81c08b0e5faf-tatiane dor,/o=exchangelabs/ou=exchange administrative group (fydibohf23spdlt)/cn=recipients/cn=47bcba0edfbb48d39e9b215eae1400b2-ana paula s,/o=exchangelabs/ou=exchange administrative group (fydibohf23spdlt)/cn=recipients/cn=5c0e0b883c0f4ccbb2cf13db05a00b36-luciene ivo,/o=exchangelabs/ou=exchange administrative group (fydibohf23spdlt)/cn=recipients/cn=a4ba92cba10f4fe498074594f937f3b6-leandro lop,/o=exchangelabs/ou=exchange administrative group (fydibohf23spdlt)/cn=recipients/cn=aef94c0f98b44279a41d719230c27333-sabrina dan</t>
  </si>
  <si>
    <t>09/30/2019 10:24:41</t>
  </si>
  <si>
    <t>09/30/2019 10:29:46</t>
  </si>
  <si>
    <t>09/30/2019 10:30:24</t>
  </si>
  <si>
    <t>09/30/2019 10:31:45</t>
  </si>
  <si>
    <t>RES: Registrar RA - Capex - ATEC-2019-0002-006</t>
  </si>
  <si>
    <t>ENC Capitalização de itens de implantação.msg\s1\</t>
  </si>
  <si>
    <t>Lista de custos de Setup.xls</t>
  </si>
  <si>
    <t>09/30/2019 10:28:11</t>
  </si>
  <si>
    <t>09/30/2019 10:32:45</t>
  </si>
  <si>
    <t>gabriela_b_goncalves@whirlpool.com;</t>
  </si>
  <si>
    <t>gabriela_b_goncalves@whirlpool.com</t>
  </si>
  <si>
    <t>09/30/2019 10:29:47</t>
  </si>
  <si>
    <t>09/30/2019 10:29:48</t>
  </si>
  <si>
    <t>09/30/2019 10:32:59</t>
  </si>
  <si>
    <t>09/30/2019 10:33:45</t>
  </si>
  <si>
    <t>09/30/2019 10:30:30</t>
  </si>
  <si>
    <t>/o=exchangelabs/ou=exchange administrative group (fydibohf23spdlt)/cn=recipients/cn=aff8c3b9538840fe9b9778861292fbea-everton pau;</t>
  </si>
  <si>
    <t>ENC: Capacity Operações Algar</t>
  </si>
  <si>
    <t>FRANQUIA - Estudo INICIO x ATUAL v2.xlsx</t>
  </si>
  <si>
    <t>/o=exchangelabs/ou=exchange administrative group (fydibohf23spdlt)/cn=recipients/cn=aff8c3b9538840fe9b9778861292fbea-everton pau</t>
  </si>
  <si>
    <t>09/30/2019 10:30:16</t>
  </si>
  <si>
    <t>/o=exchangelabs/ou=exchange administrative group (fydibohf23spdlt)/cn=recipients/cn=b79663656cc44aa3bf06617d1695ae51-carlos faci;/o=exchangelabs/ou=exchange administrative group (fydibohf23spdlt)/cn=recipients/cn=fedd0b8e2dbf442f837981a40559d630-viviane bar;</t>
  </si>
  <si>
    <t>Algar Tech - Longo Prazo</t>
  </si>
  <si>
    <t>Algar Tech - Estratégia - Aberturas da revisão de projeção por prática 2018 09 19.xlsx</t>
  </si>
  <si>
    <t>/o=exchangelabs/ou=exchange administrative group (fydibohf23spdlt)/cn=recipients/cn=b79663656cc44aa3bf06617d1695ae51-carlos faci,/o=exchangelabs/ou=exchange administrative group (fydibohf23spdlt)/cn=recipients/cn=fedd0b8e2dbf442f837981a40559d630-viviane bar</t>
  </si>
  <si>
    <t>09/30/2019 10:33:04</t>
  </si>
  <si>
    <t>09/30/2019 10:35:45</t>
  </si>
  <si>
    <t>ENC: Folha Tech</t>
  </si>
  <si>
    <t>09/30/2019 10:33:10</t>
  </si>
  <si>
    <t>09/30/2019 10:36:46</t>
  </si>
  <si>
    <t>Plano de Ação_Reunião Extraordinária CAGR_LGPD.xlsx</t>
  </si>
  <si>
    <t>09/30/2019 10:37:14</t>
  </si>
  <si>
    <t>09/30/2019 10:40:46</t>
  </si>
  <si>
    <t>C:\Users\waleskamms\OneDrive - Grupo Algar\Gestão área\Orçado x real\</t>
  </si>
  <si>
    <t>Template Orçamentário Pessoal - 2020 - AJU 3009.xlsx</t>
  </si>
  <si>
    <t>09/30/2019 10:39:18</t>
  </si>
  <si>
    <t>09/30/2019 10:43:46</t>
  </si>
  <si>
    <t>ENC: Volume Gerenciadas Amex e Visa - 30/09</t>
  </si>
  <si>
    <t>09/30/2019 10:40:18</t>
  </si>
  <si>
    <t>09/30/2019 10:44:45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1e45e12566d4418ba0325de92fea64a4-akassia bez;/o=exchangelabs/ou=exchange administrative group (fydibohf23spdlt)/cn=recipients/cn=2b69c7de1a3641269a7eed0596e1ddc2-wayner oliv;/o=exchangelabs/ou=exchange administrative group (fydibohf23spdlt)/cn=recipients/cn=3bff4ffb267e4ea2a4a3347f6a4c5cf8-tatiane mag;/o=exchangelabs/ou=exchange administrative group (fydibohf23spdlt)/cn=recipients/cn=4097402e2d3e4073b597d33928140586-paulo sergi;/o=exchangelabs/ou=exchange administrative group (fydibohf23spdlt)/cn=recipients/cn=47dd31b5ac1847959bdefc467c1b7402-ferlem marl;/o=exchangelabs/ou=exchange administrative group (fydibohf23spdlt)/cn=recipients/cn=5eb8447f1992416c986b6f95f45fc7f7-jose</t>
  </si>
  <si>
    <t>OS's TIM BBN - Status e Valores</t>
  </si>
  <si>
    <t>OS's TIM 30_09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1e45e12566d4418ba0325de92fea64a4-akassia bez,/o=exchangelabs/ou=exchange administrative group (fydibohf23spdlt)/cn=recipients/cn=2b69c7de1a3641269a7eed0596e1ddc2-wayner oliv,/o=exchangelabs/ou=exchange administrative group (fydibohf23spdlt)/cn=recipients/cn=3bff4ffb267e4ea2a4a3347f6a4c5cf8-tatiane mag,/o=exchangelabs/ou=exchange administrative group (fydibohf23spdlt)/cn=recipients/cn=4097402e2d3e4073b597d33928140586-paulo sergi,/o=exchangelabs/ou=exchange administrative group (fydibohf23spdlt)/cn=recipients/cn=47dd31b5ac1847959bdefc467c1b7402-ferlem marl,/o=exchangelabs/ou=exchange administrative group (fydibohf23spdlt)/cn=recipients/cn=5eb8447f1992416c986b6f95f45fc7f7-jose</t>
  </si>
  <si>
    <t>09/30/2019 10:43:28</t>
  </si>
  <si>
    <t>ENC: OS's TIM BBN - Status e Valores</t>
  </si>
  <si>
    <t>09/30/2019 10:44:18</t>
  </si>
  <si>
    <t>09/30/2019 10:46:45</t>
  </si>
  <si>
    <t>ENC: Algar Tech - Capex 2020 (Infraestrutura e Engenharia)- potencial de saving</t>
  </si>
  <si>
    <t>09/30/2019 10:33:13</t>
  </si>
  <si>
    <t>09/30/2019 10:47:46</t>
  </si>
  <si>
    <t>/o=exchangelabs/ou=exchange administrative group (fydibohf23spdlt)/cn=recipients/cn=0b12aab521944ecb8b32eb8c0929be5c-rafael gonz;/o=exchangelabs/ou=exchange administrative group (fydibohf23spdlt)/cn=recipients/cn=5af2cae509964078b2026f7f550380b0-andre luis;/o=exchangelabs/ou=exchange administrative group (fydibohf23spdlt)/cn=recipients/cn=8ab5e44d485043d59eb4f21463e63e6a-tays dos sa;/o=exchangelabs/ou=exchange administrative group (fydibohf23spdlt)/cn=recipients/cn=ca1f2dadbd0542a8ad075275acf52ff3-rondinele s;/o=exchangelabs/ou=exchange administrative group (fydibohf23spdlt)/cn=recipients/cn=df6ea6cc78a840278b1e7acccac67692-thiago rodr;</t>
  </si>
  <si>
    <t>RES BV - Análise Desktop - MVP Telas 2 .msg\s1\</t>
  </si>
  <si>
    <t>/o=exchangelabs/ou=exchange administrative group (fydibohf23spdlt)/cn=recipients/cn=0b12aab521944ecb8b32eb8c0929be5c-rafael gonz,/o=exchangelabs/ou=exchange administrative group (fydibohf23spdlt)/cn=recipients/cn=5af2cae509964078b2026f7f550380b0-andre luis,/o=exchangelabs/ou=exchange administrative group (fydibohf23spdlt)/cn=recipients/cn=8ab5e44d485043d59eb4f21463e63e6a-tays dos sa,/o=exchangelabs/ou=exchange administrative group (fydibohf23spdlt)/cn=recipients/cn=ca1f2dadbd0542a8ad075275acf52ff3-rondinele s,/o=exchangelabs/ou=exchange administrative group (fydibohf23spdlt)/cn=recipients/cn=df6ea6cc78a840278b1e7acccac67692-thiago rodr</t>
  </si>
  <si>
    <t>09/30/2019 10:46:56</t>
  </si>
  <si>
    <t>/o=exchangelabs/ou=exchange administrative group (fydibohf23spdlt)/cn=recipients/cn=bf5c8ee8081a4a4cbf005372e2697869-tassiane ci;</t>
  </si>
  <si>
    <t>ENC: ATENDIMENTO PF - Planejamento</t>
  </si>
  <si>
    <t>/o=exchangelabs/ou=exchange administrative group (fydibohf23spdlt)/cn=recipients/cn=bf5c8ee8081a4a4cbf005372e2697869-tassiane ci</t>
  </si>
  <si>
    <t>09/26/2019 12:20:41</t>
  </si>
  <si>
    <t>09/30/2019 10:51:46</t>
  </si>
  <si>
    <t>m.argaez@sap.com;</t>
  </si>
  <si>
    <t>RES: LinkedIn Navigator LICENSE TERMINATION from SAP's program 2019</t>
  </si>
  <si>
    <t>LinkedInGV6TIMEExtensionTemplate2019.xlsx</t>
  </si>
  <si>
    <t>m.argaez@sap.com</t>
  </si>
  <si>
    <t>09/30/2019 10:51:37</t>
  </si>
  <si>
    <t>09/30/2019 10:55:46</t>
  </si>
  <si>
    <t>/o=exchangelabs/ou=exchange administrative group (fydibohf23spdlt)/cn=recipients/cn=590012d55fae421587844918af7bc53c-daiane mari;/o=exchangelabs/ou=exchange administrative group (fydibohf23spdlt)/cn=recipients/cn=98ea30ba409149f69837fad4ccd70171-leonardo el;</t>
  </si>
  <si>
    <t>Novo PTH 2020 - Jurídico</t>
  </si>
  <si>
    <t>/o=exchangelabs/ou=exchange administrative group (fydibohf23spdlt)/cn=recipients/cn=590012d55fae421587844918af7bc53c-daiane mari,/o=exchangelabs/ou=exchange administrative group (fydibohf23spdlt)/cn=recipients/cn=98ea30ba409149f69837fad4ccd70171-leonardo el</t>
  </si>
  <si>
    <t>09/30/2019 10:53:02</t>
  </si>
  <si>
    <t>09/30/2019 10:57:46</t>
  </si>
  <si>
    <t>/o=exchangelabs/ou=exchange administrative group (fydibohf23spdlt)/cn=recipients/cn=01dd947fa5e64c6cb9bbbb6c6ff21082-amanda silv;/o=exchangelabs/ou=exchange administrative group (fydibohf23spdlt)/cn=recipients/cn=0cbce90bdb1a497884c650ccf6bb3f11-denise marq;/o=exchangelabs/ou=exchange administrative group (fydibohf23spdlt)/cn=recipients/cn=16a29ec14a2c4cceae5d6ba9fc205b24-jaqueline a;/o=exchangelabs/ou=exchange administrative group (fydibohf23spdlt)/cn=recipients/cn=21e19f678add4fcfafd18869720fe392-mariana sar;/o=exchangelabs/ou=exchange administrative group (fydibohf23spdlt)/cn=recipients/cn=2531782e0fc64d898e2b26119c64f4d3-laura beatr;/o=exchangelabs/ou=exchange administrative group (fydibohf23spdlt)/cn=recipients/cn=28f37dff89954cf7971d37d7a8e29e6f-laiane pere;/o=exchangelabs/ou=exchange administrative group (fydibohf23spdlt)/cn=recipients/cn=2a933c0b80df4f499b51d2e80289c02f-priscila le;/o=exchangelabs/ou=exchange administrative group (fydibohf23spdlt)/cn=recipients/cn=2fd40d5105804de1a0e7ae1dc8497af5-kell</t>
  </si>
  <si>
    <t>RES: Visão NR 17</t>
  </si>
  <si>
    <t>Visão PF - NR17 atualizado 30ª Parcial.xlsm</t>
  </si>
  <si>
    <t>/o=exchangelabs/ou=exchange administrative group (fydibohf23spdlt)/cn=recipients/cn=01dd947fa5e64c6cb9bbbb6c6ff21082-amanda silv,/o=exchangelabs/ou=exchange administrative group (fydibohf23spdlt)/cn=recipients/cn=0cbce90bdb1a497884c650ccf6bb3f11-denise marq,/o=exchangelabs/ou=exchange administrative group (fydibohf23spdlt)/cn=recipients/cn=16a29ec14a2c4cceae5d6ba9fc205b24-jaqueline a,/o=exchangelabs/ou=exchange administrative group (fydibohf23spdlt)/cn=recipients/cn=21e19f678add4fcfafd18869720fe392-mariana sar,/o=exchangelabs/ou=exchange administrative group (fydibohf23spdlt)/cn=recipients/cn=2531782e0fc64d898e2b26119c64f4d3-laura beatr,/o=exchangelabs/ou=exchange administrative group (fydibohf23spdlt)/cn=recipients/cn=28f37dff89954cf7971d37d7a8e29e6f-laiane pere,/o=exchangelabs/ou=exchange administrative group (fydibohf23spdlt)/cn=recipients/cn=2a933c0b80df4f499b51d2e80289c02f-priscila le,/o=exchangelabs/ou=exchange administrative group (fydibohf23spdlt)/cn=recipients/cn=2fd40d5105804de1a0e7ae1dc8497af5-kell</t>
  </si>
  <si>
    <t>09/30/2019 10:55:38</t>
  </si>
  <si>
    <t>09/30/2019 11:00:46</t>
  </si>
  <si>
    <t>09/30/2019 10:55:20</t>
  </si>
  <si>
    <t>Template Orçamentário Pessoal - 2020 - AJU.xlsx</t>
  </si>
  <si>
    <t>09/30/2019 11:00:19</t>
  </si>
  <si>
    <t>09/30/2019 11:03:46</t>
  </si>
  <si>
    <t>jullian.faria@algartech.com;leandrolds@algartech.com;lucianomf@algartech.com;waleskamms@algartech.com;</t>
  </si>
  <si>
    <t>Simulação URR Aliquota.xls</t>
  </si>
  <si>
    <t>jullian.faria@algartech.com,leandrolds@algartech.com,lucianomf@algartech.com,waleskamms@algartech.com</t>
  </si>
  <si>
    <t>09/30/2019 11:02:16</t>
  </si>
  <si>
    <t>/o=exchangelabs/ou=exchange administrative group (fydibohf23spdlt)/cn=recipients/cn=32fe8a14424941da83c2bf35a8a5709e-fabiana car;/o=exchangelabs/ou=exchange administrative group (fydibohf23spdlt)/cn=recipients/cn=3a5a57fc01354a128619146c836d1ba7-camila de p;/o=exchangelabs/ou=exchange administrative group (fydibohf23spdlt)/cn=recipients/cn=3b605dbd20a046faa2e5305a476c2f01-next sac;/o=exchangelabs/ou=exchange administrative group (fydibohf23spdlt)/cn=recipients/cn=437660f2d7104c728fd02934d309f657-erik lenis;/o=exchangelabs/ou=exchange administrative group (fydibohf23spdlt)/cn=recipients/cn=453b61456320491dad510b65b310018f-kelen crist;/o=exchangelabs/ou=exchange administrative group (fydibohf23spdlt)/cn=recipients/cn=88e4fcbd3ea14730a81286cc0683fb42-manoel eloy;/o=exchangelabs/ou=exchange administrative group (fydibohf23spdlt)/cn=recipients/cn=e4dbda4121b54299b4a719c6aa694894-algar tech;/o=exchangelabs/ou=exchange administrative group (fydibohf23spdlt)/cn=recipients/cn=groupf56ef55a;</t>
  </si>
  <si>
    <t>RES: Reserva de Sala - TRN Telas Pretas</t>
  </si>
  <si>
    <t>Treinamento Tela Preta - NEXT.xlsx</t>
  </si>
  <si>
    <t>/o=exchangelabs/ou=exchange administrative group (fydibohf23spdlt)/cn=recipients/cn=32fe8a14424941da83c2bf35a8a5709e-fabiana car,/o=exchangelabs/ou=exchange administrative group (fydibohf23spdlt)/cn=recipients/cn=3a5a57fc01354a128619146c836d1ba7-camila de p,/o=exchangelabs/ou=exchange administrative group (fydibohf23spdlt)/cn=recipients/cn=3b605dbd20a046faa2e5305a476c2f01-next sac,/o=exchangelabs/ou=exchange administrative group (fydibohf23spdlt)/cn=recipients/cn=437660f2d7104c728fd02934d309f657-erik lenis,/o=exchangelabs/ou=exchange administrative group (fydibohf23spdlt)/cn=recipients/cn=453b61456320491dad510b65b310018f-kelen crist,/o=exchangelabs/ou=exchange administrative group (fydibohf23spdlt)/cn=recipients/cn=88e4fcbd3ea14730a81286cc0683fb42-manoel eloy,/o=exchangelabs/ou=exchange administrative group (fydibohf23spdlt)/cn=recipients/cn=e4dbda4121b54299b4a719c6aa694894-algar tech,/o=exchangelabs/ou=exchange administrative group (fydibohf23spdlt)/cn=recipients/cn=groupf56ef55a</t>
  </si>
  <si>
    <t>09/30/2019 11:00:14</t>
  </si>
  <si>
    <t>RES: Custo G3 Algar</t>
  </si>
  <si>
    <t>09/30/2019 11:05:07</t>
  </si>
  <si>
    <t>09/30/2019 11:06:45</t>
  </si>
  <si>
    <t>C:\Users\alessandroam\OneDrive\OneDrive - Grupo Algar\01 - Historico\02 - Seg Informação\05 - PMO TAP - CAPEX e OPEX\20 - Capex 2020 - 21\</t>
  </si>
  <si>
    <t>Projetos TI 2021-2024 - Longo Prazo.xlsx</t>
  </si>
  <si>
    <t>09/30/2019 11:03:45</t>
  </si>
  <si>
    <t>/o=exchangelabs/ou=exchange administrative group (fydibohf23spdlt)/cn=recipients/cn=4661e55ca89b4e56a85d5bce819cc072-luana cunha;</t>
  </si>
  <si>
    <t>RES: Planilha de comissionamento</t>
  </si>
  <si>
    <t>Cópia de Comissão Agosto 2019 Electrolux.xlsx</t>
  </si>
  <si>
    <t>/o=exchangelabs/ou=exchange administrative group (fydibohf23spdlt)/cn=recipients/cn=4661e55ca89b4e56a85d5bce819cc072-luana cunha</t>
  </si>
  <si>
    <t>09/30/2019 11:08:45</t>
  </si>
  <si>
    <t>09/30/2019 11:10:46</t>
  </si>
  <si>
    <t>C:\Users\waleskamms\OneDrive - Grupo Algar\Orçamento 2019\</t>
  </si>
  <si>
    <t>09/30/2019 11:08:05</t>
  </si>
  <si>
    <t>09/30/2019 11:12:45</t>
  </si>
  <si>
    <t>C:\Users\gabrielbc\Desktop\</t>
  </si>
  <si>
    <t>Overview treinamentos TI.xlsx</t>
  </si>
  <si>
    <t>09/30/2019 11:11:14</t>
  </si>
  <si>
    <t>09/30/2019 11:13:46</t>
  </si>
  <si>
    <t>ENC: Impacto da Conciliação - Algar Tech</t>
  </si>
  <si>
    <t>Impacto.xlsx</t>
  </si>
  <si>
    <t>09/30/2019 11:12:05</t>
  </si>
  <si>
    <t>filemon@algartech.com</t>
  </si>
  <si>
    <t>mail.google.com/_/upload?authuser=0&amp;dcp=asu-n&amp;upload_id=AEnB2UqhDJ6dKUz-44Fhob33CNlcOovdD8a5vHNofTAqgoRMNCAx68xqRK7dbZ2JCbSLKEMe_McgKZPusACsdEH28L0npnF2qmhPGfcQ0A-DuMbxr_tAKH8&amp;upload_protocol=resumable</t>
  </si>
  <si>
    <t>09/30/2019 11:13:01</t>
  </si>
  <si>
    <t>09/30/2019 11:13:17</t>
  </si>
  <si>
    <t>09/30/2019 11:15:46</t>
  </si>
  <si>
    <t>09/30/2019 11:13:57</t>
  </si>
  <si>
    <t>09/30/2019 11:14:21</t>
  </si>
  <si>
    <t>09/30/2019 11:14:55</t>
  </si>
  <si>
    <t>09/30/2019 11:18:46</t>
  </si>
  <si>
    <t>/o=exchangelabs/ou=exchange administrative group (fydibohf23spdlt)/cn=recipients/cn=5c0e0b883c0f4ccbb2cf13db05a00b36-luciene ivo;</t>
  </si>
  <si>
    <t>Action -URR</t>
  </si>
  <si>
    <t>Action Itensv12-v2.xlsx</t>
  </si>
  <si>
    <t>/o=exchangelabs/ou=exchange administrative group (fydibohf23spdlt)/cn=recipients/cn=5c0e0b883c0f4ccbb2cf13db05a00b36-luciene ivo</t>
  </si>
  <si>
    <t>09/30/2019 11:14:18</t>
  </si>
  <si>
    <t>/o=exchangelabs/ou=exchange administrative group (fydibohf23spdlt)/cn=recipients/cn=1c3bae1d5aab4c72b84516e819cd16c9-wilton paim;/o=exchangelabs/ou=exchange administrative group (fydibohf23spdlt)/cn=recipients/cn=fbb57ef15418497d9cf342b341ae2491-helder ribe;</t>
  </si>
  <si>
    <t>ENC: Escopo - Desenvolvimento do Painel de Indicadores Toyota .doc</t>
  </si>
  <si>
    <t>/o=exchangelabs/ou=exchange administrative group (fydibohf23spdlt)/cn=recipients/cn=1c3bae1d5aab4c72b84516e819cd16c9-wilton paim,/o=exchangelabs/ou=exchange administrative group (fydibohf23spdlt)/cn=recipients/cn=fbb57ef15418497d9cf342b341ae2491-helder ribe</t>
  </si>
  <si>
    <t>09/30/2019 11:17:41</t>
  </si>
  <si>
    <t>Modelo relatório insight com plano de ação.xlsx</t>
  </si>
  <si>
    <t>09/30/2019 11:14:37</t>
  </si>
  <si>
    <t>09/30/2019 11:19:46</t>
  </si>
  <si>
    <t>C:\Users\joaonsm\OneDrive - Grupo Algar\João Neto\Relatório RDMs\</t>
  </si>
  <si>
    <t>Relatorio_09-09-2019.xlsx</t>
  </si>
  <si>
    <t>09/30/2019 11:16:27</t>
  </si>
  <si>
    <t>mail.google.com/_/upload?authuser=1&amp;dcp=asu-n&amp;upload_id=AEnB2Ur6a0W_QZNFiRQ05z1riGe3QBsiNNFUWyGoFlQwjZoRHrtcMsS2eCjxXGIZwZV7q3T8_lXjehIGkuYpBkbUFcQsL1ls6SscnIzRA_yLa6r1zUuruCU&amp;upload_protocol=resumable</t>
  </si>
  <si>
    <t>confirmados setembro.xlsx</t>
  </si>
  <si>
    <t>09/30/2019 11:20:08</t>
  </si>
  <si>
    <t>09/30/2019 11:21:46</t>
  </si>
  <si>
    <t>/o=exchangelabs/ou=exchange administrative group (fydibohf23spdlt)/cn=recipients/cn=dc545318d7744217a865d0e9bb7ca61d-luciana gom;</t>
  </si>
  <si>
    <t>EDP: Status - Aspect , Telecom</t>
  </si>
  <si>
    <t>/o=exchangelabs/ou=exchange administrative group (fydibohf23spdlt)/cn=recipients/cn=dc545318d7744217a865d0e9bb7ca61d-luciana gom</t>
  </si>
  <si>
    <t>09/30/2019 11:20:32</t>
  </si>
  <si>
    <t>09/30/2019 11:22:45</t>
  </si>
  <si>
    <t>Exemplo Tabela Pricing</t>
  </si>
  <si>
    <t>Exemplo Tabela Pricing base 100.xlsx</t>
  </si>
  <si>
    <t>09/30/2019 11:21:15</t>
  </si>
  <si>
    <t>09/30/2019 11:24:46</t>
  </si>
  <si>
    <t>Disparo_30.09.csv</t>
  </si>
  <si>
    <t>09/30/2019 11:23:12</t>
  </si>
  <si>
    <t>09/30/2019 11:28:46</t>
  </si>
  <si>
    <t>192.168.1.102</t>
  </si>
  <si>
    <t>A0-88-69-CF-66-BF</t>
  </si>
  <si>
    <t>carloswbj@algartech.com;diegovrs@algartech.com;elinconpa@algartech.com;etsonlps@algartech.com;fabioch@algartecnologia.com.br;ferlemsb@algartech.com;fernandords@algartech.com;flaviom@algartech.com;iurimn@algartech.com;josafa@algartech.com;josepsda@algartech.com;marcos.pereira@algartech.com;paulocpc@algartech.com;paulocruz@algartech.com;qualidade.commandcenter@algartech.com;reportscommandcenteralgar@algartech.com;rosimarlr@algartech.com;tatiane.oliveira@algartech.com;viniciusja@algartech.com;</t>
  </si>
  <si>
    <t>expurgo bbn.xlsx</t>
  </si>
  <si>
    <t>carloswbj@algartech.com,diegovrs@algartech.com,elinconpa@algartech.com,etsonlps@algartech.com,fabioch@algartecnologia.com.br,ferlemsb@algartech.com,fernandords@algartech.com,flaviom@algartech.com,iurimn@algartech.com,josafa@algartech.com,josepsda@algartech.com,marcos.pereira@algartech.com,paulocpc@algartech.com,paulocruz@algartech.com,qualidade.commandcenter@algartech.com,reportscommandcenteralgar@algartech.com,rosimarlr@algartech.com,tatiane.oliveira@algartech.com,viniciusja@algartech.com</t>
  </si>
  <si>
    <t>09/30/2019 11:25:39</t>
  </si>
  <si>
    <t>ENC: 214361 - VELTEC - Células de Agendamento - Suporte Técnico - Monitoramento</t>
  </si>
  <si>
    <t>DADOS VELTEC.xlsx</t>
  </si>
  <si>
    <t>09/30/2019 11:26:08</t>
  </si>
  <si>
    <t>09/30/2019 11:29:46</t>
  </si>
  <si>
    <t>/o=exchangelabs/ou=exchange administrative group (fydibohf23spdlt)/cn=recipients/cn=d206cd06fb7b4255ae57b9ce929cb6b3-mateus land;</t>
  </si>
  <si>
    <t>ENC: Relatório Lost 2018</t>
  </si>
  <si>
    <t>Relatório Lost 2018.xlsx</t>
  </si>
  <si>
    <t>/o=exchangelabs/ou=exchange administrative group (fydibohf23spdlt)/cn=recipients/cn=d206cd06fb7b4255ae57b9ce929cb6b3-mateus land</t>
  </si>
  <si>
    <t>09/30/2019 11:26:33</t>
  </si>
  <si>
    <t>10.200.36.45</t>
  </si>
  <si>
    <t>1C-39-47-59-58-31</t>
  </si>
  <si>
    <t>NB-LUIZEDP</t>
  </si>
  <si>
    <t>luizedp</t>
  </si>
  <si>
    <t>C:\Users\luizedp\Documents\Meus Arquivos Recebidos\</t>
  </si>
  <si>
    <t>Estella_novo.xlsx</t>
  </si>
  <si>
    <t>09/30/2019 11:27:02</t>
  </si>
  <si>
    <t>Estella_novo2.xlsx</t>
  </si>
  <si>
    <t>09/30/2019 11:31:03</t>
  </si>
  <si>
    <t>09/30/2019 11:32:45</t>
  </si>
  <si>
    <t>10.211.2.95</t>
  </si>
  <si>
    <t>09/30/2019 11:30:23</t>
  </si>
  <si>
    <t>RES: Exemplo Tabela Pricing</t>
  </si>
  <si>
    <t>Exemplo Tabela Pricing base 100 v2.xlsx</t>
  </si>
  <si>
    <t>09/30/2019 11:32:15</t>
  </si>
  <si>
    <t>09/30/2019 11:33:46</t>
  </si>
  <si>
    <t>09/30/2019 11:34:48</t>
  </si>
  <si>
    <t>09/30/2019 11:35:46</t>
  </si>
  <si>
    <t>C:\Users\karlosgc\Dropbox\NB-AlgarTech\ISD\json_interacao\</t>
  </si>
  <si>
    <t>09/30/2019 11:35:12</t>
  </si>
  <si>
    <t>Frase Estella.csv</t>
  </si>
  <si>
    <t>09/30/2019 11:31:08</t>
  </si>
  <si>
    <t>09/30/2019 11:36:46</t>
  </si>
  <si>
    <t>https://intellilink.spendmanagement.visa.com/admin/admin_f2_u2.asp?folder_id=100&amp;</t>
  </si>
  <si>
    <t>C:\Users\ailtonbs\Desktop\iNTELLILINK\</t>
  </si>
  <si>
    <t>2 - Gestao - Codigos de Custo (CC).xlsx</t>
  </si>
  <si>
    <t>09/30/2019 11:37:35</t>
  </si>
  <si>
    <t>09/30/2019 11:38:46</t>
  </si>
  <si>
    <t>/o=exchangelabs/ou=exchange administrative group (fydibohf23spdlt)/cn=recipients/cn=e39e329fc16a43329eb2766bae675122-mariana gon;</t>
  </si>
  <si>
    <t>RES: Me manda o arquivo das células por favor.</t>
  </si>
  <si>
    <t>SOP - Whirlpool.msg\s1\</t>
  </si>
  <si>
    <t>Base S&amp;OP - Agosto.xlsx</t>
  </si>
  <si>
    <t>/o=exchangelabs/ou=exchange administrative group (fydibohf23spdlt)/cn=recipients/cn=e39e329fc16a43329eb2766bae675122-mariana gon</t>
  </si>
  <si>
    <t>09/30/2019 11:35:43</t>
  </si>
  <si>
    <t>09/30/2019 11:40:46</t>
  </si>
  <si>
    <t>Base BW % Conversão - Set-2019 - Parcial - 29-09-19.xlsm</t>
  </si>
  <si>
    <t>09/30/2019 11:35:52</t>
  </si>
  <si>
    <t>Farol Churn - Parcial - Set/2019 - 29/10/19</t>
  </si>
  <si>
    <t>09/30/2019 11:35:54</t>
  </si>
  <si>
    <t>09/30/2019 11:39:24</t>
  </si>
  <si>
    <t>09/30/2019 11:41:46</t>
  </si>
  <si>
    <t>/o=exchangelabs/ou=exchange administrative group (fydibohf23spdlt)/cn=recipients/cn=6189712535ea4b50a3625910837af2c9-larissa bra;</t>
  </si>
  <si>
    <t>Incentivos</t>
  </si>
  <si>
    <t>Cópia de INCENTIVO SUPERVISOR - SUGESTÃO Equipe Larissa - para outubro.xlsx</t>
  </si>
  <si>
    <t>/o=exchangelabs/ou=exchange administrative group (fydibohf23spdlt)/cn=recipients/cn=6189712535ea4b50a3625910837af2c9-larissa bra</t>
  </si>
  <si>
    <t>09/30/2019 11:36:26</t>
  </si>
  <si>
    <t>09/30/2019 11:39:45</t>
  </si>
  <si>
    <t>09/30/2019 11:40:34</t>
  </si>
  <si>
    <t>C:\Users\fabiorb\OneDrive - Grupo Algar\ADM BRASIL\</t>
  </si>
  <si>
    <t>1-centralAlgar.xlsx</t>
  </si>
  <si>
    <t>drive.google.com/upload/drive?key=AIzaSyAy9VVXHSpS2IJpptzYtGbLP3-3_l0aBk4</t>
  </si>
  <si>
    <t>09/30/2019 11:41:29</t>
  </si>
  <si>
    <t>C:\Users\fabiorb\OneDrive - Grupo Algar\Atividades Luismar\Financeiro\Fevereiro\</t>
  </si>
  <si>
    <t>Cópia de Resultado RxO Fevereiro 2015.xlsx</t>
  </si>
  <si>
    <t>09/30/2019 11:41:39</t>
  </si>
  <si>
    <t>Justificativas Fevereiro_luismar.xlsx</t>
  </si>
  <si>
    <t>09/30/2019 11:40:16</t>
  </si>
  <si>
    <t>09/30/2019 11:42:46</t>
  </si>
  <si>
    <t>http://shareit.global.avon.com/sites/arrmcm/forca-de-vendas/_layouts/upload.aspx?list={bfd161db-750f-4cbd-9e74-a6fb6ee0a6de}&amp;rootfolder=/sites/arrmcm/forca-de-vendas/revendedora/incentivos&amp;source=http://shareit.global.avon.com/sites/arrmcm/forca-de-vendas/revendedora/forms/allitems.aspx?rootfolder=%2fsites%2farrmcm%2fforca%2dde%2dvendas%2frevendedora%2fincentivos&amp;folderctid=&amp;view=%7b993eba10%2d8cf7%2d4fbc%2dbe91%2de4ca00ce3956%7d</t>
  </si>
  <si>
    <t>GANHADORES DO VALE VIAGEM PROGRAMA VIP 4° PERIODO - 2018.xls</t>
  </si>
  <si>
    <t>09/30/2019 11:40:55</t>
  </si>
  <si>
    <t>09/30/2019 11:44:45</t>
  </si>
  <si>
    <t>leonardoefo@algartech.com</t>
  </si>
  <si>
    <t>C:\Users\leonardoefo\Desktop\</t>
  </si>
  <si>
    <t>Sindicatos_BBN.xlsx</t>
  </si>
  <si>
    <t>09/30/2019 11:42:34</t>
  </si>
  <si>
    <t>09/30/2019 11:46:46</t>
  </si>
  <si>
    <t>10.200.60.132</t>
  </si>
  <si>
    <t>D8-9C-67-6F-31-9B</t>
  </si>
  <si>
    <t>ENC: ALGARTECH // AUTORIZAÇÃO PARA FATURAMENTO - COMP SETEMBRO / 2019</t>
  </si>
  <si>
    <t>Algartech Medição de NODOS.msg\s1\</t>
  </si>
  <si>
    <t>2019-09-23 Medição de NODOS - Algartech (Setembro).xlsx</t>
  </si>
  <si>
    <t>09/30/2019 11:45:08</t>
  </si>
  <si>
    <t>Cenários e Meta 2020.xlsx</t>
  </si>
  <si>
    <t>09/30/2019 11:42:20</t>
  </si>
  <si>
    <t>C:\Users\fabiorb\OneDrive - Grupo Algar\Atividades Luismar\Financeiro\Junho\Terceiro\Justificativas\</t>
  </si>
  <si>
    <t>Justificativas Junho3_luismar.xlsx</t>
  </si>
  <si>
    <t>09/30/2019 11:42:25</t>
  </si>
  <si>
    <t>C:\Users\fabiorb\OneDrive - Grupo Algar\Atividades Luismar\Financeiro\Março\Quinta semana\Justificativas\</t>
  </si>
  <si>
    <t>Analises_luismar.xlsx</t>
  </si>
  <si>
    <t>09/30/2019 11:42:29</t>
  </si>
  <si>
    <t>C:\Users\fabiorb\OneDrive - Grupo Algar\Atividades Luismar\Financeiro\Maio\Terceiro QV\Justificativas\</t>
  </si>
  <si>
    <t>Justificativas Maio_correção2Wilton.xlsx</t>
  </si>
  <si>
    <t>09/30/2019 11:42:30</t>
  </si>
  <si>
    <t>C:\Users\fabiorb\OneDrive - Grupo Algar\Atividades Luismar\Financeiro\Maio\Segundo\Justificativas\</t>
  </si>
  <si>
    <t>Justificativas Maio2_LUISMAR.xlsx</t>
  </si>
  <si>
    <t>C:\Users\fabiorb\OneDrive - Grupo Algar\Atividades Luismar\Financeiro\Junho\Segundo\Justificativas\</t>
  </si>
  <si>
    <t>Justificativas Junho2_Luisma.xlsx</t>
  </si>
  <si>
    <t>09/30/2019 09:41:12</t>
  </si>
  <si>
    <t>09/30/2019 11:51:46</t>
  </si>
  <si>
    <t>/o=exchangelabs/ou=exchange administrative group (fydibohf23spdlt)/cn=recipients/cn=3eb05b939af34968927659c89761fb85-adevilson f;/o=exchangelabs/ou=exchange administrative group (fydibohf23spdlt)/cn=recipients/cn=55643a6cbd93423e8f0c948d862c9e35-marcelo ale;/o=exchangelabs/ou=exchange administrative group (fydibohf23spdlt)/cn=recipients/cn=8c89829ad534498fa4c85b5ac11174f1-suelen more;</t>
  </si>
  <si>
    <t>Projeto WEG - SQL SERVER.</t>
  </si>
  <si>
    <t>WEG_Report_Bases_SQL_Server_v2.xlsx</t>
  </si>
  <si>
    <t>/o=exchangelabs/ou=exchange administrative group (fydibohf23spdlt)/cn=recipients/cn=3eb05b939af34968927659c89761fb85-adevilson f,/o=exchangelabs/ou=exchange administrative group (fydibohf23spdlt)/cn=recipients/cn=55643a6cbd93423e8f0c948d862c9e35-marcelo ale,/o=exchangelabs/ou=exchange administrative group (fydibohf23spdlt)/cn=recipients/cn=8c89829ad534498fa4c85b5ac11174f1-suelen more</t>
  </si>
  <si>
    <t>09/30/2019 11:51:16</t>
  </si>
  <si>
    <t>09/30/2019 11:51:00</t>
  </si>
  <si>
    <t>09/30/2019 11:53:46</t>
  </si>
  <si>
    <t>/o=exchangelabs/ou=exchange administrative group (fydibohf23spdlt)/cn=recipients/cn=1635ed1077024674b65c52767dacde9a-jullian pa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68e6aa2e3fef4ccaba997d98294c9ed5-cristina he;/o=exchangelabs/ou=exchange administrative group (fydibohf23spdlt)/cn=recipients/cn=a78f7dae304e472e9f75bd537683f6e5-hugo de oli;/o=exchangelabs/ou=exchange administrative group (fydibohf23spdlt)/cn=recipients/cn=bcc9538754d3496ea31a487e560f8214-silvio mart;daniel.cabeceira@bradesco.com.br;eder.nascimento@next.b.br;</t>
  </si>
  <si>
    <t>RES: SAC 24x 7- Redução PA´s VOZ</t>
  </si>
  <si>
    <t>Resumo Dimens.24 x7 NEXT 30.09.xlsm</t>
  </si>
  <si>
    <t>/o=exchangelabs/ou=exchange administrative group (fydibohf23spdlt)/cn=recipients/cn=1635ed1077024674b65c52767dacde9a-jullian pa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68e6aa2e3fef4ccaba997d98294c9ed5-cristina he,/o=exchangelabs/ou=exchange administrative group (fydibohf23spdlt)/cn=recipients/cn=a78f7dae304e472e9f75bd537683f6e5-hugo de oli,/o=exchangelabs/ou=exchange administrative group (fydibohf23spdlt)/cn=recipients/cn=bcc9538754d3496ea31a487e560f8214-silvio mart,daniel.cabeceira@bradesco.com.br,eder.nascimento@next.b.br</t>
  </si>
  <si>
    <t>09/30/2019 11:55:26</t>
  </si>
  <si>
    <t>09/30/2019 11:57:46</t>
  </si>
  <si>
    <t>/o=exchangelabs/ou=exchange administrative group (fydibohf23spdlt)/cn=recipients/cn=1a68fd0c71d242d89abd9f9904b69653-lidianne sa;/o=exchangelabs/ou=exchange administrative group (fydibohf23spdlt)/cn=recipients/cn=82e9af7034e542b3a622ab8e7d09ff5d-ricardo de;</t>
  </si>
  <si>
    <t>/o=exchangelabs/ou=exchange administrative group (fydibohf23spdlt)/cn=recipients/cn=1a68fd0c71d242d89abd9f9904b69653-lidianne sa,/o=exchangelabs/ou=exchange administrative group (fydibohf23spdlt)/cn=recipients/cn=82e9af7034e542b3a622ab8e7d09ff5d-ricardo de</t>
  </si>
  <si>
    <t>09/30/2019 11:53:06</t>
  </si>
  <si>
    <t>/o=exchangelabs/ou=exchange administrative group (fydibohf23spdlt)/cn=recipients/cn=df47052fb7db4ea4ab2e02b0ddfdc5b6-ana laisa l;</t>
  </si>
  <si>
    <t>Overview</t>
  </si>
  <si>
    <t>/o=exchangelabs/ou=exchange administrative group (fydibohf23spdlt)/cn=recipients/cn=df47052fb7db4ea4ab2e02b0ddfdc5b6-ana laisa l</t>
  </si>
  <si>
    <t>09/30/2019 11:53:16</t>
  </si>
  <si>
    <t>09/30/2019 11:58:46</t>
  </si>
  <si>
    <t>09 - PA DIGITAL COMPRA CERT2.xlsx</t>
  </si>
  <si>
    <t>09/30/2019 11:57:22</t>
  </si>
  <si>
    <t>/o=exchangelabs/ou=exchange administrative group (fydibohf23spdlt)/cn=recipients/cn=d1d015f213f648abbf348b5ccdf8e9d9-senilda per;fabiana.silva@avon.com;vanessa.terron@avon.com;</t>
  </si>
  <si>
    <t>RES: Report Filas Backoffice - INCLUIR FILA</t>
  </si>
  <si>
    <t>/o=exchangelabs/ou=exchange administrative group (fydibohf23spdlt)/cn=recipients/cn=d1d015f213f648abbf348b5ccdf8e9d9-senilda per,fabiana.silva@avon.com,vanessa.terron@avon.com</t>
  </si>
  <si>
    <t>09/30/2019 11:54:35</t>
  </si>
  <si>
    <t>18-66-DA-FE-9B-60</t>
  </si>
  <si>
    <t>Ricardo Borges de Almeida</t>
  </si>
  <si>
    <t>/o=exchangelabs/ou=exchange administrative group (fydibohf23spdlt)/cn=recipients/cn=8ab5e44d485043d59eb4f21463e63e6a-tays dos sa;/o=exchangelabs/ou=exchange administrative group (fydibohf23spdlt)/cn=recipients/cn=e3778f57d65f4c17a6287602f9eb0cdc-alessandra;</t>
  </si>
  <si>
    <t>RES: RES: Solicitação de Assinatura - REQ12567 - Assinatura de Contrato.</t>
  </si>
  <si>
    <t>RES Lembrete Solicitação de Assinatura - REQ12567 - Assinatura de Contrato..msg\s241\</t>
  </si>
  <si>
    <t>/o=exchangelabs/ou=exchange administrative group (fydibohf23spdlt)/cn=recipients/cn=8ab5e44d485043d59eb4f21463e63e6a-tays dos sa,/o=exchangelabs/ou=exchange administrative group (fydibohf23spdlt)/cn=recipients/cn=e3778f57d65f4c17a6287602f9eb0cdc-alessandra</t>
  </si>
  <si>
    <t>09/30/2019 11:55:14</t>
  </si>
  <si>
    <t>09/30/2019 11:59:46</t>
  </si>
  <si>
    <t>5 stars 30.09.csv</t>
  </si>
  <si>
    <t>09/30/2019 12:00:39</t>
  </si>
  <si>
    <t>09/30/2019 12:01:47</t>
  </si>
  <si>
    <t>/o=exchangelabs/ou=exchange administrative group (fydibohf23spdlt)/cn=recipients/cn=0ca6cc8d100949a7866a928f62ef5778-rosilene de;</t>
  </si>
  <si>
    <t>ENC: Estruturas - Whirlpool_Outubro/2019</t>
  </si>
  <si>
    <t>Outubro_2019.xlsx</t>
  </si>
  <si>
    <t>/o=exchangelabs/ou=exchange administrative group (fydibohf23spdlt)/cn=recipients/cn=0ca6cc8d100949a7866a928f62ef5778-rosilene de</t>
  </si>
  <si>
    <t>09/30/2019 11:59:25</t>
  </si>
  <si>
    <t>mail.google.com/_/upload?authuser=0&amp;dcp=asu-n&amp;upload_id=AEnB2UovpuR3eqE3JqVLzY1tSt0Z637WLspyaRycBMCQAFyY_Nk-MXe5ce8-8IQakcAswWBGz9cb5vLbSr6L0jNtZ_910NOWqnAnWs5mkb0izdPcGXg9beU&amp;upload_protocol=resumable</t>
  </si>
  <si>
    <t>09/30/2019 11:58:58</t>
  </si>
  <si>
    <t>09/30/2019 12:10:08</t>
  </si>
  <si>
    <t>09/30/2019 12:12:47</t>
  </si>
  <si>
    <t>http://shareit.global.avon.com/sites/arrmcm/forca-de-vendas/_layouts/upload.aspx?list={bfd161db-750f-4cbd-9e74-a6fb6ee0a6de}&amp;rootfolder=/sites/arrmcm/forca-de-vendas/revendedora/incentivos/meu mundo avon&amp;source=http://shareit.global.avon.com/sites/arrmcm/forca-de-vendas/revendedora/forms/allitems.aspx?rootfolder=%2fsites%2farrmcm%2fforca%2dde%2dvendas%2frevendedora%2fincentivos%2fmeu%20mundo%20avon&amp;folderctid=&amp;view=%7b993eba10%2d8cf7%2d4fbc%2dbe91%2de4ca00ce3956%7d</t>
  </si>
  <si>
    <t>Status MMA - Fogão e Smart TV.xls</t>
  </si>
  <si>
    <t>09/30/2019 12:15:57</t>
  </si>
  <si>
    <t>09/30/2019 12:18:47</t>
  </si>
  <si>
    <t>/o=exchangelabs/ou=exchange administrative group (fydibohf23spdlt)/cn=recipients/cn=d1d015f213f648abbf348b5ccdf8e9d9-senilda per;/o=exchangelabs/ou=exchange administrative group (fydibohf23spdlt)/cn=recipients/cn=matheus vinicius da silva;</t>
  </si>
  <si>
    <t>RES: &lt;Ação&gt; Identificação de Skills Daily</t>
  </si>
  <si>
    <t>Skill 716 e 718.xlsx</t>
  </si>
  <si>
    <t>/o=exchangelabs/ou=exchange administrative group (fydibohf23spdlt)/cn=recipients/cn=d1d015f213f648abbf348b5ccdf8e9d9-senilda per,/o=exchangelabs/ou=exchange administrative group (fydibohf23spdlt)/cn=recipients/cn=matheus vinicius da silva</t>
  </si>
  <si>
    <t>09/30/2019 12:13:34</t>
  </si>
  <si>
    <t>09/30/2019 12:23:16</t>
  </si>
  <si>
    <t>09/30/2019 12:23:46</t>
  </si>
  <si>
    <t>sabrinavds@algartech.com;</t>
  </si>
  <si>
    <t>Classi bradesco.xlsx</t>
  </si>
  <si>
    <t>sabrinavds@algartech.com</t>
  </si>
  <si>
    <t>09/30/2019 12:27:40</t>
  </si>
  <si>
    <t>09/30/2019 12:28:46</t>
  </si>
  <si>
    <t>elba.ribeiro@bradesco.com.br;marcella.silvestre@bradesco.com.br;</t>
  </si>
  <si>
    <t>ENC: Segue as evidencias</t>
  </si>
  <si>
    <t>EVIDENCIAS DE DESPESAS BOFA.xls</t>
  </si>
  <si>
    <t>elba.ribeiro@bradesco.com.br,marcella.silvestre@bradesco.com.br</t>
  </si>
  <si>
    <t>09/30/2019 12:29:09</t>
  </si>
  <si>
    <t>09/30/2019 12:31:47</t>
  </si>
  <si>
    <t>PWEB para contabilização de FTE's - RELACIONAMENTO CARTÕES BV (PI-1005362-19) - Setembro 2019</t>
  </si>
  <si>
    <t>340 - ATEC-2019-0002-007 - M09 - PWEB_.xlsb</t>
  </si>
  <si>
    <t>09/30/2019 12:33:25</t>
  </si>
  <si>
    <t>09/30/2019 12:35:47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lrocha@tribanco.com.br;masilva@tripag.com.br;</t>
  </si>
  <si>
    <t>ENC: Leads Consolidados</t>
  </si>
  <si>
    <t>Leads Consolidados 30-09 12pm.xlsx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,lrocha@tribanco.com.br,masilva@tripag.com.br</t>
  </si>
  <si>
    <t>09/30/2019 12:41:16</t>
  </si>
  <si>
    <t>09/30/2019 12:45:46</t>
  </si>
  <si>
    <t>\\cppfs\cpdeptos\CPC\2 - Planejamento\YOUSE\04.1 - Dimensionamento VENDAS\10 - Outubro\</t>
  </si>
  <si>
    <t>10 - Outubro - Real.xlsm</t>
  </si>
  <si>
    <t>09/30/2019 12:41:21</t>
  </si>
  <si>
    <t>09/30/2019 12:41:50</t>
  </si>
  <si>
    <t>\\acsfs\DEPTOS\Operacao\PCP\5 - Comum\HIGOR BARCELOS\00 - YOUSE\01 - INTRADIARIO\10 - OUTUBRO\</t>
  </si>
  <si>
    <t>09/30/2019 12:50:47</t>
  </si>
  <si>
    <t>RES: PDI Luciana</t>
  </si>
  <si>
    <t>PDI Luciana Ribeiro Barbosa de Almeida 2019.xlsx</t>
  </si>
  <si>
    <t>09/30/2019 12:56:28</t>
  </si>
  <si>
    <t>09/30/2019 12:59:46</t>
  </si>
  <si>
    <t>c:\users\daniel\appdata\local\microsoft\windows\inetcache\content.outlook\1c7xkx1s\</t>
  </si>
  <si>
    <t>bp preço c015 b014 desonerada_rv pl sl. mín - bp completa.xlsb</t>
  </si>
  <si>
    <t>c:\users\daniel\appdata\local\microsoft\windows\inetcache\content.outlook\1c7xkx1s\bp preço c015 b014 desonerada_rv pl sl. mín - bp completa.xlsb\</t>
  </si>
  <si>
    <t>09/30/2019 13:05:34</t>
  </si>
  <si>
    <t>09/30/2019 13:09:47</t>
  </si>
  <si>
    <t>erikasl@algartech.com.br;</t>
  </si>
  <si>
    <t>ENC: RES: ENC: EBTA - SAMSUNG CRM:004340001282 vb 513519</t>
  </si>
  <si>
    <t>Historico das Despesas conf B.O (2).xlsx</t>
  </si>
  <si>
    <t>erikasl@algartech.com.br</t>
  </si>
  <si>
    <t>09/30/2019 13:05:59</t>
  </si>
  <si>
    <t>09/30/2019 13:10:47</t>
  </si>
  <si>
    <t>09/30/2019 13:11:47</t>
  </si>
  <si>
    <t>09/30/2019 13:13:46</t>
  </si>
  <si>
    <t>DRE Modelo</t>
  </si>
  <si>
    <t>DRE Modelo.xlsx</t>
  </si>
  <si>
    <t>09/30/2019 13:20:10</t>
  </si>
  <si>
    <t>09/30/2019 13:24:46</t>
  </si>
  <si>
    <t>09/30/2019 13:30:10</t>
  </si>
  <si>
    <t>09/30/2019 13:30:47</t>
  </si>
  <si>
    <t>192.168.1.104</t>
  </si>
  <si>
    <t>90-32-4B-BF-56-07</t>
  </si>
  <si>
    <t>c:\users\marinasf\desktop\controles financeiros\pgtos relizados\rpa limpeza\modelos rpa vigente\</t>
  </si>
  <si>
    <t>modelo rpa sandra.xls</t>
  </si>
  <si>
    <t>09/30/2019 13:26:21</t>
  </si>
  <si>
    <t>09/30/2019 13:31:46</t>
  </si>
  <si>
    <t>Projetos TI 2021-2024 - Longo Prazo V2.xlsx</t>
  </si>
  <si>
    <t>09/30/2019 13:29:37</t>
  </si>
  <si>
    <t>09/30/2019 13:33:47</t>
  </si>
  <si>
    <t>/o=exchangelabs/ou=exchange administrative group (fydibohf23spdlt)/cn=recipients/cn=48b9d80b3de74b6889aab1a91d02512b-ivanete da;/o=exchangelabs/ou=exchange administrative group (fydibohf23spdlt)/cn=recipients/cn=90da2ce1966f46d7ab19fc9aab29d663-almir silva;kassiacps@algartech.com.br;</t>
  </si>
  <si>
    <t>RES: Aulão - B2K</t>
  </si>
  <si>
    <t>Aulão - B2K.xlsx</t>
  </si>
  <si>
    <t>/o=exchangelabs/ou=exchange administrative group (fydibohf23spdlt)/cn=recipients/cn=48b9d80b3de74b6889aab1a91d02512b-ivanete da,/o=exchangelabs/ou=exchange administrative group (fydibohf23spdlt)/cn=recipients/cn=90da2ce1966f46d7ab19fc9aab29d663-almir silva,kassiacps@algartech.com.br</t>
  </si>
  <si>
    <t>09/30/2019 13:33:23</t>
  </si>
  <si>
    <t>09/30/2019 13:34:47</t>
  </si>
  <si>
    <t>09/30/2019 13:34:51</t>
  </si>
  <si>
    <t>09/30/2019 13:35:46</t>
  </si>
  <si>
    <t>09/30/2019 13:35:30</t>
  </si>
  <si>
    <t>09/30/2019 13:39:47</t>
  </si>
  <si>
    <t>mail.google.com/_/upload?authuser=1&amp;dcp=asu-n&amp;upload_id=AEnB2UpdplwfARSZ7X7rPMkBke-uAPvvQzxfI2rXJnaMqIv_JL7WUPi4kd_5xIX5edTwFXpWA_NW1AT3L9ScXh3o4rovXfqm_w_W3k9iuX2CDwr8uY7EZAs&amp;upload_protocol=resumable</t>
  </si>
  <si>
    <t>base ura setembro.xlsx</t>
  </si>
  <si>
    <t>09/30/2019 13:39:33</t>
  </si>
  <si>
    <t>09/30/2019 13:41:46</t>
  </si>
  <si>
    <t>C:\Users\elainemdlp\OD\_Projetos\Em andamento\EDP\01 - Iniciacao\Classificacao de Itens\</t>
  </si>
  <si>
    <t>EDP_Detalhamento de itens_parte4.XLSX</t>
  </si>
  <si>
    <t>09/30/2019 13:39:34</t>
  </si>
  <si>
    <t>C:\Users\elainemdlp\OD\_Projetos\Em andamento\EDP\03 - Execucao\Centro Logistico\</t>
  </si>
  <si>
    <t>09/30/2019 13:40:50</t>
  </si>
  <si>
    <t>09/30/2019 13:42:47</t>
  </si>
  <si>
    <t>10.200.57.6</t>
  </si>
  <si>
    <t>mail.google.com/_/upload?authuser=0&amp;dcp=asu-n&amp;upload_id=AEnB2Ur1Pp6PTfjOHGaGWJ0l816W7KEbcz6dM0iNAnoqH6QpMztBeNuZuxem8ZaaKm6VIw7Q9nbnaZqk9ccWJTEmExCu1V8qBHRXnOZdlujzJpoGPGlFuHY&amp;upload_protocol=resumable</t>
  </si>
  <si>
    <t>camilaammm@algartech.com;</t>
  </si>
  <si>
    <t>2019_09_30_Análise_Convergência.xlsx</t>
  </si>
  <si>
    <t>camilaammm@algartech.com</t>
  </si>
  <si>
    <t>09/30/2019 13:40:08</t>
  </si>
  <si>
    <t>09/30/2019 13:43:46</t>
  </si>
  <si>
    <t>09/30/2019 13:40:06</t>
  </si>
  <si>
    <t>/o=exchangelabs/ou=exchange administrative group (fydibohf23spdlt)/cn=recipients/cn=48b9d80b3de74b6889aab1a91d02512b-ivanete da;/o=exchangelabs/ou=exchange administrative group (fydibohf23spdlt)/cn=recipients/cn=822f65115a2046059fff20a916dd90e9-thais marti;/o=exchangelabs/ou=exchange administrative group (fydibohf23spdlt)/cn=recipients/cn=90da2ce1966f46d7ab19fc9aab29d663-almir silva;equipefabi@algartech.com.br;kassiacps@algartech.com.br;luceliabs@algartech.com.br;tecnicospj@algartech.com.br;</t>
  </si>
  <si>
    <t>RES: Aulão Migração 15/10</t>
  </si>
  <si>
    <t>/o=exchangelabs/ou=exchange administrative group (fydibohf23spdlt)/cn=recipients/cn=48b9d80b3de74b6889aab1a91d02512b-ivanete da,/o=exchangelabs/ou=exchange administrative group (fydibohf23spdlt)/cn=recipients/cn=822f65115a2046059fff20a916dd90e9-thais marti,/o=exchangelabs/ou=exchange administrative group (fydibohf23spdlt)/cn=recipients/cn=90da2ce1966f46d7ab19fc9aab29d663-almir silva,equipefabi@algartech.com.br,kassiacps@algartech.com.br,luceliabs@algartech.com.br,tecnicospj@algartech.com.br</t>
  </si>
  <si>
    <t>09/30/2019 13:44:43</t>
  </si>
  <si>
    <t>09/30/2019 13:45:47</t>
  </si>
  <si>
    <t>09/30/2019 13:41:42</t>
  </si>
  <si>
    <t>Prestação de contas Murer</t>
  </si>
  <si>
    <t>09/30/2019 13:42:03</t>
  </si>
  <si>
    <t>c:\users\marinasf\desktop\controles financeiros\pgtos relizados\rpa limpeza\modelos rpa vigente\rpa maria de fatima costa\</t>
  </si>
  <si>
    <t>modelo rpa m fÁtima da costa id 618785.xls</t>
  </si>
  <si>
    <t>09/30/2019 13:43:24</t>
  </si>
  <si>
    <t>09/30/2019 13:48:47</t>
  </si>
  <si>
    <t>/o=exchangelabs/ou=exchange administrative group (fydibohf23spdlt)/cn=recipients/cn=39b10ea69c23443aab7ad02aa1a69607-jose afonso;/o=exchangelabs/ou=exchange administrative group (fydibohf23spdlt)/cn=recipients/cn=d1d015f213f648abbf348b5ccdf8e9d9-senilda per;/o=exchangelabs/ou=exchange administrative group (fydibohf23spdlt)/cn=recipients/cn=d23e4dc7b1034c2f94255176537e534b-telecom;</t>
  </si>
  <si>
    <t>ENC: &lt;Ação&gt; Identificação de Skills Daily</t>
  </si>
  <si>
    <t>/o=exchangelabs/ou=exchange administrative group (fydibohf23spdlt)/cn=recipients/cn=39b10ea69c23443aab7ad02aa1a69607-jose afonso,/o=exchangelabs/ou=exchange administrative group (fydibohf23spdlt)/cn=recipients/cn=d1d015f213f648abbf348b5ccdf8e9d9-senilda per,/o=exchangelabs/ou=exchange administrative group (fydibohf23spdlt)/cn=recipients/cn=d23e4dc7b1034c2f94255176537e534b-telecom</t>
  </si>
  <si>
    <t>09/30/2019 13:48:04</t>
  </si>
  <si>
    <t>09/30/2019 13:47:01</t>
  </si>
  <si>
    <t>09/30/2019 13:50:46</t>
  </si>
  <si>
    <t>09/30/2019 13:50:09</t>
  </si>
  <si>
    <t>09/30/2019 13:52:47</t>
  </si>
  <si>
    <t>/o=exchangelabs/ou=exchange administrative group (fydibohf23spdlt)/cn=recipients/cn=b88fbbe7feb5433885019feb0ecb000c-lilian beat;/o=exchangelabs/ou=exchange administrative group (fydibohf23spdlt)/cn=recipients/cn=d524c378550f4b9ab526e5938ca6655b-flavia mari;</t>
  </si>
  <si>
    <t>ENC: Painel Diário D-1 - Contestação</t>
  </si>
  <si>
    <t>Painel D-1.xls</t>
  </si>
  <si>
    <t>/o=exchangelabs/ou=exchange administrative group (fydibohf23spdlt)/cn=recipients/cn=b88fbbe7feb5433885019feb0ecb000c-lilian beat,/o=exchangelabs/ou=exchange administrative group (fydibohf23spdlt)/cn=recipients/cn=d524c378550f4b9ab526e5938ca6655b-flavia mari</t>
  </si>
  <si>
    <t>09/30/2019 13:48:56</t>
  </si>
  <si>
    <t>09/30/2019 13:53:47</t>
  </si>
  <si>
    <t>10.200.32.43</t>
  </si>
  <si>
    <t>09/30/2019 13:54:18</t>
  </si>
  <si>
    <t>09/30/2019 13:55:47</t>
  </si>
  <si>
    <t>/o=exchangelabs/ou=exchange administrative group (fydibohf23spdlt)/cn=recipients/cn=dd910368577c476fa125a61033b7deb1-gean carlos;/o=exchangelabs/ou=exchange administrative group (fydibohf23spdlt)/cn=recipients/cn=e76869615b8149a9945434c66719ab6e-dayane de o;</t>
  </si>
  <si>
    <t>RES: Microanálise - Setembro</t>
  </si>
  <si>
    <t>/o=exchangelabs/ou=exchange administrative group (fydibohf23spdlt)/cn=recipients/cn=dd910368577c476fa125a61033b7deb1-gean carlos,/o=exchangelabs/ou=exchange administrative group (fydibohf23spdlt)/cn=recipients/cn=e76869615b8149a9945434c66719ab6e-dayane de o</t>
  </si>
  <si>
    <t>09/27/2019 18:41:47</t>
  </si>
  <si>
    <t>adrianascarval@gmail.com;</t>
  </si>
  <si>
    <t>ENC: Exercício DMV e MKT</t>
  </si>
  <si>
    <t>DMV 2020.xlsx</t>
  </si>
  <si>
    <t>adrianascarval@gmail.com</t>
  </si>
  <si>
    <t>09/30/2019 13:55:43</t>
  </si>
  <si>
    <t>09/30/2019 13:57:48</t>
  </si>
  <si>
    <t>09/30/2019 13:55:55</t>
  </si>
  <si>
    <t>09/30/2019 13:55:19</t>
  </si>
  <si>
    <t>/o=exchangelabs/ou=exchange administrative group (fydibohf23spdlt)/cn=recipients/cn=0e77e0b4028e44e3926a461e54e7b999-ediene luzi;thais_coimbra_fonseca_algar@whirlpool.com;</t>
  </si>
  <si>
    <t>RES: Whirlpool - Ações Cocriação - Árvore NPS</t>
  </si>
  <si>
    <t>Árvore NPS.xlsx</t>
  </si>
  <si>
    <t>/o=exchangelabs/ou=exchange administrative group (fydibohf23spdlt)/cn=recipients/cn=0e77e0b4028e44e3926a461e54e7b999-ediene luzi,thais_coimbra_fonseca_algar@whirlpool.com</t>
  </si>
  <si>
    <t>09/30/2019 13:59:05</t>
  </si>
  <si>
    <t>09/30/2019 14:00:48</t>
  </si>
  <si>
    <t>RES: &lt;Verificação&gt; Skill Trocas e Faltas</t>
  </si>
  <si>
    <t>1866 &amp; 719.xlsx</t>
  </si>
  <si>
    <t>09/30/2019 13:59:19</t>
  </si>
  <si>
    <t>09/30/2019 14:03:48</t>
  </si>
  <si>
    <t>C:\Users\raphaelapm\Downloads\</t>
  </si>
  <si>
    <t>Contato.xlsx</t>
  </si>
  <si>
    <t>09/30/2019 13:59:20</t>
  </si>
  <si>
    <t>mail.google.com/_/upload?authuser=0&amp;dcp=asu-n&amp;upload_id=AEnB2Uq5fRIjS99tZdWHZH0VgMvfBxGTxDgT8jmfdJORLH_JdAmQBMyOmXOh4cIE7xTFolz5JnwrloHZDGkl5lGXx6WnaCRO5efJOHQIZaHaUjBT1SZ8iFY&amp;upload_protocol=resumable</t>
  </si>
  <si>
    <t>Email Rápido.xlsx</t>
  </si>
  <si>
    <t>09/30/2019 14:03:14</t>
  </si>
  <si>
    <t>09/30/2019 14:04:48</t>
  </si>
  <si>
    <t>/o=exchangelabs/ou=exchange administrative group (fydibohf23spdlt)/cn=recipients/cn=3fb6ab7b213844aaa9f4b7b177d40270-diogo rober;</t>
  </si>
  <si>
    <t>ENC: Profarma</t>
  </si>
  <si>
    <t>/o=exchangelabs/ou=exchange administrative group (fydibohf23spdlt)/cn=recipients/cn=3fb6ab7b213844aaa9f4b7b177d40270-diogo rober</t>
  </si>
  <si>
    <t>09/30/2019 14:01:19</t>
  </si>
  <si>
    <t>09/30/2019 14:06:48</t>
  </si>
  <si>
    <t>10.200.60.244</t>
  </si>
  <si>
    <t>2C-6F-C9-66-3A-91</t>
  </si>
  <si>
    <t>Controles da Lei - LGPD 13709 - 2019-06-17.xlsx</t>
  </si>
  <si>
    <t>09/30/2019 14:01:20</t>
  </si>
  <si>
    <t>C:\Users\alessandroam\OneDrive\OneDrive - Grupo Algar\01 - Historico\02 - Seg Informação\04 - ISO - Normas\LGPD\Análise_Requisito_Lei_Áreas_TI_20190617.pptx\</t>
  </si>
  <si>
    <t>09/30/2019 14:06:23</t>
  </si>
  <si>
    <t>09/30/2019 14:08:48</t>
  </si>
  <si>
    <t>/o=exchangelabs/ou=exchange administrative group (fydibohf23spdlt)/cn=recipients/cn=7d5b5a5c692742aa9ad66b557dfc7d91-denner gonc;</t>
  </si>
  <si>
    <t>/o=exchangelabs/ou=exchange administrative group (fydibohf23spdlt)/cn=recipients/cn=7d5b5a5c692742aa9ad66b557dfc7d91-denner gonc</t>
  </si>
  <si>
    <t>09/30/2019 14:05:52</t>
  </si>
  <si>
    <t>09/30/2019 11:53:48</t>
  </si>
  <si>
    <t>09/30/2019 14:10:48</t>
  </si>
  <si>
    <t>mail.google.com/_/upload?authuser=0&amp;dcp=asu-n&amp;upload_id=AEnB2UqdSlToZBpXSaoJosGyyax8gMII3Isbz0H_8R0tn_9j1xSE4SouH1_g5X8HzX2M3OXZRNmUZ9SMkgZLMqE-KiClD47_CayCaXO_mvEKhAM0p_-DZVg&amp;upload_protocol=resumable</t>
  </si>
  <si>
    <t>C:\Users\fabriciovs\Desktop\Capex 2020 - BPO\Armazenamento de Dados\</t>
  </si>
  <si>
    <t>ARMAZENAMENTO DE DADOS - STORAGE E BACKUP - (UBERLÂNDIA).xlsx</t>
  </si>
  <si>
    <t>09/30/2019 11:53:53</t>
  </si>
  <si>
    <t>mail.google.com/_/upload?authuser=0&amp;dcp=asu-n&amp;upload_id=AEnB2Ur2nyAw0-fmzaQV9T2Cx-BfxHkEcZgH5ZUntncwSchiTpVz1gHydVNK7HXHX4zOWDUtis-Utp0cp28VAVtXDw1Oyv0rTpO_jHcdH2ZglqcsqbSNknY&amp;upload_protocol=resumable</t>
  </si>
  <si>
    <t>LPU ALGAR - R640 - 20092019 v1 x4.xlsm</t>
  </si>
  <si>
    <t>09/30/2019 14:11:05</t>
  </si>
  <si>
    <t>09/30/2019 14:11:48</t>
  </si>
  <si>
    <t>/o=exchangelabs/ou=exchange administrative group (fydibohf23spdlt)/cn=recipients/cn=534d97a17bba4f5ab1ef393dcc1d012e-marina soar;/o=exchangelabs/ou=exchange administrative group (fydibohf23spdlt)/cn=recipients/cn=7f0583df7d3e4c2bb8108b334f4257df-marcelo fla;</t>
  </si>
  <si>
    <t>/o=exchangelabs/ou=exchange administrative group (fydibohf23spdlt)/cn=recipients/cn=534d97a17bba4f5ab1ef393dcc1d012e-marina soar,/o=exchangelabs/ou=exchange administrative group (fydibohf23spdlt)/cn=recipients/cn=7f0583df7d3e4c2bb8108b334f4257df-marcelo fla</t>
  </si>
  <si>
    <t>09/30/2019 14:13:41</t>
  </si>
  <si>
    <t>09/30/2019 14:15:48</t>
  </si>
  <si>
    <t>Planilha NF Espelho - PC's.xlsx</t>
  </si>
  <si>
    <t>09/30/2019 14:15:03</t>
  </si>
  <si>
    <t>LOTE DISPENDIO: PWEB para contabilização de FTE's - RELACIONAMENTO CARTÕES BV (PI-1005362-19) - Setembro 2019</t>
  </si>
  <si>
    <t>340 - M09 - LD-2019-002-ATEC-2019-0002-007.xlsx</t>
  </si>
  <si>
    <t>09/30/2019 14:16:31</t>
  </si>
  <si>
    <t>09/30/2019 14:16:48</t>
  </si>
  <si>
    <t>/o=exchangelabs/ou=exchange administrative group (fydibohf23spdlt)/cn=recipients/cn=214987ca45394b93a473a4e901f49d56-valmirian d;/o=exchangelabs/ou=exchange administrative group (fydibohf23spdlt)/cn=recipients/cn=c5f7cc79fc244984a8f11c21adc3bf10-matheus oli;</t>
  </si>
  <si>
    <t>ENC: Parcial PRCV</t>
  </si>
  <si>
    <t>ALGAR 27092019.xlsx</t>
  </si>
  <si>
    <t>/o=exchangelabs/ou=exchange administrative group (fydibohf23spdlt)/cn=recipients/cn=214987ca45394b93a473a4e901f49d56-valmirian d,/o=exchangelabs/ou=exchange administrative group (fydibohf23spdlt)/cn=recipients/cn=c5f7cc79fc244984a8f11c21adc3bf10-matheus oli</t>
  </si>
  <si>
    <t>09/30/2019 14:13:18</t>
  </si>
  <si>
    <t>09/30/2019 14:18:48</t>
  </si>
  <si>
    <t>09/30/2019 14:14:00</t>
  </si>
  <si>
    <t>D:\OneDrive\AlgarTech\Pré-Vendas\Cliente\2019\Elcano\148877 - DR Elcano\3 - Informações\</t>
  </si>
  <si>
    <t>09/30/2019 14:15:07</t>
  </si>
  <si>
    <t>09/30/2019 14:15:16</t>
  </si>
  <si>
    <t>PMO_-_Detalhamento_de_Itens_-_DRElcano_3256295.xlsx</t>
  </si>
  <si>
    <t>09/30/2019 14:16:14</t>
  </si>
  <si>
    <t>09/30/2019 14:18:15</t>
  </si>
  <si>
    <t>09/30/2019 14:20:48</t>
  </si>
  <si>
    <t>C:\Users\filemoncmj\OneDrive - Grupo Algar\01. Algar Tech\01. Projetos de Clientes\47. Prudential\07. Aquisições\04. Desktops e Notebooks\RES_ ERRATA Re_ Valores Desktops e Notebooks - Apuração de Saving 2019.msg\s137\</t>
  </si>
  <si>
    <t>09/30/2019 14:18:46</t>
  </si>
  <si>
    <t>09/30/2019 14:21:47</t>
  </si>
  <si>
    <t>mail.google.com/_/upload?authuser=1&amp;dcp=asu-n&amp;upload_id=AEnB2Ur5fTxjMDn9SNpuFdaWrSehPxtZa8bNLiFwtk6RY3OH1UtS9GLgYPumUD7TOOxA9A5qGgYxd2sAkfBdGWO8dW3hw151IrwGn3s_r9V_CzYVha7xJ0c&amp;upload_protocol=resumable</t>
  </si>
  <si>
    <t>C:\Users\gustavohdsa\Documents\</t>
  </si>
  <si>
    <t>Cadastro geral 30-09.xlsx</t>
  </si>
  <si>
    <t>09/30/2019 14:23:23</t>
  </si>
  <si>
    <t>09/30/2019 14:25:48</t>
  </si>
  <si>
    <t>mail.google.com/_/upload?authuser=0&amp;dcp=asu-n&amp;upload_id=AEnB2UqjQKYjarGCmrcSIje_HZPd8DpPm1tOpb_L5pBMed88dMhbq8fcEa8pE3AGnmkY6Dw-HdZF1oyQAA3wzIIYtKfGeGebbNera5Ms8DpBI1iDVAdVj90&amp;upload_protocol=resumable</t>
  </si>
  <si>
    <t>Classificação de Itens ISD.xlsx</t>
  </si>
  <si>
    <t>mail.google.com/_/upload?authuser=0&amp;dcp=asu-n&amp;upload_id=AEnB2UrtnN1GsiXYT9tNK0fbxDUrrpRzSJTWBriPXyYUpeBwM9y5LeNiHgBCa6viipsv7LDwvxvGZhvrOLFwZ_zuyU4az7v1H8_tn-4B6i1QitiGdQkJKIU&amp;upload_protocol=resumable</t>
  </si>
  <si>
    <t>Classificação de Itens GIAT.xlsx</t>
  </si>
  <si>
    <t>09/30/2019 14:28:56</t>
  </si>
  <si>
    <t>09/30/2019 14:29:48</t>
  </si>
  <si>
    <t>/o=exchangelabs/ou=exchange administrative group (fydibohf23spdlt)/cn=recipients/cn=2361e4251bf74fc4a50ab766b8d95847-algar tech;/o=exchangelabs/ou=exchange administrative group (fydibohf23spdlt)/cn=recipients/cn=38cb943dd1ac413a953757a4a5a53053-fabio welze;/o=exchangelabs/ou=exchange administrative group (fydibohf23spdlt)/cn=recipients/cn=546d63420d554c4d858776a48a93ef0f-gustavo de;</t>
  </si>
  <si>
    <t>/o=exchangelabs/ou=exchange administrative group (fydibohf23spdlt)/cn=recipients/cn=2361e4251bf74fc4a50ab766b8d95847-algar tech,/o=exchangelabs/ou=exchange administrative group (fydibohf23spdlt)/cn=recipients/cn=38cb943dd1ac413a953757a4a5a53053-fabio welze,/o=exchangelabs/ou=exchange administrative group (fydibohf23spdlt)/cn=recipients/cn=546d63420d554c4d858776a48a93ef0f-gustavo de</t>
  </si>
  <si>
    <t>09/30/2019 14:27:23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1e45e12566d4418ba0325de92fea64a4-akassia bez;/o=exchangelabs/ou=exchange administrative group (fydibohf23spdlt)/cn=recipients/cn=2b69c7de1a3641269a7eed0596e1ddc2-wayner oliv;/o=exchangelabs/ou=exchange administrative group (fydibohf23spdlt)/cn=recipients/cn=3bff4ffb267e4ea2a4a3347f6a4c5cf8-tatiane mag;/o=exchangelabs/ou=exchange administrative group (fydibohf23spdlt)/cn=recipients/cn=4097402e2d3e4073b597d33928140586-paulo sergi;/o=exchangelabs/ou=exchange administrative group (fydibohf23spdlt)/cn=recipients/cn=42aadbe8775e4c2cb37c145f9d092a4e-carlos west;/o=exchangelabs/ou=exchange administrative group (fydibohf23spdlt)/cn=recipients/cn=47dd31b5ac1847959bdefc467c1b7402-ferl</t>
  </si>
  <si>
    <t>Po's inseridas no SCO</t>
  </si>
  <si>
    <t>PO's Inseridas no SCO 30_09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1e45e12566d4418ba0325de92fea64a4-akassia bez,/o=exchangelabs/ou=exchange administrative group (fydibohf23spdlt)/cn=recipients/cn=2b69c7de1a3641269a7eed0596e1ddc2-wayner oliv,/o=exchangelabs/ou=exchange administrative group (fydibohf23spdlt)/cn=recipients/cn=3bff4ffb267e4ea2a4a3347f6a4c5cf8-tatiane mag,/o=exchangelabs/ou=exchange administrative group (fydibohf23spdlt)/cn=recipients/cn=4097402e2d3e4073b597d33928140586-paulo sergi,/o=exchangelabs/ou=exchange administrative group (fydibohf23spdlt)/cn=recipients/cn=42aadbe8775e4c2cb37c145f9d092a4e-carlos west,/o=exchangelabs/ou=exchange administrative group (fydibohf23spdlt)/cn=recipients/cn=47dd31b5ac1847959bdefc467c1b7402-ferl</t>
  </si>
  <si>
    <t>09/30/2019 14:25:55</t>
  </si>
  <si>
    <t>09/30/2019 14:30:48</t>
  </si>
  <si>
    <t>09/30/2019 14:28:28</t>
  </si>
  <si>
    <t>09/30/2019 14:31:48</t>
  </si>
  <si>
    <t>/o=exchangelabs/ou=exchange administrative group (fydibohf23spdlt)/cn=recipients/cn=446e13472b1a47cf917a3c41cad4a21f-guilherme a;</t>
  </si>
  <si>
    <t>bff Paulo</t>
  </si>
  <si>
    <t>RES BFF 092019.msg\s1\</t>
  </si>
  <si>
    <t>/o=exchangelabs/ou=exchange administrative group (fydibohf23spdlt)/cn=recipients/cn=446e13472b1a47cf917a3c41cad4a21f-guilherme a</t>
  </si>
  <si>
    <t>09/30/2019 14:29:22</t>
  </si>
  <si>
    <t>ENC: BFF 092019</t>
  </si>
  <si>
    <t>09/30/2019 14:31:17</t>
  </si>
  <si>
    <t>ENC: BFF 092019 Vanessa</t>
  </si>
  <si>
    <t>BFF-TBS 25-09-19.xlsx</t>
  </si>
  <si>
    <t>09/30/2019 14:19:58</t>
  </si>
  <si>
    <t>09/30/2019 14:33:48</t>
  </si>
  <si>
    <t>10.200.58.17</t>
  </si>
  <si>
    <t>D8-9C-67-6F-32-FB</t>
  </si>
  <si>
    <t>Cópia de Planejamento de Férias SETEMBRO.xlsx</t>
  </si>
  <si>
    <t>09/30/2019 14:32:34</t>
  </si>
  <si>
    <t>09/30/2019 14:34:49</t>
  </si>
  <si>
    <t>/o=exchangelabs/ou=exchange administrative group (fydibohf23spdlt)/cn=recipients/cn=1c3bae1d5aab4c72b84516e819cd16c9-wilton paim;/o=exchangelabs/ou=exchange administrative group (fydibohf23spdlt)/cn=recipients/cn=393fb405d98d45528dd58c52e770b5b3-karlos gar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68e6aa2e3fef4ccaba997d98294c9ed5-cristina he;/o=exchangelabs/ou=exchange administrative group (fydibohf23spdlt)/cn=recipients/cn=88e4fcbd3ea14730a81286cc0683fb42-manoel eloy;/o=exchangelabs/ou=exchange administrative group (fydibohf23spdlt)/cn=recipients/cn=a78f7dae304e472e9f75bd537683f6e5-hugo de oli;/o=exchangelabs/ou=exchange administrative group (fydibohf23spdlt)/cn=recipients/cn=b3b3e588898842db813e69c542d02bb6-elai</t>
  </si>
  <si>
    <t>RES: Expansão Next: Ata de Reunião - 26/09/19</t>
  </si>
  <si>
    <t>REPORT ACOMPANHAMENTO - BV - SETEMBRO.xlsb</t>
  </si>
  <si>
    <t>/o=exchangelabs/ou=exchange administrative group (fydibohf23spdlt)/cn=recipients/cn=1c3bae1d5aab4c72b84516e819cd16c9-wilton paim,/o=exchangelabs/ou=exchange administrative group (fydibohf23spdlt)/cn=recipients/cn=393fb405d98d45528dd58c52e770b5b3-karlos gar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68e6aa2e3fef4ccaba997d98294c9ed5-cristina he,/o=exchangelabs/ou=exchange administrative group (fydibohf23spdlt)/cn=recipients/cn=88e4fcbd3ea14730a81286cc0683fb42-manoel eloy,/o=exchangelabs/ou=exchange administrative group (fydibohf23spdlt)/cn=recipients/cn=a78f7dae304e472e9f75bd537683f6e5-hugo de oli,/o=exchangelabs/ou=exchange administrative group (fydibohf23spdlt)/cn=recipients/cn=b3b3e588898842db813e69c542d02bb6-elai</t>
  </si>
  <si>
    <t>09/30/2019 14:31:57</t>
  </si>
  <si>
    <t>mail.google.com/_/upload?authuser=1&amp;dcp=asu-n&amp;upload_id=AEnB2UoJlv19uY4Tqa3LcLAQ2Bezjz02f-gqErs_3yxDRps4gSGYHa07HQ1vcaZ4JITclnAulpIkYdSB-JaAkm836jTf2qYXfi12ciNBBmCJi6BToUpi7GI&amp;upload_protocol=resumable</t>
  </si>
  <si>
    <t>MPs CAC backlog.xlsx</t>
  </si>
  <si>
    <t>09/30/2019 14:35:48</t>
  </si>
  <si>
    <t>PWEB para contabilização de FTE's - EDP (PI-1005361-19) - Setembro 2019</t>
  </si>
  <si>
    <t>340 - ATEC-2019-0002-006 - M09 - PWEB_.xlsb</t>
  </si>
  <si>
    <t>09/30/2019 14:31:32</t>
  </si>
  <si>
    <t>09/30/2019 14:36:49</t>
  </si>
  <si>
    <t>ENC: BFF 092019 Marina</t>
  </si>
  <si>
    <t>09/30/2019 14:38:33</t>
  </si>
  <si>
    <t>09/30/2019 14:40:48</t>
  </si>
  <si>
    <t>/o=exchangelabs/ou=exchange administrative group (fydibohf23spdlt)/cn=recipients/cn=2072905e221e44cd93713caf57a4301f-roberta igi;/o=exchangelabs/ou=exchange administrative group (fydibohf23spdlt)/cn=recipients/cn=2482bf2ac5d744968702f5d67f34f2a4-gabriela al;/o=exchangelabs/ou=exchange administrative group (fydibohf23spdlt)/cn=recipients/cn=3975f847ff8048f683702df727006829-melissa bet;/o=exchangelabs/ou=exchange administrative group (fydibohf23spdlt)/cn=recipients/cn=47cf60ebce7b4b5eb317a8340264d209-elizi anne;/o=exchangelabs/ou=exchange administrative group (fydibohf23spdlt)/cn=recipients/cn=6386feea3fdb4b8e93b300d4e88d721f-selaine de;/o=exchangelabs/ou=exchange administrative group (fydibohf23spdlt)/cn=recipients/cn=8f4e3aa524514f919832da77d1e13730-giselle nar;/o=exchangelabs/ou=exchange administrative group (fydibohf23spdlt)/cn=recipients/cn=c52a157e02d64dd1a81927cd619e2686-keila prisc;</t>
  </si>
  <si>
    <t>NPS - Acompanhamento</t>
  </si>
  <si>
    <t>Report Semanal Customer Success_26-09_GRC (002).pptx\</t>
  </si>
  <si>
    <t>/o=exchangelabs/ou=exchange administrative group (fydibohf23spdlt)/cn=recipients/cn=2072905e221e44cd93713caf57a4301f-roberta igi,/o=exchangelabs/ou=exchange administrative group (fydibohf23spdlt)/cn=recipients/cn=2482bf2ac5d744968702f5d67f34f2a4-gabriela al,/o=exchangelabs/ou=exchange administrative group (fydibohf23spdlt)/cn=recipients/cn=3975f847ff8048f683702df727006829-melissa bet,/o=exchangelabs/ou=exchange administrative group (fydibohf23spdlt)/cn=recipients/cn=47cf60ebce7b4b5eb317a8340264d209-elizi anne,/o=exchangelabs/ou=exchange administrative group (fydibohf23spdlt)/cn=recipients/cn=6386feea3fdb4b8e93b300d4e88d721f-selaine de,/o=exchangelabs/ou=exchange administrative group (fydibohf23spdlt)/cn=recipients/cn=8f4e3aa524514f919832da77d1e13730-giselle nar,/o=exchangelabs/ou=exchange administrative group (fydibohf23spdlt)/cn=recipients/cn=c52a157e02d64dd1a81927cd619e2686-keila prisc</t>
  </si>
  <si>
    <t>09/30/2019 14:39:05</t>
  </si>
  <si>
    <t>09/30/2019 14:41:49</t>
  </si>
  <si>
    <t>C:\Users\akassiablc.ACS\Documents\fechamento 092019\</t>
  </si>
  <si>
    <t>09/30/2019 14:40:47</t>
  </si>
  <si>
    <t>/o=exchangelabs/ou=exchange administrative group (fydibohf23spdlt)/cn=recipients/cn=89e58c8da071492dbdcb4fee4156b705-gustavo alm;/o=exchangelabs/ou=exchange administrative group (fydibohf23spdlt)/cn=recipients/cn=bac01c1dcd4a49d7b55e9cf8a07c28c6-edson nunes;/o=exchangelabs/ou=exchange administrative group (fydibohf23spdlt)/cn=recipients/cn=user78f7a52d;</t>
  </si>
  <si>
    <t>Monitoramento Splunk</t>
  </si>
  <si>
    <t>Cópia de Report_Servers_2019-09-27_12-09-55.xls</t>
  </si>
  <si>
    <t>/o=exchangelabs/ou=exchange administrative group (fydibohf23spdlt)/cn=recipients/cn=89e58c8da071492dbdcb4fee4156b705-gustavo alm,/o=exchangelabs/ou=exchange administrative group (fydibohf23spdlt)/cn=recipients/cn=bac01c1dcd4a49d7b55e9cf8a07c28c6-edson nunes,/o=exchangelabs/ou=exchange administrative group (fydibohf23spdlt)/cn=recipients/cn=user78f7a52d</t>
  </si>
  <si>
    <t>09/30/2019 14:34:12</t>
  </si>
  <si>
    <t>09/30/2019 14:44:48</t>
  </si>
  <si>
    <t>D-1 POR OPERADOR - BV - SET-19.xlsb</t>
  </si>
  <si>
    <t>09/30/2019 14:35:55</t>
  </si>
  <si>
    <t>09/30/2019 14:42:21</t>
  </si>
  <si>
    <t>09/30/2019 14:46:49</t>
  </si>
  <si>
    <t>Conta Contábil.xlsx</t>
  </si>
  <si>
    <t>FlexField - DSGT.xls</t>
  </si>
  <si>
    <t>09/30/2019 14:48:01</t>
  </si>
  <si>
    <t>09/30/2019 14:50:49</t>
  </si>
  <si>
    <t>/o=exchangelabs/ou=exchange administrative group (fydibohf23spdlt)/cn=recipients/cn=5c0e0b883c0f4ccbb2cf13db05a00b36-luciene ivo;daniela.bittencourt@bradesco.com.br;edirlei.silva@bradesco.com.br;leandrolds@algartech.com;patricia.brito@bradesco.com.br;</t>
  </si>
  <si>
    <t>Alinhamento - Urr</t>
  </si>
  <si>
    <t>/o=exchangelabs/ou=exchange administrative group (fydibohf23spdlt)/cn=recipients/cn=5c0e0b883c0f4ccbb2cf13db05a00b36-luciene ivo,daniela.bittencourt@bradesco.com.br,edirlei.silva@bradesco.com.br,leandrolds@algartech.com,patricia.brito@bradesco.com.br</t>
  </si>
  <si>
    <t>09/30/2019 14:49:53</t>
  </si>
  <si>
    <t>09/30/2019 14:53:48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626f88f0427049a1bc09ea3f8adf9b1d-marcio rica;</t>
  </si>
  <si>
    <t>ORÇAMENTO 2020 - FROTAS</t>
  </si>
  <si>
    <t>Pacotes.xlsx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626f88f0427049a1bc09ea3f8adf9b1d-marcio rica</t>
  </si>
  <si>
    <t>09/30/2019 14:51:48</t>
  </si>
  <si>
    <t>C:\Users\iramildass\Desktop\Nova pasta (2)\Cursos_20190930003829.rar\</t>
  </si>
  <si>
    <t>Cursos_20190930003829.csv</t>
  </si>
  <si>
    <t>09/30/2019 14:51:16</t>
  </si>
  <si>
    <t>09/30/2019 14:55:48</t>
  </si>
  <si>
    <t>/o=exchangelabs/ou=exchange administrative group (fydibohf23spdlt)/cn=recipients/cn=2072905e221e44cd93713caf57a4301f-roberta igi;</t>
  </si>
  <si>
    <t>ENC: Preditivo</t>
  </si>
  <si>
    <t>Histórico de Contatos.xlsx</t>
  </si>
  <si>
    <t>/o=exchangelabs/ou=exchange administrative group (fydibohf23spdlt)/cn=recipients/cn=2072905e221e44cd93713caf57a4301f-roberta igi</t>
  </si>
  <si>
    <t>09/30/2019 14:57:44</t>
  </si>
  <si>
    <t>09/30/2019 14:58:49</t>
  </si>
  <si>
    <t>Preco_V10_Forceoneit_PosPOC.xlsb</t>
  </si>
  <si>
    <t>09/30/2019 14:57:40</t>
  </si>
  <si>
    <t>09/30/2019 15:01:48</t>
  </si>
  <si>
    <t>/o=exchangelabs/ou=exchange administrative group (fydibohf23spdlt)/cn=recipients/cn=214987ca45394b93a473a4e901f49d56-valmirian d;/o=exchangelabs/ou=exchange administrative group (fydibohf23spdlt)/cn=recipients/cn=aef94c0f98b44279a41d719230c27333-sabrina dan;/o=exchangelabs/ou=exchange administrative group (fydibohf23spdlt)/cn=recipients/cn=c5f7cc79fc244984a8f11c21adc3bf10-matheus oli;</t>
  </si>
  <si>
    <t>Prévia - 30.Setembro.xlsx</t>
  </si>
  <si>
    <t>/o=exchangelabs/ou=exchange administrative group (fydibohf23spdlt)/cn=recipients/cn=214987ca45394b93a473a4e901f49d56-valmirian d,/o=exchangelabs/ou=exchange administrative group (fydibohf23spdlt)/cn=recipients/cn=aef94c0f98b44279a41d719230c27333-sabrina dan,/o=exchangelabs/ou=exchange administrative group (fydibohf23spdlt)/cn=recipients/cn=c5f7cc79fc244984a8f11c21adc3bf10-matheus oli</t>
  </si>
  <si>
    <t>09/30/2019 15:04:17</t>
  </si>
  <si>
    <t>09/30/2019 15:05:48</t>
  </si>
  <si>
    <t>Controle de Frentes de Relatórios.xlsx</t>
  </si>
  <si>
    <t>09/30/2019 15:06:26</t>
  </si>
  <si>
    <t>09/30/2019 15:08:48</t>
  </si>
  <si>
    <t>CR 340000057 TECH - Vendas_v2.xlsx</t>
  </si>
  <si>
    <t>09/30/2019 15:10:25</t>
  </si>
  <si>
    <t>09/30/2019 15:12:47</t>
  </si>
  <si>
    <t>Arquivos CSV - HE</t>
  </si>
  <si>
    <t>HE_029_01 A 2909.csv</t>
  </si>
  <si>
    <t>09/30/2019 15:15:50</t>
  </si>
  <si>
    <t>09/30/2019 15:18:47</t>
  </si>
  <si>
    <t>09/30/2019 15:16:05</t>
  </si>
  <si>
    <t>09/30/2019 15:16:06</t>
  </si>
  <si>
    <t>09/30/2019 15:18:09</t>
  </si>
  <si>
    <t>gildaepma@algartech.com</t>
  </si>
  <si>
    <t>janecsa@algartech.com;</t>
  </si>
  <si>
    <t>\\acsfs\engeset\FINANCEIRO_ULA\CONTROLA\Orc 2019\Cilco Orçamentário - 2019 - PreClosing\Templates - Qlikview\DRE_QLIKVIEW\</t>
  </si>
  <si>
    <t>DRE_Recuperacao custo GRC DAF Jeciene.xlsx</t>
  </si>
  <si>
    <t>janecsa@algartech.com</t>
  </si>
  <si>
    <t>09/30/2019 15:20:51</t>
  </si>
  <si>
    <t>09/30/2019 15:21:48</t>
  </si>
  <si>
    <t>/o=exchangelabs/ou=exchange administrative group (fydibohf23spdlt)/cn=recipients/cn=89ca346ee974400aae0c2ce74e5bf4c3-ademir de s;/o=exchangelabs/ou=exchange administrative group (fydibohf23spdlt)/cn=recipients/cn=wilson achilles alves pereira neto - 004255;</t>
  </si>
  <si>
    <t>ENC: Monitoramento Splunk</t>
  </si>
  <si>
    <t>/o=exchangelabs/ou=exchange administrative group (fydibohf23spdlt)/cn=recipients/cn=89ca346ee974400aae0c2ce74e5bf4c3-ademir de s,/o=exchangelabs/ou=exchange administrative group (fydibohf23spdlt)/cn=recipients/cn=wilson achilles alves pereira neto - 004255</t>
  </si>
  <si>
    <t>09/30/2019 15:18:48</t>
  </si>
  <si>
    <t>09/30/2019 15:22:47</t>
  </si>
  <si>
    <t>09/30/2019 15:20:38</t>
  </si>
  <si>
    <t>09/30/2019 15:23:48</t>
  </si>
  <si>
    <t>Gamification 1.xlsx</t>
  </si>
  <si>
    <t>09/30/2019 15:21:13</t>
  </si>
  <si>
    <t>09/30/2019 15:21:09</t>
  </si>
  <si>
    <t>09/30/2019 15:24:47</t>
  </si>
  <si>
    <t>camillafc@algartech.com.br;</t>
  </si>
  <si>
    <t>Detalhamento do tempo Agosto.xlsx</t>
  </si>
  <si>
    <t>camillafc@algartech.com.br</t>
  </si>
  <si>
    <t>09/30/2019 15:24:05</t>
  </si>
  <si>
    <t>10.200.60.8</t>
  </si>
  <si>
    <t>54-BF-64-F5-7F-F8</t>
  </si>
  <si>
    <t>/o=exchangelabs/ou=exchange administrative group (fydibohf23spdlt)/cn=recipients/cn=545f738e0fe740ba856f4eb6ef0135e0-vinicius si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c08089b92f0643f18c949cb099a06593-tamara luis;</t>
  </si>
  <si>
    <t>/o=exchangelabs/ou=exchange administrative group (fydibohf23spdlt)/cn=recipients/cn=545f738e0fe740ba856f4eb6ef0135e0-vinicius si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c08089b92f0643f18c949cb099a06593-tamara luis</t>
  </si>
  <si>
    <t>09/30/2019 15:23:06</t>
  </si>
  <si>
    <t>09/30/2019 15:25:48</t>
  </si>
  <si>
    <t>/o=exchangelabs/ou=exchange administrative group (fydibohf23spdlt)/cn=recipients/cn=67bd65dc87bd4106bc53a3fdb9bdc416-virginia ma;</t>
  </si>
  <si>
    <t>ENC: Prestação de contas Murer</t>
  </si>
  <si>
    <t>/o=exchangelabs/ou=exchange administrative group (fydibohf23spdlt)/cn=recipients/cn=67bd65dc87bd4106bc53a3fdb9bdc416-virginia ma</t>
  </si>
  <si>
    <t>09/30/2019 15:25:36</t>
  </si>
  <si>
    <t>09/30/2019 15:28:48</t>
  </si>
  <si>
    <t>/o=exchangelabs/ou=exchange administrative group (fydibohf23spdlt)/cn=recipients/cn=004fbe04a76042fda28a404cff30f61b-vinicius ma;/o=exchangelabs/ou=exchange administrative group (fydibohf23spdlt)/cn=recipients/cn=a4725b7c782941fda1d1c00ae0ff9e26-camiller mo;/o=exchangelabs/ou=exchange administrative group (fydibohf23spdlt)/cn=recipients/cn=b67cad4ecfa344baaa94d716e7554f49-bruno camel;delair.silva@caixaseguradora.com.br;marilia.araujo@caixaseguradora.com.br;</t>
  </si>
  <si>
    <t>ENC: Controle de Expansão DIREN</t>
  </si>
  <si>
    <t>/o=exchangelabs/ou=exchange administrative group (fydibohf23spdlt)/cn=recipients/cn=004fbe04a76042fda28a404cff30f61b-vinicius ma,/o=exchangelabs/ou=exchange administrative group (fydibohf23spdlt)/cn=recipients/cn=a4725b7c782941fda1d1c00ae0ff9e26-camiller mo,/o=exchangelabs/ou=exchange administrative group (fydibohf23spdlt)/cn=recipients/cn=b67cad4ecfa344baaa94d716e7554f49-bruno camel,delair.silva@caixaseguradora.com.br,marilia.araujo@caixaseguradora.com.br</t>
  </si>
  <si>
    <t>09/30/2019 15:28:36</t>
  </si>
  <si>
    <t>09/30/2019 15:33:48</t>
  </si>
  <si>
    <t>09/30/2019 15:30:57</t>
  </si>
  <si>
    <t>09/30/2019 15:34:47</t>
  </si>
  <si>
    <t>/o=exchangelabs/ou=exchange administrative group (fydibohf23spdlt)/cn=recipients/cn=matheus vinicius da silva;aline.antobel@genpact.com;anupam.johari@genpact.com;nikki.goodyer@genpact.com;</t>
  </si>
  <si>
    <t>RES: Visita - Genpact para Conhecer os processos da Algar (Avon)</t>
  </si>
  <si>
    <t>/o=exchangelabs/ou=exchange administrative group (fydibohf23spdlt)/cn=recipients/cn=matheus vinicius da silva,aline.antobel@genpact.com,anupam.johari@genpact.com,nikki.goodyer@genpact.com</t>
  </si>
  <si>
    <t>09/30/2019 15:34:46</t>
  </si>
  <si>
    <t>09/30/2019 15:38:48</t>
  </si>
  <si>
    <t>/o=exchangelabs/ou=exchange administrative group (fydibohf23spdlt)/cn=recipients/cn=664567c81e2c4e9f9de1f7830ee164f0-octavio car;</t>
  </si>
  <si>
    <t>PTH</t>
  </si>
  <si>
    <t>Template Orçamentário Pessoal - 2020_Octavi1.xlsx</t>
  </si>
  <si>
    <t>/o=exchangelabs/ou=exchange administrative group (fydibohf23spdlt)/cn=recipients/cn=664567c81e2c4e9f9de1f7830ee164f0-octavio car</t>
  </si>
  <si>
    <t>09/30/2019 15:36:00</t>
  </si>
  <si>
    <t>09/30/2019 15:39:47</t>
  </si>
  <si>
    <t>10.200.61.39</t>
  </si>
  <si>
    <t>FC-01-7C-B3-BD-F9</t>
  </si>
  <si>
    <t>/o=exchangelabs/ou=exchange administrative group (fydibohf23spdlt)/cn=recipients/cn=0724131ea0e6413f81b96734f1d8db35-larissa men;/o=exchangelabs/ou=exchange administrative group (fydibohf23spdlt)/cn=recipients/cn=0ee39e9e189c42369588db5cf6d2866d-celia regin;/o=exchangelabs/ou=exchange administrative group (fydibohf23spdlt)/cn=recipients/cn=2144abc9537143519f505fcb8550b74c-juliana emi;/o=exchangelabs/ou=exchange administrative group (fydibohf23spdlt)/cn=recipients/cn=685a6c7fa4684b9ab51c683ec151a83c-kelly crist;/o=exchangelabs/ou=exchange administrative group (fydibohf23spdlt)/cn=recipients/cn=9ec15fdf8a374c6f80ea1bf33684216e-roberta alv;/o=exchangelabs/ou=exchange administrative group (fydibohf23spdlt)/cn=recipients/cn=ab45243d601947128cfe3dec663408bf-pamela tava;</t>
  </si>
  <si>
    <t>RES: Status do treinamento de Brigada.</t>
  </si>
  <si>
    <t>Escala de brigada 2019.xlsx</t>
  </si>
  <si>
    <t>/o=exchangelabs/ou=exchange administrative group (fydibohf23spdlt)/cn=recipients/cn=0724131ea0e6413f81b96734f1d8db35-larissa men,/o=exchangelabs/ou=exchange administrative group (fydibohf23spdlt)/cn=recipients/cn=0ee39e9e189c42369588db5cf6d2866d-celia regin,/o=exchangelabs/ou=exchange administrative group (fydibohf23spdlt)/cn=recipients/cn=2144abc9537143519f505fcb8550b74c-juliana emi,/o=exchangelabs/ou=exchange administrative group (fydibohf23spdlt)/cn=recipients/cn=685a6c7fa4684b9ab51c683ec151a83c-kelly crist,/o=exchangelabs/ou=exchange administrative group (fydibohf23spdlt)/cn=recipients/cn=9ec15fdf8a374c6f80ea1bf33684216e-roberta alv,/o=exchangelabs/ou=exchange administrative group (fydibohf23spdlt)/cn=recipients/cn=ab45243d601947128cfe3dec663408bf-pamela tava</t>
  </si>
  <si>
    <t>09/30/2019 15:38:10</t>
  </si>
  <si>
    <t>09/30/2019 15:40:47</t>
  </si>
  <si>
    <t>LP GIAT Revisado 30-09</t>
  </si>
  <si>
    <t>09/30/2019 15:40:09</t>
  </si>
  <si>
    <t>C:\TEMP - Carlos Facioli\</t>
  </si>
  <si>
    <t>LP GIAT 30-09.xlsx</t>
  </si>
  <si>
    <t>09/30/2019 15:40:33</t>
  </si>
  <si>
    <t>09/30/2019 15:42:47</t>
  </si>
  <si>
    <t>/o=exchangelabs/ou=exchange administrative group (fydibohf23spdlt)/cn=recipients/cn=092327d7955f47e78ad4a60dc2ac8d69-joaquim eli;/o=exchangelabs/ou=exchange administrative group (fydibohf23spdlt)/cn=recipients/cn=1698f5af44b14116ad2d0b751d584c7d-danilo rafa;/o=exchangelabs/ou=exchange administrative group (fydibohf23spdlt)/cn=recipients/cn=2d3379e2d04c40db810b4b1f41dd2aea-erica carol;/o=exchangelabs/ou=exchange administrative group (fydibohf23spdlt)/cn=recipients/cn=3520900e391e45f9bc6d201d2e41bfe9-flavio lope;/o=exchangelabs/ou=exchange administrative group (fydibohf23spdlt)/cn=recipients/cn=4097402e2d3e4073b597d33928140586-paulo sergi;/o=exchangelabs/ou=exchange administrative group (fydibohf23spdlt)/cn=recipients/cn=65f2464c9a2e4d2981cae7124572133d-cristiane c;/o=exchangelabs/ou=exchange administrative group (fydibohf23spdlt)/cn=recipients/cn=df38005dd3914a4abc6f3ad41d49b2c0-kleilton ri;/o=exchangelabs/ou=exchange administrative group (fydibohf23spdlt)/cn=recipients/cn=e1e60d5055394427814a7193639abd5e-rafa</t>
  </si>
  <si>
    <t>RES: Pendencia de Aprovação de Requisições de Compras</t>
  </si>
  <si>
    <t>Aprovações EPI´s.xlsx</t>
  </si>
  <si>
    <t>/o=exchangelabs/ou=exchange administrative group (fydibohf23spdlt)/cn=recipients/cn=092327d7955f47e78ad4a60dc2ac8d69-joaquim eli,/o=exchangelabs/ou=exchange administrative group (fydibohf23spdlt)/cn=recipients/cn=1698f5af44b14116ad2d0b751d584c7d-danilo rafa,/o=exchangelabs/ou=exchange administrative group (fydibohf23spdlt)/cn=recipients/cn=2d3379e2d04c40db810b4b1f41dd2aea-erica carol,/o=exchangelabs/ou=exchange administrative group (fydibohf23spdlt)/cn=recipients/cn=3520900e391e45f9bc6d201d2e41bfe9-flavio lope,/o=exchangelabs/ou=exchange administrative group (fydibohf23spdlt)/cn=recipients/cn=4097402e2d3e4073b597d33928140586-paulo sergi,/o=exchangelabs/ou=exchange administrative group (fydibohf23spdlt)/cn=recipients/cn=65f2464c9a2e4d2981cae7124572133d-cristiane c,/o=exchangelabs/ou=exchange administrative group (fydibohf23spdlt)/cn=recipients/cn=df38005dd3914a4abc6f3ad41d49b2c0-kleilton ri,/o=exchangelabs/ou=exchange administrative group (fydibohf23spdlt)/cn=recipients/cn=e1e60d5055394427814a7193639abd5e-rafa</t>
  </si>
  <si>
    <t>09/30/2019 15:48:13</t>
  </si>
  <si>
    <t>09/30/2019 15:48:47</t>
  </si>
  <si>
    <t>Template Recuperação de Custos 2020.xlsx</t>
  </si>
  <si>
    <t>09/30/2019 15:44:28</t>
  </si>
  <si>
    <t>09/30/2019 15:49:47</t>
  </si>
  <si>
    <t>ENC: LP Revisado GIAT 30-09</t>
  </si>
  <si>
    <t>09/30/2019 15:48:36</t>
  </si>
  <si>
    <t>09/30/2019 15:50:47</t>
  </si>
  <si>
    <t>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9e7c445894a4474a86a42a5f271a0d12-viviane res;/o=exchangelabs/ou=exchange administrative group (fydibohf23spdlt)/cn=recipients/cn=c3577a5d878e4f9891bd5a4026e498e3-natalia rod;/o=exchangelabs/ou=exchange administrative group (fydibohf23spdlt)/cn=recipients/cn=f98150252e7d4ec38856314e08392d87-angeline gu;/o=exchangelabs/ou=exchange administrative group (fydibohf23spdlt)/cn=recipients/cn=user9f44a979;</t>
  </si>
  <si>
    <t>RES: Fornecedor ASC - Operação MRV</t>
  </si>
  <si>
    <t>ASC Variável - Agosto.msg\s1\</t>
  </si>
  <si>
    <t>Rateio ASC_Agosto.xlsx</t>
  </si>
  <si>
    <t>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9e7c445894a4474a86a42a5f271a0d12-viviane res,/o=exchangelabs/ou=exchange administrative group (fydibohf23spdlt)/cn=recipients/cn=c3577a5d878e4f9891bd5a4026e498e3-natalia rod,/o=exchangelabs/ou=exchange administrative group (fydibohf23spdlt)/cn=recipients/cn=f98150252e7d4ec38856314e08392d87-angeline gu,/o=exchangelabs/ou=exchange administrative group (fydibohf23spdlt)/cn=recipients/cn=user9f44a979</t>
  </si>
  <si>
    <t>09/30/2019 15:47:27</t>
  </si>
  <si>
    <t>09/30/2019 15:51:47</t>
  </si>
  <si>
    <t>C:\Users\rudneylc\Desktop\</t>
  </si>
  <si>
    <t>Cópia de Template.xlsx</t>
  </si>
  <si>
    <t>09/30/2019 15:48:52</t>
  </si>
  <si>
    <t>09/30/2019 15:51:32</t>
  </si>
  <si>
    <t>09/30/2019 15:53:47</t>
  </si>
  <si>
    <t>Calculos desligamentos Voz Sicoob.xlsx</t>
  </si>
  <si>
    <t>09/30/2019 15:50:11</t>
  </si>
  <si>
    <t>09/30/2019 15:54:48</t>
  </si>
  <si>
    <t>respostas_estella_v1.csv</t>
  </si>
  <si>
    <t>09/30/2019 15:53:30</t>
  </si>
  <si>
    <t>teste.csv</t>
  </si>
  <si>
    <t>09/30/2019 15:57:38</t>
  </si>
  <si>
    <t>09/30/2019 15:58:48</t>
  </si>
  <si>
    <t>C:\Users\ricardoft\OneDrive - Grupo Algar\Documentos\Projetos\2019\Faber\Nova pasta (2)\</t>
  </si>
  <si>
    <t>187335 Faber Castell BP Remoto Preço C015 B014 Desonerada_V2.xlsb</t>
  </si>
  <si>
    <t>C:\Users\ricardoft\OneDrive - Grupo Algar\Documentos\Projetos\2019\Faber\Nova pasta (2)\187335 Faber Castell BP Remoto Preço C015 B014 Desonerada_V2.xlsb\</t>
  </si>
  <si>
    <t>09/30/2019 15:54:26</t>
  </si>
  <si>
    <t>09/30/2019 15:59:47</t>
  </si>
  <si>
    <t>09/30/2019 15:54:46</t>
  </si>
  <si>
    <t>respostas_estella_v2.csv</t>
  </si>
  <si>
    <t>09/30/2019 15:54:58</t>
  </si>
  <si>
    <t>09/30/2019 15:55:24</t>
  </si>
  <si>
    <t>09/30/2019 16:01:47</t>
  </si>
  <si>
    <t>10.200.68.7</t>
  </si>
  <si>
    <t>/o=exchangelabs/ou=exchange administrative group (fydibohf23spdlt)/cn=recipients/cn=c52a157e02d64dd1a81927cd619e2686-keila prisc;</t>
  </si>
  <si>
    <t>ENC: Formalização - Associada NYCOLLE DE ALCANTARA RAMOS Mat 089923</t>
  </si>
  <si>
    <t>Candidatos Processo Assistente de Suporte.xlsx</t>
  </si>
  <si>
    <t>/o=exchangelabs/ou=exchange administrative group (fydibohf23spdlt)/cn=recipients/cn=c52a157e02d64dd1a81927cd619e2686-keila prisc</t>
  </si>
  <si>
    <t>09/30/2019 15:59:01</t>
  </si>
  <si>
    <t>09/30/2019 16:03:47</t>
  </si>
  <si>
    <t>187335 Faber Castell BP Preço C015 B014 Desonerada_V1.xlsb</t>
  </si>
  <si>
    <t>C:\Users\ricardoft\OneDrive - Grupo Algar\Documentos\Projetos\2019\Faber\Nova pasta (2)\187335 Faber Castell BP Preço C015 B014 Desonerada_V1.xlsb\</t>
  </si>
  <si>
    <t>09/30/2019 15:59:38</t>
  </si>
  <si>
    <t>09/30/2019 16:04:48</t>
  </si>
  <si>
    <t>10.200.60.37</t>
  </si>
  <si>
    <t>A4-17-31-FC-FA-DD</t>
  </si>
  <si>
    <t>NB-IZABELLACFB</t>
  </si>
  <si>
    <t>sarahro</t>
  </si>
  <si>
    <t>Sarah Rodrigues de Oliveira</t>
  </si>
  <si>
    <t>/o=nt5/ou=00000000000000000000000000000000/cn=e6498354128b594eb2be8aceba23d989;</t>
  </si>
  <si>
    <t>Cadastro Geral</t>
  </si>
  <si>
    <t>/o=nt5/ou=00000000000000000000000000000000/cn=e6498354128b594eb2be8aceba23d989</t>
  </si>
  <si>
    <t>09/30/2019 16:00:51</t>
  </si>
  <si>
    <t>09/30/2019 16:05:47</t>
  </si>
  <si>
    <t>PWEB para contabilização de FTE's - CRESCIMENTO CAIXA CAP (PI-1005267-19) - Setembro 2019</t>
  </si>
  <si>
    <t>340 - ATEC-2019-0024-003 - M09 - PWEB_.xlsb</t>
  </si>
  <si>
    <t>09/30/2019 16:06:48</t>
  </si>
  <si>
    <t>09/30/2019 15:55:34</t>
  </si>
  <si>
    <t>/o=exchangelabs/ou=exchange administrative group (fydibohf23spdlt)/cn=recipients/cn=d34c20e435fc44238499c0f70f47c7e5-ricardo fer;</t>
  </si>
  <si>
    <t>RES: Proposta FAber-Castell - RCO 100301953</t>
  </si>
  <si>
    <t>/o=exchangelabs/ou=exchange administrative group (fydibohf23spdlt)/cn=recipients/cn=d34c20e435fc44238499c0f70f47c7e5-ricardo fer</t>
  </si>
  <si>
    <t>09/30/2019 15:56:42</t>
  </si>
  <si>
    <t>09/30/2019 16:03:40</t>
  </si>
  <si>
    <t>09/30/2019 16:08:48</t>
  </si>
  <si>
    <t>Enviando email: Apresentação Customer Success Equipe Gerentes 01-10</t>
  </si>
  <si>
    <t>Apresentação Customer Success Equipe Gerentes 01-10.pptx\</t>
  </si>
  <si>
    <t>09/30/2019 16:06:30</t>
  </si>
  <si>
    <t>09/30/2019 16:09:47</t>
  </si>
  <si>
    <t>Reajustes - A iniciar</t>
  </si>
  <si>
    <t>Reajuste - A iniciar.xlsx</t>
  </si>
  <si>
    <t>09/30/2019 16:04:41</t>
  </si>
  <si>
    <t>/o=exchangelabs/ou=exchange administrative group (fydibohf23spdlt)/cn=recipients/cn=02b715e2a3c744dbab0f4054efc9d2d2-raquel corr;rpdoliveira@timbrasil.com.br;vcoelho_act@timbrasil.com.br;</t>
  </si>
  <si>
    <t>PENALIDADES AGOSTO 2019- JUSTIFICATIVAS</t>
  </si>
  <si>
    <t>Controle de Penalidades de Agosto de 2019.xlsx</t>
  </si>
  <si>
    <t>/o=exchangelabs/ou=exchange administrative group (fydibohf23spdlt)/cn=recipients/cn=02b715e2a3c744dbab0f4054efc9d2d2-raquel corr,rpdoliveira@timbrasil.com.br,vcoelho_act@timbrasil.com.br</t>
  </si>
  <si>
    <t>09/30/2019 16:09:40</t>
  </si>
  <si>
    <t>09/30/2019 16:12:48</t>
  </si>
  <si>
    <t>/o=exchangelabs/ou=exchange administrative group (fydibohf23spdlt)/cn=recipients/cn=b144f37bc5a4455085d413d0b7993628-daniela de;/o=exchangelabs/ou=exchange administrative group (fydibohf23spdlt)/cn=recipients/cn=usera699e94b;</t>
  </si>
  <si>
    <t>ENC: Orçamento</t>
  </si>
  <si>
    <t>Solicitação OBZ.xlsx</t>
  </si>
  <si>
    <t>/o=exchangelabs/ou=exchange administrative group (fydibohf23spdlt)/cn=recipients/cn=b144f37bc5a4455085d413d0b7993628-daniela de,/o=exchangelabs/ou=exchange administrative group (fydibohf23spdlt)/cn=recipients/cn=usera699e94b</t>
  </si>
  <si>
    <t>09/30/2019 16:15:45</t>
  </si>
  <si>
    <t>09/30/2019 16:16:48</t>
  </si>
  <si>
    <t>caique.silva@cscalgar.com.br;flaviane.queiroz@cscalgar.com.br;jackson.lima@cscalgar.com.br;leticiabp@algartech.com;lucas.cunha@cscalgar.com.br;marcos.resende@cscalgar.com.br;renato.mariano@cscalgar.com.br;rogerio.ribeiro@cscalgar.com.br;stael.marques@cscalgar.com.br;sueleide.silva@cscalgar.com.br;</t>
  </si>
  <si>
    <t>\\acsfs\DEPTOS\Controladoria\23.Faturamento\3.ENGESET\2019\FECHAMENTO ENGESET\09.2019\</t>
  </si>
  <si>
    <t>Conciliação ENGESET 09.2019.xlsx</t>
  </si>
  <si>
    <t>caique.silva@cscalgar.com.br,flaviane.queiroz@cscalgar.com.br,jackson.lima@cscalgar.com.br,leticiabp@algartech.com,lucas.cunha@cscalgar.com.br,marcos.resende@cscalgar.com.br,renato.mariano@cscalgar.com.br,rogerio.ribeiro@cscalgar.com.br,stael.marques@cscalgar.com.br,sueleide.silva@cscalgar.com.br</t>
  </si>
  <si>
    <t>09/30/2019 16:15:29</t>
  </si>
  <si>
    <t>09/30/2019 16:19:47</t>
  </si>
  <si>
    <t>/o=exchangelabs/ou=exchange administrative group (fydibohf23spdlt)/cn=recipients/cn=b79663656cc44aa3bf06617d1695ae51-carlos faci;</t>
  </si>
  <si>
    <t>ENC: Orçamento comercial</t>
  </si>
  <si>
    <t>RV Orçamento comercial.msg\s193\</t>
  </si>
  <si>
    <t>Meta_Alejandro_2oSEM_2019.xlsx</t>
  </si>
  <si>
    <t>/o=exchangelabs/ou=exchange administrative group (fydibohf23spdlt)/cn=recipients/cn=b79663656cc44aa3bf06617d1695ae51-carlos faci</t>
  </si>
  <si>
    <t>09/30/2019 16:16:02</t>
  </si>
  <si>
    <t>09/30/2019 16:20:47</t>
  </si>
  <si>
    <t>RES: Segue 2º lote de receitamento com mais 2 OS Tim de MG e as OS da Level.</t>
  </si>
  <si>
    <t>Cópia de Controle FatB 2019 Fellyp 2.xlsx</t>
  </si>
  <si>
    <t>09/30/2019 16:18:52</t>
  </si>
  <si>
    <t>09/30/2019 16:22:48</t>
  </si>
  <si>
    <t>/o=exchangelabs/ou=exchange administrative group (fydibohf23spdlt)/cn=recipients/cn=3520900e391e45f9bc6d201d2e41bfe9-flavio lope;</t>
  </si>
  <si>
    <t>estoque atualizado</t>
  </si>
  <si>
    <t>estoque atualizado 30-09-2019.xlsx</t>
  </si>
  <si>
    <t>/o=exchangelabs/ou=exchange administrative group (fydibohf23spdlt)/cn=recipients/cn=3520900e391e45f9bc6d201d2e41bfe9-flavio lope</t>
  </si>
  <si>
    <t>09/30/2019 16:22:37</t>
  </si>
  <si>
    <t>09/30/2019 16:24:48</t>
  </si>
  <si>
    <t>Controle de presença - Treinamento Supervisão</t>
  </si>
  <si>
    <t>Escala de treinamento supervisores PPE GAT_v2.xlsx</t>
  </si>
  <si>
    <t>09/30/2019 16:22:22</t>
  </si>
  <si>
    <t>ENC: Cierre calculos comisiones 2Q // Proyecciones 3Q &amp; 4Q - México</t>
  </si>
  <si>
    <t>RES Meta_RicardoAlejandro_2019-final.xlsx (COMISIONES DE DEIVIS - COMENTARIOS JOSE EDUARDO).msg\s1\</t>
  </si>
  <si>
    <t>Comisiones - Deivis Cardozo 2019 - Q1 - GAT(vJE).xls</t>
  </si>
  <si>
    <t>09/30/2019 16:22:57</t>
  </si>
  <si>
    <t>09/30/2019 16:25:47</t>
  </si>
  <si>
    <t>/o=exchangelabs/ou=exchange administrative group (fydibohf23spdlt)/cn=recipients/cn=0795838d79a14bcaabfa98fc69aaefbb-business pe;/o=exchangelabs/ou=exchange administrative group (fydibohf23spdlt)/cn=recipients/cn=2361e4251bf74fc4a50ab766b8d95847-algar tech;/o=exchangelabs/ou=exchange administrative group (fydibohf23spdlt)/cn=recipients/cn=38cb943dd1ac413a953757a4a5a53053-fabio welze;/o=exchangelabs/ou=exchange administrative group (fydibohf23spdlt)/cn=recipients/cn=b194f014572c4c36b52132f9199df1aa-jairo junio;</t>
  </si>
  <si>
    <t>RES: Prazo de pagamento - Contrato Grupo Marista</t>
  </si>
  <si>
    <t>172213 - Operação Marista - v5.xlsb</t>
  </si>
  <si>
    <t>/o=exchangelabs/ou=exchange administrative group (fydibohf23spdlt)/cn=recipients/cn=0795838d79a14bcaabfa98fc69aaefbb-business pe,/o=exchangelabs/ou=exchange administrative group (fydibohf23spdlt)/cn=recipients/cn=2361e4251bf74fc4a50ab766b8d95847-algar tech,/o=exchangelabs/ou=exchange administrative group (fydibohf23spdlt)/cn=recipients/cn=38cb943dd1ac413a953757a4a5a53053-fabio welze,/o=exchangelabs/ou=exchange administrative group (fydibohf23spdlt)/cn=recipients/cn=b194f014572c4c36b52132f9199df1aa-jairo junio</t>
  </si>
  <si>
    <t>09/30/2019 16:25:13</t>
  </si>
  <si>
    <t>09/30/2019 16:27:47</t>
  </si>
  <si>
    <t>luanafs@algartech.com;polati@algartech.com;</t>
  </si>
  <si>
    <t>C:\Users\leonardoefo\Grupo Algar\Waleska Maria Miranda Storti - Bradesco\Bloqueios_Algar\</t>
  </si>
  <si>
    <t>TRANSFERENCIAS_BRADESCO.xlsx</t>
  </si>
  <si>
    <t>luanafs@algartech.com,polati@algartech.com</t>
  </si>
  <si>
    <t>09/30/2019 16:25:57</t>
  </si>
  <si>
    <t>09/30/2019 16:28:48</t>
  </si>
  <si>
    <t>/o=exchangelabs/ou=exchange administrative group (fydibohf23spdlt)/cn=recipients/cn=55f846c335d7437f892f0b0d49c89e92-celma ribei;/o=exchangelabs/ou=exchange administrative group (fydibohf23spdlt)/cn=recipients/cn=89e58c8da071492dbdcb4fee4156b705-gustavo alm;/o=exchangelabs/ou=exchange administrative group (fydibohf23spdlt)/cn=recipients/cn=9a3ba6096e184fb5837abcf6a6214283-daniel henr;/o=exchangelabs/ou=exchange administrative group (fydibohf23spdlt)/cn=recipients/cn=a7d54e15e3a94d53b0b5014d75c8d080-wanessa bor;/o=exchangelabs/ou=exchange administrative group (fydibohf23spdlt)/cn=recipients/cn=b79663656cc44aa3bf06617d1695ae51-carlos faci;/o=exchangelabs/ou=exchange administrative group (fydibohf23spdlt)/cn=recipients/cn=fedd0b8e2dbf442f837981a40559d630-viviane bar;/o=exchangelabs/ou=exchange administrative group (fydibohf23spdlt)/cn=recipients/cn=user3949317b;</t>
  </si>
  <si>
    <t>Estrutura Planejamento Longo Prazo</t>
  </si>
  <si>
    <t>Estrutura Consolidado_v1.xlsx</t>
  </si>
  <si>
    <t>/o=exchangelabs/ou=exchange administrative group (fydibohf23spdlt)/cn=recipients/cn=55f846c335d7437f892f0b0d49c89e92-celma ribei,/o=exchangelabs/ou=exchange administrative group (fydibohf23spdlt)/cn=recipients/cn=89e58c8da071492dbdcb4fee4156b705-gustavo alm,/o=exchangelabs/ou=exchange administrative group (fydibohf23spdlt)/cn=recipients/cn=9a3ba6096e184fb5837abcf6a6214283-daniel henr,/o=exchangelabs/ou=exchange administrative group (fydibohf23spdlt)/cn=recipients/cn=a7d54e15e3a94d53b0b5014d75c8d080-wanessa bor,/o=exchangelabs/ou=exchange administrative group (fydibohf23spdlt)/cn=recipients/cn=b79663656cc44aa3bf06617d1695ae51-carlos faci,/o=exchangelabs/ou=exchange administrative group (fydibohf23spdlt)/cn=recipients/cn=fedd0b8e2dbf442f837981a40559d630-viviane bar,/o=exchangelabs/ou=exchange administrative group (fydibohf23spdlt)/cn=recipients/cn=user3949317b</t>
  </si>
  <si>
    <t>09/30/2019 16:27:44</t>
  </si>
  <si>
    <t>09/30/2019 16:29:47</t>
  </si>
  <si>
    <t>/o=exchangelabs/ou=exchange administrative group (fydibohf23spdlt)/cn=recipients/cn=39b10ea69c23443aab7ad02aa1a69607-jose afonso;/o=exchangelabs/ou=exchange administrative group (fydibohf23spdlt)/cn=recipients/cn=3a10c1d788234688b257ab253389ec06-mateus mala;/o=exchangelabs/ou=exchange administrative group (fydibohf23spdlt)/cn=recipients/cn=746f10dd924a4e7dbfe2f813f74b1f2c-gilmar pres;</t>
  </si>
  <si>
    <t>ENC: Forecast Novembro</t>
  </si>
  <si>
    <t>10_Nov - FCST- v001.xlsx</t>
  </si>
  <si>
    <t>/o=exchangelabs/ou=exchange administrative group (fydibohf23spdlt)/cn=recipients/cn=39b10ea69c23443aab7ad02aa1a69607-jose afonso,/o=exchangelabs/ou=exchange administrative group (fydibohf23spdlt)/cn=recipients/cn=3a10c1d788234688b257ab253389ec06-mateus mala,/o=exchangelabs/ou=exchange administrative group (fydibohf23spdlt)/cn=recipients/cn=746f10dd924a4e7dbfe2f813f74b1f2c-gilmar pres</t>
  </si>
  <si>
    <t>09/30/2019 16:28:14</t>
  </si>
  <si>
    <t>09/30/2019 16:30:48</t>
  </si>
  <si>
    <t>09/30/2019 16:25:51</t>
  </si>
  <si>
    <t>/o=exchangelabs/ou=exchange administrative group (fydibohf23spdlt)/cn=recipients/cn=1e212ef08dab4f26b88cba944f2ab7cb-pmo.governa;/o=exchangelabs/ou=exchange administrative group (fydibohf23spdlt)/cn=recipients/cn=e46cd96e8e9e452c8cc8ba65a6c4ec57-gustavo hen;</t>
  </si>
  <si>
    <t>Custo Folha - associados de TI (LGPD e END POINT)</t>
  </si>
  <si>
    <t>Custo_Folha_Pagamento - Agosto 2019_TI.xlsb</t>
  </si>
  <si>
    <t>/o=exchangelabs/ou=exchange administrative group (fydibohf23spdlt)/cn=recipients/cn=1e212ef08dab4f26b88cba944f2ab7cb-pmo.governa,/o=exchangelabs/ou=exchange administrative group (fydibohf23spdlt)/cn=recipients/cn=e46cd96e8e9e452c8cc8ba65a6c4ec57-gustavo hen</t>
  </si>
  <si>
    <t>09/30/2019 16:27:46</t>
  </si>
  <si>
    <t>09/30/2019 16:32:48</t>
  </si>
  <si>
    <t>09/30/2019 16:30:19</t>
  </si>
  <si>
    <t>09/30/2019 16:28:18</t>
  </si>
  <si>
    <t>09/30/2019 16:33:48</t>
  </si>
  <si>
    <t>09/30/2019 16:35:44</t>
  </si>
  <si>
    <t>09/30/2019 16:39:48</t>
  </si>
  <si>
    <t>RES: Po's inseridas no SCO</t>
  </si>
  <si>
    <t>Orçamentos em Análise - Orçamentos.xlsx</t>
  </si>
  <si>
    <t>09/30/2019 16:40:12</t>
  </si>
  <si>
    <t>09/30/2019 16:41:48</t>
  </si>
  <si>
    <t>09/30/2019 16:43:56</t>
  </si>
  <si>
    <t>09/30/2019 16:44:47</t>
  </si>
  <si>
    <t>mail.google.com/_/upload?authuser=0&amp;dcp=asu-n&amp;upload_id=AEnB2Up6CJ1fu-ntNnxLrqbmmOekLOjmqlHjJ7rxTmlOPhJytPDtNVUFkw2LziC4An6Q32sz-Du-4itRqSxjrBOmE62_x3gs1zBLP1Q0Rl3a-9iKVR-5rU8&amp;upload_protocol=resumable</t>
  </si>
  <si>
    <t>Comportamento mailing Setembro Correntista 2.xlsx</t>
  </si>
  <si>
    <t>09/30/2019 16:41:31</t>
  </si>
  <si>
    <t>alessandra_moreno@whirlpool.com;carloselo@algartech.com;helenize_gaudereto@whirlpool.com;humbertojop@algartech.com;joaobab@algartech.com;keniaasr@algartech.com;luizccga@algartech.com;</t>
  </si>
  <si>
    <t>Whp - Fluxos de exceção URA_v01.xlsx</t>
  </si>
  <si>
    <t>alessandra_moreno@whirlpool.com,carloselo@algartech.com,helenize_gaudereto@whirlpool.com,humbertojop@algartech.com,joaobab@algartech.com,keniaasr@algartech.com,luizccga@algartech.com</t>
  </si>
  <si>
    <t>09/30/2019 16:45:55</t>
  </si>
  <si>
    <t>09/30/2019 16:46:48</t>
  </si>
  <si>
    <t>\\acsfs\DEPTOS\Controladoria\23.Faturamento\4.ALGAR TI\2019\FECHAMENTO ALGAR TI\09.2019\</t>
  </si>
  <si>
    <t>Controle Diário TI.xlsx</t>
  </si>
  <si>
    <t>09/30/2019 16:46:16</t>
  </si>
  <si>
    <t>Conciliação Algar TI 09.2019.xlsx</t>
  </si>
  <si>
    <t>09/30/2019 16:44:29</t>
  </si>
  <si>
    <t>09/30/2019 16:48:48</t>
  </si>
  <si>
    <t>/o=exchangelabs/ou=exchange administrative group (fydibohf23spdlt)/cn=recipients/cn=b284454839e94314a90d49e7ec00864f-antonio car;/o=exchangelabs/ou=exchange administrative group (fydibohf23spdlt)/cn=recipients/cn=c29ec9dae022497281c840087cccddec-patricia ar;/o=exchangelabs/ou=exchange administrative group (fydibohf23spdlt)/cn=recipients/cn=f167860e3f1940cc81730e5f24d2f0bb-alexandre f;</t>
  </si>
  <si>
    <t>RES: Projeto PWC / Assaí - TH (Alinhamento sobre escala diferente aos Domingos)</t>
  </si>
  <si>
    <t>Resumo dimensionamentos_PwC_ASSAÍ_v2_27092910.xlsx</t>
  </si>
  <si>
    <t>/o=exchangelabs/ou=exchange administrative group (fydibohf23spdlt)/cn=recipients/cn=b284454839e94314a90d49e7ec00864f-antonio car,/o=exchangelabs/ou=exchange administrative group (fydibohf23spdlt)/cn=recipients/cn=c29ec9dae022497281c840087cccddec-patricia ar,/o=exchangelabs/ou=exchange administrative group (fydibohf23spdlt)/cn=recipients/cn=f167860e3f1940cc81730e5f24d2f0bb-alexandre f</t>
  </si>
  <si>
    <t>09/30/2019 16:46:01</t>
  </si>
  <si>
    <t>09/30/2019 16:49:47</t>
  </si>
  <si>
    <t>reag_30.09.csv</t>
  </si>
  <si>
    <t>09/30/2019 16:44:52</t>
  </si>
  <si>
    <t>/o=exchangelabs/ou=exchange administrative group (fydibohf23spdlt)/cn=recipients/cn=03a1bc99308a456db7c0105407689b39-gilda elain;/o=exchangelabs/ou=exchange administrative group (fydibohf23spdlt)/cn=recipients/cn=168e05cabbf14ae289464a0c09955b31-sara ferrei;/o=exchangelabs/ou=exchange administrative group (fydibohf23spdlt)/cn=recipients/cn=1e45e12566d4418ba0325de92fea64a4-akassia bez;/o=exchangelabs/ou=exchange administrative group (fydibohf23spdlt)/cn=recipients/cn=2b69c7de1a3641269a7eed0596e1ddc2-wayner oliv;/o=exchangelabs/ou=exchange administrative group (fydibohf23spdlt)/cn=recipients/cn=33d249108a194f94ad1c0c445c411f81-sabrina vie;/o=exchangelabs/ou=exchange administrative group (fydibohf23spdlt)/cn=recipients/cn=54abac0a4fdc4ad1bec39bb51d85eab1-victor hugo;/o=exchangelabs/ou=exchange administrative group (fydibohf23spdlt)/cn=recipients/cn=6bc6ced03b1b4fafa41bb5c70c178940-antonio per;/o=exchangelabs/ou=exchange administrative group (fydibohf23spdlt)/cn=recipients/cn=9a3ba6096e184fb5837abcf6a6214283-dani</t>
  </si>
  <si>
    <t>PROVISÃO GRUPO TECH</t>
  </si>
  <si>
    <t>PROVISÃO TECH SETEMBRO.xlsx</t>
  </si>
  <si>
    <t>/o=exchangelabs/ou=exchange administrative group (fydibohf23spdlt)/cn=recipients/cn=03a1bc99308a456db7c0105407689b39-gilda elain,/o=exchangelabs/ou=exchange administrative group (fydibohf23spdlt)/cn=recipients/cn=168e05cabbf14ae289464a0c09955b31-sara ferrei,/o=exchangelabs/ou=exchange administrative group (fydibohf23spdlt)/cn=recipients/cn=1e45e12566d4418ba0325de92fea64a4-akassia bez,/o=exchangelabs/ou=exchange administrative group (fydibohf23spdlt)/cn=recipients/cn=2b69c7de1a3641269a7eed0596e1ddc2-wayner oliv,/o=exchangelabs/ou=exchange administrative group (fydibohf23spdlt)/cn=recipients/cn=33d249108a194f94ad1c0c445c411f81-sabrina vie,/o=exchangelabs/ou=exchange administrative group (fydibohf23spdlt)/cn=recipients/cn=54abac0a4fdc4ad1bec39bb51d85eab1-victor hugo,/o=exchangelabs/ou=exchange administrative group (fydibohf23spdlt)/cn=recipients/cn=6bc6ced03b1b4fafa41bb5c70c178940-antonio per,/o=exchangelabs/ou=exchange administrative group (fydibohf23spdlt)/cn=recipients/cn=9a3ba6096e184fb5837abcf6a6214283-dani</t>
  </si>
  <si>
    <t>09/30/2019 16:45:08</t>
  </si>
  <si>
    <t>09/30/2019 16:52:48</t>
  </si>
  <si>
    <t>jecienegs@algartech.com;</t>
  </si>
  <si>
    <t>Status Report Semanal - Projeto Precificação - 20190926.pptx</t>
  </si>
  <si>
    <t>Status Report Semanal - Projeto Precificação - 20190926.pptx\</t>
  </si>
  <si>
    <t>jecienegs@algartech.com</t>
  </si>
  <si>
    <t>09/30/2019 16:50:02</t>
  </si>
  <si>
    <t>09/30/2019 16:52:33</t>
  </si>
  <si>
    <t>09/30/2019 16:53:47</t>
  </si>
  <si>
    <t>6561;</t>
  </si>
  <si>
    <t>excel 1.xlsx</t>
  </si>
  <si>
    <t>http://6561</t>
  </si>
  <si>
    <t>09/30/2019 16:56:56</t>
  </si>
  <si>
    <t>09/30/2019 16:59:47</t>
  </si>
  <si>
    <t>C:\Users\kaiohas\OneDrive - Grupo Algar\</t>
  </si>
  <si>
    <t>Escala de aviso.xlsx</t>
  </si>
  <si>
    <t>09/30/2019 16:59:13</t>
  </si>
  <si>
    <t>09/30/2019 17:01:34</t>
  </si>
  <si>
    <t>09/30/2019 17:05:47</t>
  </si>
  <si>
    <t>Forecast - MRC Amazon 2020_2019.9.30</t>
  </si>
  <si>
    <t>Forecast - MRC Amazon 2020_2019.9.30.xlsx</t>
  </si>
  <si>
    <t>09/30/2019 17:03:46</t>
  </si>
  <si>
    <t>09/30/2019 17:06:47</t>
  </si>
  <si>
    <t>abilene.moraes@temposervicos.com.br;crcevmc@algartech.com.br;diegorm@algartech.com.br;emissaogerenciadapj@algartech.com.br;gabrielals@algartech.com.br;mariains@algartech.com.br;pablo.faria@temposervicos.com.br;</t>
  </si>
  <si>
    <t>RES: EMISSÃO BTB_BRASAL INCORPORACOES E CONSTRUCOES DE IMOVEIS LTDA // CNPJ 00323063000421 CRM:004210001352</t>
  </si>
  <si>
    <t>BRASAL INCORPORAÇÕES.xlsx</t>
  </si>
  <si>
    <t>abilene.moraes@temposervicos.com.br,crcevmc@algartech.com.br,diegorm@algartech.com.br,emissaogerenciadapj@algartech.com.br,gabrielals@algartech.com.br,mariains@algartech.com.br,pablo.faria@temposervicos.com.br</t>
  </si>
  <si>
    <t>09/30/2019 17:05:14</t>
  </si>
  <si>
    <t>amandafdcs@algartech.com;brunocss@algartech.com;douglassp@algartech.com;fabianapm@algartech.com;jullian.faria@algartech.com;leandrolds@algartech.com;poliane.amaral@bradesco.com.br;suzane.b.rodrigues@bradesco.com.br;vanusaos@algartech.com.br;wilsianemf@algartech.com;</t>
  </si>
  <si>
    <t>DRE Treinamento_2020 com premissas (2).xlsx</t>
  </si>
  <si>
    <t>amandafdcs@algartech.com,brunocss@algartech.com,douglassp@algartech.com,fabianapm@algartech.com,jullian.faria@algartech.com,leandrolds@algartech.com,poliane.amaral@bradesco.com.br,suzane.b.rodrigues@bradesco.com.br,vanusaos@algartech.com.br,wilsianemf@algartech.com</t>
  </si>
  <si>
    <t>09/30/2019 17:04:55</t>
  </si>
  <si>
    <t>09/30/2019 17:08:48</t>
  </si>
  <si>
    <t>mail.google.com/_/upload?authuser=0&amp;dcp=asu-n&amp;upload_id=AEnB2Urm10sDk0G-KShwWvZtbxlq9wF-w3e11XYjMkhmKKEsTN1KUH5BQxMhaMTY5-5cEsG19S5Bcq9exxP4qqFGGaH84iSCIZvOBMnPockFUVtvsl3sHd0&amp;upload_protocol=resumable</t>
  </si>
  <si>
    <t>09/30/2019 17:08:35</t>
  </si>
  <si>
    <t>09/30/2019 17:13:47</t>
  </si>
  <si>
    <t>09/30/2019 17:12:15</t>
  </si>
  <si>
    <t>COMPILADO_TECH_V7_PosReuniaoTecnica.xlsx</t>
  </si>
  <si>
    <t>09/30/2019 17:16:01</t>
  </si>
  <si>
    <t>09/30/2019 17:19:48</t>
  </si>
  <si>
    <t>rosana.scalabrin@avon.com;vivian.furtuoso@avon.com;</t>
  </si>
  <si>
    <t>RES: Agentes que usam o sistema de COLETA - Retorno ainda hoje.</t>
  </si>
  <si>
    <t>Dados Coleta.xlsx</t>
  </si>
  <si>
    <t>rosana.scalabrin@avon.com,vivian.furtuoso@avon.com</t>
  </si>
  <si>
    <t>09/30/2019 17:17:53</t>
  </si>
  <si>
    <t>09/30/2019 17:19:41</t>
  </si>
  <si>
    <t>09/30/2019 17:23:48</t>
  </si>
  <si>
    <t>PROFESSIONAL SERVICE TIC</t>
  </si>
  <si>
    <t>10.250.255.22</t>
  </si>
  <si>
    <t>NB-ANAEDSP</t>
  </si>
  <si>
    <t>anaedsp</t>
  </si>
  <si>
    <t>anaedsp@algartech.com</t>
  </si>
  <si>
    <t>mail.google.com/_/upload?authuser=0&amp;dcp=asu-n&amp;upload_id=AEnB2UoEqTRw6eXFi6UVNq3Whm5aLy2hUUkp8MU40DSBTp1I48C3NDReLQg3TMbR0wyzMThLwgMMt8VvF-rfITMaxnedUguQ4palE6WFQ_iFd8_e3VTh9ok&amp;upload_protocol=resumable</t>
  </si>
  <si>
    <t>\\acsfs.acs.com.br\engeset\CISALGAR\Gestão de Projetos\Torre Professional Services\</t>
  </si>
  <si>
    <t>Template Recuperação de Custos_SETEMBRO.xlsx</t>
  </si>
  <si>
    <t>09/30/2019 17:21:15</t>
  </si>
  <si>
    <t>09/30/2019 17:26:47</t>
  </si>
  <si>
    <t>09/30/2019 17:26:34</t>
  </si>
  <si>
    <t>09/30/2019 17:27:48</t>
  </si>
  <si>
    <t>\\udpavonfs01\AVON\00 - ADERÊNCIA TTV\2019\10 - OUTUBRO\</t>
  </si>
  <si>
    <t>21001_BACK - OUTUBRO.xlsx</t>
  </si>
  <si>
    <t>09/30/2019 17:25:14</t>
  </si>
  <si>
    <t>/o=exchangelabs/ou=exchange administrative group (fydibohf23spdlt)/cn=recipients/cn=002ec1cd4de64cd68f3e33ca3518cc0b-fernando ro;/o=exchangelabs/ou=exchange administrative group (fydibohf23spdlt)/cn=recipients/cn=092327d7955f47e78ad4a60dc2ac8d69-joaquim eli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1c3bae1d5aab4c72b84516e819cd16c9-wilton paim;/o=exchangelabs/ou=exchange administrative group (fydibohf23spdlt)/cn=recipients/cn=1c745dc6df64493fb96b9603d2cd417a-kalline hel;/o=exchangelabs/ou=exchange administrative group (fydibohf23spdlt)/cn=recipients/cn=240fafdb21074ab9a87c95d3265e411c-rodrigo rod;/o=exchangelabs/ou=exchange administrative group (fydibohf23spdlt)/cn=recipients/cn=249f643ba1e044588b45a020c76dadde-dani</t>
  </si>
  <si>
    <t>::: Seu cálculo de PLR - confirmar dados de atingimento :::</t>
  </si>
  <si>
    <t>COORDENADORES x CLIENTES X CRs.xlsx</t>
  </si>
  <si>
    <t>/o=exchangelabs/ou=exchange administrative group (fydibohf23spdlt)/cn=recipients/cn=002ec1cd4de64cd68f3e33ca3518cc0b-fernando ro,/o=exchangelabs/ou=exchange administrative group (fydibohf23spdlt)/cn=recipients/cn=092327d7955f47e78ad4a60dc2ac8d69-joaquim eli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1c3bae1d5aab4c72b84516e819cd16c9-wilton paim,/o=exchangelabs/ou=exchange administrative group (fydibohf23spdlt)/cn=recipients/cn=1c745dc6df64493fb96b9603d2cd417a-kalline hel,/o=exchangelabs/ou=exchange administrative group (fydibohf23spdlt)/cn=recipients/cn=240fafdb21074ab9a87c95d3265e411c-rodrigo rod,/o=exchangelabs/ou=exchange administrative group (fydibohf23spdlt)/cn=recipients/cn=249f643ba1e044588b45a020c76dadde-dani</t>
  </si>
  <si>
    <t>09/30/2019 17:27:29</t>
  </si>
  <si>
    <t>09/30/2019 17:30:47</t>
  </si>
  <si>
    <t>/o=exchangelabs/ou=exchange administrative group (fydibohf23spdlt)/cn=recipients/cn=e46cd96e8e9e452c8cc8ba65a6c4ec57-gustavo hen;</t>
  </si>
  <si>
    <t>ENC: Custo Folha - associados de TI (LGPD e END POINT)</t>
  </si>
  <si>
    <t>/o=exchangelabs/ou=exchange administrative group (fydibohf23spdlt)/cn=recipients/cn=e46cd96e8e9e452c8cc8ba65a6c4ec57-gustavo hen</t>
  </si>
  <si>
    <t>09/30/2019 17:29:13</t>
  </si>
  <si>
    <t>09/30/2019 17:32:47</t>
  </si>
  <si>
    <t>21012_BACK CORN - OUTUBRO.xlsx</t>
  </si>
  <si>
    <t>09/30/2019 17:29:34</t>
  </si>
  <si>
    <t>09/30/2019 17:30:28</t>
  </si>
  <si>
    <t>21017_WHATS COR - OUTUBRO.xlsx</t>
  </si>
  <si>
    <t>09/30/2019 17:30:48</t>
  </si>
  <si>
    <t>09/30/2019 17:27:47</t>
  </si>
  <si>
    <t>09/30/2019 17:32:25</t>
  </si>
  <si>
    <t>09/30/2019 17:37:47</t>
  </si>
  <si>
    <t>21020_AVON BACKOFFICE CMS PLENO - OUTUBRO.xlsx</t>
  </si>
  <si>
    <t>09/30/2019 17:32:40</t>
  </si>
  <si>
    <t>09/30/2019 17:33:39</t>
  </si>
  <si>
    <t>21021_AVON BACKOFFICE CMS SÊNIOR - OUTUBRO.xlsx</t>
  </si>
  <si>
    <t>09/30/2019 17:34:15</t>
  </si>
  <si>
    <t>09/30/2019 17:34:55</t>
  </si>
  <si>
    <t>21022_AVON BACKOFFICE PLENO - OUTUBRO.xlsx</t>
  </si>
  <si>
    <t>09/30/2019 17:35:09</t>
  </si>
  <si>
    <t>09/30/2019 17:35:52</t>
  </si>
  <si>
    <t>21023_AVON BACKOFFICE SÊNIOR - OUTUBRO.xlsx</t>
  </si>
  <si>
    <t>09/30/2019 17:36:16</t>
  </si>
  <si>
    <t>09/30/2019 17:37:35</t>
  </si>
  <si>
    <t>09/30/2019 17:39:47</t>
  </si>
  <si>
    <t>/o=exchangelabs/ou=exchange administrative group (fydibohf23spdlt)/cn=recipients/cn=cee041e3afc5419faa2273808d5b57ff-priscila de;</t>
  </si>
  <si>
    <t>ENC: ::: Seu cálculo de PLR - confirmar dados de atingimento :::</t>
  </si>
  <si>
    <t>/o=exchangelabs/ou=exchange administrative group (fydibohf23spdlt)/cn=recipients/cn=cee041e3afc5419faa2273808d5b57ff-priscila de</t>
  </si>
  <si>
    <t>09/30/2019 17:38:41</t>
  </si>
  <si>
    <t>09/30/2019 17:43:47</t>
  </si>
  <si>
    <t>09/30/2019 17:41:04</t>
  </si>
  <si>
    <t>C:\Users\gildaepma\Desktop\Orcamento Mexico.msg\s1\</t>
  </si>
  <si>
    <t>09/30/2019 17:41:47</t>
  </si>
  <si>
    <t>joaonsm@algartech.com</t>
  </si>
  <si>
    <t>lucasfbr@algartech.com;lucasm@algartech.com;marcosvas@algartech.com;</t>
  </si>
  <si>
    <t>C:\Users\joaonsm\Desktop\</t>
  </si>
  <si>
    <t>Servidores_BRA.xlsx</t>
  </si>
  <si>
    <t>lucasfbr@algartech.com,lucasm@algartech.com,marcosvas@algartech.com</t>
  </si>
  <si>
    <t>09/30/2019 17:43:28</t>
  </si>
  <si>
    <t>09/30/2019 17:44:48</t>
  </si>
  <si>
    <t>mail.google.com/_/upload?authuser=0&amp;dcp=asu-n&amp;upload_id=AEnB2Up5WUbdUafLA-iQfB2GhZkNdXoQyYl1OZUbOLlR_qkC55Us05E42KTaL7DvRnh5zKTy5DuwdS7g43wd0vYbM1d-RF4V_qsXkbK_sovJwr2i2J0aOEM&amp;upload_protocol=resumable</t>
  </si>
  <si>
    <t>09/30/2019 17:48:36</t>
  </si>
  <si>
    <t>09/30/2019 17:52:47</t>
  </si>
  <si>
    <t>ENC: Apuração Metas 1ºsem2019 - Tati Panato</t>
  </si>
  <si>
    <t>Resultados Transformação - 1S - contig x real.xlsx</t>
  </si>
  <si>
    <t>09/30/2019 17:51:56</t>
  </si>
  <si>
    <t>09/30/2019 17:53:48</t>
  </si>
  <si>
    <t>/o=exchangelabs/ou=exchange administrative group (fydibohf23spdlt)/cn=recipients/cn=ee68a2a53024446789dc480aef9c7a7c-joao gabrie;</t>
  </si>
  <si>
    <t>ENC: Analise - Consultores de PCP - Importante</t>
  </si>
  <si>
    <t>Analise_Remuneração dos Consultores_Staff de Operação_vfinal.xlsx</t>
  </si>
  <si>
    <t>/o=exchangelabs/ou=exchange administrative group (fydibohf23spdlt)/cn=recipients/cn=ee68a2a53024446789dc480aef9c7a7c-joao gabrie</t>
  </si>
  <si>
    <t>09/30/2019 17:52:17</t>
  </si>
  <si>
    <t>09/30/2019 17:57:48</t>
  </si>
  <si>
    <t>\\acsfs\DEPTOS\Operacao\PCP\5 - Comum\PLANEJAMENTO WHIRLPOOL\17 - PLANEJAMENTO REVISADO\ticket_526283\17 - PLANEJAMENTO REVISADO\TOTALVIEW\ADERÊNCIA TTV\2019\10- OUTUBRO\</t>
  </si>
  <si>
    <t>22014.xlsx</t>
  </si>
  <si>
    <t>09/30/2019 17:52:23</t>
  </si>
  <si>
    <t>09/30/2019 17:54:52</t>
  </si>
  <si>
    <t>09/30/2019 17:58:47</t>
  </si>
  <si>
    <t>C:\Users\diegoodz\Desktop\Aco\</t>
  </si>
  <si>
    <t>Cópia de Aulão - B2K.xlsx</t>
  </si>
  <si>
    <t>09/30/2019 17:55:33</t>
  </si>
  <si>
    <t>09/30/2019 17:56:19</t>
  </si>
  <si>
    <t>09/30/2019 17:56:58</t>
  </si>
  <si>
    <t>6534;6561;</t>
  </si>
  <si>
    <t>http://6534,6561</t>
  </si>
  <si>
    <t>09/30/2019 17:55:49</t>
  </si>
  <si>
    <t>10.200.61.219</t>
  </si>
  <si>
    <t>D8-9C-67-6F-3D-73</t>
  </si>
  <si>
    <t>/o=exchangelabs/ou=exchange administrative group (fydibohf23spdlt)/cn=recipients/cn=1f768671263b4da2a71af24ade1a7225-ligia gonca;/o=exchangelabs/ou=exchange administrative group (fydibohf23spdlt)/cn=recipients/cn=8b5b63d67af648d081a40c45cc800804-fabiana per;</t>
  </si>
  <si>
    <t>ENC: Chamado: TH-3316951; STH 366570 - ATENDENTE PL 07H12</t>
  </si>
  <si>
    <t>LISTA_DE_CURRICULOS Atendente PL.xlsx</t>
  </si>
  <si>
    <t>/o=exchangelabs/ou=exchange administrative group (fydibohf23spdlt)/cn=recipients/cn=1f768671263b4da2a71af24ade1a7225-ligia gonca,/o=exchangelabs/ou=exchange administrative group (fydibohf23spdlt)/cn=recipients/cn=8b5b63d67af648d081a40c45cc800804-fabiana per</t>
  </si>
  <si>
    <t>09/30/2019 17:58:24</t>
  </si>
  <si>
    <t>09/30/2019 18:03:47</t>
  </si>
  <si>
    <t>09/30/2019 17:59:34</t>
  </si>
  <si>
    <t>ENC: Aulão Migração 15/10</t>
  </si>
  <si>
    <t>09/30/2019 17:59:45</t>
  </si>
  <si>
    <t>09/30/2019 18:04:48</t>
  </si>
  <si>
    <t>/o=exchangelabs/ou=exchange administrative group (fydibohf23spdlt)/cn=recipients/cn=2361e4251bf74fc4a50ab766b8d95847-algar tech;/o=exchangelabs/ou=exchange administrative group (fydibohf23spdlt)/cn=recipients/cn=249f643ba1e044588b45a020c76dadde-daniel de o;/o=exchangelabs/ou=exchange administrative group (fydibohf23spdlt)/cn=recipients/cn=3b76b3dd02a14d289cc323d3c8d12b81-waleska mar;/o=exchangelabs/ou=exchange administrative group (fydibohf23spdlt)/cn=recipients/cn=4b453b7f02914710b3e94bcf7b311ad4-fernando po;/o=exchangelabs/ou=exchange administrative group (fydibohf23spdlt)/cn=recipients/cn=8c89829ad534498fa4c85b5ac11174f1-suelen more;/o=exchangelabs/ou=exchange administrative group (fydibohf23spdlt)/cn=recipients/cn=cd8b2a090a5a4c598d5ed820d2d5af1e-luciano men;/o=exchangelabs/ou=exchange administrative group (fydibohf23spdlt)/cn=recipients/cn=cd93dacc38404a95a829585c2e317a9f-dionizio ri;/o=exchangelabs/ou=exchange administrative group (fydibohf23spdlt)/cn=recipients/cn=userdc05fc7c;</t>
  </si>
  <si>
    <t>ENC: solicitação de cotação de preços - Processo 40143349H</t>
  </si>
  <si>
    <t>Planilha de Ressalvas de minuta.xlsx</t>
  </si>
  <si>
    <t>/o=exchangelabs/ou=exchange administrative group (fydibohf23spdlt)/cn=recipients/cn=2361e4251bf74fc4a50ab766b8d95847-algar tech,/o=exchangelabs/ou=exchange administrative group (fydibohf23spdlt)/cn=recipients/cn=249f643ba1e044588b45a020c76dadde-daniel de o,/o=exchangelabs/ou=exchange administrative group (fydibohf23spdlt)/cn=recipients/cn=3b76b3dd02a14d289cc323d3c8d12b81-waleska mar,/o=exchangelabs/ou=exchange administrative group (fydibohf23spdlt)/cn=recipients/cn=4b453b7f02914710b3e94bcf7b311ad4-fernando po,/o=exchangelabs/ou=exchange administrative group (fydibohf23spdlt)/cn=recipients/cn=8c89829ad534498fa4c85b5ac11174f1-suelen more,/o=exchangelabs/ou=exchange administrative group (fydibohf23spdlt)/cn=recipients/cn=cd8b2a090a5a4c598d5ed820d2d5af1e-luciano men,/o=exchangelabs/ou=exchange administrative group (fydibohf23spdlt)/cn=recipients/cn=cd93dacc38404a95a829585c2e317a9f-dionizio ri,/o=exchangelabs/ou=exchange administrative group (fydibohf23spdlt)/cn=recipients/cn=userdc05fc7c</t>
  </si>
  <si>
    <t>09/30/2019 18:00:25</t>
  </si>
  <si>
    <t>/o=exchangelabs/ou=exchange administrative group (fydibohf23spdlt)/cn=recipients/cn=3b76b3dd02a14d289cc323d3c8d12b81-waleska mar;/o=exchangelabs/ou=exchange administrative group (fydibohf23spdlt)/cn=recipients/cn=4b453b7f02914710b3e94bcf7b311ad4-fernando po;/o=exchangelabs/ou=exchange administrative group (fydibohf23spdlt)/cn=recipients/cn=98ea30ba409149f69837fad4ccd70171-leonardo el;leonardo.calicchio@bradesco.com.br;marcelo.costa@bradesco.com.br;wesleys.oliveira@bradesco.com.br;</t>
  </si>
  <si>
    <t>Processos Trabalhistas x Pagamentos Algar - Ano 2019</t>
  </si>
  <si>
    <t>/o=exchangelabs/ou=exchange administrative group (fydibohf23spdlt)/cn=recipients/cn=3b76b3dd02a14d289cc323d3c8d12b81-waleska mar,/o=exchangelabs/ou=exchange administrative group (fydibohf23spdlt)/cn=recipients/cn=4b453b7f02914710b3e94bcf7b311ad4-fernando po,/o=exchangelabs/ou=exchange administrative group (fydibohf23spdlt)/cn=recipients/cn=98ea30ba409149f69837fad4ccd70171-leonardo el,leonardo.calicchio@bradesco.com.br,marcelo.costa@bradesco.com.br,wesleys.oliveira@bradesco.com.br</t>
  </si>
  <si>
    <t>09/30/2019 18:01:41</t>
  </si>
  <si>
    <t>09/30/2019 18:05:48</t>
  </si>
  <si>
    <t>PWEB para contabilização de FTE's - PROJETOS ESTRATÉGICOS - Setembro 2019</t>
  </si>
  <si>
    <t>340_FTE_Algar Tecnologia_2019_M09_PW_.xlsb</t>
  </si>
  <si>
    <t>09/30/2019 18:02:33</t>
  </si>
  <si>
    <t>09/30/2019 18:07:47</t>
  </si>
  <si>
    <t>\\acsfs\DEPTOS\Operacao\PCP\5 - Comum\PLANEJAMENTO AVON\24 - ADERÊNCIA\2019\10 - OUTUBRO\</t>
  </si>
  <si>
    <t>21002.xlsx</t>
  </si>
  <si>
    <t>09/30/2019 18:02:58</t>
  </si>
  <si>
    <t>09/30/2019 18:04:36</t>
  </si>
  <si>
    <t>21003.xlsx</t>
  </si>
  <si>
    <t>09/30/2019 18:04:52</t>
  </si>
  <si>
    <t>09/30/2019 18:07:06</t>
  </si>
  <si>
    <t>09/30/2019 18:12:48</t>
  </si>
  <si>
    <t>21005.xlsx</t>
  </si>
  <si>
    <t>09/30/2019 18:07:12</t>
  </si>
  <si>
    <t>09/30/2019 18:08:23</t>
  </si>
  <si>
    <t>21007.xlsx</t>
  </si>
  <si>
    <t>09/30/2019 18:08:33</t>
  </si>
  <si>
    <t>09/30/2019 18:10:31</t>
  </si>
  <si>
    <t>21009.xlsx</t>
  </si>
  <si>
    <t>09/30/2019 18:10:58</t>
  </si>
  <si>
    <t>09/30/2019 18:12:29</t>
  </si>
  <si>
    <t>09/30/2019 18:17:47</t>
  </si>
  <si>
    <t>21010.xlsx</t>
  </si>
  <si>
    <t>09/30/2019 18:14:10</t>
  </si>
  <si>
    <t>09/30/2019 18:15:12</t>
  </si>
  <si>
    <t>21015.xlsx</t>
  </si>
  <si>
    <t>09/30/2019 18:15:16</t>
  </si>
  <si>
    <t>09/30/2019 18:16:37</t>
  </si>
  <si>
    <t>21018.xlsx</t>
  </si>
  <si>
    <t>09/30/2019 18:16:40</t>
  </si>
  <si>
    <t>09/30/2019 18:28:37</t>
  </si>
  <si>
    <t>09/30/2019 18:30:48</t>
  </si>
  <si>
    <t>PWEB para contabilização de FTE's - WHIRLPOOL (PI-1005313-19) - Setembro 2019</t>
  </si>
  <si>
    <t>340 - ATEC-2019-0002-002 - M09 - PWEB_.xlsb</t>
  </si>
  <si>
    <t>09/30/2019 18:29:55</t>
  </si>
  <si>
    <t>09/30/2019 18:33:48</t>
  </si>
  <si>
    <t>/o=exchangelabs/ou=exchange administrative group (fydibohf23spdlt)/cn=recipients/cn=2cb7e4b90b4549118932fae0224d4434-lucimar sil;/o=exchangelabs/ou=exchange administrative group (fydibohf23spdlt)/cn=recipients/cn=6fbc44b6d6b549208175d5a27201bd13-cintia nune;/o=exchangelabs/ou=exchange administrative group (fydibohf23spdlt)/cn=recipients/cn=8d66bf0fd9334a81b7c67eda8652a948-guilherme c;/o=exchangelabs/ou=exchange administrative group (fydibohf23spdlt)/cn=recipients/cn=90878932db2a45bb924c0e3aac6d5da2-jonatas lem;/o=exchangelabs/ou=exchange administrative group (fydibohf23spdlt)/cn=recipients/cn=a387251d6d8c4b729d17257b1403e985-rodrigo agn;/o=exchangelabs/ou=exchange administrative group (fydibohf23spdlt)/cn=recipients/cn=b284454839e94314a90d49e7ec00864f-antonio car;/o=exchangelabs/ou=exchange administrative group (fydibohf23spdlt)/cn=recipients/cn=c29ec9dae022497281c840087cccddec-patricia ar;/o=exchangelabs/ou=exchange administrative group (fydibohf23spdlt)/cn=recipients/cn=cd93dacc38404a95a829585c2e317a9f-dion</t>
  </si>
  <si>
    <t>RES: Proposta Cobrança Telecom</t>
  </si>
  <si>
    <t>Cópia de Cópia de 20190404_TCO_AdvancedCollection v4.xlsx</t>
  </si>
  <si>
    <t>/o=exchangelabs/ou=exchange administrative group (fydibohf23spdlt)/cn=recipients/cn=2cb7e4b90b4549118932fae0224d4434-lucimar sil,/o=exchangelabs/ou=exchange administrative group (fydibohf23spdlt)/cn=recipients/cn=6fbc44b6d6b549208175d5a27201bd13-cintia nune,/o=exchangelabs/ou=exchange administrative group (fydibohf23spdlt)/cn=recipients/cn=8d66bf0fd9334a81b7c67eda8652a948-guilherme c,/o=exchangelabs/ou=exchange administrative group (fydibohf23spdlt)/cn=recipients/cn=90878932db2a45bb924c0e3aac6d5da2-jonatas lem,/o=exchangelabs/ou=exchange administrative group (fydibohf23spdlt)/cn=recipients/cn=a387251d6d8c4b729d17257b1403e985-rodrigo agn,/o=exchangelabs/ou=exchange administrative group (fydibohf23spdlt)/cn=recipients/cn=b284454839e94314a90d49e7ec00864f-antonio car,/o=exchangelabs/ou=exchange administrative group (fydibohf23spdlt)/cn=recipients/cn=c29ec9dae022497281c840087cccddec-patricia ar,/o=exchangelabs/ou=exchange administrative group (fydibohf23spdlt)/cn=recipients/cn=cd93dacc38404a95a829585c2e317a9f-dion</t>
  </si>
  <si>
    <t>09/30/2019 18:30:08</t>
  </si>
  <si>
    <t>09/30/2019 18:37:48</t>
  </si>
  <si>
    <t>/o=exchangelabs/ou=exchange administrative group (fydibohf23spdlt)/cn=recipients/cn=287c26b08a0f48578479a15a452f025d-edilson rod;/o=exchangelabs/ou=exchange administrative group (fydibohf23spdlt)/cn=recipients/cn=2d3379e2d04c40db810b4b1f41dd2aea-erica carol;/o=exchangelabs/ou=exchange administrative group (fydibohf23spdlt)/cn=recipients/cn=372a4aee70df4061aed129651510b96b-raul montei;/o=exchangelabs/ou=exchange administrative group (fydibohf23spdlt)/cn=recipients/cn=55f846c335d7437f892f0b0d49c89e92-celma ribei;/o=exchangelabs/ou=exchange administrative group (fydibohf23spdlt)/cn=recipients/cn=56c2af2d07fd48c0aebfc00ddc006494-alessio rod;/o=exchangelabs/ou=exchange administrative group (fydibohf23spdlt)/cn=recipients/cn=804f4398b96748e7962c1608bfe4071a-hewerson go;/o=exchangelabs/ou=exchange administrative group (fydibohf23spdlt)/cn=recipients/cn=a73fe9aed12546f9a21ac27f6f4d1c81-thiago prad;/o=exchangelabs/ou=exchange administrative group (fydibohf23spdlt)/cn=recipients/cn=a7d54e15e3a94d53b0b5014d75c8d080-wane</t>
  </si>
  <si>
    <t>[Projeto Precificação] - Status Report Semanal</t>
  </si>
  <si>
    <t>Status Report Semanal - Projeto Precificação - 20190930.pptx\</t>
  </si>
  <si>
    <t>/o=exchangelabs/ou=exchange administrative group (fydibohf23spdlt)/cn=recipients/cn=287c26b08a0f48578479a15a452f025d-edilson rod,/o=exchangelabs/ou=exchange administrative group (fydibohf23spdlt)/cn=recipients/cn=2d3379e2d04c40db810b4b1f41dd2aea-erica carol,/o=exchangelabs/ou=exchange administrative group (fydibohf23spdlt)/cn=recipients/cn=372a4aee70df4061aed129651510b96b-raul montei,/o=exchangelabs/ou=exchange administrative group (fydibohf23spdlt)/cn=recipients/cn=55f846c335d7437f892f0b0d49c89e92-celma ribei,/o=exchangelabs/ou=exchange administrative group (fydibohf23spdlt)/cn=recipients/cn=56c2af2d07fd48c0aebfc00ddc006494-alessio rod,/o=exchangelabs/ou=exchange administrative group (fydibohf23spdlt)/cn=recipients/cn=804f4398b96748e7962c1608bfe4071a-hewerson go,/o=exchangelabs/ou=exchange administrative group (fydibohf23spdlt)/cn=recipients/cn=a73fe9aed12546f9a21ac27f6f4d1c81-thiago prad,/o=exchangelabs/ou=exchange administrative group (fydibohf23spdlt)/cn=recipients/cn=a7d54e15e3a94d53b0b5014d75c8d080-wane</t>
  </si>
  <si>
    <t>09/30/2019 18:51:48</t>
  </si>
  <si>
    <t>09/30/2019 18:53:48</t>
  </si>
  <si>
    <t>Plan Precificacao C017 B017.xlsb</t>
  </si>
  <si>
    <t>09/30/2019 18:54:47</t>
  </si>
  <si>
    <t>C:\Users\ricardoft\OneDrive - Grupo Algar\Documentos\Projetos\2019\Faber\Nova pasta (2)\Plan Precificacao C017 B017.xlsb\</t>
  </si>
  <si>
    <t>09/30/2019 18:56:05</t>
  </si>
  <si>
    <t>09/30/2019 18:59:48</t>
  </si>
  <si>
    <t>C:\Users\ricardoft\OneDrive - Grupo Algar\Documentos\Pessoal\</t>
  </si>
  <si>
    <t>mes.xlsx</t>
  </si>
  <si>
    <t>09/30/2019 16:50:37</t>
  </si>
  <si>
    <t>09/30/2019 19:05:47</t>
  </si>
  <si>
    <t>/o=exchangelabs/ou=exchange administrative group (fydibohf23spdlt)/cn=recipients/cn=287c26b08a0f48578479a15a452f025d-edilson rod;/o=exchangelabs/ou=exchange administrative group (fydibohf23spdlt)/cn=recipients/cn=d9644ee8967f497e8a9f5314ba4500b5-gabriel jos;/o=exchangelabs/ou=exchange administrative group (fydibohf23spdlt)/cn=recipients/cn=da8b0d0eb1af471c9c028aba05e743fd-guilherme a;/o=exchangelabs/ou=exchange administrative group (fydibohf23spdlt)/cn=recipients/cn=f71035a74a95411c8b0276261ec8a527-rafael barr;</t>
  </si>
  <si>
    <t>RES: NPS - Infra de TI</t>
  </si>
  <si>
    <t>Contatos Jul_2019_GAT.xls</t>
  </si>
  <si>
    <t>/o=exchangelabs/ou=exchange administrative group (fydibohf23spdlt)/cn=recipients/cn=287c26b08a0f48578479a15a452f025d-edilson rod,/o=exchangelabs/ou=exchange administrative group (fydibohf23spdlt)/cn=recipients/cn=d9644ee8967f497e8a9f5314ba4500b5-gabriel jos,/o=exchangelabs/ou=exchange administrative group (fydibohf23spdlt)/cn=recipients/cn=da8b0d0eb1af471c9c028aba05e743fd-guilherme a,/o=exchangelabs/ou=exchange administrative group (fydibohf23spdlt)/cn=recipients/cn=f71035a74a95411c8b0276261ec8a527-rafael barr</t>
  </si>
  <si>
    <t>09/30/2019 19:29:06</t>
  </si>
  <si>
    <t>09/30/2019 19:30:48</t>
  </si>
  <si>
    <t>RES: Apresentação NPS para gerentes</t>
  </si>
  <si>
    <t>Apresentação Customer Success Equipe Gerentes 01-10_v1.pptx\</t>
  </si>
  <si>
    <t>09/30/2019 19:50:42</t>
  </si>
  <si>
    <t>09/30/2019 19:54:47</t>
  </si>
  <si>
    <t>/o=exchangelabs/ou=exchange administrative group (fydibohf23spdlt)/cn=recipients/cn=1f768671263b4da2a71af24ade1a7225-ligia gonca;</t>
  </si>
  <si>
    <t>/o=exchangelabs/ou=exchange administrative group (fydibohf23spdlt)/cn=recipients/cn=1f768671263b4da2a71af24ade1a7225-ligia gonca</t>
  </si>
  <si>
    <t>09/30/2019 18:55:53</t>
  </si>
  <si>
    <t>09/30/2019 20:28:48</t>
  </si>
  <si>
    <t>PWEB para contabilização de FTE's - RFP ELECTROLUX (PI-1005364-19) - Agosto e Setembro 2019</t>
  </si>
  <si>
    <t>340 - ATEC-2019-0025-003 - M09 - PWEB_.xlsb</t>
  </si>
  <si>
    <t>09/30/2019 20:44:16</t>
  </si>
  <si>
    <t>09/30/2019 20:45:48</t>
  </si>
  <si>
    <t>/o=exchangelabs/ou=exchange administrative group (fydibohf23spdlt)/cn=recipients/cn=704ce6c3da8c45c9a4fbd113173d101c-tatiane sil;/o=exchangelabs/ou=exchange administrative group (fydibohf23spdlt)/cn=recipients/cn=97bf0b4d6b424f9fbf91192510276150-renata de o;/o=exchangelabs/ou=exchange administrative group (fydibohf23spdlt)/cn=recipients/cn=c89277a86c7240d5b7de1f395d2f40ec-adriana rap;</t>
  </si>
  <si>
    <t>ENC: * Reajuste Anual 2019 - Algar Tech - DBA *** BANCO TOYOTA ***</t>
  </si>
  <si>
    <t>Planilha Reajuste Banco Toyota-DBA 142878 V3_validado_3%.xlsx</t>
  </si>
  <si>
    <t>/o=exchangelabs/ou=exchange administrative group (fydibohf23spdlt)/cn=recipients/cn=704ce6c3da8c45c9a4fbd113173d101c-tatiane sil,/o=exchangelabs/ou=exchange administrative group (fydibohf23spdlt)/cn=recipients/cn=97bf0b4d6b424f9fbf91192510276150-renata de o,/o=exchangelabs/ou=exchange administrative group (fydibohf23spdlt)/cn=recipients/cn=c89277a86c7240d5b7de1f395d2f40ec-adriana rap</t>
  </si>
  <si>
    <t>09/30/2019 20:57:12</t>
  </si>
  <si>
    <t>09/30/2019 20:58:48</t>
  </si>
  <si>
    <t>PWEB para contabilização de FTE's - SICOOB (PI-1005368-19) - Julho, Agosto e Setembro 2019</t>
  </si>
  <si>
    <t>340 - ATEC-2019-0003-005 - M09 - PWEB_.xlsb</t>
  </si>
  <si>
    <t>09/30/2019 21:54:09</t>
  </si>
  <si>
    <t>09/30/2019 22:01:50</t>
  </si>
  <si>
    <t>PROJETO PRECIFICAÇÃO - ABERTURA DE RA</t>
  </si>
  <si>
    <t>DETALHAMENTO_DE_ITENS_DE_AQUISICOES_PARA_PROJETOS.xlsx</t>
  </si>
  <si>
    <t>09/30/2019 21:12:42</t>
  </si>
  <si>
    <t>09/30/2019 22:03:49</t>
  </si>
  <si>
    <t>PWEB para contabilização de FTE's - BMW (PI-1005374-19) - Agosto e Setembro 2019</t>
  </si>
  <si>
    <t>340 - ATEC-2019-0002-008 - M09 - PWEB_.xlsb</t>
  </si>
  <si>
    <t>09/30/2019 22:02:22</t>
  </si>
  <si>
    <t>09/30/2019 22:04:49</t>
  </si>
  <si>
    <t>Treinamentos PJ Outubro</t>
  </si>
  <si>
    <t>Treinamentos programados Gerenciadas 30_09.xlsx</t>
  </si>
  <si>
    <t>09/30/2019 22:24:07</t>
  </si>
  <si>
    <t>09/30/2019 22:28:49</t>
  </si>
  <si>
    <t>/o=exchangelabs/ou=exchange administrative group (fydibohf23spdlt)/cn=recipients/cn=1e212ef08dab4f26b88cba944f2ab7cb-pmo.governa;/o=exchangelabs/ou=exchange administrative group (fydibohf23spdlt)/cn=recipients/cn=b3ad8a638fcc4c57bf8c7953dd4b3cb8-augusto ces;/o=exchangelabs/ou=exchange administrative group (fydibohf23spdlt)/cn=recipients/cn=cfc48e6960e745d5a5caa3a9584c60eb-leticia vie;/o=exchangelabs/ou=exchange administrative group (fydibohf23spdlt)/cn=recipients/cn=e04f4a5c99bd4ba1b4ff9572d332b2b8-sarah de ab;</t>
  </si>
  <si>
    <t>PWEB para contabilização de FTE's - END POINT SECURITY (PI-1005295-19) - Setembro 2019</t>
  </si>
  <si>
    <t>340 - ATEC-2019-0030-007 - M09 - PWEB_.xlsb</t>
  </si>
  <si>
    <t>/o=exchangelabs/ou=exchange administrative group (fydibohf23spdlt)/cn=recipients/cn=1e212ef08dab4f26b88cba944f2ab7cb-pmo.governa,/o=exchangelabs/ou=exchange administrative group (fydibohf23spdlt)/cn=recipients/cn=b3ad8a638fcc4c57bf8c7953dd4b3cb8-augusto ces,/o=exchangelabs/ou=exchange administrative group (fydibohf23spdlt)/cn=recipients/cn=cfc48e6960e745d5a5caa3a9584c60eb-leticia vie,/o=exchangelabs/ou=exchange administrative group (fydibohf23spdlt)/cn=recipients/cn=e04f4a5c99bd4ba1b4ff9572d332b2b8-sarah de ab</t>
  </si>
  <si>
    <t>09/30/2019 22:46:32</t>
  </si>
  <si>
    <t>09/30/2019 22:48:49</t>
  </si>
  <si>
    <t>PWEB para contabilização de FTE's - UPGRADE DAC1 - 2019 (PI-1005290-19) - Setembro 2019</t>
  </si>
  <si>
    <t>340 - ATEC-2019-0035-001 - M09 - PWEB_.xlsb</t>
  </si>
  <si>
    <t>09/30/2019 23:20:12</t>
  </si>
  <si>
    <t>09/30/2019 23:23:50</t>
  </si>
  <si>
    <t>PWEB para contabilização de FTE's - LGPD (PI-1005293-19) - Setembro 2019</t>
  </si>
  <si>
    <t>340 - ATEC-2019-0052-001 - M09 - PWEB_.xlsb</t>
  </si>
  <si>
    <t>09/30/2019 23:28:47</t>
  </si>
  <si>
    <t>09/30/2019 23:33:49</t>
  </si>
  <si>
    <t>LOTE DISPENDIO: PWEB para contabilização de FTE's - TRANSFORMACAO DIGITAL GRC (PI-1004940-17) - Janeiro a Setembro 2019</t>
  </si>
  <si>
    <t>340 - M09 - LD-2019-001-ATEC-2017-0019-002.xlsx</t>
  </si>
  <si>
    <t>09/30/2019 23:40:14</t>
  </si>
  <si>
    <t>09/30/2019 23:43:50</t>
  </si>
  <si>
    <t>LOTE DISPENDIO: PWEB para contabilização de FTE's - SICOOB (PI-1005368-19) - Julho, Agosto e Setembro 2019</t>
  </si>
  <si>
    <t>340 - M09 - LD-2019-003-ATEC-2019-0024-003.xlsx</t>
  </si>
  <si>
    <t>09/30/2019 23:44:35</t>
  </si>
  <si>
    <t>09/30/2019 23:48:49</t>
  </si>
  <si>
    <t>RES: PWEB para contabilização de FTE's - BMW (PI-1005374-19) - Agosto e Setembro 2019</t>
  </si>
  <si>
    <t>340 - M09 - LD-2019-001-ATEC-2019-0002-008.xlsx</t>
  </si>
  <si>
    <t>09/30/2019 23:53:23</t>
  </si>
  <si>
    <t>09/30/2019 23:58:49</t>
  </si>
  <si>
    <t>RES: PWEB para contabilização de FTE's - RFP ELECTROLUX (PI-1005364-19) - Agosto e Setembro 2019</t>
  </si>
  <si>
    <t>340 - M09 - LD-2019-001-ATEC-2019-0025-003.xlsx</t>
  </si>
  <si>
    <t>LOTE DISPENDIO: PWEB para contabilização de FTE's - EDP (PI-1005361-19) - Setembro 2019</t>
  </si>
  <si>
    <t>340 - M08 - LD-2019-002-ATEC-2019-0002-006.xlsx</t>
  </si>
  <si>
    <t>RES: PWEB para contabilização de FTE's - CRESCIMENTO CAIXA CAP (PI-1005267-19) - Setembro 2019</t>
  </si>
  <si>
    <t>LOTE DISPENDIO: PWEB para contabilização de FTE's - WHIRLPOOL (PI-1005313-19) - Setembro 2019</t>
  </si>
  <si>
    <t>340 - M08 - LD-2019-003-ATEC-2019-0002-002.xlsx</t>
  </si>
  <si>
    <t>LOTES DISPENDIO: PWEB para contabilização de FTE's - PROJETOS ESTRATÉGICOS - Setembro 2019</t>
  </si>
  <si>
    <t>340_LD-PMO-2019-017.xlsx</t>
  </si>
  <si>
    <t>C:\Users\elainemdlp\OD\_Projetos\Em andamento\EDP\02 - Planejamento\01 - Compras\</t>
  </si>
  <si>
    <t>C:\Users\elainemdlp\OD\_Projetos\Em andamento\EDP\04 - Controle\</t>
  </si>
  <si>
    <t>Atividades_EDP_v1.xlsx</t>
  </si>
  <si>
    <t>0ANALYSIS_PATTERN (81).csv</t>
  </si>
  <si>
    <t>09/30/2019 23:48:12</t>
  </si>
  <si>
    <t>/o=exchangelabs/ou=exchange administrative group (fydibohf23spdlt)/cn=recipients/cn=1d548783c10f4c62bcdf5de7a0f55a3e-lucas marqu;/o=exchangelabs/ou=exchange administrative group (fydibohf23spdlt)/cn=recipients/cn=2504d5028b6b4fb89d14a5df6031358d-jane carla;/o=exchangelabs/ou=exchange administrative group (fydibohf23spdlt)/cn=recipients/cn=55f846c335d7437f892f0b0d49c89e92-celma ribei;henriqueac@algartech.com;</t>
  </si>
  <si>
    <t>20190917. Meta DTI 2020.xlsx</t>
  </si>
  <si>
    <t>/o=exchangelabs/ou=exchange administrative group (fydibohf23spdlt)/cn=recipients/cn=1d548783c10f4c62bcdf5de7a0f55a3e-lucas marqu,/o=exchangelabs/ou=exchange administrative group (fydibohf23spdlt)/cn=recipients/cn=2504d5028b6b4fb89d14a5df6031358d-jane carla,/o=exchangelabs/ou=exchange administrative group (fydibohf23spdlt)/cn=recipients/cn=55f846c335d7437f892f0b0d49c89e92-celma ribei,henriqueac@algartech.com</t>
  </si>
  <si>
    <t>09/30/2019 17:57:13</t>
  </si>
  <si>
    <t>10.200.67.165</t>
  </si>
  <si>
    <t>C:\Users\fabianacscg\Desktop\Rateio\Outubro\</t>
  </si>
  <si>
    <t>ESTRUTURA ATUALIZAR - Fabiana.xlsx</t>
  </si>
  <si>
    <t>C:\Users\mariannacsm\OneDrive - Grupo Algar\0- PMO-POOL\POOL\03 - Rateio CCC\</t>
  </si>
  <si>
    <t>2019 - (07) Julho - Cálculo Rateio.xlsx</t>
  </si>
  <si>
    <t>2019 - (08) Agosto - Cálculo Rateio.xlsx</t>
  </si>
  <si>
    <t>09/30/2019 18:55:28</t>
  </si>
  <si>
    <t>10.200.35.158</t>
  </si>
  <si>
    <t>/o=exchangelabs/ou=exchange administrative group (fydibohf23spdlt)/cn=recipients/cn=50f8ab770c6e4ce1a0c6a59d9c0a5d77-gessica ste;flavia@iclicconsultoria.com.br;</t>
  </si>
  <si>
    <t>Status Report - Lançamento Produtos Corporate</t>
  </si>
  <si>
    <t>Cópia de FORMAÇÃO BO AEB_JAN 2019.xlsx</t>
  </si>
  <si>
    <t>/o=exchangelabs/ou=exchange administrative group (fydibohf23spdlt)/cn=recipients/cn=50f8ab770c6e4ce1a0c6a59d9c0a5d77-gessica ste,flavia@iclicconsultoria.com.br</t>
  </si>
  <si>
    <t>09/30/2019 19:17:45</t>
  </si>
  <si>
    <t>21004.xlsx</t>
  </si>
  <si>
    <t>09/30/2019 19:17:53</t>
  </si>
  <si>
    <t>2019 - (06) Junho - Cálculo Rateio.xlsx</t>
  </si>
  <si>
    <t>2019 - (04) Abril - Cálculo Rateio.xlsx</t>
  </si>
  <si>
    <t>2019 - (03) Março - Cálculo Rateio.xlsx</t>
  </si>
  <si>
    <t>2019 - (02) Fevereiro - Cálculo Rateio_Versão 2.xlsx</t>
  </si>
  <si>
    <t>2019 - (01) Janeiro - Cálculo Rateio.xlsx</t>
  </si>
  <si>
    <t>2019 - (05) Maio - Cálculo Rateio.xlsx</t>
  </si>
  <si>
    <t>https://cscatende.algarnet.com.br/html/hd/hdscriptresposta/request/uploadincidentattachment.php?cdclassificacao=7&amp;action=1&amp;lastpositionattachement=undefined&amp;cdquestao=9766&amp;idmaisanexos=t</t>
  </si>
  <si>
    <t>C:\Users\alineam\Desktop\</t>
  </si>
  <si>
    <t>Consulta_de_Nota_Fiscal_Problema_NF1093.xlsx</t>
  </si>
  <si>
    <t>C:\Users\lucianafaa\OneDrive - Grupo Algar\2019\PROJETOS\REAJUSTE DE CONTRATO\PLANILHA REAJUSTES\STATUS REPORT\STATUS SEMANAL\30-09\</t>
  </si>
  <si>
    <t>Gestão de Reajustes 2019-01-10 v8.1.xlsx</t>
  </si>
  <si>
    <t>mail.google.com/_/upload?authuser=1&amp;dcp=asu-n&amp;upload_id=AEnB2Uo6HdyBF95GZ-BZpoFHsbUk9vJOZoZoAg9sHWNk-8U15KgUzKDheot-YcCPRNXamZsYSrdCqlLfnlkkf-s6SJdUBMsEzQ&amp;upload_protocol=resumable</t>
  </si>
  <si>
    <t>C:\Users\thiagocso\Desktop\</t>
  </si>
  <si>
    <t>Problemas de acesso.xlsx</t>
  </si>
  <si>
    <t>CURVA NORMAL - CONSOLIDADO SETEMBRO</t>
  </si>
  <si>
    <t>09/30/2019 22:43:30</t>
  </si>
  <si>
    <t>/o=exchangelabs/ou=exchange administrative group (fydibohf23spdlt)/cn=recipients/cn=7903c13fa0504ff0bc7dd2644020b0e8-mirna prado;/o=exchangelabs/ou=exchange administrative group (fydibohf23spdlt)/cn=recipients/cn=a72a765de829420582b78941417073ac-karina rodr;/o=exchangelabs/ou=exchange administrative group (fydibohf23spdlt)/cn=recipients/cn=c22b2d8de1594760baec681322c0933f-fernanda ma;/o=exchangelabs/ou=exchange administrative group (fydibohf23spdlt)/cn=recipients/cn=e70cc16764ef4e4fac6e4581f29c2881-valeria bet;</t>
  </si>
  <si>
    <t>ENC: Baixa Produtividade URA Ativa e Humano</t>
  </si>
  <si>
    <t>ENC Estruturas - Whirlpool_Outubro2019.msg\s1\</t>
  </si>
  <si>
    <t>/o=exchangelabs/ou=exchange administrative group (fydibohf23spdlt)/cn=recipients/cn=7903c13fa0504ff0bc7dd2644020b0e8-mirna prado,/o=exchangelabs/ou=exchange administrative group (fydibohf23spdlt)/cn=recipients/cn=a72a765de829420582b78941417073ac-karina rodr,/o=exchangelabs/ou=exchange administrative group (fydibohf23spdlt)/cn=recipients/cn=c22b2d8de1594760baec681322c0933f-fernanda ma,/o=exchangelabs/ou=exchange administrative group (fydibohf23spdlt)/cn=recipients/cn=e70cc16764ef4e4fac6e4581f29c2881-valeria bet</t>
  </si>
  <si>
    <t>09/30/2019 23:26:58</t>
  </si>
  <si>
    <t>/o=exchangelabs/ou=exchange administrative group (fydibohf23spdlt)/cn=recipients/cn=852acbd029e94333978f192f279faa37-carolina ap;</t>
  </si>
  <si>
    <t>/o=exchangelabs/ou=exchange administrative group (fydibohf23spdlt)/cn=recipients/cn=852acbd029e94333978f192f279faa37-carolina ap</t>
  </si>
  <si>
    <t>/o=exchangelabs/ou=exchange administrative group (fydibohf23spdlt)/cn=recipients/cn=08495392e8ff447fa6268b697ae28485-flavia ferr;/o=exchangelabs/ou=exchange administrative group (fydibohf23spdlt)/cn=recipients/cn=a9a1fe1d51ef4ee29617a1c11aa10050-marinalva i;/o=exchangelabs/ou=exchange administrative group (fydibohf23spdlt)/cn=recipients/cn=b0dffb7bae8b4669bf2555c821ef7035-daniela vie;/o=exchangelabs/ou=exchange administrative group (fydibohf23spdlt)/cn=recipients/cn=c22b2d8de1594760baec681322c0933f-fernanda ma;/o=exchangelabs/ou=exchange administrative group (fydibohf23spdlt)/cn=recipients/cn=cbea44aca4fb41a1aba289a0475041a1-daiane cris;/o=exchangelabs/ou=exchange administrative group (fydibohf23spdlt)/cn=recipients/cn=e76869615b8149a9945434c66719ab6e-dayane de o;</t>
  </si>
  <si>
    <t>ENC: MP em dia</t>
  </si>
  <si>
    <t>MP.xlsx</t>
  </si>
  <si>
    <t>/o=exchangelabs/ou=exchange administrative group (fydibohf23spdlt)/cn=recipients/cn=08495392e8ff447fa6268b697ae28485-flavia ferr,/o=exchangelabs/ou=exchange administrative group (fydibohf23spdlt)/cn=recipients/cn=a9a1fe1d51ef4ee29617a1c11aa10050-marinalva i,/o=exchangelabs/ou=exchange administrative group (fydibohf23spdlt)/cn=recipients/cn=b0dffb7bae8b4669bf2555c821ef7035-daniela vie,/o=exchangelabs/ou=exchange administrative group (fydibohf23spdlt)/cn=recipients/cn=c22b2d8de1594760baec681322c0933f-fernanda ma,/o=exchangelabs/ou=exchange administrative group (fydibohf23spdlt)/cn=recipients/cn=cbea44aca4fb41a1aba289a0475041a1-daiane cris,/o=exchangelabs/ou=exchange administrative group (fydibohf23spdlt)/cn=recipients/cn=e76869615b8149a9945434c66719ab6e-dayane de o</t>
  </si>
  <si>
    <t>/o=exchangelabs/ou=exchange administrative group (fydibohf23spdlt)/cn=recipients/cn=2f25493a7e37433d8dafca90f527b173-danubia cri;/o=exchangelabs/ou=exchange administrative group (fydibohf23spdlt)/cn=recipients/cn=32fe8a14424941da83c2bf35a8a5709e-fabiana car;/o=exchangelabs/ou=exchange administrative group (fydibohf23spdlt)/cn=recipients/cn=574b9ba530ca42ac8eeb3eea750f0f34-jose carlos;/o=exchangelabs/ou=exchange administrative group (fydibohf23spdlt)/cn=recipients/cn=822f65115a2046059fff20a916dd90e9-thais marti;/o=exchangelabs/ou=exchange administrative group (fydibohf23spdlt)/cn=recipients/cn=90da2ce1966f46d7ab19fc9aab29d663-almir silva;</t>
  </si>
  <si>
    <t>RES: Treinamento Valor #SouoDono - Venha agregar valor com sua presença</t>
  </si>
  <si>
    <t>SOU O DONO V2.xlsx</t>
  </si>
  <si>
    <t>/o=exchangelabs/ou=exchange administrative group (fydibohf23spdlt)/cn=recipients/cn=2f25493a7e37433d8dafca90f527b173-danubia cri,/o=exchangelabs/ou=exchange administrative group (fydibohf23spdlt)/cn=recipients/cn=32fe8a14424941da83c2bf35a8a5709e-fabiana car,/o=exchangelabs/ou=exchange administrative group (fydibohf23spdlt)/cn=recipients/cn=574b9ba530ca42ac8eeb3eea750f0f34-jose carlos,/o=exchangelabs/ou=exchange administrative group (fydibohf23spdlt)/cn=recipients/cn=822f65115a2046059fff20a916dd90e9-thais marti,/o=exchangelabs/ou=exchange administrative group (fydibohf23spdlt)/cn=recipients/cn=90da2ce1966f46d7ab19fc9aab29d663-almir silva</t>
  </si>
  <si>
    <t>mail.google.com/_/upload?authuser=0&amp;dcp=asu-n&amp;upload_id=AEnB2UryUkW1RUEAXqH6tfTZ0qLWzjRo3tols3X69d6tlYoPII9J0UW-_hMpPIPtOulau73Rg7obccPQXOa0PPDHoJGRNrOPGpAy8kmPmFThgKMZakR-70k&amp;upload_protocol=resumable</t>
  </si>
  <si>
    <t>\\acsfs\dsti\CIT- Coordenação de Inteligência de Tecnologia\06 - Gerenciamento de Fornecedores\3. Requisições\CSILATINA\2019\10 - Outubro\</t>
  </si>
  <si>
    <t>09/30/2019 21:41:33</t>
  </si>
  <si>
    <t>/o=exchangelabs/ou=exchange administrative group (fydibohf23spdlt)/cn=recipients/cn=81f72ed6e9d042e3bed0cec08d488854-vinicius go;/o=exchangelabs/ou=exchange administrative group (fydibohf23spdlt)/cn=recipients/cn=e39e329fc16a43329eb2766bae675122-mariana gon;</t>
  </si>
  <si>
    <t>ENC: Resultados D-1 e consolidado - SETEMBRO</t>
  </si>
  <si>
    <t>OPERAÇÕES SERVIÇOS.xlsx</t>
  </si>
  <si>
    <t>/o=exchangelabs/ou=exchange administrative group (fydibohf23spdlt)/cn=recipients/cn=81f72ed6e9d042e3bed0cec08d488854-vinicius go,/o=exchangelabs/ou=exchange administrative group (fydibohf23spdlt)/cn=recipients/cn=e39e329fc16a43329eb2766bae675122-mariana gon</t>
  </si>
  <si>
    <t>09/30/2019 21:44:28</t>
  </si>
  <si>
    <t>michelbdsa@algartech.com;</t>
  </si>
  <si>
    <t>\\cppfs\cpdeptos\CPC\2 - Planejamento\YOUSE\09 - Relatórios\02 - Report\00 - Hora Hora\10 - Outubro\</t>
  </si>
  <si>
    <t>Intradiário-TELEVENDAS.xlsm</t>
  </si>
  <si>
    <t>michelbdsa@algartech.com</t>
  </si>
  <si>
    <t>Intradiário-SAC.xlsm</t>
  </si>
  <si>
    <t>10.219.100.19</t>
  </si>
  <si>
    <t>90-32-4B-BF-77-2B</t>
  </si>
  <si>
    <t>Pweb Reclassificação NF transporte notebooks.xls</t>
  </si>
  <si>
    <t>jairdpof@algartech.com;</t>
  </si>
  <si>
    <t>RB BRADESCO ESCOPO B.xlsx</t>
  </si>
  <si>
    <t>jairdpof@algartech.com</t>
  </si>
  <si>
    <t>/o=exchangelabs/ou=exchange administrative group (fydibohf23spdlt)/cn=recipients/cn=a72a765de829420582b78941417073ac-karina rodr;/o=exchangelabs/ou=exchange administrative group (fydibohf23spdlt)/cn=recipients/cn=userd3ef8196;</t>
  </si>
  <si>
    <t>Anexos Contrato Algar III e IV.xlsx</t>
  </si>
  <si>
    <t>/o=exchangelabs/ou=exchange administrative group (fydibohf23spdlt)/cn=recipients/cn=a72a765de829420582b78941417073ac-karina rodr,/o=exchangelabs/ou=exchange administrative group (fydibohf23spdlt)/cn=recipients/cn=userd3ef8196</t>
  </si>
  <si>
    <t>/o=exchangelabs/ou=exchange administrative group (fydibohf23spdlt)/cn=recipients/cn=525b3060f0654996a4c2979efbfaed04-douglas sil;</t>
  </si>
  <si>
    <t>ENC: 1ª Rodada de Validações - Orçamento Oficial 2020</t>
  </si>
  <si>
    <t>Consolidado.xlsx</t>
  </si>
  <si>
    <t>/o=exchangelabs/ou=exchange administrative group (fydibohf23spdlt)/cn=recipients/cn=525b3060f0654996a4c2979efbfaed04-douglas sil</t>
  </si>
  <si>
    <t>C:\Users\filemoncmj\OneDrive - Grupo Algar\01. Algar Tech\01. Projetos de Clientes\13. Yahsat\2019\04. Aquisições\RES_ Classificação de Itens ISD - Desktops Aumento Yahsat.msg\s86\</t>
  </si>
  <si>
    <t>Classificação de Itens - Aumento PAs - Headphones.xlsx</t>
  </si>
  <si>
    <t>RES: Forecast - MRC Amazon 2020_2019.9.30</t>
  </si>
  <si>
    <t>C:\Users\nadiagds\OneDrive - Grupo Algar\Mesa Digital\ISD_Análise\Projeto ISD - SAP\</t>
  </si>
  <si>
    <t>Cópia de ISD SAP - Informações Inventário.xlsx</t>
  </si>
  <si>
    <t>raphaelapm@algartech.com;</t>
  </si>
  <si>
    <t>ENC: [Setembro] NOVO PESQUISA EMPRESA - BASE SEM BILLING</t>
  </si>
  <si>
    <t>Novo PE_1.2. Sem Billing.xlsb</t>
  </si>
  <si>
    <t>/o=exchangelabs/ou=exchange administrative group (fydibohf23spdlt)/cn=recipients/cn=2a2dbb67c76e4e33beac0602893fa479-carlos juni;</t>
  </si>
  <si>
    <t>ENC: Associados GST atualizado</t>
  </si>
  <si>
    <t>Formulário Ficha de Entrega EPI - .xls</t>
  </si>
  <si>
    <t>/o=exchangelabs/ou=exchange administrative group (fydibohf23spdlt)/cn=recipients/cn=2a2dbb67c76e4e33beac0602893fa479-carlos juni</t>
  </si>
  <si>
    <t>/o=exchangelabs/ou=exchange administrative group (fydibohf23spdlt)/cn=recipients/cn=5ab64dc5178e4d66aadc5f660807b2c3-andre gomes;</t>
  </si>
  <si>
    <t>/o=exchangelabs/ou=exchange administrative group (fydibohf23spdlt)/cn=recipients/cn=5ab64dc5178e4d66aadc5f660807b2c3-andre gomes</t>
  </si>
  <si>
    <t>Base Atual</t>
  </si>
  <si>
    <t>Modelo Base atual.xlsx</t>
  </si>
  <si>
    <t>/o=exchangelabs/ou=exchange administrative group (fydibohf23spdlt)/cn=recipients/cn=98ea30ba409149f69837fad4ccd70171-leonardo el;</t>
  </si>
  <si>
    <t>TESTE</t>
  </si>
  <si>
    <t>17. REDIR - 09-09-19 (002).pptx\</t>
  </si>
  <si>
    <t>/o=exchangelabs/ou=exchange administrative group (fydibohf23spdlt)/cn=recipients/cn=98ea30ba409149f69837fad4ccd70171-leonardo el</t>
  </si>
  <si>
    <t>RES: Detalhamento e Levantamento de Custo - Projetos Infraestrutura</t>
  </si>
  <si>
    <t>ULA_Sede - Aquisição de Geladeira e Bebedouros.xlsx</t>
  </si>
  <si>
    <t>R:\OneDrive - Grupo Algar\Advanced Collection\0 - Cliente\2 - Algar Telecom\20190801 Proposta Advanced Collection\</t>
  </si>
  <si>
    <t>Cópia de Cópia de 20190404_TCO_AdvancedCollection v4 (1).xlsx</t>
  </si>
  <si>
    <t>Cobrança Advanced - Precificacao C017 B017 v11 Desmob.xlsb</t>
  </si>
  <si>
    <t>R:\OneDrive - Grupo Algar\Advanced Collection\0 - Cliente\2 - Algar Telecom\20190801 Proposta Advanced Collection\Cobrança Advanced - Precificacao C017 B017 v11 Desmob.xlsb\</t>
  </si>
  <si>
    <t>crcevmc@algartech.com.br;emissaogerenciadapj@algartech.com.br;</t>
  </si>
  <si>
    <t>RES: EMISSÃO BTB_BRASIL PLURAL GESTAO DE RECURSOS LTDA//CNPJ 11397672000280 CRM:004730000132</t>
  </si>
  <si>
    <t>Emissão BTB - Grupo Plural.msg\s1\</t>
  </si>
  <si>
    <t>BRASIL PLURAL CONSULTORIA E ASSESSORIA LTDA.xlsx</t>
  </si>
  <si>
    <t>crcevmc@algartech.com.br,emissaogerenciadapj@algartech.com.br</t>
  </si>
  <si>
    <t>mail.google.com/_/upload?authuser=0&amp;dcp=asu-n&amp;upload_id=AEnB2UrcOUBx9hmXDYWWK1X_0TG0kw9BKWQ0xqfS3o_R7YQid6Im329ptGAjCiVp7OfUtiBW-BBA8Or8z8sLrMzyQJx73LJ2Pgei2zLW_5XbnasU5BDk2lo&amp;upload_protocol=resumable</t>
  </si>
  <si>
    <t>Analitico Bradesco Setembro.xls</t>
  </si>
  <si>
    <t>C:\Users\elainemdlp\OD\_Projetos\Em andamento\Relacionamento Cartoes BV\02 - Planejamento\Compras\</t>
  </si>
  <si>
    <t>10.200.57.224</t>
  </si>
  <si>
    <t>Disparo_01.10.csv</t>
  </si>
  <si>
    <t>C:\Users\simoneesm\OneDrive - Grupo Algar\Controle\ALGAR\FINANCEIRO\Orçamento Original\2019\2 semestre\</t>
  </si>
  <si>
    <t>PTH_2019_revisão Oficial GAT_Amanda Conde.xlsx</t>
  </si>
  <si>
    <t>C:\Users\simoneesm\OneDrive - Grupo Algar\Controle\ALGAR\TH\Departamental\2019\06 - Junho\</t>
  </si>
  <si>
    <t>Amanda_RelCustos_062019.xlsx</t>
  </si>
  <si>
    <t>09/26/2019 18:27:14</t>
  </si>
  <si>
    <t>10.207.12.62</t>
  </si>
  <si>
    <t>D8-9C-67-4D-6A-95</t>
  </si>
  <si>
    <t>/o=exchangelabs/ou=exchange administrative group (fydibohf23spdlt)/cn=recipients/cn=f167860e3f1940cc81730e5f24d2f0bb-alexandre f;tatiane.nunes@bv.com.br;</t>
  </si>
  <si>
    <t>RES: “SC 201440 – Operações de Prevenção a Fraudes”</t>
  </si>
  <si>
    <t>Dúvidas AlgarTech.xlsx</t>
  </si>
  <si>
    <t>/o=exchangelabs/ou=exchange administrative group (fydibohf23spdlt)/cn=recipients/cn=f167860e3f1940cc81730e5f24d2f0bb-alexandre f,tatiane.nunes@bv.com.br</t>
  </si>
  <si>
    <t>09/27/2019 13:50:39</t>
  </si>
  <si>
    <t>mail.google.com/_/upload?authuser=0&amp;dcp=asu-n&amp;upload_id=AEnB2UoyUtTQE42tYPe1sPO2aqRHbFQg1orLTNYWZlT4ig6uaKiH8YWHKr_4WsyBTJDFZZ4bYof4-7i-2_2_9cAtGZFQlPkBCerypP7-pFiP6y5WWUMBkAc&amp;upload_protocol=resumable</t>
  </si>
  <si>
    <t>douglas.vidal@dell.com;</t>
  </si>
  <si>
    <t>LPU ALGAR - R640 - 20092019.xlsm</t>
  </si>
  <si>
    <t>douglas.vidal@dell.com</t>
  </si>
  <si>
    <t>mail.google.com/_/upload?authuser=0&amp;dcp=asu-n&amp;upload_id=AEnB2Uru8z_JLxp8eB7e8X4hJv72OEENbU3sBen6-C_xycCHW_3IdTTmInQUowo2TU8JgrJMLNkkSONIycW-axyUtliK4okprAWq32mdMDaxdw56q-XI-SI&amp;upload_protocol=resumable</t>
  </si>
  <si>
    <t>C:\Users\lauravx\Desktop\</t>
  </si>
  <si>
    <t>/o=exchangelabs/ou=exchange administrative group (fydibohf23spdlt)/cn=recipients/cn=e46cd96e8e9e452c8cc8ba65a6c4ec57-gustavo hen;diogo@quilleconsultoria.com.br;</t>
  </si>
  <si>
    <t>RES: Relatório base (Departamental) - Jan a Jul/19</t>
  </si>
  <si>
    <t>RELATÓRIO DE CUSTOS - AGO19.xlsb</t>
  </si>
  <si>
    <t>/o=exchangelabs/ou=exchange administrative group (fydibohf23spdlt)/cn=recipients/cn=e46cd96e8e9e452c8cc8ba65a6c4ec57-gustavo hen,diogo@quilleconsultoria.com.br</t>
  </si>
  <si>
    <t>09/25/2019 10:44:03</t>
  </si>
  <si>
    <t>10.200.61.55</t>
  </si>
  <si>
    <t>09/25/2019 14:18:53</t>
  </si>
  <si>
    <t>/o=exchangelabs/ou=exchange administrative group (fydibohf23spdlt)/cn=recipients/cn=1981433b28a2405b86112019a8b25d8f-rodinei per;/o=exchangelabs/ou=exchange administrative group (fydibohf23spdlt)/cn=recipients/cn=a387251d6d8c4b729d17257b1403e985-rodrigo agn;/o=exchangelabs/ou=exchange administrative group (fydibohf23spdlt)/cn=recipients/cn=a7d54e15e3a94d53b0b5014d75c8d080-wanessa bor;/o=exchangelabs/ou=exchange administrative group (fydibohf23spdlt)/cn=recipients/cn=c29ec9dae022497281c840087cccddec-patricia ar;/o=exchangelabs/ou=exchange administrative group (fydibohf23spdlt)/cn=recipients/cn=ddbbc013641646d08f8ffec122e83ef5-sandy yumi;</t>
  </si>
  <si>
    <t>ENC Ajuste portfólio CRM - Atualização Catalogo de Produtos.msg\s1\</t>
  </si>
  <si>
    <t>Product Catalog - Validação Produto CLASSIFICAÇÃO GRC - revisto.xlsx</t>
  </si>
  <si>
    <t>/o=exchangelabs/ou=exchange administrative group (fydibohf23spdlt)/cn=recipients/cn=1981433b28a2405b86112019a8b25d8f-rodinei per,/o=exchangelabs/ou=exchange administrative group (fydibohf23spdlt)/cn=recipients/cn=a387251d6d8c4b729d17257b1403e985-rodrigo agn,/o=exchangelabs/ou=exchange administrative group (fydibohf23spdlt)/cn=recipients/cn=a7d54e15e3a94d53b0b5014d75c8d080-wanessa bor,/o=exchangelabs/ou=exchange administrative group (fydibohf23spdlt)/cn=recipients/cn=c29ec9dae022497281c840087cccddec-patricia ar,/o=exchangelabs/ou=exchange administrative group (fydibohf23spdlt)/cn=recipients/cn=ddbbc013641646d08f8ffec122e83ef5-sandy yumi</t>
  </si>
  <si>
    <t>09/26/2019 09:31:47</t>
  </si>
  <si>
    <t>Cópia de Cenário 5 - Base Relacionamento Digital - Homero.xlsx</t>
  </si>
  <si>
    <t>09/26/2019 09:47:02</t>
  </si>
  <si>
    <t>09/26/2019 10:51:56</t>
  </si>
  <si>
    <t>20190814_DimensionamentoMesaDigital - Sicoob (Alinhado Mesa + Prod + Soluções).xlsx</t>
  </si>
  <si>
    <t>09/26/2019 10:52:47</t>
  </si>
  <si>
    <t>09/26/2019 10:57:01</t>
  </si>
  <si>
    <t>09/26/2019 10:57:03</t>
  </si>
  <si>
    <t>09/26/2019 12:22:48</t>
  </si>
  <si>
    <t>09/27/2019 10:24:04</t>
  </si>
  <si>
    <t>C:\Users\homerodcc\OneDrive - Grupo Algar\Atendimento Digital\BP\20190716 BP LP - Revisão\20190927 Versão Revisada\</t>
  </si>
  <si>
    <t>Cenário 5 - Base Relacionamento Digital.xlsx</t>
  </si>
  <si>
    <t>09/27/2019 10:24:08</t>
  </si>
  <si>
    <t>b.xlsx</t>
  </si>
  <si>
    <t>09/27/2019 10:24:36</t>
  </si>
  <si>
    <t>09/27/2019 10:24:37</t>
  </si>
  <si>
    <t>Base um cliente.xlsx</t>
  </si>
  <si>
    <t>09/27/2019 10:24:58</t>
  </si>
  <si>
    <t>20190927 Base um cliente.xlsx</t>
  </si>
  <si>
    <t>09/27/2019 11:13:27</t>
  </si>
  <si>
    <t>20190927 produtos_fusion - Proposta Homero.xlsx</t>
  </si>
  <si>
    <t>09/27/2019 14:31:03</t>
  </si>
  <si>
    <t>09/27/2019 15:28:05</t>
  </si>
  <si>
    <t>C:\Users\homerodcc\OneDrive - Grupo Algar\Atendimento Digital\BP\</t>
  </si>
  <si>
    <t>09/27/2019 17:12:26</t>
  </si>
  <si>
    <t>09/30/2019 09:17:57</t>
  </si>
  <si>
    <t>20190927 Cenário 5 - Base Relacionamento Digital.xlsx</t>
  </si>
  <si>
    <t>09/30/2019 10:06:02</t>
  </si>
  <si>
    <t>09/30/2019 10:11:49</t>
  </si>
  <si>
    <t>20190927 Cenário 5 - Base Relacionamento Digital_v2.xlsx</t>
  </si>
  <si>
    <t>09/30/2019 10:47:54</t>
  </si>
  <si>
    <t>C:\Users\homerodcc\OneDrive - Grupo Algar\Atendimento Digital\BP\20190716 BP LP - Revisão\20190927 Versão Revisada\Exercicio Otimista\</t>
  </si>
  <si>
    <t>Cenário Otimista - Base Relacionamento Digital.xlsx</t>
  </si>
  <si>
    <t>09/30/2019 10:59:21</t>
  </si>
  <si>
    <t>20190927 Cenário 5 - Base Relacionamento Digital - otimista.xlsx</t>
  </si>
  <si>
    <t>09/30/2019 14:17:53</t>
  </si>
  <si>
    <t>C:\Users\homerodcc\OneDrive - Grupo Algar\Atendimento Digital\BP\20190716 BP LP - Revisão\20190930 Versão Revisada - Revisão Alessio\</t>
  </si>
  <si>
    <t>09/30/2019 14:17:54</t>
  </si>
  <si>
    <t>09/30/2019 14:17:55</t>
  </si>
  <si>
    <t>C:\Users\homerodcc\OneDrive - Grupo Algar\Atendimento Digital\BP\20190716 BP LP - Revisão\20190930 Versão Revisada - Revisão Alessio\Exercicio Otimista\</t>
  </si>
  <si>
    <t>20190930 Cenário Otimista - Base Relacionamento Digital.xlsx</t>
  </si>
  <si>
    <t>20190930 Cenário 5 - Base RD - Otimista.xlsx</t>
  </si>
  <si>
    <t>09/30/2019 17:19:55</t>
  </si>
  <si>
    <t>/o=exchangelabs/ou=exchange administrative group (fydibohf23spdlt)/cn=recipients/cn=109f6d628834480fabc1188cbdef64fa-antonia apa;/o=exchangelabs/ou=exchange administrative group (fydibohf23spdlt)/cn=recipients/cn=ddbbc013641646d08f8ffec122e83ef5-sandy yumi;</t>
  </si>
  <si>
    <t>RES: Calculadora Chatbot e WhatsApp</t>
  </si>
  <si>
    <t>20190930 Calculadora Canais Digitais.xlsx</t>
  </si>
  <si>
    <t>/o=exchangelabs/ou=exchange administrative group (fydibohf23spdlt)/cn=recipients/cn=109f6d628834480fabc1188cbdef64fa-antonia apa,/o=exchangelabs/ou=exchange administrative group (fydibohf23spdlt)/cn=recipients/cn=ddbbc013641646d08f8ffec122e83ef5-sandy yumi</t>
  </si>
  <si>
    <t>20191001 Waterfall - Quebras Revisadas.xlsx</t>
  </si>
  <si>
    <t>/o=exchangelabs/ou=exchange administrative group (fydibohf23spdlt)/cn=recipients/cn=002ec1cd4de64cd68f3e33ca3518cc0b-fernando ro;/o=exchangelabs/ou=exchange administrative group (fydibohf23spdlt)/cn=recipients/cn=092327d7955f47e78ad4a60dc2ac8d69-joaquim eli;/o=exchangelabs/ou=exchange administrative group (fydibohf23spdlt)/cn=recipients/cn=518109802f95454588121e2ff09bd792-marcio roge;/o=exchangelabs/ou=exchange administrative group (fydibohf23spdlt)/cn=recipients/cn=8f6e1392c4f24f4faa8b69e41e9921dd-francisco m;</t>
  </si>
  <si>
    <t>ENC: [Fatura B][TCO][FMM] Dashboard - Fechamento Setembro/19</t>
  </si>
  <si>
    <t>DB_FaturaB_2019.xlsm</t>
  </si>
  <si>
    <t>/o=exchangelabs/ou=exchange administrative group (fydibohf23spdlt)/cn=recipients/cn=002ec1cd4de64cd68f3e33ca3518cc0b-fernando ro,/o=exchangelabs/ou=exchange administrative group (fydibohf23spdlt)/cn=recipients/cn=092327d7955f47e78ad4a60dc2ac8d69-joaquim eli,/o=exchangelabs/ou=exchange administrative group (fydibohf23spdlt)/cn=recipients/cn=518109802f95454588121e2ff09bd792-marcio roge,/o=exchangelabs/ou=exchange administrative group (fydibohf23spdlt)/cn=recipients/cn=8f6e1392c4f24f4faa8b69e41e9921dd-francisco m</t>
  </si>
  <si>
    <t>mail.google.com/_/upload?authuser=0&amp;dcp=asu-n&amp;upload_id=AEnB2Ur8QD83TR1zp21y562iWmQNHnq9FLf_s74YI81TR6RZ_zPPvnyY4F6Yvm3Gg-aNH75M9YyMqFzI8cw4eri_sM8x4Pc7AQHfD9sbTK6qQRlLqDTBvt8&amp;upload_protocol=resumable</t>
  </si>
  <si>
    <t>kaio.alves123@gmail.com</t>
  </si>
  <si>
    <t>/o=exchangelabs/ou=exchange administrative group (fydibohf23spdlt)/cn=recipients/cn=453b61456320491dad510b65b310018f-kelen crist;/o=exchangelabs/ou=exchange administrative group (fydibohf23spdlt)/cn=recipients/cn=a452776c1b39477c8b59d497dfc8890e-graziella r;daniel.cabeceira@bradesco.com.br;</t>
  </si>
  <si>
    <t>RES: Base Crédito Parcelado</t>
  </si>
  <si>
    <t>Capacity Credito Parcelado 01.10 - mailing.xlsx</t>
  </si>
  <si>
    <t>/o=exchangelabs/ou=exchange administrative group (fydibohf23spdlt)/cn=recipients/cn=453b61456320491dad510b65b310018f-kelen crist,/o=exchangelabs/ou=exchange administrative group (fydibohf23spdlt)/cn=recipients/cn=a452776c1b39477c8b59d497dfc8890e-graziella r,daniel.cabeceira@bradesco.com.br</t>
  </si>
  <si>
    <t>09/30/2019 15:53:03</t>
  </si>
  <si>
    <t>/o=exchangelabs/ou=exchange administrative group (fydibohf23spdlt)/cn=recipients/cn=7d5b5a5c692742aa9ad66b557dfc7d91-denner gonc;/o=exchangelabs/ou=exchange administrative group (fydibohf23spdlt)/cn=recipients/cn=a8f05db2744643a38d71c36d72eacc9b-karla steph;</t>
  </si>
  <si>
    <t>Planilhas Gamification</t>
  </si>
  <si>
    <t>Gamification - Gerentes.xlsm</t>
  </si>
  <si>
    <t>/o=exchangelabs/ou=exchange administrative group (fydibohf23spdlt)/cn=recipients/cn=7d5b5a5c692742aa9ad66b557dfc7d91-denner gonc,/o=exchangelabs/ou=exchange administrative group (fydibohf23spdlt)/cn=recipients/cn=a8f05db2744643a38d71c36d72eacc9b-karla steph</t>
  </si>
  <si>
    <t>09/30/2019 21:34:50</t>
  </si>
  <si>
    <t>10.207.12.83</t>
  </si>
  <si>
    <t>/o=exchangelabs/ou=exchange administrative group (fydibohf23spdlt)/cn=recipients/cn=027c2da1ea5a42378a892f895ed29947-andressa tu;/o=exchangelabs/ou=exchange administrative group (fydibohf23spdlt)/cn=recipients/cn=valeria de mello lima;</t>
  </si>
  <si>
    <t>RES: IT EXPO - LISTA DE CONVIDADOS X CONFIRMADOS</t>
  </si>
  <si>
    <t>/o=exchangelabs/ou=exchange administrative group (fydibohf23spdlt)/cn=recipients/cn=027c2da1ea5a42378a892f895ed29947-andressa tu,/o=exchangelabs/ou=exchange administrative group (fydibohf23spdlt)/cn=recipients/cn=valeria de mello lima</t>
  </si>
  <si>
    <t>09/30/2019 21:40:40</t>
  </si>
  <si>
    <t>C:\Users\rcalarezo\Desktop\</t>
  </si>
  <si>
    <t>Indicações IT Forum Expo.xlsx</t>
  </si>
  <si>
    <t>10.200.68.130</t>
  </si>
  <si>
    <t>64-1C-67-9C-32-11</t>
  </si>
  <si>
    <t>Claidson Eustaquio Silva</t>
  </si>
  <si>
    <t>/o=exchangelabs/ou=exchange administrative group (fydibohf23spdlt)/cn=recipients/cn=1698f5af44b14116ad2d0b751d584c7d-danilo rafa;/o=exchangelabs/ou=exchange administrative group (fydibohf23spdlt)/cn=recipients/cn=1867d5fca12044e08946537995369baf-diego rodri;</t>
  </si>
  <si>
    <t>Indicadores- PCD</t>
  </si>
  <si>
    <t>Setembro 19- Tech.xlsm</t>
  </si>
  <si>
    <t>/o=exchangelabs/ou=exchange administrative group (fydibohf23spdlt)/cn=recipients/cn=1698f5af44b14116ad2d0b751d584c7d-danilo rafa,/o=exchangelabs/ou=exchange administrative group (fydibohf23spdlt)/cn=recipients/cn=1867d5fca12044e08946537995369baf-diego rodri</t>
  </si>
  <si>
    <t>ENC: Volume Gerenciadas Amex e Visa - 01/10</t>
  </si>
  <si>
    <t>anapscl@algartech.com;coordenadorespf@algartech.com;cristinahe@algartech.com;eunice.pimenta@algartech.com;michelecdc@algartech.com;micheless@algartech.com;</t>
  </si>
  <si>
    <t>Monitorias Online - Agosto</t>
  </si>
  <si>
    <t>MONITORIA GOV - Algar.xlsm</t>
  </si>
  <si>
    <t>anapscl@algartech.com,coordenadorespf@algartech.com,cristinahe@algartech.com,eunice.pimenta@algartech.com,michelecdc@algartech.com,micheless@algartech.com</t>
  </si>
  <si>
    <t>5 stars 01.10.csv</t>
  </si>
  <si>
    <t>anapscl@algartech.com;eunice.pimenta@algartech.com;michelecdc@algartech.com;micheless@algartech.com;</t>
  </si>
  <si>
    <t>MONITORIA GOV.xlsm</t>
  </si>
  <si>
    <t>anapscl@algartech.com,eunice.pimenta@algartech.com,michelecdc@algartech.com,micheless@algartech.com</t>
  </si>
  <si>
    <t>09/30/2019 17:41:35</t>
  </si>
  <si>
    <t>RES: ::: Seu cálculo de PLR - confirmar dados de atingimento :::</t>
  </si>
  <si>
    <t>Cópia de COORDENADORES x CLIENTES X CRs.xlsx</t>
  </si>
  <si>
    <t>10.200.99.92</t>
  </si>
  <si>
    <t>/o=exchangelabs/ou=exchange administrative group (fydibohf23spdlt)/cn=recipients/cn=2abd653b249741f0aaab575ad2f855a3-tayse ianda;/o=exchangelabs/ou=exchange administrative group (fydibohf23spdlt)/cn=recipients/cn=39b10ea69c23443aab7ad02aa1a69607-jose afonso;/o=exchangelabs/ou=exchange administrative group (fydibohf23spdlt)/cn=recipients/cn=57f57523b47440868fdef2c0ecd04b26-gustavo ram;/o=exchangelabs/ou=exchange administrative group (fydibohf23spdlt)/cn=recipients/cn=d1d015f213f648abbf348b5ccdf8e9d9-senilda per;/o=exchangelabs/ou=exchange administrative group (fydibohf23spdlt)/cn=recipients/cn=e6e28e2646d74f638943c02afdaa6d1e-luciana rod;/o=exchangelabs/ou=exchange administrative group (fydibohf23spdlt)/cn=recipients/cn=f0ff087361a245daa16e71ac77ecc3f0-ivan costa;/o=exchangelabs/ou=exchange administrative group (fydibohf23spdlt)/cn=recipients/cn=ff07a8bacc8946dda73cdb81f8820316-humberto eu;</t>
  </si>
  <si>
    <t>RES: Dados Faturamento _ Setembro</t>
  </si>
  <si>
    <t>Financeiro Outubro.xlsx</t>
  </si>
  <si>
    <t>/o=exchangelabs/ou=exchange administrative group (fydibohf23spdlt)/cn=recipients/cn=2abd653b249741f0aaab575ad2f855a3-tayse ianda,/o=exchangelabs/ou=exchange administrative group (fydibohf23spdlt)/cn=recipients/cn=39b10ea69c23443aab7ad02aa1a69607-jose afonso,/o=exchangelabs/ou=exchange administrative group (fydibohf23spdlt)/cn=recipients/cn=57f57523b47440868fdef2c0ecd04b26-gustavo ram,/o=exchangelabs/ou=exchange administrative group (fydibohf23spdlt)/cn=recipients/cn=d1d015f213f648abbf348b5ccdf8e9d9-senilda per,/o=exchangelabs/ou=exchange administrative group (fydibohf23spdlt)/cn=recipients/cn=e6e28e2646d74f638943c02afdaa6d1e-luciana rod,/o=exchangelabs/ou=exchange administrative group (fydibohf23spdlt)/cn=recipients/cn=f0ff087361a245daa16e71ac77ecc3f0-ivan costa,/o=exchangelabs/ou=exchange administrative group (fydibohf23spdlt)/cn=recipients/cn=ff07a8bacc8946dda73cdb81f8820316-humberto eu</t>
  </si>
  <si>
    <t>/o=exchangelabs/ou=exchange administrative group (fydibohf23spdlt)/cn=recipients/cn=15f616a4e6744bd78ffee4185371e965-cristiane d;/o=exchangelabs/ou=exchange administrative group (fydibohf23spdlt)/cn=recipients/cn=3bff4ffb267e4ea2a4a3347f6a4c5cf8-tatiane mag;/o=exchangelabs/ou=exchange administrative group (fydibohf23spdlt)/cn=recipients/cn=42aadbe8775e4c2cb37c145f9d092a4e-carlos west;/o=exchangelabs/ou=exchange administrative group (fydibohf23spdlt)/cn=recipients/cn=518109802f95454588121e2ff09bd792-marcio roge;/o=exchangelabs/ou=exchange administrative group (fydibohf23spdlt)/cn=recipients/cn=5eb8447f1992416c986b6f95f45fc7f7-jose paixao;/o=exchangelabs/ou=exchange administrative group (fydibohf23spdlt)/cn=recipients/cn=626f88f0427049a1bc09ea3f8adf9b1d-marcio rica;/o=exchangelabs/ou=exchange administrative group (fydibohf23spdlt)/cn=recipients/cn=748626653e664517a8268bc0a35e32b6-henrique nu;/o=exchangelabs/ou=exchange administrative group (fydibohf23spdlt)/cn=recipients/cn=7df34f8bfd5c49aba90be766dd53403a-rosi</t>
  </si>
  <si>
    <t>RES: RES: Veículos Leilão GST</t>
  </si>
  <si>
    <t>VEICULOS TECH_disponiveis para Leilão 25_09_2019 consolidada.xlsx</t>
  </si>
  <si>
    <t>/o=exchangelabs/ou=exchange administrative group (fydibohf23spdlt)/cn=recipients/cn=15f616a4e6744bd78ffee4185371e965-cristiane d,/o=exchangelabs/ou=exchange administrative group (fydibohf23spdlt)/cn=recipients/cn=3bff4ffb267e4ea2a4a3347f6a4c5cf8-tatiane mag,/o=exchangelabs/ou=exchange administrative group (fydibohf23spdlt)/cn=recipients/cn=42aadbe8775e4c2cb37c145f9d092a4e-carlos west,/o=exchangelabs/ou=exchange administrative group (fydibohf23spdlt)/cn=recipients/cn=518109802f95454588121e2ff09bd792-marcio roge,/o=exchangelabs/ou=exchange administrative group (fydibohf23spdlt)/cn=recipients/cn=5eb8447f1992416c986b6f95f45fc7f7-jose paixao,/o=exchangelabs/ou=exchange administrative group (fydibohf23spdlt)/cn=recipients/cn=626f88f0427049a1bc09ea3f8adf9b1d-marcio rica,/o=exchangelabs/ou=exchange administrative group (fydibohf23spdlt)/cn=recipients/cn=748626653e664517a8268bc0a35e32b6-henrique nu,/o=exchangelabs/ou=exchange administrative group (fydibohf23spdlt)/cn=recipients/cn=7df34f8bfd5c49aba90be766dd53403a-rosi</t>
  </si>
  <si>
    <t>akassiablc@algartech.com;</t>
  </si>
  <si>
    <t>RES: BFF Marcelo 092019</t>
  </si>
  <si>
    <t>BFF MARCELO.xlsx</t>
  </si>
  <si>
    <t>akassiablc@algartech.com</t>
  </si>
  <si>
    <t>Quadro de ativos - Algar NEXT - Fechamento Setembro 30/09</t>
  </si>
  <si>
    <t>Quadro de ativos - 30.09.19.xlsx</t>
  </si>
  <si>
    <t>Indicadores Contratos e memória cáculo</t>
  </si>
  <si>
    <t>10.211.2.116</t>
  </si>
  <si>
    <t>D8-9C-67-01-52-3B</t>
  </si>
  <si>
    <t>RES: Informações Bradesco - Contratos</t>
  </si>
  <si>
    <t>/o=exchangelabs/ou=exchange administrative group (fydibohf23spdlt)/cn=recipients/cn=user07db2088;kelly_c_alcarria@whirlpool.com;</t>
  </si>
  <si>
    <t>RES: BKO Casos Tratados de Jun a Set_2019</t>
  </si>
  <si>
    <t>Base BKO 2019.xlsx</t>
  </si>
  <si>
    <t>/o=exchangelabs/ou=exchange administrative group (fydibohf23spdlt)/cn=recipients/cn=user07db2088,kelly_c_alcarria@whirlpool.com</t>
  </si>
  <si>
    <t>/o=exchangelabs/ou=exchange administrative group (fydibohf23spdlt)/cn=recipients/cn=1e212ef08dab4f26b88cba944f2ab7cb-pmo.governa;/o=exchangelabs/ou=exchange administrative group (fydibohf23spdlt)/cn=recipients/cn=b3ad8a638fcc4c57bf8c7953dd4b3cb8-augusto ces;/o=exchangelabs/ou=exchange administrative group (fydibohf23spdlt)/cn=recipients/cn=cfc48e6960e745d5a5caa3a9584c60eb-leticia vie;/o=exchangelabs/ou=exchange administrative group (fydibohf23spdlt)/cn=recipients/cn=e04f4a5c99bd4ba1b4ff9572d332b2b8-sarah de ab;/o=exchangelabs/ou=exchange administrative group (fydibohf23spdlt)/cn=recipients/cn=f0723cfec25d44359e10a3afabfe3d5f-ederlei rod;</t>
  </si>
  <si>
    <t>LOTE DISPENDIO: PWEB para contabilização de FTE's - END POINT SECURITY (PI-1005295-19) - Setembro 2019</t>
  </si>
  <si>
    <t>340 - M09 - LD-2019-002-ATEC-2019-0030-007.xlsx</t>
  </si>
  <si>
    <t>/o=exchangelabs/ou=exchange administrative group (fydibohf23spdlt)/cn=recipients/cn=1e212ef08dab4f26b88cba944f2ab7cb-pmo.governa,/o=exchangelabs/ou=exchange administrative group (fydibohf23spdlt)/cn=recipients/cn=b3ad8a638fcc4c57bf8c7953dd4b3cb8-augusto ces,/o=exchangelabs/ou=exchange administrative group (fydibohf23spdlt)/cn=recipients/cn=cfc48e6960e745d5a5caa3a9584c60eb-leticia vie,/o=exchangelabs/ou=exchange administrative group (fydibohf23spdlt)/cn=recipients/cn=e04f4a5c99bd4ba1b4ff9572d332b2b8-sarah de ab,/o=exchangelabs/ou=exchange administrative group (fydibohf23spdlt)/cn=recipients/cn=f0723cfec25d44359e10a3afabfe3d5f-ederlei rod</t>
  </si>
  <si>
    <t>09/30/2019 17:23:21</t>
  </si>
  <si>
    <t>mail.google.com/_/upload?authuser=0&amp;dcp=asu-n&amp;upload_id=AEnB2UofC4KyG_F1jfdmzVaOLuNqKIKKZcPqVZpjDFCamXt6dSACHPutD_8VsjMg5qPYbHYQmpLp9ngBn-Z6f6SX8ElDwrs4WgkWptiyfPUP_whIaaIgpD0&amp;upload_protocol=resumable</t>
  </si>
  <si>
    <t>\\acsfs\DEPTOS\Controladoria\Planejamento\Reuniao Gerencial\2019\4ª Reuger\META\</t>
  </si>
  <si>
    <t>PWEBs</t>
  </si>
  <si>
    <t>TRANSF OPERAÇÕES AGO.19_190597.xls</t>
  </si>
  <si>
    <t>NB-HEITORFET</t>
  </si>
  <si>
    <t>heitorfet</t>
  </si>
  <si>
    <t>C:\Users\heitorfet\Desktop\</t>
  </si>
  <si>
    <t>Formulário Cadastro e Atualização de ICs (1).xlsx</t>
  </si>
  <si>
    <t>ENC: Relatório de Vendas SET.2019 - Financeira - Prévia Fechamento</t>
  </si>
  <si>
    <t>mail.google.com/_/upload?authuser=0&amp;dcp=asu-n&amp;upload_id=AEnB2UqqX-ey2S1HBrG7e0orVtXXh38kwC-Ou-XQ6UKHU_q9gQjL6lcqcWr5vtGeqAhuqUa2LmADZRN96bapXotDqxUlaBeo3_8hoxVQRpV6oqv4FOL5kT4&amp;upload_protocol=resumable</t>
  </si>
  <si>
    <t>alinecsf@algartech.com;carlossfj@algartech.com;carmem.peres@bradesco.com.br;christopherjs@algartech.com;danieldom@algartech.com;daniele.carvalho@bradesco.com.br;glauce.frias@bradesco.com.br;igorpc@algartech.com;jenefferfr@algartech.com;leandrolds@algartech.com;marina.yokogawa@bradesco.com.br;patriciaac@algartech.com;tatianedc@algartech.com;wiltonp@algartech.com;</t>
  </si>
  <si>
    <t>C:\Users\rodrigormc\Desktop\ABS - TO\</t>
  </si>
  <si>
    <t>Relatório de Turnover e Absenteísmo - Setembro.xls</t>
  </si>
  <si>
    <t>alinecsf@algartech.com,carlossfj@algartech.com,carmem.peres@bradesco.com.br,christopherjs@algartech.com,danieldom@algartech.com,daniele.carvalho@bradesco.com.br,glauce.frias@bradesco.com.br,igorpc@algartech.com,jenefferfr@algartech.com,leandrolds@algartech.com,marina.yokogawa@bradesco.com.br,patriciaac@algartech.com,tatianedc@algartech.com,wiltonp@algartech.com</t>
  </si>
  <si>
    <t>BP</t>
  </si>
  <si>
    <t>Preco sem Multas - Capex FTE Implantacao_ajustadoOPEX_desafio.xlsb</t>
  </si>
  <si>
    <t>Relatório de Pontos Retenção URA RECEPTIVA.xlsx</t>
  </si>
  <si>
    <t>C:\Users\rodrigombu\OneDrive - Grupo Algar\Whirlpool\2019\10 - Outubro\Arquivo\NPS\5 Star\</t>
  </si>
  <si>
    <t>/o=exchangelabs/ou=exchange administrative group (fydibohf23spdlt)/cn=recipients/cn=3f81420aa09a45308e82efb501d64cad-rafaela alv;/o=exchangelabs/ou=exchange administrative group (fydibohf23spdlt)/cn=recipients/cn=a75579a499254c2291e852b70c4d70d1-eunice apar;</t>
  </si>
  <si>
    <t>ENC: ACOMPANHAMENTO BLOQUEIO GERAL ILHA PF *** FECHAMENTO SETEMBRO 2019 ***</t>
  </si>
  <si>
    <t>BLOQUEIO GERAL ILHA PF.xlsb</t>
  </si>
  <si>
    <t>/o=exchangelabs/ou=exchange administrative group (fydibohf23spdlt)/cn=recipients/cn=3f81420aa09a45308e82efb501d64cad-rafaela alv,/o=exchangelabs/ou=exchange administrative group (fydibohf23spdlt)/cn=recipients/cn=a75579a499254c2291e852b70c4d70d1-eunice apar</t>
  </si>
  <si>
    <t>/o=exchangelabs/ou=exchange administrative group (fydibohf23spdlt)/cn=recipients/cn=56dc126fba5b4a5f8fb1cd7e4f10477d-thais olive;/o=exchangelabs/ou=exchange administrative group (fydibohf23spdlt)/cn=recipients/cn=dd910368577c476fa125a61033b7deb1-gean carlos;</t>
  </si>
  <si>
    <t>ENC: Projeto piloto de Educação financeira e controle de adimplência de revendedoras</t>
  </si>
  <si>
    <t>BASE PILOTO - EDUCACAO FINANCEIRA - 3009.xlsx</t>
  </si>
  <si>
    <t>/o=exchangelabs/ou=exchange administrative group (fydibohf23spdlt)/cn=recipients/cn=56dc126fba5b4a5f8fb1cd7e4f10477d-thais olive,/o=exchangelabs/ou=exchange administrative group (fydibohf23spdlt)/cn=recipients/cn=dd910368577c476fa125a61033b7deb1-gean carlos</t>
  </si>
  <si>
    <t>10.200.58.195</t>
  </si>
  <si>
    <t>D8-9C-67-6F-2F-F9</t>
  </si>
  <si>
    <t>/o=exchangelabs/ou=exchange administrative group (fydibohf23spdlt)/cn=recipients/cn=b284454839e94314a90d49e7ec00864f-antonio car;</t>
  </si>
  <si>
    <t>ENC: Tempo Ocioso</t>
  </si>
  <si>
    <t>segmento_operacoes_AvaliaTipoFaturamento.rar\</t>
  </si>
  <si>
    <t>segmento_operacoes_AvaliaTipoFaturamento.xls</t>
  </si>
  <si>
    <t>/o=exchangelabs/ou=exchange administrative group (fydibohf23spdlt)/cn=recipients/cn=b284454839e94314a90d49e7ec00864f-antonio car</t>
  </si>
  <si>
    <t>/o=exchangelabs/ou=exchange administrative group (fydibohf23spdlt)/cn=recipients/cn=3fdae55f800a40bf81283bd4e9732f23-ludimila ti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/o=exchangelabs/ou=exchange administrative group (fydibohf23spdlt)/cn=recipients/cn=3fdae55f800a40bf81283bd4e9732f23-ludimila ti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https://algarnet-my.sharepoint.com/personal/claudiofm_algartech_com/_layouts/15/upload.aspx?isajax=1&amp;list={f61af4e4-f527-4f79-8e3c-4aa79723a0f5}&amp;rootfolder=/personal/claudiofm_algartech_com/documents</t>
  </si>
  <si>
    <t>\\acsfs\DEPTOS\CPC\4 - MIS\2 - Cliente\4 - Whirlpool\12 - BackOffice - Paliativo\</t>
  </si>
  <si>
    <t>Relatório - Backoffice Whirlpool 01_10.xlsm</t>
  </si>
  <si>
    <t>/o=exchangelabs/ou=exchange administrative group (fydibohf23spdlt)/cn=recipients/cn=8e6b8c065fac499a8f75ad9fd8cd122b-luiz fernan;</t>
  </si>
  <si>
    <t>Linha digitavel digital</t>
  </si>
  <si>
    <t>Linhas Digital.csv</t>
  </si>
  <si>
    <t>/o=exchangelabs/ou=exchange administrative group (fydibohf23spdlt)/cn=recipients/cn=8e6b8c065fac499a8f75ad9fd8cd122b-luiz fernan</t>
  </si>
  <si>
    <t>09/30/2019 21:26:47</t>
  </si>
  <si>
    <t>robertacmf@algartech.com;</t>
  </si>
  <si>
    <t>Custos de Rescisão</t>
  </si>
  <si>
    <t>Plano G5.xls</t>
  </si>
  <si>
    <t>Desvio Setembro</t>
  </si>
  <si>
    <t>Desvio Setembro.xls</t>
  </si>
  <si>
    <t>/o=exchangelabs/ou=exchange administrative group (fydibohf23spdlt)/cn=recipients/cn=a72a765de829420582b78941417073ac-karina rodr;</t>
  </si>
  <si>
    <t>ENC: Fechamento Rateio Agosto/2019</t>
  </si>
  <si>
    <t>FECHAMENTO RATEIO EPO.xls</t>
  </si>
  <si>
    <t>/o=exchangelabs/ou=exchange administrative group (fydibohf23spdlt)/cn=recipients/cn=a72a765de829420582b78941417073ac-karina rodr</t>
  </si>
  <si>
    <t>/o=exchangelabs/ou=exchange administrative group (fydibohf23spdlt)/cn=recipients/cn=1e212ef08dab4f26b88cba944f2ab7cb-pmo.governa;/o=exchangelabs/ou=exchange administrative group (fydibohf23spdlt)/cn=recipients/cn=b3ad8a638fcc4c57bf8c7953dd4b3cb8-augusto ces;/o=exchangelabs/ou=exchange administrative group (fydibohf23spdlt)/cn=recipients/cn=cfc48e6960e745d5a5caa3a9584c60eb-leticia vie;sarah.abreu@cscalgar.com.br;</t>
  </si>
  <si>
    <t>LOTE DISPENDIO: PWEB para contabilização de FTE's - UPGRADE DAC1 - 2019 (PI-1005290-19) - Setembro 2019</t>
  </si>
  <si>
    <t>340 - M09 - LD-2019-002-ATEC-2019-0035-001.xlsx</t>
  </si>
  <si>
    <t>/o=exchangelabs/ou=exchange administrative group (fydibohf23spdlt)/cn=recipients/cn=1e212ef08dab4f26b88cba944f2ab7cb-pmo.governa,/o=exchangelabs/ou=exchange administrative group (fydibohf23spdlt)/cn=recipients/cn=b3ad8a638fcc4c57bf8c7953dd4b3cb8-augusto ces,/o=exchangelabs/ou=exchange administrative group (fydibohf23spdlt)/cn=recipients/cn=cfc48e6960e745d5a5caa3a9584c60eb-leticia vie,sarah.abreu@cscalgar.com.br</t>
  </si>
  <si>
    <t>/o=exchangelabs/ou=exchange administrative group (fydibohf23spdlt)/cn=recipients/cn=1e212ef08dab4f26b88cba944f2ab7cb-pmo.governa;/o=exchangelabs/ou=exchange administrative group (fydibohf23spdlt)/cn=recipients/cn=b3ad8a638fcc4c57bf8c7953dd4b3cb8-augusto ces;/o=exchangelabs/ou=exchange administrative group (fydibohf23spdlt)/cn=recipients/cn=cfc48e6960e745d5a5caa3a9584c60eb-leticia vie;/o=exchangelabs/ou=exchange administrative group (fydibohf23spdlt)/cn=recipients/cn=f0723cfec25d44359e10a3afabfe3d5f-ederlei rod;sarah.abreu@cscalgar.com.br;</t>
  </si>
  <si>
    <t>LOTE DISPENDIO: PWEB para contabilização de FTE's - LGPD (PI-1005293-19) - Setembro 2019</t>
  </si>
  <si>
    <t>LD-PMO-2019-001-ATEC-2019-0052-001.xlsx</t>
  </si>
  <si>
    <t>/o=exchangelabs/ou=exchange administrative group (fydibohf23spdlt)/cn=recipients/cn=1e212ef08dab4f26b88cba944f2ab7cb-pmo.governa,/o=exchangelabs/ou=exchange administrative group (fydibohf23spdlt)/cn=recipients/cn=b3ad8a638fcc4c57bf8c7953dd4b3cb8-augusto ces,/o=exchangelabs/ou=exchange administrative group (fydibohf23spdlt)/cn=recipients/cn=cfc48e6960e745d5a5caa3a9584c60eb-leticia vie,/o=exchangelabs/ou=exchange administrative group (fydibohf23spdlt)/cn=recipients/cn=f0723cfec25d44359e10a3afabfe3d5f-ederlei rod,sarah.abreu@cscalgar.com.br</t>
  </si>
  <si>
    <t>gustavohdsi@algartech.com;</t>
  </si>
  <si>
    <t>\\acsfs\DEPTOS\Operacao\PCP\5 - Comum\PLANEJAMENTO CRÉDITO &amp; COBRANÇA\04 - Quebra Diária e Pico\10 - Outubro\</t>
  </si>
  <si>
    <t>Cerrado 01 - Distribuição de Forecast 2019_45 dias_(MC PF).xlsb</t>
  </si>
  <si>
    <t>gustavohdsi@algartech.com</t>
  </si>
  <si>
    <t>/o=exchangelabs/ou=exchange administrative group (fydibohf23spdlt)/cn=recipients/cn=38cb943dd1ac413a953757a4a5a53053-fabio welze;/o=exchangelabs/ou=exchange administrative group (fydibohf23spdlt)/cn=recipients/cn=55643a6cbd93423e8f0c948d862c9e35-marcelo ale;/o=exchangelabs/ou=exchange administrative group (fydibohf23spdlt)/cn=recipients/cn=664567c81e2c4e9f9de1f7830ee164f0-octavio car;/o=exchangelabs/ou=exchange administrative group (fydibohf23spdlt)/cn=recipients/cn=835c532cfb2546d29b9ec50eab1593d1-carla betan;/o=exchangelabs/ou=exchange administrative group (fydibohf23spdlt)/cn=recipients/cn=89e58c8da071492dbdcb4fee4156b705-gustavo alm;/o=exchangelabs/ou=exchange administrative group (fydibohf23spdlt)/cn=recipients/cn=8c89829ad534498fa4c85b5ac11174f1-suelen more;/o=exchangelabs/ou=exchange administrative group (fydibohf23spdlt)/cn=recipients/cn=c6f5c50e91244036872327464dc6624a-cinthia mar;/o=exchangelabs/ou=exchange administrative group (fydibohf23spdlt)/cn=recipients/cn=d83e9d59f0c146deba07a1288603c97a-fern</t>
  </si>
  <si>
    <t>URGENTE Projeto Weg</t>
  </si>
  <si>
    <t>Atividades Primeiro Nivel.xlsx</t>
  </si>
  <si>
    <t>/o=exchangelabs/ou=exchange administrative group (fydibohf23spdlt)/cn=recipients/cn=38cb943dd1ac413a953757a4a5a53053-fabio welze,/o=exchangelabs/ou=exchange administrative group (fydibohf23spdlt)/cn=recipients/cn=55643a6cbd93423e8f0c948d862c9e35-marcelo ale,/o=exchangelabs/ou=exchange administrative group (fydibohf23spdlt)/cn=recipients/cn=664567c81e2c4e9f9de1f7830ee164f0-octavio car,/o=exchangelabs/ou=exchange administrative group (fydibohf23spdlt)/cn=recipients/cn=835c532cfb2546d29b9ec50eab1593d1-carla betan,/o=exchangelabs/ou=exchange administrative group (fydibohf23spdlt)/cn=recipients/cn=89e58c8da071492dbdcb4fee4156b705-gustavo alm,/o=exchangelabs/ou=exchange administrative group (fydibohf23spdlt)/cn=recipients/cn=8c89829ad534498fa4c85b5ac11174f1-suelen more,/o=exchangelabs/ou=exchange administrative group (fydibohf23spdlt)/cn=recipients/cn=c6f5c50e91244036872327464dc6624a-cinthia mar,/o=exchangelabs/ou=exchange administrative group (fydibohf23spdlt)/cn=recipients/cn=d83e9d59f0c146deba07a1288603c97a-fern</t>
  </si>
  <si>
    <t>crcevmc@algartech.com.br;cristiane.almeida@bradesco.com.br;</t>
  </si>
  <si>
    <t>RES: RES: RE: EMISSÃO BTB_BRASAL INCORPORACOES E CONSTRUCOES DE IMOVEIS LTDA // CNPJ 00323063000421 CRM:006250000750</t>
  </si>
  <si>
    <t>RES EMISSÃO BTB_BRASAL INCORPORACOES E CONSTRUCOES DE IMOVEIS LTDA CNPJ 00323063000421 CRM004210001352.msg\s1\</t>
  </si>
  <si>
    <t>BRASAL INCORPORAÇÕES E CONSTRUÇÕES DE IMÓVEIS LTDA.xlsx</t>
  </si>
  <si>
    <t>crcevmc@algartech.com.br,cristiane.almeida@bradesco.com.br</t>
  </si>
  <si>
    <t>/o=exchangelabs/ou=exchange administrative group (fydibohf23spdlt)/cn=recipients/cn=32b20a28d31f440a8435af323365cdb0-wesley doug;</t>
  </si>
  <si>
    <t>CNJ infra - DPF - CNJ NOC.xls</t>
  </si>
  <si>
    <t>/o=exchangelabs/ou=exchange administrative group (fydibohf23spdlt)/cn=recipients/cn=32b20a28d31f440a8435af323365cdb0-wesley doug</t>
  </si>
  <si>
    <t>C:\Users\marcoab\Desktop\Lista Prospect\</t>
  </si>
  <si>
    <t>CIO BRASIL 17 - COMPLETAO.xlsb</t>
  </si>
  <si>
    <t>CIO BRASIL 17 - QUEM FOI.xls</t>
  </si>
  <si>
    <t>CIO ITForum - Filtragem Belissimo.xlsx</t>
  </si>
  <si>
    <t>CIOs_mailing_ITForum2019_2004 - final - pos.xlsx</t>
  </si>
  <si>
    <t>Perfil das Empresas 2017_Clientes.xlsb</t>
  </si>
  <si>
    <t>\\acsfs\engeset\ASA_ULA\NUCLEO_ATIVOS\PROJETOS\2019\DESMOBILIZAÇÃO BBN\</t>
  </si>
  <si>
    <t>Base veículos conciliada.xlsx</t>
  </si>
  <si>
    <t>/o=exchangelabs/ou=exchange administrative group (fydibohf23spdlt)/cn=recipients/cn=3604eabf59564dc8baa49b62a099a560-tatielly sa;/o=exchangelabs/ou=exchange administrative group (fydibohf23spdlt)/cn=recipients/cn=userd3ef8196;</t>
  </si>
  <si>
    <t>RES: consolidado setembro televendas</t>
  </si>
  <si>
    <t>Vendas TLV Setembro.xlsx</t>
  </si>
  <si>
    <t>/o=exchangelabs/ou=exchange administrative group (fydibohf23spdlt)/cn=recipients/cn=3604eabf59564dc8baa49b62a099a560-tatielly sa,/o=exchangelabs/ou=exchange administrative group (fydibohf23spdlt)/cn=recipients/cn=userd3ef8196</t>
  </si>
  <si>
    <t>10.207.12.70</t>
  </si>
  <si>
    <t>64-1C-67-9D-34-F7</t>
  </si>
  <si>
    <t>PROSPECÇÕES - MARCO BELISSIMO.xlsx</t>
  </si>
  <si>
    <t>10.200.64.1</t>
  </si>
  <si>
    <t>/o=exchangelabs/ou=exchange administrative group (fydibohf23spdlt)/cn=recipients/cn=142c8fe1b4224ee196db8bf4b9345086-silvana da;/o=exchangelabs/ou=exchange administrative group (fydibohf23spdlt)/cn=recipients/cn=b32bbc30b7a64ef3b4a020e4541acf37-thais candi;/o=exchangelabs/ou=exchange administrative group (fydibohf23spdlt)/cn=recipients/cn=f1fa7b5f2dce43bd8b02a02ac96cdb40-grace susan;</t>
  </si>
  <si>
    <t>RES: Orçamento Treinamento Bradesco</t>
  </si>
  <si>
    <t>Custo Disney V2.xlsx</t>
  </si>
  <si>
    <t>/o=exchangelabs/ou=exchange administrative group (fydibohf23spdlt)/cn=recipients/cn=142c8fe1b4224ee196db8bf4b9345086-silvana da,/o=exchangelabs/ou=exchange administrative group (fydibohf23spdlt)/cn=recipients/cn=b32bbc30b7a64ef3b4a020e4541acf37-thais candi,/o=exchangelabs/ou=exchange administrative group (fydibohf23spdlt)/cn=recipients/cn=f1fa7b5f2dce43bd8b02a02ac96cdb40-grace susan</t>
  </si>
  <si>
    <t>Aderência Setembro</t>
  </si>
  <si>
    <t>Aderência Setembro.xls</t>
  </si>
  <si>
    <t>https://caey.fa.us2.oraclecloud.com/crmui/faces/fusewelcome?_adf.ctrl-state=z0m7faes5_9</t>
  </si>
  <si>
    <t>D:\OneDrive\AlgarTech\Pré-Vendas\Cliente\2019\Brasif\206367 - Virtualização Servidores Mastersaf\</t>
  </si>
  <si>
    <t>Preco_206367_V1.xlsb</t>
  </si>
  <si>
    <t>D:\OneDrive\AlgarTech\Pré-Vendas\Cliente\2019\Comfrio\206392 - Upgrade Oracle 12\</t>
  </si>
  <si>
    <t>206392_PrecoV1.xlsb</t>
  </si>
  <si>
    <t>10.200.58.58</t>
  </si>
  <si>
    <t>54-BF-64-F5-84-62</t>
  </si>
  <si>
    <t>alexsandrodmju@algartech.com;antoniaama@algartech.com;carloselo@algartech.com;luizccga@algartech.com;michelro@algartech.com;nataliamam@algartech.com;querencm@algartech.com;rosilenedlf@algartech.com;ruidrt@algartech.com;</t>
  </si>
  <si>
    <t>Fraseologia URA Genesys.xlsx</t>
  </si>
  <si>
    <t>alexsandrodmju@algartech.com,antoniaama@algartech.com,carloselo@algartech.com,luizccga@algartech.com,michelro@algartech.com,nataliamam@algartech.com,querencm@algartech.com,rosilenedlf@algartech.com,ruidrt@algartech.com</t>
  </si>
  <si>
    <t>ENC: Departamentais Jan a Ago/19 (sem valores)</t>
  </si>
  <si>
    <t>10.211.2.136</t>
  </si>
  <si>
    <t>/o=exchangelabs/ou=exchange administrative group (fydibohf23spdlt)/cn=recipients/cn=651324bc204a42f6bbcdf62273ebdc5c-aluisio ant;/o=exchangelabs/ou=exchange administrative group (fydibohf23spdlt)/cn=recipients/cn=fedd0b8e2dbf442f837981a40559d630-viviane bar;</t>
  </si>
  <si>
    <t>Apresentação Evolução de Portfolio Atualizada</t>
  </si>
  <si>
    <t>Evolução de Portifólio - PPE GAT - Outubro 2019_v5.pptx\</t>
  </si>
  <si>
    <t>/o=exchangelabs/ou=exchange administrative group (fydibohf23spdlt)/cn=recipients/cn=651324bc204a42f6bbcdf62273ebdc5c-aluisio ant,/o=exchangelabs/ou=exchange administrative group (fydibohf23spdlt)/cn=recipients/cn=fedd0b8e2dbf442f837981a40559d630-viviane bar</t>
  </si>
  <si>
    <t>/o=exchangelabs/ou=exchange administrative group (fydibohf23spdlt)/cn=recipients/cn=43cb74e00d3c492dbb631ee85133ea99-pre vendas;/o=exchangelabs/ou=exchange administrative group (fydibohf23spdlt)/cn=recipients/cn=56c2af2d07fd48c0aebfc00ddc006494-alessio rod;/o=exchangelabs/ou=exchange administrative group (fydibohf23spdlt)/cn=recipients/cn=d88a7a6edf3c4cd1adfe6fb303685120-renato frei;</t>
  </si>
  <si>
    <t>Check list BP - Pre validação dos insumos</t>
  </si>
  <si>
    <t>Check List BP.xlsx</t>
  </si>
  <si>
    <t>/o=exchangelabs/ou=exchange administrative group (fydibohf23spdlt)/cn=recipients/cn=43cb74e00d3c492dbb631ee85133ea99-pre vendas,/o=exchangelabs/ou=exchange administrative group (fydibohf23spdlt)/cn=recipients/cn=56c2af2d07fd48c0aebfc00ddc006494-alessio rod,/o=exchangelabs/ou=exchange administrative group (fydibohf23spdlt)/cn=recipients/cn=d88a7a6edf3c4cd1adfe6fb303685120-renato frei</t>
  </si>
  <si>
    <t>10.200.32.101</t>
  </si>
  <si>
    <t>Treinamentos para programação de escalas</t>
  </si>
  <si>
    <t>Cópia de VERSÃOA ATUALIZADA_BRADESCO RESERVAS- ATUAL 30-09.xlsx</t>
  </si>
  <si>
    <t>Pasta3 (002).xlsx</t>
  </si>
  <si>
    <t>Cronograma Algar - BV - Validação_v1 - Copia.xlsx</t>
  </si>
  <si>
    <t>10.200.206.74</t>
  </si>
  <si>
    <t>/o=exchangelabs/ou=exchange administrative group (fydibohf23spdlt)/cn=recipients/cn=6c861aa06809426789ff50cfcf8afea3-rosemary az;</t>
  </si>
  <si>
    <t>ENC: Mailing</t>
  </si>
  <si>
    <t>Mailing - Toyota - 30092019 - VOZ.xlsx</t>
  </si>
  <si>
    <t>/o=exchangelabs/ou=exchange administrative group (fydibohf23spdlt)/cn=recipients/cn=6c861aa06809426789ff50cfcf8afea3-rosemary az</t>
  </si>
  <si>
    <t>/o=exchangelabs/ou=exchange administrative group (fydibohf23spdlt)/cn=recipients/cn=1a68fd0c71d242d89abd9f9904b69653-lidianne sa;/o=exchangelabs/ou=exchange administrative group (fydibohf23spdlt)/cn=recipients/cn=2946605dcf554cb389220dec598b84fa-adriano mon;/o=exchangelabs/ou=exchange administrative group (fydibohf23spdlt)/cn=recipients/cn=8da96f497b5c46ee81c2775857a1df84-pedro henri;</t>
  </si>
  <si>
    <t>ENC: Estudo Start FALCON</t>
  </si>
  <si>
    <t>Estudo Falcon.xlsx</t>
  </si>
  <si>
    <t>/o=exchangelabs/ou=exchange administrative group (fydibohf23spdlt)/cn=recipients/cn=1a68fd0c71d242d89abd9f9904b69653-lidianne sa,/o=exchangelabs/ou=exchange administrative group (fydibohf23spdlt)/cn=recipients/cn=2946605dcf554cb389220dec598b84fa-adriano mon,/o=exchangelabs/ou=exchange administrative group (fydibohf23spdlt)/cn=recipients/cn=8da96f497b5c46ee81c2775857a1df84-pedro henri</t>
  </si>
  <si>
    <t>/o=exchangelabs/ou=exchange administrative group (fydibohf23spdlt)/cn=recipients/cn=2361e4251bf74fc4a50ab766b8d95847-algar tech;/o=exchangelabs/ou=exchange administrative group (fydibohf23spdlt)/cn=recipients/cn=8c89829ad534498fa4c85b5ac11174f1-suelen more;/o=exchangelabs/ou=exchange administrative group (fydibohf23spdlt)/cn=recipients/cn=d376cbd484f64104bc8476daf590c7dc-paulo eduar;/o=exchangelabs/ou=exchange administrative group (fydibohf23spdlt)/cn=recipients/cn=f71035a74a95411c8b0276261ec8a527-rafael barr;</t>
  </si>
  <si>
    <t>RES: Oportunidade - 214371- Elite - Backup</t>
  </si>
  <si>
    <t>214371 - Plan Precificacao C017 B017.xlsb</t>
  </si>
  <si>
    <t>/o=exchangelabs/ou=exchange administrative group (fydibohf23spdlt)/cn=recipients/cn=2361e4251bf74fc4a50ab766b8d95847-algar tech,/o=exchangelabs/ou=exchange administrative group (fydibohf23spdlt)/cn=recipients/cn=8c89829ad534498fa4c85b5ac11174f1-suelen more,/o=exchangelabs/ou=exchange administrative group (fydibohf23spdlt)/cn=recipients/cn=d376cbd484f64104bc8476daf590c7dc-paulo eduar,/o=exchangelabs/ou=exchange administrative group (fydibohf23spdlt)/cn=recipients/cn=f71035a74a95411c8b0276261ec8a527-rafael barr</t>
  </si>
  <si>
    <t>/o=exchangelabs/ou=exchange administrative group (fydibohf23spdlt)/cn=recipients/cn=2b1a6c2f5f1a48f98baec437d66528d4-ana paula f;/o=exchangelabs/ou=exchange administrative group (fydibohf23spdlt)/cn=recipients/cn=2f25493a7e37433d8dafca90f527b173-danubia cri;/o=exchangelabs/ou=exchange administrative group (fydibohf23spdlt)/cn=recipients/cn=b1f7688b183f4d74a7993976c4ad8f5e-diogenes pa;/o=exchangelabs/ou=exchange administrative group (fydibohf23spdlt)/cn=recipients/cn=b70d138991f94ab89bdba9ce054a0773-mayara teix;/o=exchangelabs/ou=exchange administrative group (fydibohf23spdlt)/cn=recipients/cn=cd357e63731b4983b100b1a5028f9649-william car;/o=exchangelabs/ou=exchange administrative group (fydibohf23spdlt)/cn=recipients/cn=ec8d74b9f1014e0287ebc00c465f223b-aline marqu;</t>
  </si>
  <si>
    <t>RES: Treinamentos em andamento PJ</t>
  </si>
  <si>
    <t>Lista de Treinamento TSC CORP - FRAD.xlsx</t>
  </si>
  <si>
    <t>/o=exchangelabs/ou=exchange administrative group (fydibohf23spdlt)/cn=recipients/cn=2b1a6c2f5f1a48f98baec437d66528d4-ana paula f,/o=exchangelabs/ou=exchange administrative group (fydibohf23spdlt)/cn=recipients/cn=2f25493a7e37433d8dafca90f527b173-danubia cri,/o=exchangelabs/ou=exchange administrative group (fydibohf23spdlt)/cn=recipients/cn=b1f7688b183f4d74a7993976c4ad8f5e-diogenes pa,/o=exchangelabs/ou=exchange administrative group (fydibohf23spdlt)/cn=recipients/cn=b70d138991f94ab89bdba9ce054a0773-mayara teix,/o=exchangelabs/ou=exchange administrative group (fydibohf23spdlt)/cn=recipients/cn=cd357e63731b4983b100b1a5028f9649-william car,/o=exchangelabs/ou=exchange administrative group (fydibohf23spdlt)/cn=recipients/cn=ec8d74b9f1014e0287ebc00c465f223b-aline marqu</t>
  </si>
  <si>
    <t>c:\users\ruidrt\onedrive - grupo algar\documentos\</t>
  </si>
  <si>
    <t>férias irregulares_out 19.xls</t>
  </si>
  <si>
    <t>anapcrp@algartech.com;leticiasdsi@algartech.com;</t>
  </si>
  <si>
    <t>C:\Users\gustavohdsi\Downloads\</t>
  </si>
  <si>
    <t>FDS.xlsx</t>
  </si>
  <si>
    <t>anapcrp@algartech.com,leticiasdsi@algartech.com</t>
  </si>
  <si>
    <t>c:\users\marcoab\appdata\local\microsoft\windows\inetcache\content.outlook\czimo071\</t>
  </si>
  <si>
    <t>rfp itau - concessão de acessos 2019.xlsx</t>
  </si>
  <si>
    <t>/o=exchangelabs/ou=exchange administrative group (fydibohf23spdlt)/cn=recipients/cn=81f72ed6e9d042e3bed0cec08d488854-vinicius go;</t>
  </si>
  <si>
    <t>Base Dynamics</t>
  </si>
  <si>
    <t>'Exibição de Localização Avançada de Log da Ocorrência.xlsx</t>
  </si>
  <si>
    <t>/o=exchangelabs/ou=exchange administrative group (fydibohf23spdlt)/cn=recipients/cn=81f72ed6e9d042e3bed0cec08d488854-vinicius go</t>
  </si>
  <si>
    <t>/o=exchangelabs/ou=exchange administrative group (fydibohf23spdlt)/cn=recipients/cn=617c18ba304146409115ba3a3aaee6b7-marco aurel;/o=exchangelabs/ou=exchange administrative group (fydibohf23spdlt)/cn=recipients/cn=7d13fcff1e804d05afcf907fc6d75650-piero crede;/o=exchangelabs/ou=exchange administrative group (fydibohf23spdlt)/cn=recipients/cn=8c89829ad534498fa4c85b5ac11174f1-suelen more;</t>
  </si>
  <si>
    <t>Itau</t>
  </si>
  <si>
    <t>204274 - Itau - Service Desk - v4 - Plan Precificacao C017 B017.xlsb</t>
  </si>
  <si>
    <t>/o=exchangelabs/ou=exchange administrative group (fydibohf23spdlt)/cn=recipients/cn=617c18ba304146409115ba3a3aaee6b7-marco aurel,/o=exchangelabs/ou=exchange administrative group (fydibohf23spdlt)/cn=recipients/cn=7d13fcff1e804d05afcf907fc6d75650-piero crede,/o=exchangelabs/ou=exchange administrative group (fydibohf23spdlt)/cn=recipients/cn=8c89829ad534498fa4c85b5ac11174f1-suelen more</t>
  </si>
  <si>
    <t>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fabio martins sampaio - 004327;</t>
  </si>
  <si>
    <t>Apresentacao - Business Performance_ VF3.pptx\</t>
  </si>
  <si>
    <t>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fabio martins sampaio - 004327</t>
  </si>
  <si>
    <t>BP Preço C017 B017-Renault Latam LOT5 (insite) v1.7 - 26%MC (fechamento pós BAFO).xlsb</t>
  </si>
  <si>
    <t>C:\Users\ronansdm\Desktop\VEICULO\</t>
  </si>
  <si>
    <t>Chamado Compras.xlsx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09 - SPEAK SET.19.xlsx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</t>
  </si>
  <si>
    <t>C:\Users\amandafdcs\Desktop\</t>
  </si>
  <si>
    <t>AMEX.xlsx</t>
  </si>
  <si>
    <t>/o=exchangelabs/ou=exchange administrative group (fydibohf23spdlt)/cn=recipients/cn=168e05cabbf14ae289464a0c09955b31-sara ferrei;/o=exchangelabs/ou=exchange administrative group (fydibohf23spdlt)/cn=recipients/cn=18538d61f6f342f7a3d2db08df47d617-vanusa prec;/o=exchangelabs/ou=exchange administrative group (fydibohf23spdlt)/cn=recipients/cn=54abac0a4fdc4ad1bec39bb51d85eab1-victor hugo;/o=exchangelabs/ou=exchange administrative group (fydibohf23spdlt)/cn=recipients/cn=b144f37bc5a4455085d413d0b7993628-daniela de;</t>
  </si>
  <si>
    <t>RES: Lanches e Refeições</t>
  </si>
  <si>
    <t>Desjejum_Daniela Flores.xlsx</t>
  </si>
  <si>
    <t>/o=exchangelabs/ou=exchange administrative group (fydibohf23spdlt)/cn=recipients/cn=168e05cabbf14ae289464a0c09955b31-sara ferrei,/o=exchangelabs/ou=exchange administrative group (fydibohf23spdlt)/cn=recipients/cn=18538d61f6f342f7a3d2db08df47d617-vanusa prec,/o=exchangelabs/ou=exchange administrative group (fydibohf23spdlt)/cn=recipients/cn=54abac0a4fdc4ad1bec39bb51d85eab1-victor hugo,/o=exchangelabs/ou=exchange administrative group (fydibohf23spdlt)/cn=recipients/cn=b144f37bc5a4455085d413d0b7993628-daniela de</t>
  </si>
  <si>
    <t>/o=exchangelabs/ou=exchange administrative group (fydibohf23spdlt)/cn=recipients/cn=f7a4290a46314a3cbb0d392508a7b5c5-luciana sil;/o=exchangelabs/ou=exchange administrative group (fydibohf23spdlt)/cn=recipients/cn=f9fe932422d84c28aad0bc6079f59209-daniele dos;adelso@xtrategie.com.br;fernanda.rizk@xtrategie.com.br;frederico@xtrategie.com.br;</t>
  </si>
  <si>
    <t>RES: Demandas Algar Tech - Segundo Semestre 2019</t>
  </si>
  <si>
    <t>Contatos para entrevista_validados pelo Comercial_011019.xlsx</t>
  </si>
  <si>
    <t>/o=exchangelabs/ou=exchange administrative group (fydibohf23spdlt)/cn=recipients/cn=f7a4290a46314a3cbb0d392508a7b5c5-luciana sil,/o=exchangelabs/ou=exchange administrative group (fydibohf23spdlt)/cn=recipients/cn=f9fe932422d84c28aad0bc6079f59209-daniele dos,adelso@xtrategie.com.br,fernanda.rizk@xtrategie.com.br,frederico@xtrategie.com.br</t>
  </si>
  <si>
    <t>CONSOLIDAÇÂO - Estrutura Planejamento Longo Prazo</t>
  </si>
  <si>
    <t>2019 9 - A100 KPI Report-rev1.xlsx</t>
  </si>
  <si>
    <t>21014_JOB - OUTUBRO.xlsx</t>
  </si>
  <si>
    <t>\\acsfs\deptos\secretarias diretoria\assessoras\rateio coffee shop\</t>
  </si>
  <si>
    <t>controle oficial - fechamento mensal.xlsx</t>
  </si>
  <si>
    <t>COMPOSIÇÃO RECEITA CAIXA CAP.xlsx</t>
  </si>
  <si>
    <t>21016.xlsx</t>
  </si>
  <si>
    <t>21011.xlsx</t>
  </si>
  <si>
    <t>21013.xlsx</t>
  </si>
  <si>
    <t>D:\OneDrive\Pessoal\Contas\</t>
  </si>
  <si>
    <t>C:\Users\gildaepma\Desktop\</t>
  </si>
  <si>
    <t>4T2019 anualizado.xls</t>
  </si>
  <si>
    <t>C:\Users\victorsm\OneDrive - Grupo Algar\04 - Trabalhos - Algar\01 - Bradesco\</t>
  </si>
  <si>
    <t>BASE - KPI'S Bradesco.xlsx</t>
  </si>
  <si>
    <t>Yuri.pptx</t>
  </si>
  <si>
    <t>Yuri.pptx\</t>
  </si>
  <si>
    <t>09/30/2019 18:54:40</t>
  </si>
  <si>
    <t>/o=exchangelabs/ou=exchange administrative group (fydibohf23spdlt)/cn=recipients/cn=0651a2e6de9d45c49c0c1d2e978eeedf-cassio muri;/o=exchangelabs/ou=exchange administrative group (fydibohf23spdlt)/cn=recipients/cn=52770e074a4c4c2d8cb1ba69f4e3e4de-leila alves;/o=exchangelabs/ou=exchange administrative group (fydibohf23spdlt)/cn=recipients/cn=734e200a010f4814bc06d169d0edbbde-cristiana p;/o=exchangelabs/ou=exchange administrative group (fydibohf23spdlt)/cn=recipients/cn=bec14da9ad4d434b8151ce12587e9186-khassio mar;/o=exchangelabs/ou=exchange administrative group (fydibohf23spdlt)/cn=recipients/cn=d8ab77282d2d4f648a84840ef886dad9-eneias viei;/o=exchangelabs/ou=exchange administrative group (fydibohf23spdlt)/cn=recipients/cn=user0043920d;alessandra.n.silva@bradesco.com.br;anacarolina.carvalho@bradesco.com.br;celiene.soares@temposervicos.com.br;claudinei.oier@bradesco.com.br;cristiana.moura@bradesco.com.br;eleida.fraga@bradesco.com.br;flavia@iclicconsultoria.com.br;iraide.neves@bradesco.com.br;jacqueline.m.ferreira@</t>
  </si>
  <si>
    <t>RES: Importante _ Processamento de Macros (Corporate e EBTA) nos dias 30/09 e 01/10</t>
  </si>
  <si>
    <t>RES DEMANDA MIGRAÇÃO - GERAÇÃO DE FATURAS -- PROTOCOLO VB 514092.msg\s1\</t>
  </si>
  <si>
    <t>EXTRATO ACCENTURE DO BRASIL.xlsx</t>
  </si>
  <si>
    <t>/o=exchangelabs/ou=exchange administrative group (fydibohf23spdlt)/cn=recipients/cn=0651a2e6de9d45c49c0c1d2e978eeedf-cassio muri,/o=exchangelabs/ou=exchange administrative group (fydibohf23spdlt)/cn=recipients/cn=52770e074a4c4c2d8cb1ba69f4e3e4de-leila alves,/o=exchangelabs/ou=exchange administrative group (fydibohf23spdlt)/cn=recipients/cn=734e200a010f4814bc06d169d0edbbde-cristiana p,/o=exchangelabs/ou=exchange administrative group (fydibohf23spdlt)/cn=recipients/cn=bec14da9ad4d434b8151ce12587e9186-khassio mar,/o=exchangelabs/ou=exchange administrative group (fydibohf23spdlt)/cn=recipients/cn=d8ab77282d2d4f648a84840ef886dad9-eneias viei,/o=exchangelabs/ou=exchange administrative group (fydibohf23spdlt)/cn=recipients/cn=user0043920d,alessandra.n.silva@bradesco.com.br,anacarolina.carvalho@bradesco.com.br,celiene.soares@temposervicos.com.br,claudinei.oier@bradesco.com.br,cristiana.moura@bradesco.com.br,eleida.fraga@bradesco.com.br,flavia@iclicconsultoria.com.br,iraide.neves@bradesco.com.br,jacqueline.m.ferreira@</t>
  </si>
  <si>
    <t>09/30/2019 18:56:53</t>
  </si>
  <si>
    <t>100550 BANCO VOTORANTIM SA.xlsx</t>
  </si>
  <si>
    <t>09/30/2019 18:58:01</t>
  </si>
  <si>
    <t>095326 GENERAL MILLS BR EBTA.xlsx</t>
  </si>
  <si>
    <t>/o=exchangelabs/ou=exchange administrative group (fydibohf23spdlt)/cn=recipients/cn=0ee39e9e189c42369588db5cf6d2866d-celia regin;/o=exchangelabs/ou=exchange administrative group (fydibohf23spdlt)/cn=recipients/cn=52684aee05874b27a5c249763c2fe008-andre mota;/o=exchangelabs/ou=exchange administrative group (fydibohf23spdlt)/cn=recipients/cn=a8f05db2744643a38d71c36d72eacc9b-karla steph;/o=exchangelabs/ou=exchange administrative group (fydibohf23spdlt)/cn=recipients/cn=b67cad4ecfa344baaa94d716e7554f49-bruno camel;</t>
  </si>
  <si>
    <t>ENC: Pendência Operações Caixa</t>
  </si>
  <si>
    <t>/o=exchangelabs/ou=exchange administrative group (fydibohf23spdlt)/cn=recipients/cn=0ee39e9e189c42369588db5cf6d2866d-celia regin,/o=exchangelabs/ou=exchange administrative group (fydibohf23spdlt)/cn=recipients/cn=52684aee05874b27a5c249763c2fe008-andre mota,/o=exchangelabs/ou=exchange administrative group (fydibohf23spdlt)/cn=recipients/cn=a8f05db2744643a38d71c36d72eacc9b-karla steph,/o=exchangelabs/ou=exchange administrative group (fydibohf23spdlt)/cn=recipients/cn=b67cad4ecfa344baaa94d716e7554f49-bruno camel</t>
  </si>
  <si>
    <t>10.200.32.182</t>
  </si>
  <si>
    <t>64-1C-67-9C-55-31</t>
  </si>
  <si>
    <t>NB-THAISBR</t>
  </si>
  <si>
    <t>marlonrfj</t>
  </si>
  <si>
    <t>C:\Users\marlonrfj\OneDrive\</t>
  </si>
  <si>
    <t>Bi - Dashboard Gerencial De Qualidade - Geral ( Avaliações)_Bradesco.xlsx</t>
  </si>
  <si>
    <t>20190923 Voice Bot - Investimento-v2.xlsx</t>
  </si>
  <si>
    <t>/o=exchangelabs/ou=exchange administrative group (fydibohf23spdlt)/cn=recipients/cn=ab46a8675a184bef8d8f2440330cff44-daise jesus;</t>
  </si>
  <si>
    <t>Filas</t>
  </si>
  <si>
    <t>'Exibição de Localização Avançada de Ocorrência (92).xlsx'</t>
  </si>
  <si>
    <t>/o=exchangelabs/ou=exchange administrative group (fydibohf23spdlt)/cn=recipients/cn=ab46a8675a184bef8d8f2440330cff44-daise jesus</t>
  </si>
  <si>
    <t>Controle Ponto - Setembro - Copia.xlsx</t>
  </si>
  <si>
    <t>ENC: RECEITAS CAIXA CAP E YOUSE X BPS RFP</t>
  </si>
  <si>
    <t>RECEITAS CAIXA CAP E YOUSE X BPS RFP.xlsx</t>
  </si>
  <si>
    <t>ENC: Orçamento_2019 Caixa Seguradora</t>
  </si>
  <si>
    <t>Orçamento_2019_v2.xlsx</t>
  </si>
  <si>
    <t>Categorização</t>
  </si>
  <si>
    <t>Categorizações.xlsx</t>
  </si>
  <si>
    <t>Controle Ponto - Outubro.xlsx</t>
  </si>
  <si>
    <t>juliogp@algartech.com.br;</t>
  </si>
  <si>
    <t>ENC: DEPARTAMENTOS PENDENTES CONTENCIOSO</t>
  </si>
  <si>
    <t>ANX.Relacao_Agencias.xlsx</t>
  </si>
  <si>
    <t>juliogp@algartech.com.br</t>
  </si>
  <si>
    <t>https://caey.fa.us2.oraclecloud.com/crmui/faces/fuseoverview?_adf.ctrl-state=bto3gfpup_5&amp;fnd=;;;;false;256;;;&amp;fndglobalitemnodeid=moo_opptymgmtopportunities_crm_card</t>
  </si>
  <si>
    <t>C:\Users\andressatal\Downloads\</t>
  </si>
  <si>
    <t>Transacional-27-09.xlsx</t>
  </si>
  <si>
    <t>Cts Outubro</t>
  </si>
  <si>
    <t>1.A-RPCCB Ctas.xlsx</t>
  </si>
  <si>
    <t>Orçamento 2020 - CR2009 - Falcon</t>
  </si>
  <si>
    <t>Orçamento 2020 .xls</t>
  </si>
  <si>
    <t>Transacional-205374.xlsx</t>
  </si>
  <si>
    <t>RES: CRCE: Emissão novos BTB's para compras virtuais da empresa Brasal CRM:006250000684</t>
  </si>
  <si>
    <t>RES: Mailing</t>
  </si>
  <si>
    <t>Lista It Forum X - 3.xlsx</t>
  </si>
  <si>
    <t>/o=exchangelabs/ou=exchange administrative group (fydibohf23spdlt)/cn=recipients/cn=1635ed1077024674b65c52767dacde9a-jullian pac;/o=exchangelabs/ou=exchange administrative group (fydibohf23spdlt)/cn=recipients/cn=2361e4251bf74fc4a50ab766b8d95847-algar tech;/o=exchangelabs/ou=exchange administrative group (fydibohf23spdlt)/cn=recipients/cn=249f643ba1e044588b45a020c76dadde-daniel de o;/o=exchangelabs/ou=exchange administrative group (fydibohf23spdlt)/cn=recipients/cn=3b76b3dd02a14d289cc323d3c8d12b81-waleska mar;/o=exchangelabs/ou=exchange administrative group (fydibohf23spdlt)/cn=recipients/cn=4b453b7f02914710b3e94bcf7b311ad4-fernando po;/o=exchangelabs/ou=exchange administrative group (fydibohf23spdlt)/cn=recipients/cn=8c89829ad534498fa4c85b5ac11174f1-suelen more;/o=exchangelabs/ou=exchange administrative group (fydibohf23spdlt)/cn=recipients/cn=cd8b2a090a5a4c598d5ed820d2d5af1e-luciano men;/o=exchangelabs/ou=exchange administrative group (fydibohf23spdlt)/cn=recipients/cn=cd93dacc38404a95a829585c2e317a9f-dioni</t>
  </si>
  <si>
    <t>RES: solicitação de cotação de preços - Processo 40143349H</t>
  </si>
  <si>
    <t>Planilha de dúvidas.xlsx</t>
  </si>
  <si>
    <t>/o=exchangelabs/ou=exchange administrative group (fydibohf23spdlt)/cn=recipients/cn=1635ed1077024674b65c52767dacde9a-jullian pac,/o=exchangelabs/ou=exchange administrative group (fydibohf23spdlt)/cn=recipients/cn=2361e4251bf74fc4a50ab766b8d95847-algar tech,/o=exchangelabs/ou=exchange administrative group (fydibohf23spdlt)/cn=recipients/cn=249f643ba1e044588b45a020c76dadde-daniel de o,/o=exchangelabs/ou=exchange administrative group (fydibohf23spdlt)/cn=recipients/cn=3b76b3dd02a14d289cc323d3c8d12b81-waleska mar,/o=exchangelabs/ou=exchange administrative group (fydibohf23spdlt)/cn=recipients/cn=4b453b7f02914710b3e94bcf7b311ad4-fernando po,/o=exchangelabs/ou=exchange administrative group (fydibohf23spdlt)/cn=recipients/cn=8c89829ad534498fa4c85b5ac11174f1-suelen more,/o=exchangelabs/ou=exchange administrative group (fydibohf23spdlt)/cn=recipients/cn=cd8b2a090a5a4c598d5ed820d2d5af1e-luciano men,/o=exchangelabs/ou=exchange administrative group (fydibohf23spdlt)/cn=recipients/cn=cd93dacc38404a95a829585c2e317a9f-dioni</t>
  </si>
  <si>
    <t>/o=exchangelabs/ou=exchange administrative group (fydibohf23spdlt)/cn=recipients/cn=2361e4251bf74fc4a50ab766b8d95847-algar tech;/o=exchangelabs/ou=exchange administrative group (fydibohf23spdlt)/cn=recipients/cn=a67b870d47244fa19f0fe0fbb7458d8d-igo henriqu;/o=exchangelabs/ou=exchange administrative group (fydibohf23spdlt)/cn=recipients/cn=d34c20e435fc44238499c0f70f47c7e5-ricardo fer;</t>
  </si>
  <si>
    <t>RES: RFP UNIMED SEGUROS</t>
  </si>
  <si>
    <t>RFPInfra.rar\</t>
  </si>
  <si>
    <t>6Anexo VI RFP - Tabela de precificaÃ§Ã£o.xlsx</t>
  </si>
  <si>
    <t>/o=exchangelabs/ou=exchange administrative group (fydibohf23spdlt)/cn=recipients/cn=2361e4251bf74fc4a50ab766b8d95847-algar tech,/o=exchangelabs/ou=exchange administrative group (fydibohf23spdlt)/cn=recipients/cn=a67b870d47244fa19f0fe0fbb7458d8d-igo henriqu,/o=exchangelabs/ou=exchange administrative group (fydibohf23spdlt)/cn=recipients/cn=d34c20e435fc44238499c0f70f47c7e5-ricardo fer</t>
  </si>
  <si>
    <t>ENC: SAC 24x 7- Redução PA´s VOZ</t>
  </si>
  <si>
    <t>C:\Users\mariannacsm\OneDrive - Grupo Algar\0- PMO-POOL\PMO\TAPs.zip\TAPs\</t>
  </si>
  <si>
    <t>TAPs.xlsx</t>
  </si>
  <si>
    <t>C:\Users\mariannacsm\OneDrive - Grupo Algar\0- PMO-POOL\PMO\TAPs.zip\TAPs\Projeto CRM - NOK\Apresenta‡Æo CRM 11-06.ppt\s2\</t>
  </si>
  <si>
    <t>C:\Users\mariannacsm\OneDrive - Grupo Algar\0- PMO-POOL\PMO\TAPs.zip\TAPs\Vendas Exponenciais\TAP - ATEC-2019-0079-001 - VENDAS EXPONENCIAIS.pptx\</t>
  </si>
  <si>
    <t>C:\Users\lucianafaa\OneDrive - Grupo Algar\2019\PROJETOS\REAJUSTE DE CONTRATO\PLANILHA REAJUSTES\STATUS REPORT\STATUS SEMANAL\26-08\</t>
  </si>
  <si>
    <t>Fechados de Set a Dez - Copia.xlsx</t>
  </si>
  <si>
    <t>mail.google.com/_/upload?authuser=0&amp;dcp=asu-n&amp;upload_id=AEnB2UpQUM-EGIHPXGuKTUTGL9KpPQ79gEom5RnlmiHE_X90aqLsBFW5T1zS0xBpHSonvHqmKHbQp77w7ACemACUsIQKwuyZ_w&amp;upload_protocol=resumable</t>
  </si>
  <si>
    <t>C:\Users\danielhdm\OneDrive - Grupo Algar\Anexos\downloads\DE - BASE BRADESCO - VCOM.docx\</t>
  </si>
  <si>
    <t>C:\Users\danielhdm\OneDrive - Grupo Algar\Anexos\downloads\DE - BASE BRADESCO - VCOM (1).docx\</t>
  </si>
  <si>
    <t>C:\Users\danielhdm\OneDrive - Grupo Algar\Anexos\downloads\</t>
  </si>
  <si>
    <t>Relatorio.xls</t>
  </si>
  <si>
    <t>10.200.57.233</t>
  </si>
  <si>
    <t>Cobranças.</t>
  </si>
  <si>
    <t>RES Validação de Documento REQ 12567.msg\s1\</t>
  </si>
  <si>
    <t>/o=exchangelabs/ou=exchange administrative group (fydibohf23spdlt)/cn=recipients/cn=1ef1d5b65a414ccea16527d004fcca4f-renan tavar;</t>
  </si>
  <si>
    <t>ENC: Treinamentos para programação de escalas</t>
  </si>
  <si>
    <t>/o=exchangelabs/ou=exchange administrative group (fydibohf23spdlt)/cn=recipients/cn=1ef1d5b65a414ccea16527d004fcca4f-renan tavar</t>
  </si>
  <si>
    <t>Relatorio (1).xls</t>
  </si>
  <si>
    <t>lotofacil_planilhas_16dzs_EQPIRA.xls</t>
  </si>
  <si>
    <t>Layout_URA_Cobranca.xls</t>
  </si>
  <si>
    <t>responsabilidades carna Coró.xlsx</t>
  </si>
  <si>
    <t>REQ5 - 107180_DE - BRADESCO_NOVA_OPERACAO_Comentado.xlsx</t>
  </si>
  <si>
    <t>PLANILHA ERRE 5 FAÇA 14 DESDOBRE 20 LOTOFÁCIL TRIBO DA SORTE V01.xlsx</t>
  </si>
  <si>
    <t>PCP - 01102018 - 01102018.xlsx</t>
  </si>
  <si>
    <t>Licencas_Algar_Jul - Ago - Set - 2019.xlsx</t>
  </si>
  <si>
    <t>Licencas_Algar_Jul - Ago - Set - 2019 (1).xlsx</t>
  </si>
  <si>
    <t>Layout IBI_Aspect.xlsx</t>
  </si>
  <si>
    <t>Lay_out_VOB.xlsx</t>
  </si>
  <si>
    <t>Lay_out_RAW_Layout_v2.xlsx</t>
  </si>
  <si>
    <t>Lay_out_RAW_Layout_v2 (1).xlsx</t>
  </si>
  <si>
    <t>Lay_out_RAW.XLSX</t>
  </si>
  <si>
    <t>Lay_out_AR004.xlsx</t>
  </si>
  <si>
    <t>DESPESAS FINAL.xlsx</t>
  </si>
  <si>
    <t>CARTEIRA_CORRENTISTA_EAVM_VCOM_.xlsx</t>
  </si>
  <si>
    <t>CÃ³pia de otoaci MATRIZ 23 DZ. 30 JOGOS.xlsx</t>
  </si>
  <si>
    <t>107181_DE - BRADESCO_NOVA_OPERACAO_Comentado.xlsx</t>
  </si>
  <si>
    <t>107176_DE - BRADESCO_NOVA_OPERACAO_Comentado.xlsx</t>
  </si>
  <si>
    <t>/o=exchangelabs/ou=exchange administrative group (fydibohf23spdlt)/cn=recipients/cn=0163bfef0e474630bdcf0a3698e9ffd4-amanda ferr;/o=exchangelabs/ou=exchange administrative group (fydibohf23spdlt)/cn=recipients/cn=1ef1d5b65a414ccea16527d004fcca4f-renan tavar;</t>
  </si>
  <si>
    <t>/o=exchangelabs/ou=exchange administrative group (fydibohf23spdlt)/cn=recipients/cn=0163bfef0e474630bdcf0a3698e9ffd4-amanda ferr,/o=exchangelabs/ou=exchange administrative group (fydibohf23spdlt)/cn=recipients/cn=1ef1d5b65a414ccea16527d004fcca4f-renan tavar</t>
  </si>
  <si>
    <t>/o=exchangelabs/ou=exchange administrative group (fydibohf23spdlt)/cn=recipients/cn=168e05cabbf14ae289464a0c09955b31-sara ferrei;/o=exchangelabs/ou=exchange administrative group (fydibohf23spdlt)/cn=recipients/cn=2b69c7de1a3641269a7eed0596e1ddc2-wayner oliv;/o=exchangelabs/ou=exchange administrative group (fydibohf23spdlt)/cn=recipients/cn=33d249108a194f94ad1c0c445c411f81-sabrina vie;/o=exchangelabs/ou=exchange administrative group (fydibohf23spdlt)/cn=recipients/cn=54abac0a4fdc4ad1bec39bb51d85eab1-victor hugo;/o=exchangelabs/ou=exchange administrative group (fydibohf23spdlt)/cn=recipients/cn=55f846c335d7437f892f0b0d49c89e92-celma ribei;/o=exchangelabs/ou=exchange administrative group (fydibohf23spdlt)/cn=recipients/cn=6bc6ced03b1b4fafa41bb5c70c178940-antonio per;/o=exchangelabs/ou=exchange administrative group (fydibohf23spdlt)/cn=recipients/cn=9e7c445894a4474a86a42a5f271a0d12-viviane res;/o=exchangelabs/ou=exchange administrative group (fydibohf23spdlt)/cn=recipients/cn=b1a72fc2d0234efca84c7771ea70c7ee-robe</t>
  </si>
  <si>
    <t>Clientes Fechado x Internalizados - Reajustes - 2019</t>
  </si>
  <si>
    <t>Fechados de JAN -SET-19.xlsx</t>
  </si>
  <si>
    <t>/o=exchangelabs/ou=exchange administrative group (fydibohf23spdlt)/cn=recipients/cn=168e05cabbf14ae289464a0c09955b31-sara ferrei,/o=exchangelabs/ou=exchange administrative group (fydibohf23spdlt)/cn=recipients/cn=2b69c7de1a3641269a7eed0596e1ddc2-wayner oliv,/o=exchangelabs/ou=exchange administrative group (fydibohf23spdlt)/cn=recipients/cn=33d249108a194f94ad1c0c445c411f81-sabrina vie,/o=exchangelabs/ou=exchange administrative group (fydibohf23spdlt)/cn=recipients/cn=54abac0a4fdc4ad1bec39bb51d85eab1-victor hugo,/o=exchangelabs/ou=exchange administrative group (fydibohf23spdlt)/cn=recipients/cn=55f846c335d7437f892f0b0d49c89e92-celma ribei,/o=exchangelabs/ou=exchange administrative group (fydibohf23spdlt)/cn=recipients/cn=6bc6ced03b1b4fafa41bb5c70c178940-antonio per,/o=exchangelabs/ou=exchange administrative group (fydibohf23spdlt)/cn=recipients/cn=9e7c445894a4474a86a42a5f271a0d12-viviane res,/o=exchangelabs/ou=exchange administrative group (fydibohf23spdlt)/cn=recipients/cn=b1a72fc2d0234efca84c7771ea70c7ee-robe</t>
  </si>
  <si>
    <t>/o=exchangelabs/ou=exchange administrative group (fydibohf23spdlt)/cn=recipients/cn=096be01f3be1448b9e04fb22996909f1-michele sil;/o=exchangelabs/ou=exchange administrative group (fydibohf23spdlt)/cn=recipients/cn=35869a39927a432c8d0daeede3b9e512-joyce virgi;/o=exchangelabs/ou=exchange administrative group (fydibohf23spdlt)/cn=recipients/cn=3fdae55f800a40bf81283bd4e9732f23-ludimila ti;/o=exchangelabs/ou=exchange administrative group (fydibohf23spdlt)/cn=recipients/cn=b4c27a00523743509c2a8673c01acf8b-emanuella g;/o=exchangelabs/ou=exchange administrative group (fydibohf23spdlt)/cn=recipients/cn=ba307e7ec0fc4bdbb07006aa828c05f7-carina ferr;/o=exchangelabs/ou=exchange administrative group (fydibohf23spdlt)/cn=recipients/cn=d1d015f213f648abbf348b5ccdf8e9d9-senilda per;/o=exchangelabs/ou=exchange administrative group (fydibohf23spdlt)/cn=recipients/cn=e6e28e2646d74f638943c02afdaa6d1e-luciana rod;/o=exchangelabs/ou=exchange administrative group (fydibohf23spdlt)/cn=recipients/cn=f701196445cc4cd494c258b6fe596d27-pame</t>
  </si>
  <si>
    <t>Pesquisa de Satisfação - Fechamento Setembro.xlsx</t>
  </si>
  <si>
    <t>/o=exchangelabs/ou=exchange administrative group (fydibohf23spdlt)/cn=recipients/cn=096be01f3be1448b9e04fb22996909f1-michele sil,/o=exchangelabs/ou=exchange administrative group (fydibohf23spdlt)/cn=recipients/cn=35869a39927a432c8d0daeede3b9e512-joyce virgi,/o=exchangelabs/ou=exchange administrative group (fydibohf23spdlt)/cn=recipients/cn=3fdae55f800a40bf81283bd4e9732f23-ludimila ti,/o=exchangelabs/ou=exchange administrative group (fydibohf23spdlt)/cn=recipients/cn=b4c27a00523743509c2a8673c01acf8b-emanuella g,/o=exchangelabs/ou=exchange administrative group (fydibohf23spdlt)/cn=recipients/cn=ba307e7ec0fc4bdbb07006aa828c05f7-carina ferr,/o=exchangelabs/ou=exchange administrative group (fydibohf23spdlt)/cn=recipients/cn=d1d015f213f648abbf348b5ccdf8e9d9-senilda per,/o=exchangelabs/ou=exchange administrative group (fydibohf23spdlt)/cn=recipients/cn=e6e28e2646d74f638943c02afdaa6d1e-luciana rod,/o=exchangelabs/ou=exchange administrative group (fydibohf23spdlt)/cn=recipients/cn=f701196445cc4cd494c258b6fe596d27-pame</t>
  </si>
  <si>
    <t>Pweb Reclassificação NF transporte notebooks - Copia.xls</t>
  </si>
  <si>
    <t>ENC: Saldo a vencer banco de horas - Outubro - Minas Gerais</t>
  </si>
  <si>
    <t>saldo a vencer banco horas minas gerais outubro.xls</t>
  </si>
  <si>
    <t>/o=exchangelabs/ou=exchange administrative group (fydibohf23spdlt)/cn=recipients/cn=cd8b2a090a5a4c598d5ed820d2d5af1e-luciano men;/o=exchangelabs/ou=exchange administrative group (fydibohf23spdlt)/cn=recipients/cn=d54ee4de981948cf993ae0c9e1a3aecc-andrea regi;</t>
  </si>
  <si>
    <t>ENC: IP 61325 | Renovação contrato AAYA-7TUS67 service desk Algar Tech x Tribanco</t>
  </si>
  <si>
    <t>Calculo Banco Triangulo - AAYA-7TUS67.xlsb</t>
  </si>
  <si>
    <t>/o=exchangelabs/ou=exchange administrative group (fydibohf23spdlt)/cn=recipients/cn=cd8b2a090a5a4c598d5ed820d2d5af1e-luciano men,/o=exchangelabs/ou=exchange administrative group (fydibohf23spdlt)/cn=recipients/cn=d54ee4de981948cf993ae0c9e1a3aecc-andrea regi</t>
  </si>
  <si>
    <t>/o=exchangelabs/ou=exchange administrative group (fydibohf23spdlt)/cn=recipients/cn=58ffc1e01a9d4eec8e3d842278cac233-helio reis;</t>
  </si>
  <si>
    <t>ENC: Book De planejamento</t>
  </si>
  <si>
    <t>S&amp;OP_PLANEJAMENT1.xlsx</t>
  </si>
  <si>
    <t>/o=exchangelabs/ou=exchange administrative group (fydibohf23spdlt)/cn=recipients/cn=58ffc1e01a9d4eec8e3d842278cac233-helio reis</t>
  </si>
  <si>
    <t>C:\Users\rodrigombu\OneDrive - Grupo Algar\Whirlpool\2019\09 - Setembro\Arquivo\URA\</t>
  </si>
  <si>
    <t>Acompanhamento Intradiário Unificado PF + Pjotinha - Setembro.xlsm</t>
  </si>
  <si>
    <t>/o=exchangelabs/ou=exchange administrative group (fydibohf23spdlt)/cn=recipients/cn=61af722dd06149089cf1c867d796b8bc-delso estre;/o=exchangelabs/ou=exchange administrative group (fydibohf23spdlt)/cn=recipients/cn=8fd99aed0dcd4cc881e5e5966c425c41-gabriel bor;</t>
  </si>
  <si>
    <t>Material - Cargos e Remuneração</t>
  </si>
  <si>
    <t>Estratégia de Remuneração Algar Tech - Ano 2019.pptx\</t>
  </si>
  <si>
    <t>/o=exchangelabs/ou=exchange administrative group (fydibohf23spdlt)/cn=recipients/cn=61af722dd06149089cf1c867d796b8bc-delso estre,/o=exchangelabs/ou=exchange administrative group (fydibohf23spdlt)/cn=recipients/cn=8fd99aed0dcd4cc881e5e5966c425c41-gabriel bor</t>
  </si>
  <si>
    <t>/o=exchangelabs/ou=exchange administrative group (fydibohf23spdlt)/cn=recipients/cn=6bc6ced03b1b4fafa41bb5c70c178940-antonio per;/o=exchangelabs/ou=exchange administrative group (fydibohf23spdlt)/cn=recipients/cn=78e530b5e3244cc1a89eba7f7b0af42f-marco tulio;/o=exchangelabs/ou=exchange administrative group (fydibohf23spdlt)/cn=recipients/cn=e3778f57d65f4c17a6287602f9eb0cdc-alessandra;/o=exchangelabs/ou=exchange administrative group (fydibohf23spdlt)/cn=recipients/cn=fe134ce6f7124ebfa00395a14326bd71-luciana ber;</t>
  </si>
  <si>
    <t>ENC: Apresentação Proposta Televendas Algar Telecom</t>
  </si>
  <si>
    <t>Simulações Televendas Telecom 100% Variável.xlsx</t>
  </si>
  <si>
    <t>/o=exchangelabs/ou=exchange administrative group (fydibohf23spdlt)/cn=recipients/cn=6bc6ced03b1b4fafa41bb5c70c178940-antonio per,/o=exchangelabs/ou=exchange administrative group (fydibohf23spdlt)/cn=recipients/cn=78e530b5e3244cc1a89eba7f7b0af42f-marco tulio,/o=exchangelabs/ou=exchange administrative group (fydibohf23spdlt)/cn=recipients/cn=e3778f57d65f4c17a6287602f9eb0cdc-alessandra,/o=exchangelabs/ou=exchange administrative group (fydibohf23spdlt)/cn=recipients/cn=fe134ce6f7124ebfa00395a14326bd71-luciana ber</t>
  </si>
  <si>
    <t>09/30/2019 14:49:24</t>
  </si>
  <si>
    <t>/o=exchangelabs/ou=exchange administrative group (fydibohf23spdlt)/cn=recipients/cn=2144abc9537143519f505fcb8550b74c-juliana emi;/o=exchangelabs/ou=exchange administrative group (fydibohf23spdlt)/cn=recipients/cn=c29ec9dae022497281c840087cccddec-patricia ar;</t>
  </si>
  <si>
    <t>Alteração GH</t>
  </si>
  <si>
    <t>ALTERAÇÃO GH PROCESSOS.xlsx</t>
  </si>
  <si>
    <t>/o=exchangelabs/ou=exchange administrative group (fydibohf23spdlt)/cn=recipients/cn=2144abc9537143519f505fcb8550b74c-juliana emi,/o=exchangelabs/ou=exchange administrative group (fydibohf23spdlt)/cn=recipients/cn=c29ec9dae022497281c840087cccddec-patricia ar</t>
  </si>
  <si>
    <t>09/30/2019 16:47:15</t>
  </si>
  <si>
    <t>/o=exchangelabs/ou=exchange administrative group (fydibohf23spdlt)/cn=recipients/cn=1c8b05eecf8f4bb997a7db92bb500b07-jessika laz;</t>
  </si>
  <si>
    <t>Ferias Irregulares</t>
  </si>
  <si>
    <t>Formulario_Ferias_Irregulares_-_Algar_Tech.xls</t>
  </si>
  <si>
    <t>/o=exchangelabs/ou=exchange administrative group (fydibohf23spdlt)/cn=recipients/cn=1c8b05eecf8f4bb997a7db92bb500b07-jessika laz</t>
  </si>
  <si>
    <t>09/30/2019 16:52:04</t>
  </si>
  <si>
    <t>RES: Ferias Irregulares</t>
  </si>
  <si>
    <t>09/30/2019 16:54:37</t>
  </si>
  <si>
    <t>ENC: Ferias Irregulares</t>
  </si>
  <si>
    <t>Ficha de Registro (cargo operacionais) - 1º etapa</t>
  </si>
  <si>
    <t>Ficha de Registro.xlsx</t>
  </si>
  <si>
    <t>/o=exchangelabs/ou=exchange administrative group (fydibohf23spdlt)/cn=recipients/cn=6857e7b89b5f46e3b6aed2352ac8d5ac-carlos albe;/o=exchangelabs/ou=exchange administrative group (fydibohf23spdlt)/cn=recipients/cn=7f100576a0d642769861fae5d58c2022-diego barda;/o=exchangelabs/ou=exchange administrative group (fydibohf23spdlt)/cn=recipients/cn=dc545318d7744217a865d0e9bb7ca61d-luciana gom;/o=exchangelabs/ou=exchange administrative group (fydibohf23spdlt)/cn=recipients/cn=groupf6411c2f;</t>
  </si>
  <si>
    <t>RES: PROJETO RECALL TOYOTA</t>
  </si>
  <si>
    <t>Mailing - Toyota - 01102019 - VOZ.xlsx</t>
  </si>
  <si>
    <t>/o=exchangelabs/ou=exchange administrative group (fydibohf23spdlt)/cn=recipients/cn=6857e7b89b5f46e3b6aed2352ac8d5ac-carlos albe,/o=exchangelabs/ou=exchange administrative group (fydibohf23spdlt)/cn=recipients/cn=7f100576a0d642769861fae5d58c2022-diego barda,/o=exchangelabs/ou=exchange administrative group (fydibohf23spdlt)/cn=recipients/cn=dc545318d7744217a865d0e9bb7ca61d-luciana gom,/o=exchangelabs/ou=exchange administrative group (fydibohf23spdlt)/cn=recipients/cn=groupf6411c2f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6189712535ea4b50a3625910837af2c9-larissa bra;/o=exchangelabs/ou=exchange administrative group (fydibohf23spdlt)/cn=recipients/cn=ca1f2dadbd0542a8ad075275acf52ff3-rondinele s;guilherme_andrade@whirlpool.com;thais_coimbra_fonseca_algar@whirlpool.com;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6189712535ea4b50a3625910837af2c9-larissa bra,/o=exchangelabs/ou=exchange administrative group (fydibohf23spdlt)/cn=recipients/cn=ca1f2dadbd0542a8ad075275acf52ff3-rondinele s,guilherme_andrade@whirlpool.com,thais_coimbra_fonseca_algar@whirlpool.com</t>
  </si>
  <si>
    <t>DEMANDA MIGRAÇÃO - GERAÇÃO DE FATURAS --.msg\s1\</t>
  </si>
  <si>
    <t>FATURA ABERTA.xlsx</t>
  </si>
  <si>
    <t>/o=exchangelabs/ou=exchange administrative group (fydibohf23spdlt)/cn=recipients/cn=f0ff087361a245daa16e71ac77ecc3f0-ivan costa;</t>
  </si>
  <si>
    <t>ENC: Ranking</t>
  </si>
  <si>
    <t>/o=exchangelabs/ou=exchange administrative group (fydibohf23spdlt)/cn=recipients/cn=f0ff087361a245daa16e71ac77ecc3f0-ivan costa</t>
  </si>
  <si>
    <t>/o=exchangelabs/ou=exchange administrative group (fydibohf23spdlt)/cn=recipients/cn=1ef1d5b65a414ccea16527d004fcca4f-renan tavar;/o=exchangelabs/ou=exchange administrative group (fydibohf23spdlt)/cn=recipients/cn=822f65115a2046059fff20a916dd90e9-thais marti;/o=exchangelabs/ou=exchange administrative group (fydibohf23spdlt)/cn=recipients/cn=90da2ce1966f46d7ab19fc9aab29d663-almir silva;</t>
  </si>
  <si>
    <t>RES: Treinamentos para programação de escalas</t>
  </si>
  <si>
    <t>/o=exchangelabs/ou=exchange administrative group (fydibohf23spdlt)/cn=recipients/cn=1ef1d5b65a414ccea16527d004fcca4f-renan tavar,/o=exchangelabs/ou=exchange administrative group (fydibohf23spdlt)/cn=recipients/cn=822f65115a2046059fff20a916dd90e9-thais marti,/o=exchangelabs/ou=exchange administrative group (fydibohf23spdlt)/cn=recipients/cn=90da2ce1966f46d7ab19fc9aab29d663-almir silva</t>
  </si>
  <si>
    <t>crcevmc@algartech.com.br;diegorm@algartech.com.br;emissaogerenciadapj@algartech.com.br;gabrielals@algartech.com.br;hamiltoniof@algartech.com.br;mariains@algartech.com.br;pablo.faria@temposervicos.com.br;poliane.amaral@bradesco.com.br;tiago.g.freitas@bradesco.com.br;</t>
  </si>
  <si>
    <t>RES: Emissão Novo Cartão BTB EMPRESA:PLURAL SA BANCO MULTIPLO//CNPJ:45.246.410/0004-06 CRM:004060000143</t>
  </si>
  <si>
    <t>BRASIL PLURAL S.A. BANCO MULTIPLO.xlsx</t>
  </si>
  <si>
    <t>crcevmc@algartech.com.br,diegorm@algartech.com.br,emissaogerenciadapj@algartech.com.br,gabrielals@algartech.com.br,hamiltoniof@algartech.com.br,mariains@algartech.com.br,pablo.faria@temposervicos.com.br,poliane.amaral@bradesco.com.br,tiago.g.freitas@bradesco.com.br</t>
  </si>
  <si>
    <t>/o=exchangelabs/ou=exchange administrative group (fydibohf23spdlt)/cn=recipients/cn=2361e4251bf74fc4a50ab766b8d95847-algar tech;/o=exchangelabs/ou=exchange administrative group (fydibohf23spdlt)/cn=recipients/cn=249f643ba1e044588b45a020c76dadde-daniel de o;/o=exchangelabs/ou=exchange administrative group (fydibohf23spdlt)/cn=recipients/cn=3b76b3dd02a14d289cc323d3c8d12b81-waleska mar;/o=exchangelabs/ou=exchange administrative group (fydibohf23spdlt)/cn=recipients/cn=4b453b7f02914710b3e94bcf7b311ad4-fernando po;/o=exchangelabs/ou=exchange administrative group (fydibohf23spdlt)/cn=recipients/cn=8c89829ad534498fa4c85b5ac11174f1-suelen more;/o=exchangelabs/ou=exchange administrative group (fydibohf23spdlt)/cn=recipients/cn=cd8b2a090a5a4c598d5ed820d2d5af1e-luciano men;/o=exchangelabs/ou=exchange administrative group (fydibohf23spdlt)/cn=recipients/cn=cd93dacc38404a95a829585c2e317a9f-dionizio ri;/o=exchangelabs/ou=exchange administrative group (fydibohf23spdlt)/cn=recipients/cn=e5dfe65308934e02acfffcb2185133f4-danie</t>
  </si>
  <si>
    <t>Planilha de dúvidas Comercial v2.xlsx</t>
  </si>
  <si>
    <t>/o=exchangelabs/ou=exchange administrative group (fydibohf23spdlt)/cn=recipients/cn=2361e4251bf74fc4a50ab766b8d95847-algar tech,/o=exchangelabs/ou=exchange administrative group (fydibohf23spdlt)/cn=recipients/cn=249f643ba1e044588b45a020c76dadde-daniel de o,/o=exchangelabs/ou=exchange administrative group (fydibohf23spdlt)/cn=recipients/cn=3b76b3dd02a14d289cc323d3c8d12b81-waleska mar,/o=exchangelabs/ou=exchange administrative group (fydibohf23spdlt)/cn=recipients/cn=4b453b7f02914710b3e94bcf7b311ad4-fernando po,/o=exchangelabs/ou=exchange administrative group (fydibohf23spdlt)/cn=recipients/cn=8c89829ad534498fa4c85b5ac11174f1-suelen more,/o=exchangelabs/ou=exchange administrative group (fydibohf23spdlt)/cn=recipients/cn=cd8b2a090a5a4c598d5ed820d2d5af1e-luciano men,/o=exchangelabs/ou=exchange administrative group (fydibohf23spdlt)/cn=recipients/cn=cd93dacc38404a95a829585c2e317a9f-dionizio ri,/o=exchangelabs/ou=exchange administrative group (fydibohf23spdlt)/cn=recipients/cn=e5dfe65308934e02acfffcb2185133f4-danie</t>
  </si>
  <si>
    <t>10.200.58.86</t>
  </si>
  <si>
    <t>80-86-F2-FD-54-80</t>
  </si>
  <si>
    <t>/o=exchangelabs/ou=exchange administrative group (fydibohf23spdlt)/cn=recipients/cn=782d75ab3cda4cfa88d22b405cd49ea0-sueleide al;</t>
  </si>
  <si>
    <t>TB03_20191001_152300.xls</t>
  </si>
  <si>
    <t>/o=exchangelabs/ou=exchange administrative group (fydibohf23spdlt)/cn=recipients/cn=782d75ab3cda4cfa88d22b405cd49ea0-sueleide al</t>
  </si>
  <si>
    <t>ENC: Fechamento Setembro</t>
  </si>
  <si>
    <t>FATURAMENTO ALGAR SETEMBRO.xlsx</t>
  </si>
  <si>
    <t>/o=exchangelabs/ou=exchange administrative group (fydibohf23spdlt)/cn=recipients/cn=6bc6ced03b1b4fafa41bb5c70c178940-antonio per;/o=exchangelabs/ou=exchange administrative group (fydibohf23spdlt)/cn=recipients/cn=f4b2ca11f1274dff9b442727f3d982af-lais de sou;</t>
  </si>
  <si>
    <t>RES: Histórico Viagens de jan/19 até ago/19</t>
  </si>
  <si>
    <t>Relatório Viagens - Grupo TECH.xlsx</t>
  </si>
  <si>
    <t>/o=exchangelabs/ou=exchange administrative group (fydibohf23spdlt)/cn=recipients/cn=6bc6ced03b1b4fafa41bb5c70c178940-antonio per,/o=exchangelabs/ou=exchange administrative group (fydibohf23spdlt)/cn=recipients/cn=f4b2ca11f1274dff9b442727f3d982af-lais de sou</t>
  </si>
  <si>
    <t>mail.google.com/_/upload?authuser=1&amp;dcp=asu-n&amp;upload_id=AEnB2Uo3FFxSMvKUCuD4RZpK5aCZF4M4Qs4z1zIihq2DKw5AkirCjPeDGwy5aW6lHKF4mjMFd5mwhhHF_Dlxz7bBgXnWSxGq3A&amp;upload_protocol=resumable</t>
  </si>
  <si>
    <t>Star final Setembro.csv</t>
  </si>
  <si>
    <t>Dashboard Pa Digital - Fechamento Set/2019</t>
  </si>
  <si>
    <t>/o=exchangelabs/ou=exchange administrative group (fydibohf23spdlt)/cn=recipients/cn=01a1f66a08fd441b860a430efe9babba-cpc - contr;/o=exchangelabs/ou=exchange administrative group (fydibohf23spdlt)/cn=recipients/cn=0fe6fbf59e084c5fbc297e4579993283-cleverson c;/o=exchangelabs/ou=exchange administrative group (fydibohf23spdlt)/cn=recipients/cn=3604eabf59564dc8baa49b62a099a560-tatielly sa;/o=exchangelabs/ou=exchange administrative group (fydibohf23spdlt)/cn=recipients/cn=e3f6d637067e445396cd3dec94eb69b1-renata fran;/o=exchangelabs/ou=exchange administrative group (fydibohf23spdlt)/cn=recipients/cn=userd3ef8196;jvicente@msxi.com;</t>
  </si>
  <si>
    <t>RES: * proposta de treinamento *</t>
  </si>
  <si>
    <t>Escala TRN - Argumentação.xlsx</t>
  </si>
  <si>
    <t>/o=exchangelabs/ou=exchange administrative group (fydibohf23spdlt)/cn=recipients/cn=01a1f66a08fd441b860a430efe9babba-cpc - contr,/o=exchangelabs/ou=exchange administrative group (fydibohf23spdlt)/cn=recipients/cn=0fe6fbf59e084c5fbc297e4579993283-cleverson c,/o=exchangelabs/ou=exchange administrative group (fydibohf23spdlt)/cn=recipients/cn=3604eabf59564dc8baa49b62a099a560-tatielly sa,/o=exchangelabs/ou=exchange administrative group (fydibohf23spdlt)/cn=recipients/cn=e3f6d637067e445396cd3dec94eb69b1-renata fran,/o=exchangelabs/ou=exchange administrative group (fydibohf23spdlt)/cn=recipients/cn=userd3ef8196,jvicente@msxi.com</t>
  </si>
  <si>
    <t>ENC: Treinamentos PJ Outubro</t>
  </si>
  <si>
    <t>Base BW % Conversão - Set-2019 - Fechamento - 09-2019.xlsm</t>
  </si>
  <si>
    <t>/o=exchangelabs/ou=exchange administrative group (fydibohf23spdlt)/cn=recipients/cn=5cff907b7abb465c8dbe10257a462656-diego iure;/o=exchangelabs/ou=exchange administrative group (fydibohf23spdlt)/cn=recipients/cn=aff8c3b9538840fe9b9778861292fbea-everton pau;brunosr@algartech.com.br;</t>
  </si>
  <si>
    <t>RES: Inclusão CRC AMEX - 30/09/2019</t>
  </si>
  <si>
    <t>Inclusão CRC AMEX - 30092019.msg\s1\</t>
  </si>
  <si>
    <t>16- CONSOLIDADO INCLUSÃO - 30.09.19.xlsx</t>
  </si>
  <si>
    <t>/o=exchangelabs/ou=exchange administrative group (fydibohf23spdlt)/cn=recipients/cn=5cff907b7abb465c8dbe10257a462656-diego iure,/o=exchangelabs/ou=exchange administrative group (fydibohf23spdlt)/cn=recipients/cn=aff8c3b9538840fe9b9778861292fbea-everton pau,brunosr@algartech.com.br</t>
  </si>
  <si>
    <t>Cronograma Algar - BV - Validação_v2.xlsx</t>
  </si>
  <si>
    <t>http://shareit.global.avon.com/sites/arrmcm/forca-de-vendas/_layouts/upload.aspx?list={bfd161db-750f-4cbd-9e74-a6fb6ee0a6de}&amp;rootfolder=/sites/arrmcm/forca-de-vendas/revendedora/incentivos/meu mundo avon/meu mundo avon turbo&amp;source=http://shareit.global.avon.com/sites/arrmcm/forca-de-vendas/revendedora/forms/allitems.aspx?rootfolder=%2fsites%2farrmcm%2fforca%2dde%2dvendas%2frevendedora%2fincentivos%2fmeu%20mundo%20avon%2fmeu%20mundo%20avon%20turbo&amp;folderctid=&amp;view=%7b993eba10%2d8cf7%2d4fbc%2dbe91%2de4ca00ce3956%7d</t>
  </si>
  <si>
    <t>LISTA DE PRODUTOS E PONTUAÇÃO - CAMPANHA 14-2018.xls</t>
  </si>
  <si>
    <t>Microanálise - 30 - 09.xlsm</t>
  </si>
  <si>
    <t>/o=exchangelabs/ou=exchange administrative group (fydibohf23spdlt)/cn=recipients/cn=f12a8a47728048b0a734508ea6226c04-michele dos;/o=exchangelabs/ou=exchange administrative group (fydibohf23spdlt)/cn=recipients/cn=groupadd70873;</t>
  </si>
  <si>
    <t>ENC: Departamental Setembro 2019</t>
  </si>
  <si>
    <t>Departamental Setembro.xlsx</t>
  </si>
  <si>
    <t>/o=exchangelabs/ou=exchange administrative group (fydibohf23spdlt)/cn=recipients/cn=f12a8a47728048b0a734508ea6226c04-michele dos,/o=exchangelabs/ou=exchange administrative group (fydibohf23spdlt)/cn=recipients/cn=groupadd70873</t>
  </si>
  <si>
    <t>/o=exchangelabs/ou=exchange administrative group (fydibohf23spdlt)/cn=recipients/cn=fa4834c4e3d9471c9811fe78582a9c90-nataly alai;</t>
  </si>
  <si>
    <t>ENC: manual para acessar quando esquecer ou bloquear ou primeiro acesso</t>
  </si>
  <si>
    <t>RE IMPORTANTE Login e Senha de associados. Portal da Gente.msg\s1\</t>
  </si>
  <si>
    <t>CADASTRAR.xls</t>
  </si>
  <si>
    <t>/o=exchangelabs/ou=exchange administrative group (fydibohf23spdlt)/cn=recipients/cn=fa4834c4e3d9471c9811fe78582a9c90-nataly alai</t>
  </si>
  <si>
    <t>/o=exchangelabs/ou=exchange administrative group (fydibohf23spdlt)/cn=recipients/cn=ba307e7ec0fc4bdbb07006aa828c05f7-carina ferr;</t>
  </si>
  <si>
    <t>ENC: Departamental Avon - Setembro 2019</t>
  </si>
  <si>
    <t>Avon.xlsx</t>
  </si>
  <si>
    <t>/o=exchangelabs/ou=exchange administrative group (fydibohf23spdlt)/cn=recipients/cn=ba307e7ec0fc4bdbb07006aa828c05f7-carina ferr</t>
  </si>
  <si>
    <t>\\acsfs\ACS\Suporte à Operações\05 - Orçamentos\2020\</t>
  </si>
  <si>
    <t>Orçamento 2020 novo BP..xls</t>
  </si>
  <si>
    <t>adrianoms@algartech.com;alinemds@algartech.com;anapscl@algartech.com;cristinahe@algartech.com;eunice.pimenta@algartech.com;fabianapm@algartech.com;fabio.ribeiro@algarnet.onmicrosoft.com;fredericobs@algartecnologia.com.br;katiargf@algartech.com;kelencgt@algartech.com;khassiomp@algartech.com;leandrolds@algartech.com;luanaaoli@algartech.com;lucieneili@algartech.com;n;rafaelaas@algartech.com;rodrigormc@algartech.com;sabrinadtdmc@algartech.com;sabrinagc@algartech.com;tatianedc@algartech.com;</t>
  </si>
  <si>
    <t>adrianoms@algartech.com,alinemds@algartech.com,anapscl@algartech.com,cristinahe@algartech.com,eunice.pimenta@algartech.com,fabianapm@algartech.com,fabio.ribeiro@algarnet.onmicrosoft.com,fredericobs@algartecnologia.com.br,katiargf@algartech.com,kelencgt@algartech.com,khassiomp@algartech.com,leandrolds@algartech.com,luanaaoli@algartech.com,lucieneili@algartech.com,n,rafaelaas@algartech.com,rodrigormc@algartech.com,sabrinadtdmc@algartech.com,sabrinagc@algartech.com,tatianedc@algartech.com</t>
  </si>
  <si>
    <t>C:\Users\ricardobal\OneDrive - Grupo Algar\Algar Tecnologia\01 - CLIENTES\BANCO BMG\GESTÃO DE CAPACIDADE\</t>
  </si>
  <si>
    <t>C:\Users\ricardobal\OneDrive - Grupo Algar\Algar Tecnologia\01 - CLIENTES\BANCO BMG\GESTÃO DE CAPACIDADE\171232 Plan Precificacao C017 B017_v10.xlsb\</t>
  </si>
  <si>
    <t>LISTA DE PRODUTOS E PONTUAÇÃO - CAMPANHA 17-2018.xls</t>
  </si>
  <si>
    <t>10.200.58.142</t>
  </si>
  <si>
    <t>78-2B-CB-BE-E8-96</t>
  </si>
  <si>
    <t>/o=exchangelabs/ou=exchange administrative group (fydibohf23spdlt)/cn=recipients/cn=190a5958c4ec4cf68e1e85c8dae802b2-elisangela;</t>
  </si>
  <si>
    <t>Associados com faltas</t>
  </si>
  <si>
    <t>Associados com mais de 5 ou mais faltas.xlsx</t>
  </si>
  <si>
    <t>/o=exchangelabs/ou=exchange administrative group (fydibohf23spdlt)/cn=recipients/cn=190a5958c4ec4cf68e1e85c8dae802b2-elisangela</t>
  </si>
  <si>
    <t>ENC: IMPORTANTE: Login e Senha de associados. Portal da Gente</t>
  </si>
  <si>
    <t>/o=exchangelabs/ou=exchange administrative group (fydibohf23spdlt)/cn=recipients/cn=1ef1d5b65a414ccea16527d004fcca4f-renan tavar;/o=exchangelabs/ou=exchange administrative group (fydibohf23spdlt)/cn=recipients/cn=48b9d80b3de74b6889aab1a91d02512b-ivanete da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90da2ce1966f46d7ab19fc9aab29d663-almir silva;equipefabi@algartech.com.br;kassiacps@algartech.com.br;tecnicospj@algartech.com.br;</t>
  </si>
  <si>
    <t>Escala Aulão B2k e Sou Dono.</t>
  </si>
  <si>
    <t>/o=exchangelabs/ou=exchange administrative group (fydibohf23spdlt)/cn=recipients/cn=1ef1d5b65a414ccea16527d004fcca4f-renan tavar,/o=exchangelabs/ou=exchange administrative group (fydibohf23spdlt)/cn=recipients/cn=48b9d80b3de74b6889aab1a91d02512b-ivanete da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90da2ce1966f46d7ab19fc9aab29d663-almir silva,equipefabi@algartech.com.br,kassiacps@algartech.com.br,tecnicospj@algartech.com.br</t>
  </si>
  <si>
    <t>/o=exchangelabs/ou=exchange administrative group (fydibohf23spdlt)/cn=recipients/cn=e894bfa401c848dc9e25ced4ad1f3dd7-luciana fer;</t>
  </si>
  <si>
    <t>reajustes</t>
  </si>
  <si>
    <t>/o=exchangelabs/ou=exchange administrative group (fydibohf23spdlt)/cn=recipients/cn=e894bfa401c848dc9e25ced4ad1f3dd7-luciana fer</t>
  </si>
  <si>
    <t>Pweb Transf.xls</t>
  </si>
  <si>
    <t>Pweb Provisões 092019.xls</t>
  </si>
  <si>
    <t>Pweb Prov Alugueis 092019.xls</t>
  </si>
  <si>
    <t>C:\Users\akassiablc.ACS\Downloads\</t>
  </si>
  <si>
    <t>C:\Users\douglassp\OneDrive - Grupo Algar\S&amp;OP\2019\09 - Setembro\</t>
  </si>
  <si>
    <t>SOP_19 _v20191001.xlsx</t>
  </si>
  <si>
    <t>/o=exchangelabs/ou=exchange administrative group (fydibohf23spdlt)/cn=recipients/cn=56c2af2d07fd48c0aebfc00ddc006494-alessio rod;/o=exchangelabs/ou=exchange administrative group (fydibohf23spdlt)/cn=recipients/cn=user78fc8d63;</t>
  </si>
  <si>
    <t>Report_Programação de férias 2609 Processos - Marco A_.xlsx</t>
  </si>
  <si>
    <t>/o=exchangelabs/ou=exchange administrative group (fydibohf23spdlt)/cn=recipients/cn=56c2af2d07fd48c0aebfc00ddc006494-alessio rod,/o=exchangelabs/ou=exchange administrative group (fydibohf23spdlt)/cn=recipients/cn=user78fc8d63</t>
  </si>
  <si>
    <t>/o=exchangelabs/ou=exchange administrative group (fydibohf23spdlt)/cn=recipients/cn=372a4aee70df4061aed129651510b96b-raul montei;</t>
  </si>
  <si>
    <t>ENC: Relatório Raul</t>
  </si>
  <si>
    <t>Relatorio - Rau1.xlsx</t>
  </si>
  <si>
    <t>/o=exchangelabs/ou=exchange administrative group (fydibohf23spdlt)/cn=recipients/cn=372a4aee70df4061aed129651510b96b-raul montei</t>
  </si>
  <si>
    <t>C:\Users\helderrds\Desktop\</t>
  </si>
  <si>
    <t>Comparativo - Yahsat x Telecom.xlsx</t>
  </si>
  <si>
    <t>/o=exchangelabs/ou=exchange administrative group (fydibohf23spdlt)/cn=recipients/cn=1e212ef08dab4f26b88cba944f2ab7cb-pmo.governa;</t>
  </si>
  <si>
    <t>/o=exchangelabs/ou=exchange administrative group (fydibohf23spdlt)/cn=recipients/cn=1e212ef08dab4f26b88cba944f2ab7cb-pmo.governa</t>
  </si>
  <si>
    <t>08 - AGOSTO - Projeto Precificação - 28 08 2019.pptx</t>
  </si>
  <si>
    <t>08 - AGOSTO - Projeto Precificação - 28 08 2019.pptx\</t>
  </si>
  <si>
    <t>/o=exchangelabs/ou=exchange administrative group (fydibohf23spdlt)/cn=recipients/cn=0bafe1ed27024338be4e911e19871cd1-william rob;/o=exchangelabs/ou=exchange administrative group (fydibohf23spdlt)/cn=recipients/cn=54abac0a4fdc4ad1bec39bb51d85eab1-victor hugo;/o=exchangelabs/ou=exchange administrative group (fydibohf23spdlt)/cn=recipients/cn=891c08f4f04f4527be9bc1b3d75f6378-luiz fernan;</t>
  </si>
  <si>
    <t>RES: Status Atual Orçamento 2020</t>
  </si>
  <si>
    <t>341002153_LDC_V1.xlsb</t>
  </si>
  <si>
    <t>/o=exchangelabs/ou=exchange administrative group (fydibohf23spdlt)/cn=recipients/cn=0bafe1ed27024338be4e911e19871cd1-william rob,/o=exchangelabs/ou=exchange administrative group (fydibohf23spdlt)/cn=recipients/cn=54abac0a4fdc4ad1bec39bb51d85eab1-victor hugo,/o=exchangelabs/ou=exchange administrative group (fydibohf23spdlt)/cn=recipients/cn=891c08f4f04f4527be9bc1b3d75f6378-luiz fernan</t>
  </si>
  <si>
    <t>Vendas TLV Setembr1.xlsx</t>
  </si>
  <si>
    <t>/o=exchangelabs/ou=exchange administrative group (fydibohf23spdlt)/cn=recipients/cn=1635ed1077024674b65c52767dacde9a-jullian pac;/o=exchangelabs/ou=exchange administrative group (fydibohf23spdlt)/cn=recipients/cn=4b453b7f02914710b3e94bcf7b311ad4-fernando po;/o=exchangelabs/ou=exchange administrative group (fydibohf23spdlt)/cn=recipients/cn=55f846c335d7437f892f0b0d49c89e92-celma ribei;/o=exchangelabs/ou=exchange administrative group (fydibohf23spdlt)/cn=recipients/cn=bcc9538754d3496ea31a487e560f8214-silvio mart;</t>
  </si>
  <si>
    <t>Rampa Escopo B - Revisões Last Call</t>
  </si>
  <si>
    <t>Resumo Executivo_Escopo B_01OUT.xlsx</t>
  </si>
  <si>
    <t>/o=exchangelabs/ou=exchange administrative group (fydibohf23spdlt)/cn=recipients/cn=1635ed1077024674b65c52767dacde9a-jullian pac,/o=exchangelabs/ou=exchange administrative group (fydibohf23spdlt)/cn=recipients/cn=4b453b7f02914710b3e94bcf7b311ad4-fernando po,/o=exchangelabs/ou=exchange administrative group (fydibohf23spdlt)/cn=recipients/cn=55f846c335d7437f892f0b0d49c89e92-celma ribei,/o=exchangelabs/ou=exchange administrative group (fydibohf23spdlt)/cn=recipients/cn=bcc9538754d3496ea31a487e560f8214-silvio mart</t>
  </si>
  <si>
    <t>10.200.58.190</t>
  </si>
  <si>
    <t>C:\Users\diegobg\OneDrive - Grupo Algar\01 - Toyota\1 - Diego Bardauil\1.2 - Financeiro\09 - Setembro\</t>
  </si>
  <si>
    <t>CRecuperações de Custos Setembro.xlsx</t>
  </si>
  <si>
    <t>Departamental Toyota Setembro.xlsx</t>
  </si>
  <si>
    <t>/o=exchangelabs/ou=exchange administrative group (fydibohf23spdlt)/cn=recipients/cn=54861e79125f48cc952d00cf8160b9a8-jeferson fe;/o=exchangelabs/ou=exchange administrative group (fydibohf23spdlt)/cn=recipients/cn=df6ea6cc78a840278b1e7acccac67692-thiago rodr;eduardo.santana@bv.com.br;mttechne.mpellegrini@bv.com.br;samantha.cheque@bv.com.br;</t>
  </si>
  <si>
    <t>RES: Relacionamento de Cartões BV: Planilha - 26/09/19</t>
  </si>
  <si>
    <t>/o=exchangelabs/ou=exchange administrative group (fydibohf23spdlt)/cn=recipients/cn=54861e79125f48cc952d00cf8160b9a8-jeferson fe,/o=exchangelabs/ou=exchange administrative group (fydibohf23spdlt)/cn=recipients/cn=df6ea6cc78a840278b1e7acccac67692-thiago rodr,eduardo.santana@bv.com.br,mttechne.mpellegrini@bv.com.br,samantha.cheque@bv.com.br</t>
  </si>
  <si>
    <t>10.250.255.29</t>
  </si>
  <si>
    <t>\\acsfs\engeset\ASA_ULA\SUPERVISÃO\Orçamento\2020\</t>
  </si>
  <si>
    <t>lucasfbr@algartech.com;marcosvas@algartech.com;</t>
  </si>
  <si>
    <t>Servidores_BPO.xlsx</t>
  </si>
  <si>
    <t>lucasfbr@algartech.com,marcosvas@algartech.com</t>
  </si>
  <si>
    <t>10.211.2.151</t>
  </si>
  <si>
    <t>C:\Users\ricardoft\OneDrive - Grupo Algar\Documentos\Projetos\2019\Unimed\RFPInfra.rar\</t>
  </si>
  <si>
    <t>7Anexo VII CatÃ¡logo de ServiÃ§os.xlsx</t>
  </si>
  <si>
    <t>8Anexo VIII Sistemas Servidores e BD.xlsx</t>
  </si>
  <si>
    <t>9Anexo IX SLAs e critÃ©rios de penalizaÃ§Ã£o.xlsx</t>
  </si>
  <si>
    <t>DOC-ANEXO QUETIONAMENTOS.xlsx</t>
  </si>
  <si>
    <t>C:\Users\ricardoft\OneDrive - Grupo Algar\Documentos\Projetos\2019\Unimed\RFPInfra\</t>
  </si>
  <si>
    <t>9Anexo IX SLAs e critérios de penalização.xlsx</t>
  </si>
  <si>
    <t>7Anexo VII Catálogo de Serviços.xlsx</t>
  </si>
  <si>
    <t>6Anexo VI RFP - Tabela de precificação.xlsx</t>
  </si>
  <si>
    <t>Quality Management.xlsx</t>
  </si>
  <si>
    <t>https://sistema.droni.com.br/project/ajax/jsonaddalgardemand</t>
  </si>
  <si>
    <t>C:\Users\lannatga\Downloads\</t>
  </si>
  <si>
    <t>TABELA COPA TECH DE FUTEBOL SOCIETY 2019.xls</t>
  </si>
  <si>
    <t>Farol Churn - Fechamento - Set/2019</t>
  </si>
  <si>
    <t>/o=exchangelabs/ou=exchange administrative group (fydibohf23spdlt)/cn=recipients/cn=03a1bc99308a456db7c0105407689b39-gilda elain;/o=exchangelabs/ou=exchange administrative group (fydibohf23spdlt)/cn=recipients/cn=18538d61f6f342f7a3d2db08df47d617-vanusa prec;/o=exchangelabs/ou=exchange administrative group (fydibohf23spdlt)/cn=recipients/cn=6bc6ced03b1b4fafa41bb5c70c178940-antonio per;</t>
  </si>
  <si>
    <t>Pacote Viagens - Orçamento 2020</t>
  </si>
  <si>
    <t>ORÇAMENTO VIAGEM 2020 OFICIAL 30_09.xls</t>
  </si>
  <si>
    <t>/o=exchangelabs/ou=exchange administrative group (fydibohf23spdlt)/cn=recipients/cn=03a1bc99308a456db7c0105407689b39-gilda elain,/o=exchangelabs/ou=exchange administrative group (fydibohf23spdlt)/cn=recipients/cn=18538d61f6f342f7a3d2db08df47d617-vanusa prec,/o=exchangelabs/ou=exchange administrative group (fydibohf23spdlt)/cn=recipients/cn=6bc6ced03b1b4fafa41bb5c70c178940-antonio per</t>
  </si>
  <si>
    <t>10.200.32.14</t>
  </si>
  <si>
    <t>54-BF-64-F5-80-3E</t>
  </si>
  <si>
    <t>NB-MAUROJMDO</t>
  </si>
  <si>
    <t>maurojmdo</t>
  </si>
  <si>
    <t>C:\Users\maurojmdo\Documents\</t>
  </si>
  <si>
    <t>Relatório de Inspeção</t>
  </si>
  <si>
    <t>Pweb Prov 191737 - Alugueis 092019.xls</t>
  </si>
  <si>
    <t>ericsonns@algartech.com</t>
  </si>
  <si>
    <t>comunicacao.bbc@bradescocartoes.com.br;cqe.bradesco.gco@algartech.com;diogo.c.silva@bradesco.com.br;igorf@algartech.com;iraide.neves@bradesco.com.br;lucianaas@algartech.com;lucianaas@algartech.com.br;sonia.souza@bradesco.com.br;wendellar@algartecnologia.com.br;</t>
  </si>
  <si>
    <t>C:\Users\ericsonns\Downloads\</t>
  </si>
  <si>
    <t>Dicas de QLD 01-10.xlsx</t>
  </si>
  <si>
    <t>comunicacao.bbc@bradescocartoes.com.br,cqe.bradesco.gco@algartech.com,diogo.c.silva@bradesco.com.br,igorf@algartech.com,iraide.neves@bradesco.com.br,lucianaas@algartech.com,lucianaas@algartech.com.br,sonia.souza@bradesco.com.br,wendellar@algartecnologia.com.br</t>
  </si>
  <si>
    <t>karolynecj@algartech.com;</t>
  </si>
  <si>
    <t>C:\Users\gustavohdsi\Documents\</t>
  </si>
  <si>
    <t>Ajustes.xlsx</t>
  </si>
  <si>
    <t>karolynecj@algartech.com</t>
  </si>
  <si>
    <t>https://caey.fa.us2.oraclecloud.com/crmui/faces/fusewelcome?_adf.ctrl-state=ga5k3mzmj_5</t>
  </si>
  <si>
    <t>/o=exchangelabs/ou=exchange administrative group (fydibohf23spdlt)/cn=recipients/cn=5f1d2da41c984f398563499c2f17e040-jeann ferre;</t>
  </si>
  <si>
    <t>ENC: Departamental Whirlpool - Setembro 2019 ---me ajude por favor</t>
  </si>
  <si>
    <t>Whirlpool.xlsx</t>
  </si>
  <si>
    <t>/o=exchangelabs/ou=exchange administrative group (fydibohf23spdlt)/cn=recipients/cn=5f1d2da41c984f398563499c2f17e040-jeann ferre</t>
  </si>
  <si>
    <t>/o=exchangelabs/ou=exchange administrative group (fydibohf23spdlt)/cn=recipients/cn=03a1bc99308a456db7c0105407689b39-gilda elain;/o=exchangelabs/ou=exchange administrative group (fydibohf23spdlt)/cn=recipients/cn=18538d61f6f342f7a3d2db08df47d617-vanusa prec;/o=exchangelabs/ou=exchange administrative group (fydibohf23spdlt)/cn=recipients/cn=c96fa2583f6c4d18b58c6c394ad007f2-franciele m;/o=exchangelabs/ou=exchange administrative group (fydibohf23spdlt)/cn=recipients/cn=user9f44a979;</t>
  </si>
  <si>
    <t>INDIRETOS - ORÇADO VIAGEM 2020</t>
  </si>
  <si>
    <t>/o=exchangelabs/ou=exchange administrative group (fydibohf23spdlt)/cn=recipients/cn=03a1bc99308a456db7c0105407689b39-gilda elain,/o=exchangelabs/ou=exchange administrative group (fydibohf23spdlt)/cn=recipients/cn=18538d61f6f342f7a3d2db08df47d617-vanusa prec,/o=exchangelabs/ou=exchange administrative group (fydibohf23spdlt)/cn=recipients/cn=c96fa2583f6c4d18b58c6c394ad007f2-franciele m,/o=exchangelabs/ou=exchange administrative group (fydibohf23spdlt)/cn=recipients/cn=user9f44a979</t>
  </si>
  <si>
    <t>ENC: Recuperação.Custo.Revisado.Prudential.Cloud.xlsx</t>
  </si>
  <si>
    <t>Recuperação.Custo.Revisado.Prudential.Cloud.xlsx</t>
  </si>
  <si>
    <t>/o=exchangelabs/ou=exchange administrative group (fydibohf23spdlt)/cn=recipients/cn=168e05cabbf14ae289464a0c09955b31-sara ferrei;/o=exchangelabs/ou=exchange administrative group (fydibohf23spdlt)/cn=recipients/cn=18106b2c2b164f0f859ac301d85fc885-luis carlos;/o=exchangelabs/ou=exchange administrative group (fydibohf23spdlt)/cn=recipients/cn=54abac0a4fdc4ad1bec39bb51d85eab1-victor hugo;/o=exchangelabs/ou=exchange administrative group (fydibohf23spdlt)/cn=recipients/cn=c96fa2583f6c4d18b58c6c394ad007f2-franciele m;</t>
  </si>
  <si>
    <t>ENC: Orçamento BRF - 2020</t>
  </si>
  <si>
    <t>Orçamento 2020 (341004134-BRF).xlsx</t>
  </si>
  <si>
    <t>/o=exchangelabs/ou=exchange administrative group (fydibohf23spdlt)/cn=recipients/cn=168e05cabbf14ae289464a0c09955b31-sara ferrei,/o=exchangelabs/ou=exchange administrative group (fydibohf23spdlt)/cn=recipients/cn=18106b2c2b164f0f859ac301d85fc885-luis carlos,/o=exchangelabs/ou=exchange administrative group (fydibohf23spdlt)/cn=recipients/cn=54abac0a4fdc4ad1bec39bb51d85eab1-victor hugo,/o=exchangelabs/ou=exchange administrative group (fydibohf23spdlt)/cn=recipients/cn=c96fa2583f6c4d18b58c6c394ad007f2-franciele m</t>
  </si>
  <si>
    <t>C:\Users\marcopaulolr\OneDrive - Grupo Algar\Pessoal\Projeto Casa\Docs Financiamento Caixa\PFUI\</t>
  </si>
  <si>
    <t>PFUI-Proponente_AE130v016 MARCOPAULO VFinal 310119.xls</t>
  </si>
  <si>
    <t>10.200.61.69</t>
  </si>
  <si>
    <t>54-BF-64-F5-81-6A</t>
  </si>
  <si>
    <t>NB-ALINESF</t>
  </si>
  <si>
    <t>alinesf</t>
  </si>
  <si>
    <t>C:\Users\alinesf\Desktop\</t>
  </si>
  <si>
    <t>Departamental.xlt</t>
  </si>
  <si>
    <t>10.200.99.190</t>
  </si>
  <si>
    <t>Produtividade RAF - Set-2019 - Fechamento.xlsm</t>
  </si>
  <si>
    <t>10.200.35.151</t>
  </si>
  <si>
    <t>64-1C-67-9C-32-47</t>
  </si>
  <si>
    <t>/o=exchangelabs/ou=exchange administrative group (fydibohf23spdlt)/cn=recipients/cn=d5130784dc81436d9511788de4df376c-jeciene gom;igor@terospricing.com.br;</t>
  </si>
  <si>
    <t>RES: Produtos Fusion</t>
  </si>
  <si>
    <t>Produtos Fusion GRC.xlsx</t>
  </si>
  <si>
    <t>/o=exchangelabs/ou=exchange administrative group (fydibohf23spdlt)/cn=recipients/cn=d5130784dc81436d9511788de4df376c-jeciene gom,igor@terospricing.com.br</t>
  </si>
  <si>
    <t>/o=exchangelabs/ou=exchange administrative group (fydibohf23spdlt)/cn=recipients/cn=a7d54e15e3a94d53b0b5014d75c8d080-wanessa bor;</t>
  </si>
  <si>
    <t>ENC: Valores Plano Médico - Orçamento 2020</t>
  </si>
  <si>
    <t>PLANO MÉDICO_011019.xlsx</t>
  </si>
  <si>
    <t>/o=exchangelabs/ou=exchange administrative group (fydibohf23spdlt)/cn=recipients/cn=a7d54e15e3a94d53b0b5014d75c8d080-wanessa bor</t>
  </si>
  <si>
    <t>/o=exchangelabs/ou=exchange administrative group (fydibohf23spdlt)/cn=recipients/cn=8ab5e44d485043d59eb4f21463e63e6a-tays dos sa;/o=exchangelabs/ou=exchange administrative group (fydibohf23spdlt)/cn=recipients/cn=f50351055a2944cebcbdc18a918945d6-gustavo res;</t>
  </si>
  <si>
    <t>RES: Departamental TOYOTA - Setembro 2019</t>
  </si>
  <si>
    <t>/o=exchangelabs/ou=exchange administrative group (fydibohf23spdlt)/cn=recipients/cn=8ab5e44d485043d59eb4f21463e63e6a-tays dos sa,/o=exchangelabs/ou=exchange administrative group (fydibohf23spdlt)/cn=recipients/cn=f50351055a2944cebcbdc18a918945d6-gustavo res</t>
  </si>
  <si>
    <t>Ref. Apresentação</t>
  </si>
  <si>
    <t>Algar Tech - Tatiane Panato - 01102019 - Sumário Executivo Ouvidoria.pptx\</t>
  </si>
  <si>
    <t>/o=exchangelabs/ou=exchange administrative group (fydibohf23spdlt)/cn=recipients/cn=user07db2088;</t>
  </si>
  <si>
    <t>RES: Relatório de produtividade do BKO e Prevenção Compra Certa Set 2019</t>
  </si>
  <si>
    <t>09 - Produtividade Prevenção Ativo.xlsx</t>
  </si>
  <si>
    <t>/o=exchangelabs/ou=exchange administrative group (fydibohf23spdlt)/cn=recipients/cn=user07db2088</t>
  </si>
  <si>
    <t>/o=exchangelabs/ou=exchange administrative group (fydibohf23spdlt)/cn=recipients/cn=e5efe008eb63412d966698a23ef1836e-alessandra;</t>
  </si>
  <si>
    <t>Planilha atualizada;</t>
  </si>
  <si>
    <t>FORMULÁRIO PADRÃO TEMPONET Ajuste de Variação Cambial.docx\</t>
  </si>
  <si>
    <t>Microsoft_Excel_97-2003_Worksheet.xls</t>
  </si>
  <si>
    <t>/o=exchangelabs/ou=exchange administrative group (fydibohf23spdlt)/cn=recipients/cn=e5efe008eb63412d966698a23ef1836e-alessandra</t>
  </si>
  <si>
    <t>/o=exchangelabs/ou=exchange administrative group (fydibohf23spdlt)/cn=recipients/cn=a72a765de829420582b78941417073ac-karina rodr;/o=exchangelabs/ou=exchange administrative group (fydibohf23spdlt)/cn=recipients/cn=fe134ce6f7124ebfa00395a14326bd71-luciana ber;alexmarques.silva@avon.com;ana.rodrigues.asserth@avon.com;anderson.negrisoli@avon.com;lara.lourenco@avon.com;raquel.moraes@avon.com;</t>
  </si>
  <si>
    <t>Demonstrativo de Faturamento_ Setembro 2019 ** Fechamento</t>
  </si>
  <si>
    <t>/o=exchangelabs/ou=exchange administrative group (fydibohf23spdlt)/cn=recipients/cn=a72a765de829420582b78941417073ac-karina rodr,/o=exchangelabs/ou=exchange administrative group (fydibohf23spdlt)/cn=recipients/cn=fe134ce6f7124ebfa00395a14326bd71-luciana ber,alexmarques.silva@avon.com,ana.rodrigues.asserth@avon.com,anderson.negrisoli@avon.com,lara.lourenco@avon.com,raquel.moraes@avon.com</t>
  </si>
  <si>
    <t>/o=exchangelabs/ou=exchange administrative group (fydibohf23spdlt)/cn=recipients/cn=746f10dd924a4e7dbfe2f813f74b1f2c-gilmar pres;</t>
  </si>
  <si>
    <t>Base Algar Telecom</t>
  </si>
  <si>
    <t>Pasta5.xlsx</t>
  </si>
  <si>
    <t>/o=exchangelabs/ou=exchange administrative group (fydibohf23spdlt)/cn=recipients/cn=746f10dd924a4e7dbfe2f813f74b1f2c-gilmar pres</t>
  </si>
  <si>
    <t>10.200.60.228</t>
  </si>
  <si>
    <t>9C-30-5B-FC-8A-6B</t>
  </si>
  <si>
    <t>LPU ALGAR - R640 -Armazenamento de Dados.xlsm</t>
  </si>
  <si>
    <t>\\acsfs\deptos\Regionais\SPO\TALENTOS_HUMANOS_SPO\SESMT_SPO\2015_ORGANIZAÇÃO DOS DIRETÓRIOS\PPP - Perfil Profissiográfico Previdenciário\PPP2019\Relação de Ficha de Registro para PPP\</t>
  </si>
  <si>
    <t>Aline Monteiro</t>
  </si>
  <si>
    <t>monteiroleitao@gmail.com;</t>
  </si>
  <si>
    <t>pai, favor imprimir</t>
  </si>
  <si>
    <t>Planilha João.xlsx</t>
  </si>
  <si>
    <t>monteiroleitao@gmail.com</t>
  </si>
  <si>
    <t>/o=exchangelabs/ou=exchange administrative group (fydibohf23spdlt)/cn=recipients/cn=82e9af7034e542b3a622ab8e7d09ff5d-ricardo de;/o=exchangelabs/ou=exchange administrative group (fydibohf23spdlt)/cn=recipients/cn=b1d771656e5d46709d93295f07966125-pedro henri;/o=exchangelabs/ou=exchange administrative group (fydibohf23spdlt)/cn=recipients/cn=c34f1ae7ba484a33bbcd3ef2d8a2ff15-sandra borg;</t>
  </si>
  <si>
    <t>ENC: Ticket 773088 - URGENTE!</t>
  </si>
  <si>
    <t>FLUXO UHV.xlsx</t>
  </si>
  <si>
    <t>/o=exchangelabs/ou=exchange administrative group (fydibohf23spdlt)/cn=recipients/cn=82e9af7034e542b3a622ab8e7d09ff5d-ricardo de,/o=exchangelabs/ou=exchange administrative group (fydibohf23spdlt)/cn=recipients/cn=b1d771656e5d46709d93295f07966125-pedro henri,/o=exchangelabs/ou=exchange administrative group (fydibohf23spdlt)/cn=recipients/cn=c34f1ae7ba484a33bbcd3ef2d8a2ff15-sandra borg</t>
  </si>
  <si>
    <t>APURAÇÃO PONTUAL EVA CP 14-2019 OPORTUNIDADE 02.xls</t>
  </si>
  <si>
    <t>C:\Users\gustavohdsa\Desktop\</t>
  </si>
  <si>
    <t>Template_Criacao_de_Horario ponto - 150 horas.xlsx</t>
  </si>
  <si>
    <t>PROVISÕES CORREC LANCTO WHP DESP ANTEC.xls</t>
  </si>
  <si>
    <t>Pweb BFF Fellyp.xls</t>
  </si>
  <si>
    <t>CÓDIGOS DE DOAÇÃO - CAMPANHA 18-2019.xls</t>
  </si>
  <si>
    <t>mail.google.com/_/upload?authuser=1&amp;dcp=asu-n&amp;upload_id=AEnB2UoUfGx8GzF5FrImwW69_LycG3vX_d0p-QBW2w3ZpzdYXln6ma2N8mQCnbJ2rteppqxk-9UG4lMw5mHOJFqF5oGUJJpnAg&amp;upload_protocol=resumable</t>
  </si>
  <si>
    <t>contratos atraso_discagem ura.xlsx</t>
  </si>
  <si>
    <t>/o=exchangelabs/ou=exchange administrative group (fydibohf23spdlt)/cn=recipients/cn=6857e7b89b5f46e3b6aed2352ac8d5ac-carlos albe;</t>
  </si>
  <si>
    <t>ENC: Toyota</t>
  </si>
  <si>
    <t>exportToyota.csv</t>
  </si>
  <si>
    <t>/o=exchangelabs/ou=exchange administrative group (fydibohf23spdlt)/cn=recipients/cn=6857e7b89b5f46e3b6aed2352ac8d5ac-carlos albe</t>
  </si>
  <si>
    <t>10.200.57.235</t>
  </si>
  <si>
    <t>FC-01-7C-B3-BE-53</t>
  </si>
  <si>
    <t>NB-ALINERG</t>
  </si>
  <si>
    <t>alinerg</t>
  </si>
  <si>
    <t>Aline Rodrigues Garcia</t>
  </si>
  <si>
    <t>suporte@ascbrazil.com.br;</t>
  </si>
  <si>
    <t>Inconsistência no relatório de pesquisa</t>
  </si>
  <si>
    <t>detalhamento_de_pesquisa_5d93b8e923332.xlsx</t>
  </si>
  <si>
    <t>suporte@ascbrazil.com.br</t>
  </si>
  <si>
    <t>/o=exchangelabs/ou=exchange administrative group (fydibohf23spdlt)/cn=recipients/cn=525b3060f0654996a4c2979efbfaed04-douglas sil;/o=exchangelabs/ou=exchange administrative group (fydibohf23spdlt)/cn=recipients/cn=ee68a2a53024446789dc480aef9c7a7c-joao gabrie;</t>
  </si>
  <si>
    <t>ENC: Equipe Re9</t>
  </si>
  <si>
    <t>Central Re9.xlsx</t>
  </si>
  <si>
    <t>/o=exchangelabs/ou=exchange administrative group (fydibohf23spdlt)/cn=recipients/cn=525b3060f0654996a4c2979efbfaed04-douglas sil,/o=exchangelabs/ou=exchange administrative group (fydibohf23spdlt)/cn=recipients/cn=ee68a2a53024446789dc480aef9c7a7c-joao gabrie</t>
  </si>
  <si>
    <t>ENC: Base Algar Telecom</t>
  </si>
  <si>
    <t>\\acsfs\deptos\DME\CME - Coordenacao de Marketing e Estrategia\Gestão de Vendas\Receita\Longo Prazo\2020\</t>
  </si>
  <si>
    <t>Projeção receita GRC_v1.xlsx</t>
  </si>
  <si>
    <t>mail.google.com/_/upload?authuser=0&amp;dcp=asu-n&amp;upload_id=AEnB2UoytAqo0clpXZXAXF6S0wbpXKr2K4mN59BANS9McN9CZ7qJ12xfYuBkfV1BDXaGM2b0Ho5u4ukHVj0N5jI5s5PkSWDy-UIL4Pd_pscRg_RlTz_Q8P4&amp;upload_protocol=resumable</t>
  </si>
  <si>
    <t>Exibição de Localização Avançada de Email (2).xlsx</t>
  </si>
  <si>
    <t>Status-01-10.xlsx</t>
  </si>
  <si>
    <t>/o=exchangelabs/ou=exchange administrative group (fydibohf23spdlt)/cn=recipients/cn=1e45e12566d4418ba0325de92fea64a4-akassia bez;/o=exchangelabs/ou=exchange administrative group (fydibohf23spdlt)/cn=recipients/cn=2b69c7de1a3641269a7eed0596e1ddc2-wayner oliv;</t>
  </si>
  <si>
    <t>Bancada</t>
  </si>
  <si>
    <t>Relatório Move Order.xlsx</t>
  </si>
  <si>
    <t>/o=exchangelabs/ou=exchange administrative group (fydibohf23spdlt)/cn=recipients/cn=1e45e12566d4418ba0325de92fea64a4-akassia bez,/o=exchangelabs/ou=exchange administrative group (fydibohf23spdlt)/cn=recipients/cn=2b69c7de1a3641269a7eed0596e1ddc2-wayner oliv</t>
  </si>
  <si>
    <t>ENC: Recuperação de custo Even</t>
  </si>
  <si>
    <t>Recuperação de Custo Navarro.even.xlsx</t>
  </si>
  <si>
    <t>ENC: Recuperação de Custo Sabó</t>
  </si>
  <si>
    <t>Recuperação de Custo Marcelino.sabo.xlsx</t>
  </si>
  <si>
    <t>TB03_20191001_172020.xls</t>
  </si>
  <si>
    <t>/o=exchangelabs/ou=exchange administrative group (fydibohf23spdlt)/cn=recipients/cn=groupadd70873;</t>
  </si>
  <si>
    <t>ENC: Olha o Ranking aí gente...</t>
  </si>
  <si>
    <t>Gamification - Coordenadores.xlsm</t>
  </si>
  <si>
    <t>/o=exchangelabs/ou=exchange administrative group (fydibohf23spdlt)/cn=recipients/cn=groupadd70873</t>
  </si>
  <si>
    <t>/o=exchangelabs/ou=exchange administrative group (fydibohf23spdlt)/cn=recipients/cn=3820019b96e44b2492722599c934999a-fernando de;/o=exchangelabs/ou=exchange administrative group (fydibohf23spdlt)/cn=recipients/cn=3f81420aa09a45308e82efb501d64cad-rafaela alv;/o=exchangelabs/ou=exchange administrative group (fydibohf23spdlt)/cn=recipients/cn=82e9af7034e542b3a622ab8e7d09ff5d-ricardo de;/o=exchangelabs/ou=exchange administrative group (fydibohf23spdlt)/cn=recipients/cn=aa44dc0b918d429db7d6670bdfe070ad-marcella ri;</t>
  </si>
  <si>
    <t>RES: Escala Supervisores</t>
  </si>
  <si>
    <t>escala supervisores.xlsx</t>
  </si>
  <si>
    <t>/o=exchangelabs/ou=exchange administrative group (fydibohf23spdlt)/cn=recipients/cn=3820019b96e44b2492722599c934999a-fernando de,/o=exchangelabs/ou=exchange administrative group (fydibohf23spdlt)/cn=recipients/cn=3f81420aa09a45308e82efb501d64cad-rafaela alv,/o=exchangelabs/ou=exchange administrative group (fydibohf23spdlt)/cn=recipients/cn=82e9af7034e542b3a622ab8e7d09ff5d-ricardo de,/o=exchangelabs/ou=exchange administrative group (fydibohf23spdlt)/cn=recipients/cn=aa44dc0b918d429db7d6670bdfe070ad-marcella ri</t>
  </si>
  <si>
    <t>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10. Demonstrativo de Faturamento Outubro 2019 Avon Antecipação.xlsx</t>
  </si>
  <si>
    <t>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/o=exchangelabs/ou=exchange administrative group (fydibohf23spdlt)/cn=recipients/cn=04e3841f08484fc58ec6c1e78af9be57-andrey bucc;/o=exchangelabs/ou=exchange administrative group (fydibohf23spdlt)/cn=recipients/cn=f6d3422253b349b586184278c8c46cf1-guilherme m;akihissa@a100dco.com;eloics@algartech.com;ricasan@a100dco.com;silvath@a100dco.com;</t>
  </si>
  <si>
    <t>RES: GRU2 - Status Operações</t>
  </si>
  <si>
    <t>CRONOGRAMA Algar_REV05.xlsx</t>
  </si>
  <si>
    <t>/o=exchangelabs/ou=exchange administrative group (fydibohf23spdlt)/cn=recipients/cn=04e3841f08484fc58ec6c1e78af9be57-andrey bucc,/o=exchangelabs/ou=exchange administrative group (fydibohf23spdlt)/cn=recipients/cn=f6d3422253b349b586184278c8c46cf1-guilherme m,akihissa@a100dco.com,eloics@algartech.com,ricasan@a100dco.com,silvath@a100dco.com</t>
  </si>
  <si>
    <t>C:\Users\diegoodz\Desktop\Advertências\</t>
  </si>
  <si>
    <t>Cópia de Aulão - B2K (002).xlsx</t>
  </si>
  <si>
    <t>marciags@algartech.com.br;</t>
  </si>
  <si>
    <t>ENC: Painel de Rotinas_Setembro_2019</t>
  </si>
  <si>
    <t>09-2019-Acompanhamento Rotinas.xlsx</t>
  </si>
  <si>
    <t>marciags@algartech.com.br</t>
  </si>
  <si>
    <t>ENC: Dados Faturamento _ Setembro</t>
  </si>
  <si>
    <t>https://caey.fa.us2.oraclecloud.com/crmui/faces/fuseoverview?_adf.ctrl-state=klnauyz2f_5&amp;fndglobalitemnodeid=moo_opptymgmtopportunities_crm_card</t>
  </si>
  <si>
    <t>\\acsfs\Deptos\CAS - Coordenação de Arquitetura de Soluções\Projetos\2019\SAGE\201253 - Nuvem AWS\1. Precificação\</t>
  </si>
  <si>
    <t>Data Center_Produto Formatado_ 28-08-2018.xlsb</t>
  </si>
  <si>
    <t>Provisão PAC.xls</t>
  </si>
  <si>
    <t>CÃ³pia de Data Center_Produto Formatado_ 28-08-2018.xlsb</t>
  </si>
  <si>
    <t>Bff Marcelo.xls</t>
  </si>
  <si>
    <t>mariaals@algartech.com.br;</t>
  </si>
  <si>
    <t>ENC: Queremos ouvir VOCÊ! - Proposta de Valor - Algar Tech</t>
  </si>
  <si>
    <t>TH - Focus grupos (1).xlsx</t>
  </si>
  <si>
    <t>mariaals@algartech.com.br</t>
  </si>
  <si>
    <t>/o=exchangelabs/ou=exchange administrative group (fydibohf23spdlt)/cn=recipients/cn=55f846c335d7437f892f0b0d49c89e92-celma ribei;/o=exchangelabs/ou=exchange administrative group (fydibohf23spdlt)/cn=recipients/cn=c96fa2583f6c4d18b58c6c394ad007f2-franciele m;/o=exchangelabs/ou=exchange administrative group (fydibohf23spdlt)/cn=recipients/cn=d0093b7063a942388b31a7ba794f9061-dener benic;/o=exchangelabs/ou=exchange administrative group (fydibohf23spdlt)/cn=recipients/cn=egidio carlos roveda mendonca;</t>
  </si>
  <si>
    <t>Orçamento 2020</t>
  </si>
  <si>
    <t>DENI.xlsx</t>
  </si>
  <si>
    <t>/o=exchangelabs/ou=exchange administrative group (fydibohf23spdlt)/cn=recipients/cn=55f846c335d7437f892f0b0d49c89e92-celma ribei,/o=exchangelabs/ou=exchange administrative group (fydibohf23spdlt)/cn=recipients/cn=c96fa2583f6c4d18b58c6c394ad007f2-franciele m,/o=exchangelabs/ou=exchange administrative group (fydibohf23spdlt)/cn=recipients/cn=d0093b7063a942388b31a7ba794f9061-dener benic,/o=exchangelabs/ou=exchange administrative group (fydibohf23spdlt)/cn=recipients/cn=egidio carlos roveda mendonca</t>
  </si>
  <si>
    <t>RES: Lançamento Indevido CR 341200071</t>
  </si>
  <si>
    <t>1ª Semana de Monitorias Outubro</t>
  </si>
  <si>
    <t>1ª semana Outubro Qualidade monitorias.xlsx</t>
  </si>
  <si>
    <t>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68e6aa2e3fef4ccaba997d98294c9ed5-cristina he;/o=exchangelabs/ou=exchange administrative group (fydibohf23spdlt)/cn=recipients/cn=b1a72fc2d0234efca84c7771ea70c7ee-roberta cri;</t>
  </si>
  <si>
    <t>Recuperação de custos.xlsx</t>
  </si>
  <si>
    <t>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68e6aa2e3fef4ccaba997d98294c9ed5-cristina he,/o=exchangelabs/ou=exchange administrative group (fydibohf23spdlt)/cn=recipients/cn=b1a72fc2d0234efca84c7771ea70c7ee-roberta cri</t>
  </si>
  <si>
    <t>341002421 - Template Orçamentário Demais Pacotes - 2020.xlsb</t>
  </si>
  <si>
    <t>/o=exchangelabs/ou=exchange administrative group (fydibohf23spdlt)/cn=recipients/cn=54abac0a4fdc4ad1bec39bb51d85eab1-victor hugo;/o=exchangelabs/ou=exchange administrative group (fydibohf23spdlt)/cn=recipients/cn=651324bc204a42f6bbcdf62273ebdc5c-aluisio ant;/o=exchangelabs/ou=exchange administrative group (fydibohf23spdlt)/cn=recipients/cn=a7d54e15e3a94d53b0b5014d75c8d080-wanessa bor;</t>
  </si>
  <si>
    <t>ENC: Separação Receitas 2020 GAT .xlsb</t>
  </si>
  <si>
    <t>Separação Receitas 2020 GAT .xlsb</t>
  </si>
  <si>
    <t>/o=exchangelabs/ou=exchange administrative group (fydibohf23spdlt)/cn=recipients/cn=54abac0a4fdc4ad1bec39bb51d85eab1-victor hugo,/o=exchangelabs/ou=exchange administrative group (fydibohf23spdlt)/cn=recipients/cn=651324bc204a42f6bbcdf62273ebdc5c-aluisio ant,/o=exchangelabs/ou=exchange administrative group (fydibohf23spdlt)/cn=recipients/cn=a7d54e15e3a94d53b0b5014d75c8d080-wanessa bor</t>
  </si>
  <si>
    <t>/o=exchangelabs/ou=exchange administrative group (fydibohf23spdlt)/cn=recipients/cn=168e05cabbf14ae289464a0c09955b31-sara ferrei;/o=exchangelabs/ou=exchange administrative group (fydibohf23spdlt)/cn=recipients/cn=18538d61f6f342f7a3d2db08df47d617-vanusa prec;/o=exchangelabs/ou=exchange administrative group (fydibohf23spdlt)/cn=recipients/cn=b144f37bc5a4455085d413d0b7993628-daniela de;/o=exchangelabs/ou=exchange administrative group (fydibohf23spdlt)/cn=recipients/cn=c6f5c50e91244036872327464dc6624a-cinthia mar;/o=exchangelabs/ou=exchange administrative group (fydibohf23spdlt)/cn=recipients/cn=c7a044e2b21748f98d700084ad31ed19-eliane albu;</t>
  </si>
  <si>
    <t>/o=exchangelabs/ou=exchange administrative group (fydibohf23spdlt)/cn=recipients/cn=168e05cabbf14ae289464a0c09955b31-sara ferrei,/o=exchangelabs/ou=exchange administrative group (fydibohf23spdlt)/cn=recipients/cn=18538d61f6f342f7a3d2db08df47d617-vanusa prec,/o=exchangelabs/ou=exchange administrative group (fydibohf23spdlt)/cn=recipients/cn=b144f37bc5a4455085d413d0b7993628-daniela de,/o=exchangelabs/ou=exchange administrative group (fydibohf23spdlt)/cn=recipients/cn=c6f5c50e91244036872327464dc6624a-cinthia mar,/o=exchangelabs/ou=exchange administrative group (fydibohf23spdlt)/cn=recipients/cn=c7a044e2b21748f98d700084ad31ed19-eliane albu</t>
  </si>
  <si>
    <t>C:\Users\mariannacsm\OneDrive - Grupo Algar\0- PMO-POOL\PMO\CAPEX\Capex de Projetos Governados\</t>
  </si>
  <si>
    <t>Precificação - Pre closing.xlsx</t>
  </si>
  <si>
    <t>RES: Base ALELO</t>
  </si>
  <si>
    <t>Base Alelo 0110.csv</t>
  </si>
  <si>
    <t>/o=exchangelabs/ou=exchange administrative group (fydibohf23spdlt)/cn=recipients/cn=0bafe1ed27024338be4e911e19871cd1-william rob;/o=exchangelabs/ou=exchange administrative group (fydibohf23spdlt)/cn=recipients/cn=34a28d636a1b4c86b1ec79baed4b846a-marco anton;/o=exchangelabs/ou=exchange administrative group (fydibohf23spdlt)/cn=recipients/cn=wilson achilles alves pereira neto - 004255;</t>
  </si>
  <si>
    <t>ENC: PR199257 2019 - IBM 9819011324 - Serviços de SUGI no Santander - Quotation Number 9819011324</t>
  </si>
  <si>
    <t>Questionario 9819011324.xls</t>
  </si>
  <si>
    <t>/o=exchangelabs/ou=exchange administrative group (fydibohf23spdlt)/cn=recipients/cn=0bafe1ed27024338be4e911e19871cd1-william rob,/o=exchangelabs/ou=exchange administrative group (fydibohf23spdlt)/cn=recipients/cn=34a28d636a1b4c86b1ec79baed4b846a-marco anton,/o=exchangelabs/ou=exchange administrative group (fydibohf23spdlt)/cn=recipients/cn=wilson achilles alves pereira neto - 004255</t>
  </si>
  <si>
    <t>Orçado e não Orçado / GAT</t>
  </si>
  <si>
    <t>Consolidado -FERIAS_ORÇADO E NÃO ORÇADO_Programação férias_GAT 310719_REVISÃO V8_3008_INCLUSAO_0110.xlsm</t>
  </si>
  <si>
    <t>/o=exchangelabs/ou=exchange administrative group (fydibohf23spdlt)/cn=recipients/cn=71d61cf74988455d8586a88b31233851-pablo mathe;/o=exchangelabs/ou=exchange administrative group (fydibohf23spdlt)/cn=recipients/cn=857b2b6b70d84d3b9947cf5422f304c2-leonardo de;</t>
  </si>
  <si>
    <t>ENC: OCORRÊNCIAS 01 A 3009_028_029_033.xlsx</t>
  </si>
  <si>
    <t>OCORRÊNCIAS 01 A 3009_028_029_033.xlsx</t>
  </si>
  <si>
    <t>/o=exchangelabs/ou=exchange administrative group (fydibohf23spdlt)/cn=recipients/cn=71d61cf74988455d8586a88b31233851-pablo mathe,/o=exchangelabs/ou=exchange administrative group (fydibohf23spdlt)/cn=recipients/cn=857b2b6b70d84d3b9947cf5422f304c2-leonardo de</t>
  </si>
  <si>
    <t>/o=exchangelabs/ou=exchange administrative group (fydibohf23spdlt)/cn=recipients/cn=00cbfeb21b7f4227913dbc3d5802a114-celso tadeu;/o=exchangelabs/ou=exchange administrative group (fydibohf23spdlt)/cn=recipients/cn=71d61cf74988455d8586a88b31233851-pablo mathe;</t>
  </si>
  <si>
    <t>Ocorrências 028 e 029</t>
  </si>
  <si>
    <t>OCORRENCIAS_028_01A3009.csv</t>
  </si>
  <si>
    <t>/o=exchangelabs/ou=exchange administrative group (fydibohf23spdlt)/cn=recipients/cn=00cbfeb21b7f4227913dbc3d5802a114-celso tadeu,/o=exchangelabs/ou=exchange administrative group (fydibohf23spdlt)/cn=recipients/cn=71d61cf74988455d8586a88b31233851-pablo mathe</t>
  </si>
  <si>
    <t>/o=exchangelabs/ou=exchange administrative group (fydibohf23spdlt)/cn=recipients/cn=19563ef64edf42e7841a8719ae7bfe65-ythia karla;/o=exchangelabs/ou=exchange administrative group (fydibohf23spdlt)/cn=recipients/cn=4b41db0edf104ce4bd8639bdf7b43f71-ester gomes;</t>
  </si>
  <si>
    <t>Documentações de Associados outubro 2019</t>
  </si>
  <si>
    <t>Planilha de Associados 2019.xlsx</t>
  </si>
  <si>
    <t>/o=exchangelabs/ou=exchange administrative group (fydibohf23spdlt)/cn=recipients/cn=19563ef64edf42e7841a8719ae7bfe65-ythia karla,/o=exchangelabs/ou=exchange administrative group (fydibohf23spdlt)/cn=recipients/cn=4b41db0edf104ce4bd8639bdf7b43f71-ester gomes</t>
  </si>
  <si>
    <t>mail.google.com/_/upload?authuser=0&amp;dcp=asu-n&amp;upload_id=AEnB2Up3NQ7ErHIl9ZBqc6pN3rvoor9pRLauaBfDGcD_wCkI-4heiBSO2dAY72JZxoWx87WZcJGll3xn2mv0juqpI50db1libQhgSGpPhaQfQQkUQj5bxOY&amp;upload_protocol=resumable</t>
  </si>
  <si>
    <t>Cálculo de Rateio Consolidado.xlsx</t>
  </si>
  <si>
    <t>/o=exchangelabs/ou=exchange administrative group (fydibohf23spdlt)/cn=recipients/cn=8f6e1392c4f24f4faa8b69e41e9921dd-francisco m;/o=exchangelabs/ou=exchange administrative group (fydibohf23spdlt)/cn=recipients/cn=b24a1bfdc1aa45a2a190e0a7a66455b6-caio ferrei;</t>
  </si>
  <si>
    <t>TMK24</t>
  </si>
  <si>
    <t>Cópia de Relatório de Vandalismo NLSTMK24 - 18.08.2019.xlsx</t>
  </si>
  <si>
    <t>/o=exchangelabs/ou=exchange administrative group (fydibohf23spdlt)/cn=recipients/cn=8f6e1392c4f24f4faa8b69e41e9921dd-francisco m,/o=exchangelabs/ou=exchange administrative group (fydibohf23spdlt)/cn=recipients/cn=b24a1bfdc1aa45a2a190e0a7a66455b6-caio ferrei</t>
  </si>
  <si>
    <t>09/30/2019 14:48:39</t>
  </si>
  <si>
    <t>Alteração GH - Processos</t>
  </si>
  <si>
    <t>RES: &gt;&gt;&gt; Sua PLR - pendência nas suas metas &lt;&lt;&lt;</t>
  </si>
  <si>
    <t>Waleska - 1s19.rar\Waleska - 1s19\Engajamento\</t>
  </si>
  <si>
    <t>Objetivos 2019 - JurÃ­dico - mediÃ§Ã£o.xlsx</t>
  </si>
  <si>
    <t>C:\Users\waleskamms\OneDrive - Grupo Algar\Gestão área\Objetivos\Objetivos Leo e Waleska 1S19\Waleska - 1s19.rar\Waleska - 1s19\Engajamento\</t>
  </si>
  <si>
    <t>Enviando email: 'Exibição de Localização Avançada de Resumo da Ocorrência.xlsx</t>
  </si>
  <si>
    <t>'Exibição de Localização Avançada de Resumo da Ocorrência.xlsx</t>
  </si>
  <si>
    <t>telefonia setembro - esta incorreto.xls</t>
  </si>
  <si>
    <t>/o=exchangelabs/ou=exchange administrative group (fydibohf23spdlt)/cn=recipients/cn=82e9af7034e542b3a622ab8e7d09ff5d-ricardo de;</t>
  </si>
  <si>
    <t>Family Day 31-07.xlsx</t>
  </si>
  <si>
    <t>/o=exchangelabs/ou=exchange administrative group (fydibohf23spdlt)/cn=recipients/cn=82e9af7034e542b3a622ab8e7d09ff5d-ricardo de</t>
  </si>
  <si>
    <t>Planilha de Associados ADM Outubro 2019</t>
  </si>
  <si>
    <t>Planilha de Associados 2019 ADM.xlsx</t>
  </si>
  <si>
    <t>10.200.58.21</t>
  </si>
  <si>
    <t>D:\Celular S8 - 02-10\Download\</t>
  </si>
  <si>
    <t>(Suelen Moreira Marques) Ajuste de ponto.xlsx</t>
  </si>
  <si>
    <t>D:\Celular S8 - 02-10\Download\(Suelen Moreira Marques) Ajuste de ponto.xlsx</t>
  </si>
  <si>
    <t>Modelo Ficha de Oportunidade Comite de Compliance.xlsx</t>
  </si>
  <si>
    <t>D:\Celular S8 - 02-10\Download\Modelo Ficha de Oportunidade Comite de Compliance.xlsx</t>
  </si>
  <si>
    <t>Modelo visão cliente e impacto.xlsx</t>
  </si>
  <si>
    <t>D:\Celular S8 - 02-10\Download\Modelo visão cliente e impacto.xlsx</t>
  </si>
  <si>
    <t>planodetrabalho_Algartech_Consultivo_20190315.xlsx</t>
  </si>
  <si>
    <t>D:\Celular S8 - 02-10\Download\planodetrabalho_Algartech_Consultivo_20190315.xlsx</t>
  </si>
  <si>
    <t>RES: Dados Algar</t>
  </si>
  <si>
    <t>10 - Levantamento de PA's ALGAR.xlsx</t>
  </si>
  <si>
    <t>/o=exchangelabs/ou=exchange administrative group (fydibohf23spdlt)/cn=recipients/cn=77d2a15e162941f5b8ad84d928392e5e-dolvane rod;/o=exchangelabs/ou=exchange administrative group (fydibohf23spdlt)/cn=recipients/cn=c29ec9dae022497281c840087cccddec-patricia ar;/o=exchangelabs/ou=exchange administrative group (fydibohf23spdlt)/cn=recipients/cn=d5130784dc81436d9511788de4df376c-jeciene gom;</t>
  </si>
  <si>
    <t>Projeto Precificação - Quick Wins fase 1</t>
  </si>
  <si>
    <t>Catalogo de produtos.xlsx</t>
  </si>
  <si>
    <t>/o=exchangelabs/ou=exchange administrative group (fydibohf23spdlt)/cn=recipients/cn=77d2a15e162941f5b8ad84d928392e5e-dolvane rod,/o=exchangelabs/ou=exchange administrative group (fydibohf23spdlt)/cn=recipients/cn=c29ec9dae022497281c840087cccddec-patricia ar,/o=exchangelabs/ou=exchange administrative group (fydibohf23spdlt)/cn=recipients/cn=d5130784dc81436d9511788de4df376c-jeciene gom</t>
  </si>
  <si>
    <t>Gestão de Relatórios Whirlpool.xlsx</t>
  </si>
  <si>
    <t>Cronograma treinamentos.xls</t>
  </si>
  <si>
    <t>Planilha de dúvidas Comercial v3.xlsx</t>
  </si>
  <si>
    <t>Avaliação Potencial Supervisor</t>
  </si>
  <si>
    <t>Avaliação potencial supervisor.xlsx</t>
  </si>
  <si>
    <t>C:\Users\diegobg\Desktop\</t>
  </si>
  <si>
    <t>Gerenciador Ilha Especialista.xlsx</t>
  </si>
  <si>
    <t>ENC: Atualização de Skills</t>
  </si>
  <si>
    <t>2019_10_01-1919 - Atualização de Cadastro de Skills.xlsx</t>
  </si>
  <si>
    <t>09/26/2019 14:12:20</t>
  </si>
  <si>
    <t>10.207.12.57</t>
  </si>
  <si>
    <t>D8-9C-67-86-34-F9</t>
  </si>
  <si>
    <t>RES: It Forum</t>
  </si>
  <si>
    <t>It Forum X - Luciana Savi V6.xlsx</t>
  </si>
  <si>
    <t>Resultado Indicadores Top</t>
  </si>
  <si>
    <t>Resultado_Indicadores_UDI - WHIRLPOOL - SAC SINERGIA - 201908.xlsx</t>
  </si>
  <si>
    <t>10.201.28.57</t>
  </si>
  <si>
    <t>Prestação de contas Murer mês de abril a Julho 2019</t>
  </si>
  <si>
    <t>CURVA NORMAL - 01/10</t>
  </si>
  <si>
    <t>Avaliação_de_Fornecedor_SI_V7_envio MARCONI.xlsm</t>
  </si>
  <si>
    <t>/o=exchangelabs/ou=exchange administrative group (fydibohf23spdlt)/cn=recipients/cn=a4d4dbc88c434f8ba2bceed730d83878-marcellus r;/o=exchangelabs/ou=exchange administrative group (fydibohf23spdlt)/cn=recipients/cn=c752a2037ec548369888d5c10718b056-rita de cas;</t>
  </si>
  <si>
    <t>RES: Grupo Tech - Planilha de justificativa de saldo</t>
  </si>
  <si>
    <t>Saldos Tech Agosto.xlsx</t>
  </si>
  <si>
    <t>/o=exchangelabs/ou=exchange administrative group (fydibohf23spdlt)/cn=recipients/cn=a4d4dbc88c434f8ba2bceed730d83878-marcellus r,/o=exchangelabs/ou=exchange administrative group (fydibohf23spdlt)/cn=recipients/cn=c752a2037ec548369888d5c10718b056-rita de cas</t>
  </si>
  <si>
    <t>/o=exchangelabs/ou=exchange administrative group (fydibohf23spdlt)/cn=recipients/cn=142c8fe1b4224ee196db8bf4b9345086-silvana da;/o=exchangelabs/ou=exchange administrative group (fydibohf23spdlt)/cn=recipients/cn=2f13f6d577d947158c5f81c08b0e5faf-tatiane dor;/o=exchangelabs/ou=exchange administrative group (fydibohf23spdlt)/cn=recipients/cn=5c0e0b883c0f4ccbb2cf13db05a00b36-luciene ivo;/o=exchangelabs/ou=exchange administrative group (fydibohf23spdlt)/cn=recipients/cn=5f9fe2abf85646b78d6e24f5935bb1e0-angela souz;/o=exchangelabs/ou=exchange administrative group (fydibohf23spdlt)/cn=recipients/cn=a4ba92cba10f4fe498074594f937f3b6-leandro lop;/o=exchangelabs/ou=exchange administrative group (fydibohf23spdlt)/cn=recipients/cn=aef94c0f98b44279a41d719230c27333-sabrina dan;</t>
  </si>
  <si>
    <t>Custos Treinamento - Estilo Disney de Atendimento</t>
  </si>
  <si>
    <t>Custo Disney V3.xlsx</t>
  </si>
  <si>
    <t>/o=exchangelabs/ou=exchange administrative group (fydibohf23spdlt)/cn=recipients/cn=142c8fe1b4224ee196db8bf4b9345086-silvana da,/o=exchangelabs/ou=exchange administrative group (fydibohf23spdlt)/cn=recipients/cn=2f13f6d577d947158c5f81c08b0e5faf-tatiane dor,/o=exchangelabs/ou=exchange administrative group (fydibohf23spdlt)/cn=recipients/cn=5c0e0b883c0f4ccbb2cf13db05a00b36-luciene ivo,/o=exchangelabs/ou=exchange administrative group (fydibohf23spdlt)/cn=recipients/cn=5f9fe2abf85646b78d6e24f5935bb1e0-angela souz,/o=exchangelabs/ou=exchange administrative group (fydibohf23spdlt)/cn=recipients/cn=a4ba92cba10f4fe498074594f937f3b6-leandro lop,/o=exchangelabs/ou=exchange administrative group (fydibohf23spdlt)/cn=recipients/cn=aef94c0f98b44279a41d719230c27333-sabrina dan</t>
  </si>
  <si>
    <t>Enviando email: 'Exibição de Localização Avançada de Resumo da Ocorrência (1).xlsx</t>
  </si>
  <si>
    <t>'Exibição de Localização Avançada de Resumo da Ocorrência (1).xlsx</t>
  </si>
  <si>
    <t>/o=exchangelabs/ou=exchange administrative group (fydibohf23spdlt)/cn=recipients/cn=1234d49887d44c93bbe60ff9a5337bf9-matheus cam;/o=exchangelabs/ou=exchange administrative group (fydibohf23spdlt)/cn=recipients/cn=82e9af7034e542b3a622ab8e7d09ff5d-ricardo de;</t>
  </si>
  <si>
    <t>ENC: !!! FECHAMENTO PAINEL D-1 SETEMBRO !!!</t>
  </si>
  <si>
    <t>PAINEL D-1 BOCM - FECHAMENTO SETEMBRO.xlsx</t>
  </si>
  <si>
    <t>/o=exchangelabs/ou=exchange administrative group (fydibohf23spdlt)/cn=recipients/cn=1234d49887d44c93bbe60ff9a5337bf9-matheus cam,/o=exchangelabs/ou=exchange administrative group (fydibohf23spdlt)/cn=recipients/cn=82e9af7034e542b3a622ab8e7d09ff5d-ricardo de</t>
  </si>
  <si>
    <t>/o=exchangelabs/ou=exchange administrative group (fydibohf23spdlt)/cn=recipients/cn=615c2ff727e24f248b441574479da1fe-jussara gon;/o=exchangelabs/ou=exchange administrative group (fydibohf23spdlt)/cn=recipients/cn=82e9af7034e542b3a622ab8e7d09ff5d-ricardo de;/o=exchangelabs/ou=exchange administrative group (fydibohf23spdlt)/cn=recipients/cn=bad4390ba2c74a5099e8fb733438a799-patricia an;</t>
  </si>
  <si>
    <t>/o=exchangelabs/ou=exchange administrative group (fydibohf23spdlt)/cn=recipients/cn=615c2ff727e24f248b441574479da1fe-jussara gon,/o=exchangelabs/ou=exchange administrative group (fydibohf23spdlt)/cn=recipients/cn=82e9af7034e542b3a622ab8e7d09ff5d-ricardo de,/o=exchangelabs/ou=exchange administrative group (fydibohf23spdlt)/cn=recipients/cn=bad4390ba2c74a5099e8fb733438a799-patricia an</t>
  </si>
  <si>
    <t>/o=exchangelabs/ou=exchange administrative group (fydibohf23spdlt)/cn=recipients/cn=82e9af7034e542b3a622ab8e7d09ff5d-ricardo de;/o=exchangelabs/ou=exchange administrative group (fydibohf23spdlt)/cn=recipients/cn=ebb1ce72b04d43c3a1abb81be8a9fc6e-raphael mar;</t>
  </si>
  <si>
    <t>ENC: Escala Supervisores</t>
  </si>
  <si>
    <t>escala supervisores real.xlsx</t>
  </si>
  <si>
    <t>/o=exchangelabs/ou=exchange administrative group (fydibohf23spdlt)/cn=recipients/cn=82e9af7034e542b3a622ab8e7d09ff5d-ricardo de,/o=exchangelabs/ou=exchange administrative group (fydibohf23spdlt)/cn=recipients/cn=ebb1ce72b04d43c3a1abb81be8a9fc6e-raphael mar</t>
  </si>
  <si>
    <t>C:\Users\simoneesm\OneDrive - Grupo Algar\Controle\CLIENTES\DPRF\Concepçãp\</t>
  </si>
  <si>
    <t>Desenho Final_27082019.xlsx</t>
  </si>
  <si>
    <t>10.206.11.9</t>
  </si>
  <si>
    <t>/o=exchangelabs/ou=exchange administrative group (fydibohf23spdlt)/cn=recipients/cn=1867d5fca12044e08946537995369baf-diego rodri;/o=exchangelabs/ou=exchange administrative group (fydibohf23spdlt)/cn=recipients/cn=461d4073d1f04cad8b52cf5c29ffedb7-michael pra;/o=exchangelabs/ou=exchange administrative group (fydibohf23spdlt)/cn=recipients/cn=513e1be8608d4c7e9561b6b52f06324a-gleyse sati;/o=exchangelabs/ou=exchange administrative group (fydibohf23spdlt)/cn=recipients/cn=a6a22f8d7d7b49389d79c11f7cabf9f1-carlos edua;/o=exchangelabs/ou=exchange administrative group (fydibohf23spdlt)/cn=recipients/cn=bruna de freitas soares;/o=exchangelabs/ou=exchange administrative group (fydibohf23spdlt)/cn=recipients/cn=d86d4bf5f67548aa92acef38267ca44b-leandro jos;/o=exchangelabs/ou=exchange administrative group (fydibohf23spdlt)/cn=recipients/cn=e16aefd3b5634d7c8e23624cb89b8c14-lauane de j;</t>
  </si>
  <si>
    <t>RES: NR 17 - Regional IUA</t>
  </si>
  <si>
    <t>/o=exchangelabs/ou=exchange administrative group (fydibohf23spdlt)/cn=recipients/cn=1867d5fca12044e08946537995369baf-diego rodri,/o=exchangelabs/ou=exchange administrative group (fydibohf23spdlt)/cn=recipients/cn=461d4073d1f04cad8b52cf5c29ffedb7-michael pra,/o=exchangelabs/ou=exchange administrative group (fydibohf23spdlt)/cn=recipients/cn=513e1be8608d4c7e9561b6b52f06324a-gleyse sati,/o=exchangelabs/ou=exchange administrative group (fydibohf23spdlt)/cn=recipients/cn=a6a22f8d7d7b49389d79c11f7cabf9f1-carlos edua,/o=exchangelabs/ou=exchange administrative group (fydibohf23spdlt)/cn=recipients/cn=bruna de freitas soares,/o=exchangelabs/ou=exchange administrative group (fydibohf23spdlt)/cn=recipients/cn=d86d4bf5f67548aa92acef38267ca44b-leandro jos,/o=exchangelabs/ou=exchange administrative group (fydibohf23spdlt)/cn=recipients/cn=e16aefd3b5634d7c8e23624cb89b8c14-lauane de j</t>
  </si>
  <si>
    <t>/o=exchangelabs/ou=exchange administrative group (fydibohf23spdlt)/cn=recipients/cn=e6b7580a624e482b95aa2b9747aa6d6d-paulo sergi;/o=exchangelabs/ou=exchange administrative group (fydibohf23spdlt)/cn=recipients/cn=francisca rayza carvalho neves - 004232;</t>
  </si>
  <si>
    <t>ENC: Devolutiva Forecast Outubro-19</t>
  </si>
  <si>
    <t>10 - SD_Template_Volumetria_ 2019 Oficial.xlsm</t>
  </si>
  <si>
    <t>/o=exchangelabs/ou=exchange administrative group (fydibohf23spdlt)/cn=recipients/cn=e6b7580a624e482b95aa2b9747aa6d6d-paulo sergi,/o=exchangelabs/ou=exchange administrative group (fydibohf23spdlt)/cn=recipients/cn=francisca rayza carvalho neves - 004232</t>
  </si>
  <si>
    <t>luismarrb@algartech.com</t>
  </si>
  <si>
    <t>Volumetria Sage 02102019.xlsx</t>
  </si>
  <si>
    <t>mail.google.com/_/upload?authuser=0&amp;dcp=asu-n&amp;upload_id=AEnB2UrneQKxK_idzy5EezArpk-LeJoMPAM-T9FYKTB8W7bxcas0Df4KI-p4250e5aAjFtIc_SG8WMrkhj6IfNEjLI6k05XGAqPka0U4hHx6ltQyCIFacP8&amp;upload_protocol=resumable</t>
  </si>
  <si>
    <t>C:\Users\gustavoplo\Documents\Telecom\Variados\</t>
  </si>
  <si>
    <t>10.200.99.88</t>
  </si>
  <si>
    <t>/o=exchangelabs/ou=exchange administrative group (fydibohf23spdlt)/cn=recipients/cn=096be01f3be1448b9e04fb22996909f1-michele sil;/o=exchangelabs/ou=exchange administrative group (fydibohf23spdlt)/cn=recipients/cn=22f2a579a06e409a9da375a7e8c4759d-raissa andr;/o=exchangelabs/ou=exchange administrative group (fydibohf23spdlt)/cn=recipients/cn=2abd653b249741f0aaab575ad2f855a3-tayse ianda;/o=exchangelabs/ou=exchange administrative group (fydibohf23spdlt)/cn=recipients/cn=3fdae55f800a40bf81283bd4e9732f23-ludimila ti;/o=exchangelabs/ou=exchange administrative group (fydibohf23spdlt)/cn=recipients/cn=fbbb462fed0b402bbe147770ea84cf9e-adriana cae;</t>
  </si>
  <si>
    <t>ENC: Desvio Setembro</t>
  </si>
  <si>
    <t>/o=exchangelabs/ou=exchange administrative group (fydibohf23spdlt)/cn=recipients/cn=096be01f3be1448b9e04fb22996909f1-michele sil,/o=exchangelabs/ou=exchange administrative group (fydibohf23spdlt)/cn=recipients/cn=22f2a579a06e409a9da375a7e8c4759d-raissa andr,/o=exchangelabs/ou=exchange administrative group (fydibohf23spdlt)/cn=recipients/cn=2abd653b249741f0aaab575ad2f855a3-tayse ianda,/o=exchangelabs/ou=exchange administrative group (fydibohf23spdlt)/cn=recipients/cn=3fdae55f800a40bf81283bd4e9732f23-ludimila ti,/o=exchangelabs/ou=exchange administrative group (fydibohf23spdlt)/cn=recipients/cn=fbbb462fed0b402bbe147770ea84cf9e-adriana cae</t>
  </si>
  <si>
    <t>09/25/2019 15:58:43</t>
  </si>
  <si>
    <t>Y:\FINANCEIRO\CAPEX\CAPEX INC AS IS 2020\</t>
  </si>
  <si>
    <t>/o=exchangelabs/ou=exchange administrative group (fydibohf23spdlt)/cn=recipients/cn=0ca6cc8d100949a7866a928f62ef5778-rosilene de;/o=exchangelabs/ou=exchange administrative group (fydibohf23spdlt)/cn=recipients/cn=1c3bae1d5aab4c72b84516e819cd16c9-wilton paim;/o=exchangelabs/ou=exchange administrative group (fydibohf23spdlt)/cn=recipients/cn=545f738e0fe740ba856f4eb6ef0135e0-vinicius si;/o=exchangelabs/ou=exchange administrative group (fydibohf23spdlt)/cn=recipients/cn=56dc126fba5b4a5f8fb1cd7e4f10477d-thais olive;/o=exchangelabs/ou=exchange administrative group (fydibohf23spdlt)/cn=recipients/cn=6189712535ea4b50a3625910837af2c9-larissa bra;/o=exchangelabs/ou=exchange administrative group (fydibohf23spdlt)/cn=recipients/cn=7903c13fa0504ff0bc7dd2644020b0e8-mirna prado;/o=exchangelabs/ou=exchange administrative group (fydibohf23spdlt)/cn=recipients/cn=81f72ed6e9d042e3bed0cec08d488854-vinicius go;/o=exchangelabs/ou=exchange administrative group (fydibohf23spdlt)/cn=recipients/cn=98e18f75c1d448d18c2b385d101db11f-luiz</t>
  </si>
  <si>
    <t>Formato dos mailings do Outbound</t>
  </si>
  <si>
    <t>Mailing UDI - WHIRLPOOL - RETENCAO A FRIO.csv</t>
  </si>
  <si>
    <t>/o=exchangelabs/ou=exchange administrative group (fydibohf23spdlt)/cn=recipients/cn=0ca6cc8d100949a7866a928f62ef5778-rosilene de,/o=exchangelabs/ou=exchange administrative group (fydibohf23spdlt)/cn=recipients/cn=1c3bae1d5aab4c72b84516e819cd16c9-wilton paim,/o=exchangelabs/ou=exchange administrative group (fydibohf23spdlt)/cn=recipients/cn=545f738e0fe740ba856f4eb6ef0135e0-vinicius si,/o=exchangelabs/ou=exchange administrative group (fydibohf23spdlt)/cn=recipients/cn=56dc126fba5b4a5f8fb1cd7e4f10477d-thais olive,/o=exchangelabs/ou=exchange administrative group (fydibohf23spdlt)/cn=recipients/cn=6189712535ea4b50a3625910837af2c9-larissa bra,/o=exchangelabs/ou=exchange administrative group (fydibohf23spdlt)/cn=recipients/cn=7903c13fa0504ff0bc7dd2644020b0e8-mirna prado,/o=exchangelabs/ou=exchange administrative group (fydibohf23spdlt)/cn=recipients/cn=81f72ed6e9d042e3bed0cec08d488854-vinicius go,/o=exchangelabs/ou=exchange administrative group (fydibohf23spdlt)/cn=recipients/cn=98e18f75c1d448d18c2b385d101db11f-luiz</t>
  </si>
  <si>
    <t>/o=exchangelabs/ou=exchange administrative group (fydibohf23spdlt)/cn=recipients/cn=7f100576a0d642769861fae5d58c2022-diego barda;/o=exchangelabs/ou=exchange administrative group (fydibohf23spdlt)/cn=recipients/cn=8ab5e44d485043d59eb4f21463e63e6a-tays dos sa;/o=exchangelabs/ou=exchange administrative group (fydibohf23spdlt)/cn=recipients/cn=bec14da9ad4d434b8151ce12587e9186-khassio mar;/o=exchangelabs/ou=exchange administrative group (fydibohf23spdlt)/cn=recipients/cn=df6ea6cc78a840278b1e7acccac67692-thiago rodr;</t>
  </si>
  <si>
    <t>RES: Pendências férias</t>
  </si>
  <si>
    <t>Casos pendentes Ferias.xlsx</t>
  </si>
  <si>
    <t>/o=exchangelabs/ou=exchange administrative group (fydibohf23spdlt)/cn=recipients/cn=7f100576a0d642769861fae5d58c2022-diego barda,/o=exchangelabs/ou=exchange administrative group (fydibohf23spdlt)/cn=recipients/cn=8ab5e44d485043d59eb4f21463e63e6a-tays dos sa,/o=exchangelabs/ou=exchange administrative group (fydibohf23spdlt)/cn=recipients/cn=bec14da9ad4d434b8151ce12587e9186-khassio mar,/o=exchangelabs/ou=exchange administrative group (fydibohf23spdlt)/cn=recipients/cn=df6ea6cc78a840278b1e7acccac67692-thiago rodr</t>
  </si>
  <si>
    <t>mail.google.com/_/upload?authuser=0&amp;dcp=asu-n&amp;upload_id=AEnB2UoIy03utzvEs5SLWl5t3JdGarrVe2jCARl3YtIGd18mYVluyUR1Pd5QO-USrEIKApq_rtQEshEG7kDWoQn_q3Zc-StKdg&amp;upload_protocol=resumable</t>
  </si>
  <si>
    <t>C:\Users\rodrigormc\Desktop\Daily\</t>
  </si>
  <si>
    <t>/o=exchangelabs/ou=exchange administrative group (fydibohf23spdlt)/cn=recipients/cn=504f2cfc403f495ebf675fe1e3d6931c-flavia ceci;/o=exchangelabs/ou=exchange administrative group (fydibohf23spdlt)/cn=recipients/cn=61132b5b7cff429480ab98ee7d813e1c-renato ferr;/o=exchangelabs/ou=exchange administrative group (fydibohf23spdlt)/cn=recipients/cn=d34862636b3f4dd788a4b79302af038e-simone ribe;/o=exchangelabs/ou=exchange administrative group (fydibohf23spdlt)/cn=recipients/cn=e53279f3304443bdb72d053469951c7a-anderson st;</t>
  </si>
  <si>
    <t>ENC: Escala Salomão Zoppi</t>
  </si>
  <si>
    <t>Escala Mensal.xlsx</t>
  </si>
  <si>
    <t>/o=exchangelabs/ou=exchange administrative group (fydibohf23spdlt)/cn=recipients/cn=504f2cfc403f495ebf675fe1e3d6931c-flavia ceci,/o=exchangelabs/ou=exchange administrative group (fydibohf23spdlt)/cn=recipients/cn=61132b5b7cff429480ab98ee7d813e1c-renato ferr,/o=exchangelabs/ou=exchange administrative group (fydibohf23spdlt)/cn=recipients/cn=d34862636b3f4dd788a4b79302af038e-simone ribe,/o=exchangelabs/ou=exchange administrative group (fydibohf23spdlt)/cn=recipients/cn=e53279f3304443bdb72d053469951c7a-anderson st</t>
  </si>
  <si>
    <t>/o=exchangelabs/ou=exchange administrative group (fydibohf23spdlt)/cn=recipients/cn=3188323005a04a70962871b2b980355d-humberto pi;/o=exchangelabs/ou=exchange administrative group (fydibohf23spdlt)/cn=recipients/cn=33d249108a194f94ad1c0c445c411f81-sabrina vie;/o=exchangelabs/ou=exchange administrative group (fydibohf23spdlt)/cn=recipients/cn=56c2af2d07fd48c0aebfc00ddc006494-alessio rod;/o=exchangelabs/ou=exchange administrative group (fydibohf23spdlt)/cn=recipients/cn=5c622a418fd946f4953ddb5f89bb73ce-vanessa da;/o=exchangelabs/ou=exchange administrative group (fydibohf23spdlt)/cn=recipients/cn=6bc6ced03b1b4fafa41bb5c70c178940-antonio per;/o=exchangelabs/ou=exchange administrative group (fydibohf23spdlt)/cn=recipients/cn=c32cee7d339f4e7fab5beda7be171cc0-priscila ca;/o=exchangelabs/ou=exchange administrative group (fydibohf23spdlt)/cn=recipients/cn=c514dbe8b91547adb4618232d1a650ba-afonso domi;/o=exchangelabs/ou=exchange administrative group (fydibohf23spdlt)/cn=recipients/cn=cb5adfd7be5d42f39b6c2497336ba9d7-ferna</t>
  </si>
  <si>
    <t>RES: Proposta Nespresso</t>
  </si>
  <si>
    <t>Nespresso V2.xls</t>
  </si>
  <si>
    <t>/o=exchangelabs/ou=exchange administrative group (fydibohf23spdlt)/cn=recipients/cn=3188323005a04a70962871b2b980355d-humberto pi,/o=exchangelabs/ou=exchange administrative group (fydibohf23spdlt)/cn=recipients/cn=33d249108a194f94ad1c0c445c411f81-sabrina vie,/o=exchangelabs/ou=exchange administrative group (fydibohf23spdlt)/cn=recipients/cn=56c2af2d07fd48c0aebfc00ddc006494-alessio rod,/o=exchangelabs/ou=exchange administrative group (fydibohf23spdlt)/cn=recipients/cn=5c622a418fd946f4953ddb5f89bb73ce-vanessa da,/o=exchangelabs/ou=exchange administrative group (fydibohf23spdlt)/cn=recipients/cn=6bc6ced03b1b4fafa41bb5c70c178940-antonio per,/o=exchangelabs/ou=exchange administrative group (fydibohf23spdlt)/cn=recipients/cn=c32cee7d339f4e7fab5beda7be171cc0-priscila ca,/o=exchangelabs/ou=exchange administrative group (fydibohf23spdlt)/cn=recipients/cn=c514dbe8b91547adb4618232d1a650ba-afonso domi,/o=exchangelabs/ou=exchange administrative group (fydibohf23spdlt)/cn=recipients/cn=cb5adfd7be5d42f39b6c2497336ba9d7-ferna</t>
  </si>
  <si>
    <t>/o=exchangelabs/ou=exchange administrative group (fydibohf23spdlt)/cn=recipients/cn=03a1bc99308a456db7c0105407689b39-gilda elain;/o=exchangelabs/ou=exchange administrative group (fydibohf23spdlt)/cn=recipients/cn=2504d5028b6b4fb89d14a5df6031358d-jane carla;/o=exchangelabs/ou=exchange administrative group (fydibohf23spdlt)/cn=recipients/cn=3262123ab1534746a91b362bb3b84436-higor silva;/o=exchangelabs/ou=exchange administrative group (fydibohf23spdlt)/cn=recipients/cn=503a4cae25a0474e8b364b01d4d28bc4-thais mozel;/o=exchangelabs/ou=exchange administrative group (fydibohf23spdlt)/cn=recipients/cn=54abac0a4fdc4ad1bec39bb51d85eab1-victor hugo;/o=exchangelabs/ou=exchange administrative group (fydibohf23spdlt)/cn=recipients/cn=590012d55fae421587844918af7bc53c-daiane mari;/o=exchangelabs/ou=exchange administrative group (fydibohf23spdlt)/cn=recipients/cn=61af722dd06149089cf1c867d796b8bc-delso estre;/o=exchangelabs/ou=exchange administrative group (fydibohf23spdlt)/cn=recipients/cn=76d765d676864fe79b29c865fa21a2c7-letic</t>
  </si>
  <si>
    <t>Custos Indiretos/Despesas - Justificativas Setembro 2019</t>
  </si>
  <si>
    <t>092019_Relatorio_Indiretos.xlsx</t>
  </si>
  <si>
    <t>/o=exchangelabs/ou=exchange administrative group (fydibohf23spdlt)/cn=recipients/cn=03a1bc99308a456db7c0105407689b39-gilda elain,/o=exchangelabs/ou=exchange administrative group (fydibohf23spdlt)/cn=recipients/cn=2504d5028b6b4fb89d14a5df6031358d-jane carla,/o=exchangelabs/ou=exchange administrative group (fydibohf23spdlt)/cn=recipients/cn=3262123ab1534746a91b362bb3b84436-higor silva,/o=exchangelabs/ou=exchange administrative group (fydibohf23spdlt)/cn=recipients/cn=503a4cae25a0474e8b364b01d4d28bc4-thais mozel,/o=exchangelabs/ou=exchange administrative group (fydibohf23spdlt)/cn=recipients/cn=54abac0a4fdc4ad1bec39bb51d85eab1-victor hugo,/o=exchangelabs/ou=exchange administrative group (fydibohf23spdlt)/cn=recipients/cn=590012d55fae421587844918af7bc53c-daiane mari,/o=exchangelabs/ou=exchange administrative group (fydibohf23spdlt)/cn=recipients/cn=61af722dd06149089cf1c867d796b8bc-delso estre,/o=exchangelabs/ou=exchange administrative group (fydibohf23spdlt)/cn=recipients/cn=76d765d676864fe79b29c865fa21a2c7-letic</t>
  </si>
  <si>
    <t>emissaopjeavm@algartech.com.br;natalia.toma@bradesco.com.br;</t>
  </si>
  <si>
    <t>Emissão Cartões - COOP</t>
  </si>
  <si>
    <t>Segunda Remessa de cartões - 05.09.2019.xlsx</t>
  </si>
  <si>
    <t>emissaopjeavm@algartech.com.br,natalia.toma@bradesco.com.br</t>
  </si>
  <si>
    <t>/o=exchangelabs/ou=exchange administrative group (fydibohf23spdlt)/cn=recipients/cn=546d63420d554c4d858776a48a93ef0f-gustavo de;/o=exchangelabs/ou=exchange administrative group (fydibohf23spdlt)/cn=recipients/cn=5dd03a66f797451390d7113259343399-aline da si;/o=exchangelabs/ou=exchange administrative group (fydibohf23spdlt)/cn=recipients/cn=c29ec9dae022497281c840087cccddec-patricia ar;/o=exchangelabs/ou=exchange administrative group (fydibohf23spdlt)/cn=recipients/cn=fe8fdec9c88140d18f5303035fad45f0-ricardo bor;</t>
  </si>
  <si>
    <t>BP modelo Algar Telecom</t>
  </si>
  <si>
    <t>206472 Xperience RCV - HD - TVL - Precificacao C017 B017 GRC v3.xlsb</t>
  </si>
  <si>
    <t>/o=exchangelabs/ou=exchange administrative group (fydibohf23spdlt)/cn=recipients/cn=546d63420d554c4d858776a48a93ef0f-gustavo de,/o=exchangelabs/ou=exchange administrative group (fydibohf23spdlt)/cn=recipients/cn=5dd03a66f797451390d7113259343399-aline da si,/o=exchangelabs/ou=exchange administrative group (fydibohf23spdlt)/cn=recipients/cn=c29ec9dae022497281c840087cccddec-patricia ar,/o=exchangelabs/ou=exchange administrative group (fydibohf23spdlt)/cn=recipients/cn=fe8fdec9c88140d18f5303035fad45f0-ricardo bor</t>
  </si>
  <si>
    <t>C:\Users\gustavoplo\Downloads\</t>
  </si>
  <si>
    <t>Volume de Transferências Retenção para Televendas.xlsx</t>
  </si>
  <si>
    <t>mail.google.com/_/upload?authuser=0&amp;dcp=asu-n&amp;upload_id=AEnB2UqFc-sO43nnnpPsct0evUNfTHAQtgJTyqyzDVj0falft5jCeRcsOINOfNVJy5B4zGZb1-D-hbQR15H4qrN-RpgmxGixly5vVp5hgQ2IqsK24YBwfqw&amp;upload_protocol=resumable</t>
  </si>
  <si>
    <t>C:\Users\ricardoft\OneDrive - Grupo Algar\Documentos\Projetos\2019\Telecom\</t>
  </si>
  <si>
    <t>Planner - 2019_07_Rev.2_Final.xlsm</t>
  </si>
  <si>
    <t>atendimentopj.bradesco@servicosfps.com.br;emissaopjeavm@algartech.com.br;natalia.toma@bradesco.com.br;</t>
  </si>
  <si>
    <t>RES: ENC: Assinatura Formulario COOP</t>
  </si>
  <si>
    <t>Emissão Cartões - COOP.msg\s1\</t>
  </si>
  <si>
    <t>Cópia de Cópia de Planilha de cartoes adicionais.xlsx</t>
  </si>
  <si>
    <t>atendimentopj.bradesco@servicosfps.com.br,emissaopjeavm@algartech.com.br,natalia.toma@bradesco.com.br</t>
  </si>
  <si>
    <t>/o=exchangelabs/ou=exchange administrative group (fydibohf23spdlt)/cn=recipients/cn=98e18f75c1d448d18c2b385d101db11f-luiz alfred;/o=exchangelabs/ou=exchange administrative group (fydibohf23spdlt)/cn=recipients/cn=e174366906884bd1b4d4c5ddfc8c9433-rodrigo men;</t>
  </si>
  <si>
    <t>Quebra Diária - Compra Certa _Outubro/2019</t>
  </si>
  <si>
    <t>10 - Quebra Diária - Compra Certa_Outubro 2019.xlsx</t>
  </si>
  <si>
    <t>/o=exchangelabs/ou=exchange administrative group (fydibohf23spdlt)/cn=recipients/cn=98e18f75c1d448d18c2b385d101db11f-luiz alfred,/o=exchangelabs/ou=exchange administrative group (fydibohf23spdlt)/cn=recipients/cn=e174366906884bd1b4d4c5ddfc8c9433-rodrigo men</t>
  </si>
  <si>
    <t>/o=exchangelabs/ou=exchange administrative group (fydibohf23spdlt)/cn=recipients/cn=8a0784ccebb14202a66b1b8f3a285b61-thais de al;</t>
  </si>
  <si>
    <t>Capitalizações de GP's em setembro</t>
  </si>
  <si>
    <t>/o=exchangelabs/ou=exchange administrative group (fydibohf23spdlt)/cn=recipients/cn=8a0784ccebb14202a66b1b8f3a285b61-thais de al</t>
  </si>
  <si>
    <t>C:\Users\janecsa\Desktop\EBIT\</t>
  </si>
  <si>
    <t>QvsViewClient-daniel.xls</t>
  </si>
  <si>
    <t>mail.google.com/_/upload?authuser=0&amp;dcp=asu-n&amp;upload_id=AEnB2UqztGltRDFIdyhxAUSGO8E1wnmHKhkkUD0JgCG4q3X_K4t4kBA1yTRRgWW9ovMy3xfKq8e7VDENA_-bIh--phSw14TLxi8l_GzNImgKhdAQE6X0F4M&amp;upload_protocol=resumable</t>
  </si>
  <si>
    <t>anapca@algartech.com;diegorg@algartech.com;ederleirdr@algartech.com;edilsonrb@algartech.com;governancacapex@algartech.com;mariannacsm@algartech.com;</t>
  </si>
  <si>
    <t>C:\Users\daniloasb\Desktop\Projetos Documentos\ELCANO\</t>
  </si>
  <si>
    <t>anapca@algartech.com,diegorg@algartech.com,ederleirdr@algartech.com,edilsonrb@algartech.com,governancacapex@algartech.com,mariannacsm@algartech.com</t>
  </si>
  <si>
    <t>10.200.58.189</t>
  </si>
  <si>
    <t>FC-01-7C-B3-41-B7</t>
  </si>
  <si>
    <t>NB-LUANASDSA</t>
  </si>
  <si>
    <t>luanasdsa</t>
  </si>
  <si>
    <t>LUANA SOUZA DOS SANTOS</t>
  </si>
  <si>
    <t>/o=exchangelabs/ou=exchange administrative group (fydibohf23spdlt)/cn=recipients/cn=40ccde93d5e84e22be01d21a38fa9629-christopher;</t>
  </si>
  <si>
    <t>TOYOTA - DE Indicadores Ativo Aspect.doc</t>
  </si>
  <si>
    <t>TOYOTA - DE Indicadores Ativo Aspect.doc\</t>
  </si>
  <si>
    <t>/o=exchangelabs/ou=exchange administrative group (fydibohf23spdlt)/cn=recipients/cn=40ccde93d5e84e22be01d21a38fa9629-christopher</t>
  </si>
  <si>
    <t>ENC: Prazo de pagamento - Contrato Grupo Marista</t>
  </si>
  <si>
    <t>Volumetria Superfrio 02102019.xlsx</t>
  </si>
  <si>
    <t>10.200.60.239</t>
  </si>
  <si>
    <t>FC-01-7C-B3-BA-ED</t>
  </si>
  <si>
    <t>NB-RAFAELBDT</t>
  </si>
  <si>
    <t>rafaelbdt</t>
  </si>
  <si>
    <t>Documento RA</t>
  </si>
  <si>
    <t>Abertura das RA`s (2).xlsx</t>
  </si>
  <si>
    <t>Rampa de clientes PPE GAT revisada</t>
  </si>
  <si>
    <t>Rampa de Receita - LP ISD E GIAT 02-10_v3.xlsx</t>
  </si>
  <si>
    <t>Lista de Ativos CR 340022005</t>
  </si>
  <si>
    <t>Lista de Ativos.xlsx</t>
  </si>
  <si>
    <t>Status Report Semanal - Projeto Precificação - 20190930.pptx</t>
  </si>
  <si>
    <t>/o=exchangelabs/ou=exchange administrative group (fydibohf23spdlt)/cn=recipients/cn=356687541e6d4dba87a6d07b3c4b9c4a-paulinia av;/o=exchangelabs/ou=exchange administrative group (fydibohf23spdlt)/cn=recipients/cn=81f72ed6e9d042e3bed0cec08d488854-vinicius go;/o=exchangelabs/ou=exchange administrative group (fydibohf23spdlt)/cn=recipients/cn=e174366906884bd1b4d4c5ddfc8c9433-rodrigo men;</t>
  </si>
  <si>
    <t>RES: Planejado P.A Digital</t>
  </si>
  <si>
    <t>Digital_OUT.xlsx</t>
  </si>
  <si>
    <t>/o=exchangelabs/ou=exchange administrative group (fydibohf23spdlt)/cn=recipients/cn=356687541e6d4dba87a6d07b3c4b9c4a-paulinia av,/o=exchangelabs/ou=exchange administrative group (fydibohf23spdlt)/cn=recipients/cn=81f72ed6e9d042e3bed0cec08d488854-vinicius go,/o=exchangelabs/ou=exchange administrative group (fydibohf23spdlt)/cn=recipients/cn=e174366906884bd1b4d4c5ddfc8c9433-rodrigo men</t>
  </si>
  <si>
    <t>C:\Users\mariannacsm\OneDrive - Grupo Algar\0- PMO-POOL\PMO\CAPEX\01 - Capex de Projetos Governados\</t>
  </si>
  <si>
    <t>BMW.xlsx</t>
  </si>
  <si>
    <t>/o=exchangelabs/ou=exchange administrative group (fydibohf23spdlt)/cn=recipients/cn=98ea30ba409149f69837fad4ccd70171-leonardo el;/o=exchangelabs/ou=exchange administrative group (fydibohf23spdlt)/cn=recipients/cn=a112e7960ad74f0b922e46db95422f27-angelica ta;</t>
  </si>
  <si>
    <t>ENC: Passivo Trabalhista Algar</t>
  </si>
  <si>
    <t>6-P. Trabalhista Algar_ envio 17-09-19.xlsx</t>
  </si>
  <si>
    <t>/o=exchangelabs/ou=exchange administrative group (fydibohf23spdlt)/cn=recipients/cn=98ea30ba409149f69837fad4ccd70171-leonardo el,/o=exchangelabs/ou=exchange administrative group (fydibohf23spdlt)/cn=recipients/cn=a112e7960ad74f0b922e46db95422f27-angelica ta</t>
  </si>
  <si>
    <t>10.200.32.107</t>
  </si>
  <si>
    <t>54-BF-64-F5-84-6A</t>
  </si>
  <si>
    <t>NB-MARCIOLS</t>
  </si>
  <si>
    <t>marciols</t>
  </si>
  <si>
    <t>C:\Temporarios\DBA\</t>
  </si>
  <si>
    <t>CargosFalha.xlsx</t>
  </si>
  <si>
    <t>/o=exchangelabs/ou=exchange administrative group (fydibohf23spdlt)/cn=recipients/cn=8e4869266a924042a8d9b8e9156c0081-gilson da s;/o=exchangelabs/ou=exchange administrative group (fydibohf23spdlt)/cn=recipients/cn=a7d54e15e3a94d53b0b5014d75c8d080-wanessa bor;/o=exchangelabs/ou=exchange administrative group (fydibohf23spdlt)/cn=recipients/cn=d5130784dc81436d9511788de4df376c-jeciene gom;dolvaner@algartech.com;</t>
  </si>
  <si>
    <t>ENC: Projeto Precificação - Quick Wins fase 1</t>
  </si>
  <si>
    <t>/o=exchangelabs/ou=exchange administrative group (fydibohf23spdlt)/cn=recipients/cn=8e4869266a924042a8d9b8e9156c0081-gilson da s,/o=exchangelabs/ou=exchange administrative group (fydibohf23spdlt)/cn=recipients/cn=a7d54e15e3a94d53b0b5014d75c8d080-wanessa bor,/o=exchangelabs/ou=exchange administrative group (fydibohf23spdlt)/cn=recipients/cn=d5130784dc81436d9511788de4df376c-jeciene gom,dolvaner@algartech.com</t>
  </si>
  <si>
    <t>10.200.59.253</t>
  </si>
  <si>
    <t>20-04-0F-FE-47-44</t>
  </si>
  <si>
    <t>NB-MARCOTVO</t>
  </si>
  <si>
    <t>marcotvo</t>
  </si>
  <si>
    <t>C:\_Marco Tulio\0 - Coach\2 - Qualidade\02 - Gerencial\09 - Rateio\2019\201909 Setembro\</t>
  </si>
  <si>
    <t>ESFORÇO - SETEMBRO - V1.xlsm</t>
  </si>
  <si>
    <t>mail.google.com/_/upload?authuser=1&amp;dcp=asu-n&amp;upload_id=AEnB2Ura5n385XXz03nLrHax9Xw6zF7hr1UBgqUZKzA5PqdTByEDzOygiOE3sv5JL6oVsfUqPlrBWQ3VfHU4OkQv-Fbawr1xNHqDq_eOzujjTaoFmuP0aRw&amp;upload_protocol=resumable</t>
  </si>
  <si>
    <t>ENC: PROJETO XPERIECE - FTE</t>
  </si>
  <si>
    <t>mail.google.com/_/upload?authuser=0&amp;dcp=asu-n&amp;upload_id=AEnB2Up7lzJOe-9CU7y8_jLfqH1EZYOURayKVNcUYNqMJBGebsKCCsn-6neAwdExMUTDQ_mVnaXX6Fb69P6y2ztX5AIFvD-URQ&amp;upload_protocol=resumable</t>
  </si>
  <si>
    <t>lista_allUsers.csv</t>
  </si>
  <si>
    <t>It Forum X - Luciana Savi V7.xlsx</t>
  </si>
  <si>
    <t>092019_Relatorio_Despesa.xlsx</t>
  </si>
  <si>
    <t>mail.google.com/_/upload?authuser=0&amp;dcp=asu-n&amp;upload_id=AEnB2UpkD2URb_8GxPwHv0JFygGebhb62BBeA-p0RdC2iP7bqkY-pyYNlt3WzS3lVm2rqb09jccKoPDHeQIvc4fLpLFU2jegTcuxOJIF4sXcF8VLFnPUHGQ&amp;upload_protocol=resumable</t>
  </si>
  <si>
    <t>\\acsfs\dsti\CIT- Coordenação de Inteligência de Tecnologia\05 - Gerenciamento Orçamento e Contabilização\5. Contabilidade 2019\Justificativas Fechamento\2019\09. 2019\</t>
  </si>
  <si>
    <t>mail.google.com/_/upload?authuser=0&amp;dcp=asu-n&amp;upload_id=AEnB2UqqTMvrsQ4cFDdeQTjbecjXepEQze2edbGQvmEhA7cPIn9euRT2N_48M5gAF1NmllVl_PHUJ9W_S4rdQkcsw8N6zZzLIgpDwlDVAqaXg-i_LMlllAc&amp;upload_protocol=resumable</t>
  </si>
  <si>
    <t>092019_Relatorio_Indiretos_DTI.xlsx</t>
  </si>
  <si>
    <t>mail.google.com/_/upload?authuser=0&amp;dcp=asu-n&amp;upload_id=AEnB2UoOq_wIXed1fUrQIKtaTnrMP3Zv_Kiurj11rZ9dQNxnB-10i2dlG6z7-fmmjiL27DWEdvIXn_Dv4WiwIlFdxSIbiofxwjZb6TPYtbLsZVdoK8GaoMg&amp;upload_protocol=resumable</t>
  </si>
  <si>
    <t>092019_Relatorio_Despesa_DTI.xlsx</t>
  </si>
  <si>
    <t>celmars@algartech.com;</t>
  </si>
  <si>
    <t>\\acsfs\DEPTOS\Controladoria\Planejamento\Reuniões Mensais\2019\09 - Setembro\</t>
  </si>
  <si>
    <t>Previa Setembro.xlsx</t>
  </si>
  <si>
    <t>celmars@algartech.com</t>
  </si>
  <si>
    <t>/o=exchangelabs/ou=exchange administrative group (fydibohf23spdlt)/cn=recipients/cn=43a054bacf514a8a9cdcb240b072cd47-cecilia mul;/o=exchangelabs/ou=exchange administrative group (fydibohf23spdlt)/cn=recipients/cn=c29ec9dae022497281c840087cccddec-patricia ar;/o=exchangelabs/ou=exchange administrative group (fydibohf23spdlt)/cn=recipients/cn=f167860e3f1940cc81730e5f24d2f0bb-alexandre f;/o=exchangelabs/ou=exchange administrative group (fydibohf23spdlt)/cn=recipients/cn=f545a323f3be43dbbabfeb25fc86516a-rafael melv;</t>
  </si>
  <si>
    <t>Racional Chat - Retenção</t>
  </si>
  <si>
    <t>Rampa_Retenção Chat.xlsx</t>
  </si>
  <si>
    <t>/o=exchangelabs/ou=exchange administrative group (fydibohf23spdlt)/cn=recipients/cn=43a054bacf514a8a9cdcb240b072cd47-cecilia mul,/o=exchangelabs/ou=exchange administrative group (fydibohf23spdlt)/cn=recipients/cn=c29ec9dae022497281c840087cccddec-patricia ar,/o=exchangelabs/ou=exchange administrative group (fydibohf23spdlt)/cn=recipients/cn=f167860e3f1940cc81730e5f24d2f0bb-alexandre f,/o=exchangelabs/ou=exchange administrative group (fydibohf23spdlt)/cn=recipients/cn=f545a323f3be43dbbabfeb25fc86516a-rafael melv</t>
  </si>
  <si>
    <t>/o=exchangelabs/ou=exchange administrative group (fydibohf23spdlt)/cn=recipients/cn=2d3379e2d04c40db810b4b1f41dd2aea-erica carol;/o=exchangelabs/ou=exchange administrative group (fydibohf23spdlt)/cn=recipients/cn=33d249108a194f94ad1c0c445c411f81-sabrina vie;/o=exchangelabs/ou=exchange administrative group (fydibohf23spdlt)/cn=recipients/cn=376dc21df9294b1e98e06de29a805db8-algar tech;/o=exchangelabs/ou=exchange administrative group (fydibohf23spdlt)/cn=recipients/cn=509f93c55ee04a2db0c238b7a3e5d9a0-edval jose;/o=exchangelabs/ou=exchange administrative group (fydibohf23spdlt)/cn=recipients/cn=76d765d676864fe79b29c865fa21a2c7-leticia rez;/o=exchangelabs/ou=exchange administrative group (fydibohf23spdlt)/cn=recipients/cn=a4d4dbc88c434f8ba2bceed730d83878-marcellus r;</t>
  </si>
  <si>
    <t>Explicações de desvios Orçado x Caixa - Recebimentos - Set/19 e Previsto Out/19</t>
  </si>
  <si>
    <t>092019_DFC_OFICIAL_REAL - 2PROJ.xlsx</t>
  </si>
  <si>
    <t>/o=exchangelabs/ou=exchange administrative group (fydibohf23spdlt)/cn=recipients/cn=2d3379e2d04c40db810b4b1f41dd2aea-erica carol,/o=exchangelabs/ou=exchange administrative group (fydibohf23spdlt)/cn=recipients/cn=33d249108a194f94ad1c0c445c411f81-sabrina vie,/o=exchangelabs/ou=exchange administrative group (fydibohf23spdlt)/cn=recipients/cn=376dc21df9294b1e98e06de29a805db8-algar tech,/o=exchangelabs/ou=exchange administrative group (fydibohf23spdlt)/cn=recipients/cn=509f93c55ee04a2db0c238b7a3e5d9a0-edval jose,/o=exchangelabs/ou=exchange administrative group (fydibohf23spdlt)/cn=recipients/cn=76d765d676864fe79b29c865fa21a2c7-leticia rez,/o=exchangelabs/ou=exchange administrative group (fydibohf23spdlt)/cn=recipients/cn=a4d4dbc88c434f8ba2bceed730d83878-marcellus r</t>
  </si>
  <si>
    <t>C:\Users\diegobg\OneDrive - Grupo Algar\01 - Toyota\1 - Diego Bardauil\</t>
  </si>
  <si>
    <t>Planilha de Cartão de presente.xlsx</t>
  </si>
  <si>
    <t>C:\OneDrive\OneDrive - Grupo Algar\bHVpem1kYUBhbGdhcnRlY2guY29t\content_cache\d21\d140\</t>
  </si>
  <si>
    <t>C:\OneDrive\OneDrive - Grupo Algar\bHVpem1kYUBhbGdhcnRlY2guY29t\content_cache\d22\d57\</t>
  </si>
  <si>
    <t>C:\OneDrive\OneDrive - Grupo Algar\bHVpem1kYUBhbGdhcnRlY2guY29t\content_cache\d10\d128\</t>
  </si>
  <si>
    <t>C:\OneDrive\OneDrive - Grupo Algar\bHVpem1kYUBhbGdhcnRlY2guY29t\content_cache\d10\d145\</t>
  </si>
  <si>
    <t>C:\OneDrive\OneDrive - Grupo Algar\bHVpem1kYUBhbGdhcnRlY2guY29t\content_cache\d2\d137\</t>
  </si>
  <si>
    <t>C:\OneDrive\OneDrive - Grupo Algar\bHVpem1kYUBhbGdhcnRlY2guY29t\content_cache\d20\d4\</t>
  </si>
  <si>
    <t>C:\OneDrive\OneDrive - Grupo Algar\bHVpem1kYUBhbGdhcnRlY2guY29t\content_cache\d21\d22\</t>
  </si>
  <si>
    <t>C:\OneDrive\OneDrive - Grupo Algar\bHVpem1kYUBhbGdhcnRlY2guY29t\content_cache\d22\d6\</t>
  </si>
  <si>
    <t>C:\OneDrive\OneDrive - Grupo Algar\bHVpem1kYUBhbGdhcnRlY2guY29t\content_cache\d22\d73\</t>
  </si>
  <si>
    <t>C:\OneDrive\OneDrive - Grupo Algar\bHVpem1kYUBhbGdhcnRlY2guY29t\content_cache\d23\d74\</t>
  </si>
  <si>
    <t>C:\OneDrive\OneDrive - Grupo Algar\bHVpem1kYUBhbGdhcnRlY2guY29t\content_cache\d25\d26\</t>
  </si>
  <si>
    <t>C:\OneDrive\OneDrive - Grupo Algar\bHVpem1kYUBhbGdhcnRlY2guY29t\content_cache\d25\d93\</t>
  </si>
  <si>
    <t>C:\OneDrive\OneDrive - Grupo Algar\bHVpem1kYUBhbGdhcnRlY2guY29t\content_cache\d27\d95\</t>
  </si>
  <si>
    <t>C:\OneDrive\OneDrive - Grupo Algar\bHVpem1kYUBhbGdhcnRlY2guY29t\content_cache\d27\d62\</t>
  </si>
  <si>
    <t>C:\OneDrive\OneDrive - Grupo Algar\bHVpem1kYUBhbGdhcnRlY2guY29t\content_cache\d28\d96\</t>
  </si>
  <si>
    <t>C:\OneDrive\OneDrive - Grupo Algar\bHVpem1kYUBhbGdhcnRlY2guY29t\content_cache\d28\d63\</t>
  </si>
  <si>
    <t>C:\OneDrive\OneDrive - Grupo Algar\bHVpem1kYUBhbGdhcnRlY2guY29t\content_cache\d29\d148\9208\</t>
  </si>
  <si>
    <t>Softwares_Instalados(bra-%).csv</t>
  </si>
  <si>
    <t>C:\OneDrive\OneDrive - Grupo Algar\bHVpem1kYUBhbGdhcnRlY2guY29t\content_cache\d3\d121\</t>
  </si>
  <si>
    <t>C:\OneDrive\OneDrive - Grupo Algar\bHVpem1kYUBhbGdhcnRlY2guY29t\content_cache\d29\d64\</t>
  </si>
  <si>
    <t>C:\OneDrive\OneDrive - Grupo Algar\bHVpem1kYUBhbGdhcnRlY2guY29t\content_cache\d3\d4\</t>
  </si>
  <si>
    <t>C:\OneDrive\OneDrive - Grupo Algar\bHVpem1kYUBhbGdhcnRlY2guY29t\content_cache\d30\d31\</t>
  </si>
  <si>
    <t>C:\OneDrive\OneDrive - Grupo Algar\bHVpem1kYUBhbGdhcnRlY2guY29t\content_cache\d30\d98\</t>
  </si>
  <si>
    <t>C:\OneDrive\OneDrive - Grupo Algar\bHVpem1kYUBhbGdhcnRlY2guY29t\content_cache\d31\d15\</t>
  </si>
  <si>
    <t>C:\OneDrive\OneDrive - Grupo Algar\bHVpem1kYUBhbGdhcnRlY2guY29t\content_cache\d31\d32\</t>
  </si>
  <si>
    <t>C:\OneDrive\OneDrive - Grupo Algar\bHVpem1kYUBhbGdhcnRlY2guY29t\content_cache\d31\d150\</t>
  </si>
  <si>
    <t>C:\OneDrive\OneDrive - Grupo Algar\bHVpem1kYUBhbGdhcnRlY2guY29t\content_cache\d32\d100\</t>
  </si>
  <si>
    <t>C:\OneDrive\OneDrive - Grupo Algar\bHVpem1kYUBhbGdhcnRlY2guY29t\content_cache\d32\d0\</t>
  </si>
  <si>
    <t>C:\OneDrive\OneDrive - Grupo Algar\bHVpem1kYUBhbGdhcnRlY2guY29t\content_cache\d34\d85\</t>
  </si>
  <si>
    <t>/o=exchangelabs/ou=exchange administrative group (fydibohf23spdlt)/cn=recipients/cn=168e05cabbf14ae289464a0c09955b31-sara ferrei;/o=exchangelabs/ou=exchange administrative group (fydibohf23spdlt)/cn=recipients/cn=34a28d636a1b4c86b1ec79baed4b846a-marco anton;/o=exchangelabs/ou=exchange administrative group (fydibohf23spdlt)/cn=recipients/cn=c6f5c50e91244036872327464dc6624a-cinthia mar;vivian.safariz@algartech.com;</t>
  </si>
  <si>
    <t>ENC: Orcamento 2020 - Estorno do Template de Recuepração de custo</t>
  </si>
  <si>
    <t>MP_Orcamento 2020_Recup Custo.xlsx</t>
  </si>
  <si>
    <t>/o=exchangelabs/ou=exchange administrative group (fydibohf23spdlt)/cn=recipients/cn=168e05cabbf14ae289464a0c09955b31-sara ferrei,/o=exchangelabs/ou=exchange administrative group (fydibohf23spdlt)/cn=recipients/cn=34a28d636a1b4c86b1ec79baed4b846a-marco anton,/o=exchangelabs/ou=exchange administrative group (fydibohf23spdlt)/cn=recipients/cn=c6f5c50e91244036872327464dc6624a-cinthia mar,vivian.safariz@algartech.com</t>
  </si>
  <si>
    <t>C:\OneDrive\OneDrive - Grupo Algar\bHVpem1kYUBhbGdhcnRlY2guY29t\content_cache\d38\d89\</t>
  </si>
  <si>
    <t>C:\OneDrive\OneDrive - Grupo Algar\bHVpem1kYUBhbGdhcnRlY2guY29t\content_cache\d39\d23\</t>
  </si>
  <si>
    <t>C:\OneDrive\OneDrive - Grupo Algar\bHVpem1kYUBhbGdhcnRlY2guY29t\content_cache\d4\d122\</t>
  </si>
  <si>
    <t>C:\OneDrive\OneDrive - Grupo Algar\bHVpem1kYUBhbGdhcnRlY2guY29t\content_cache\d4\d5\</t>
  </si>
  <si>
    <t>C:\OneDrive\OneDrive - Grupo Algar\bHVpem1kYUBhbGdhcnRlY2guY29t\content_cache\d40\d142\</t>
  </si>
  <si>
    <t>C:\OneDrive\OneDrive - Grupo Algar\bHVpem1kYUBhbGdhcnRlY2guY29t\content_cache\d40\d24\</t>
  </si>
  <si>
    <t>C:\OneDrive\OneDrive - Grupo Algar\bHVpem1kYUBhbGdhcnRlY2guY29t\content_cache\d40\d41\</t>
  </si>
  <si>
    <t>C:\OneDrive\OneDrive - Grupo Algar\bHVpem1kYUBhbGdhcnRlY2guY29t\content_cache\d41\d143\</t>
  </si>
  <si>
    <t>C:\OneDrive\OneDrive - Grupo Algar\bHVpem1kYUBhbGdhcnRlY2guY29t\content_cache\d42\d26\</t>
  </si>
  <si>
    <t>C:\OneDrive\OneDrive - Grupo Algar\bHVpem1kYUBhbGdhcnRlY2guY29t\content_cache\d43\d128\</t>
  </si>
  <si>
    <t>C:\OneDrive\OneDrive - Grupo Algar\bHVpem1kYUBhbGdhcnRlY2guY29t\content_cache\d43\d27\</t>
  </si>
  <si>
    <t>C:\OneDrive\OneDrive - Grupo Algar\bHVpem1kYUBhbGdhcnRlY2guY29t\content_cache\d45\d46\</t>
  </si>
  <si>
    <t>C:\OneDrive\OneDrive - Grupo Algar\bHVpem1kYUBhbGdhcnRlY2guY29t\content_cache\d46\d14\</t>
  </si>
  <si>
    <t>C:\OneDrive\OneDrive - Grupo Algar\bHVpem1kYUBhbGdhcnRlY2guY29t\content_cache\d47\d48\</t>
  </si>
  <si>
    <t>C:\OneDrive\OneDrive - Grupo Algar\bHVpem1kYUBhbGdhcnRlY2guY29t\content_cache\d48\d133\</t>
  </si>
  <si>
    <t>C:\OneDrive\OneDrive - Grupo Algar\bHVpem1kYUBhbGdhcnRlY2guY29t\content_cache\d48\d150\</t>
  </si>
  <si>
    <t>C:\OneDrive\OneDrive - Grupo Algar\bHVpem1kYUBhbGdhcnRlY2guY29t\content_cache\d50\d1\</t>
  </si>
  <si>
    <t>C:\OneDrive\OneDrive - Grupo Algar\bHVpem1kYUBhbGdhcnRlY2guY29t\content_cache\d50\d18\</t>
  </si>
  <si>
    <t>C:\OneDrive\OneDrive - Grupo Algar\bHVpem1kYUBhbGdhcnRlY2guY29t\content_cache\d51\d119\</t>
  </si>
  <si>
    <t>C:\OneDrive\OneDrive - Grupo Algar\bHVpem1kYUBhbGdhcnRlY2guY29t\content_cache\d51\d2\</t>
  </si>
  <si>
    <t>C:\OneDrive\OneDrive - Grupo Algar\bHVpem1kYUBhbGdhcnRlY2guY29t\content_cache\d53\d104\</t>
  </si>
  <si>
    <t>C:\OneDrive\OneDrive - Grupo Algar\bHVpem1kYUBhbGdhcnRlY2guY29t\content_cache\d53\d4\</t>
  </si>
  <si>
    <t>C:\OneDrive\OneDrive - Grupo Algar\bHVpem1kYUBhbGdhcnRlY2guY29t\content_cache\d54\d22\</t>
  </si>
  <si>
    <t>C:\OneDrive\OneDrive - Grupo Algar\bHVpem1kYUBhbGdhcnRlY2guY29t\content_cache\d55\d22\</t>
  </si>
  <si>
    <t>C:\OneDrive\OneDrive - Grupo Algar\bHVpem1kYUBhbGdhcnRlY2guY29t\content_cache\d55\d23\</t>
  </si>
  <si>
    <t>C:\OneDrive\OneDrive - Grupo Algar\bHVpem1kYUBhbGdhcnRlY2guY29t\content_cache\d55\d23\9234\</t>
  </si>
  <si>
    <t>C:\OneDrive\OneDrive - Grupo Algar\bHVpem1kYUBhbGdhcnRlY2guY29t\content_cache\d56\d24\</t>
  </si>
  <si>
    <t>C:\OneDrive\OneDrive - Grupo Algar\bHVpem1kYUBhbGdhcnRlY2guY29t\content_cache\d56\d24\9235\</t>
  </si>
  <si>
    <t>C:\OneDrive\OneDrive - Grupo Algar\bHVpem1kYUBhbGdhcnRlY2guY29t\content_cache\d57\d25\</t>
  </si>
  <si>
    <t>C:\OneDrive\OneDrive - Grupo Algar\bHVpem1kYUBhbGdhcnRlY2guY29t\content_cache\d57\d25\9236\</t>
  </si>
  <si>
    <t>C:\OneDrive\OneDrive - Grupo Algar\bHVpem1kYUBhbGdhcnRlY2guY29t\content_cache\d58\d143\</t>
  </si>
  <si>
    <t>C:\OneDrive\OneDrive - Grupo Algar\bHVpem1kYUBhbGdhcnRlY2guY29t\content_cache\d60\d128\</t>
  </si>
  <si>
    <t>C:\OneDrive\OneDrive - Grupo Algar\bHVpem1kYUBhbGdhcnRlY2guY29t\content_cache\d61\d29\9240\</t>
  </si>
  <si>
    <t>C:\OneDrive\OneDrive - Grupo Algar\bHVpem1kYUBhbGdhcnRlY2guY29t\content_cache\d61\d45\</t>
  </si>
  <si>
    <t>C:\OneDrive\OneDrive - Grupo Algar\bHVpem1kYUBhbGdhcnRlY2guY29t\content_cache\d62\d130\</t>
  </si>
  <si>
    <t>C:\OneDrive\OneDrive - Grupo Algar\bHVpem1kYUBhbGdhcnRlY2guY29t\content_cache\d62\d30\</t>
  </si>
  <si>
    <t>C:\OneDrive\OneDrive - Grupo Algar\bHVpem1kYUBhbGdhcnRlY2guY29t\content_cache\d63\d64\</t>
  </si>
  <si>
    <t>C:\OneDrive\OneDrive - Grupo Algar\bHVpem1kYUBhbGdhcnRlY2guY29t\content_cache\d63\d31\</t>
  </si>
  <si>
    <t>C:\OneDrive\OneDrive - Grupo Algar\bHVpem1kYUBhbGdhcnRlY2guY29t\content_cache\d64\d149\</t>
  </si>
  <si>
    <t>C:\OneDrive\OneDrive - Grupo Algar\bHVpem1kYUBhbGdhcnRlY2guY29t\content_cache\d65\d116\</t>
  </si>
  <si>
    <t>C:\OneDrive\OneDrive - Grupo Algar\bHVpem1kYUBhbGdhcnRlY2guY29t\content_cache\d65\d49\</t>
  </si>
  <si>
    <t>C:\OneDrive\OneDrive - Grupo Algar\bHVpem1kYUBhbGdhcnRlY2guY29t\content_cache\d65\d33\</t>
  </si>
  <si>
    <t>C:\OneDrive\OneDrive - Grupo Algar\bHVpem1kYUBhbGdhcnRlY2guY29t\content_cache\d8\d59\</t>
  </si>
  <si>
    <t>C:\OneDrive\OneDrive - Grupo Algar\bHVpem1kYUBhbGdhcnRlY2guY29t\content_cache\d8\d76\</t>
  </si>
  <si>
    <t>C:\OneDrive\OneDrive - Grupo Algar\bHVpem1kYUBhbGdhcnRlY2guY29t\content_cache\d0\d100\</t>
  </si>
  <si>
    <t>C:\OneDrive\OneDrive - Grupo Algar\bHVpem1kYUBhbGdhcnRlY2guY29t\content_cache\d0\d116\</t>
  </si>
  <si>
    <t>C:\OneDrive\OneDrive - Grupo Algar\bHVpem1kYUBhbGdhcnRlY2guY29t\content_cache\d0\d17\</t>
  </si>
  <si>
    <t>C:\OneDrive\OneDrive - Grupo Algar\bHVpem1kYUBhbGdhcnRlY2guY29t\content_cache\d0\d84\</t>
  </si>
  <si>
    <t>C:\OneDrive\OneDrive - Grupo Algar\bHVpem1kYUBhbGdhcnRlY2guY29t\content_cache\d1\d117\</t>
  </si>
  <si>
    <t>C:\OneDrive\OneDrive - Grupo Algar\bHVpem1kYUBhbGdhcnRlY2guY29t\content_cache\d1\d134\</t>
  </si>
  <si>
    <t>C:\OneDrive\OneDrive - Grupo Algar\bHVpem1kYUBhbGdhcnRlY2guY29t\content_cache\d1\d50\</t>
  </si>
  <si>
    <t>C:\OneDrive\OneDrive - Grupo Algar\bHVpem1kYUBhbGdhcnRlY2guY29t\content_cache\d1\d85\</t>
  </si>
  <si>
    <t>C:\OneDrive\OneDrive - Grupo Algar\bHVpem1kYUBhbGdhcnRlY2guY29t\content_cache\d10\d126\</t>
  </si>
  <si>
    <t>C:\OneDrive\OneDrive - Grupo Algar\bHVpem1kYUBhbGdhcnRlY2guY29t\content_cache\d10\d59\</t>
  </si>
  <si>
    <t>C:\OneDrive\OneDrive - Grupo Algar\bHVpem1kYUBhbGdhcnRlY2guY29t\content_cache\d10\d94\</t>
  </si>
  <si>
    <t>C:\OneDrive\OneDrive - Grupo Algar\bHVpem1kYUBhbGdhcnRlY2guY29t\content_cache\d11\d111\</t>
  </si>
  <si>
    <t>C:\OneDrive\OneDrive - Grupo Algar\bHVpem1kYUBhbGdhcnRlY2guY29t\content_cache\d11\d112\</t>
  </si>
  <si>
    <t>C:\OneDrive\OneDrive - Grupo Algar\bHVpem1kYUBhbGdhcnRlY2guY29t\content_cache\d11\d127\</t>
  </si>
  <si>
    <t>C:\OneDrive\OneDrive - Grupo Algar\bHVpem1kYUBhbGdhcnRlY2guY29t\content_cache\d11\d27\</t>
  </si>
  <si>
    <t>C:\OneDrive\OneDrive - Grupo Algar\bHVpem1kYUBhbGdhcnRlY2guY29t\content_cache\d11\d45\</t>
  </si>
  <si>
    <t>C:\OneDrive\OneDrive - Grupo Algar\bHVpem1kYUBhbGdhcnRlY2guY29t\content_cache\d11\d77\</t>
  </si>
  <si>
    <t>C:\OneDrive\OneDrive - Grupo Algar\bHVpem1kYUBhbGdhcnRlY2guY29t\content_cache\d12\d128\</t>
  </si>
  <si>
    <t>C:\OneDrive\OneDrive - Grupo Algar\bHVpem1kYUBhbGdhcnRlY2guY29t\content_cache\d12\d145\</t>
  </si>
  <si>
    <t>C:\OneDrive\OneDrive - Grupo Algar\bHVpem1kYUBhbGdhcnRlY2guY29t\content_cache\d12\d28\</t>
  </si>
  <si>
    <t>C:\OneDrive\OneDrive - Grupo Algar\bHVpem1kYUBhbGdhcnRlY2guY29t\content_cache\d12\d61\</t>
  </si>
  <si>
    <t>C:\OneDrive\OneDrive - Grupo Algar\bHVpem1kYUBhbGdhcnRlY2guY29t\content_cache\d13\d114\</t>
  </si>
  <si>
    <t>C:\OneDrive\OneDrive - Grupo Algar\bHVpem1kYUBhbGdhcnRlY2guY29t\content_cache\d13\d30\</t>
  </si>
  <si>
    <t>C:\OneDrive\OneDrive - Grupo Algar\bHVpem1kYUBhbGdhcnRlY2guY29t\content_cache\d13\d97\</t>
  </si>
  <si>
    <t>C:\OneDrive\OneDrive - Grupo Algar\bHVpem1kYUBhbGdhcnRlY2guY29t\content_cache\d14\d31\</t>
  </si>
  <si>
    <t>C:\OneDrive\OneDrive - Grupo Algar\bHVpem1kYUBhbGdhcnRlY2guY29t\content_cache\d14\d97\</t>
  </si>
  <si>
    <t>C:\OneDrive\OneDrive - Grupo Algar\bHVpem1kYUBhbGdhcnRlY2guY29t\content_cache\d15\d32\</t>
  </si>
  <si>
    <t>C:\OneDrive\OneDrive - Grupo Algar\bHVpem1kYUBhbGdhcnRlY2guY29t\content_cache\d15\d65\</t>
  </si>
  <si>
    <t>C:\OneDrive\OneDrive - Grupo Algar\bHVpem1kYUBhbGdhcnRlY2guY29t\content_cache\d15\d98\</t>
  </si>
  <si>
    <t>C:\OneDrive\OneDrive - Grupo Algar\bHVpem1kYUBhbGdhcnRlY2guY29t\content_cache\d16\d149\</t>
  </si>
  <si>
    <t>C:\OneDrive\OneDrive - Grupo Algar\bHVpem1kYUBhbGdhcnRlY2guY29t\content_cache\d16\d32\</t>
  </si>
  <si>
    <t>C:\OneDrive\OneDrive - Grupo Algar\bHVpem1kYUBhbGdhcnRlY2guY29t\content_cache\d16\d33\</t>
  </si>
  <si>
    <t>C:\OneDrive\OneDrive - Grupo Algar\bHVpem1kYUBhbGdhcnRlY2guY29t\content_cache\d16\d99\</t>
  </si>
  <si>
    <t>C:\OneDrive\OneDrive - Grupo Algar\bHVpem1kYUBhbGdhcnRlY2guY29t\content_cache\d17\d101\</t>
  </si>
  <si>
    <t>C:\OneDrive\OneDrive - Grupo Algar\bHVpem1kYUBhbGdhcnRlY2guY29t\content_cache\d18\d102\</t>
  </si>
  <si>
    <t>C:\OneDrive\OneDrive - Grupo Algar\bHVpem1kYUBhbGdhcnRlY2guY29t\content_cache\d18\d134\</t>
  </si>
  <si>
    <t>C:\OneDrive\OneDrive - Grupo Algar\bHVpem1kYUBhbGdhcnRlY2guY29t\content_cache\d18\d52\</t>
  </si>
  <si>
    <t>C:\OneDrive\OneDrive - Grupo Algar\bHVpem1kYUBhbGdhcnRlY2guY29t\content_cache\d19\d1\</t>
  </si>
  <si>
    <t>C:\OneDrive\OneDrive - Grupo Algar\bHVpem1kYUBhbGdhcnRlY2guY29t\content_cache\d19\d102\</t>
  </si>
  <si>
    <t>C:\OneDrive\OneDrive - Grupo Algar\bHVpem1kYUBhbGdhcnRlY2guY29t\content_cache\d19\d119\</t>
  </si>
  <si>
    <t>C:\OneDrive\OneDrive - Grupo Algar\bHVpem1kYUBhbGdhcnRlY2guY29t\content_cache\d19\d135\</t>
  </si>
  <si>
    <t>C:\OneDrive\OneDrive - Grupo Algar\bHVpem1kYUBhbGdhcnRlY2guY29t\content_cache\d2\d118\</t>
  </si>
  <si>
    <t>C:\OneDrive\OneDrive - Grupo Algar\bHVpem1kYUBhbGdhcnRlY2guY29t\content_cache\d2\d19\</t>
  </si>
  <si>
    <t>C:\OneDrive\OneDrive - Grupo Algar\bHVpem1kYUBhbGdhcnRlY2guY29t\content_cache\d20\d136\</t>
  </si>
  <si>
    <t>C:\OneDrive\OneDrive - Grupo Algar\bHVpem1kYUBhbGdhcnRlY2guY29t\content_cache\d20\d54\</t>
  </si>
  <si>
    <t>C:\OneDrive\OneDrive - Grupo Algar\bHVpem1kYUBhbGdhcnRlY2guY29t\content_cache\d21\d53\</t>
  </si>
  <si>
    <t>C:\OneDrive\OneDrive - Grupo Algar\bHVpem1kYUBhbGdhcnRlY2guY29t\content_cache\d22\d54\</t>
  </si>
  <si>
    <t>C:\OneDrive\OneDrive - Grupo Algar\bHVpem1kYUBhbGdhcnRlY2guY29t\content_cache\d23\d39\</t>
  </si>
  <si>
    <t>C:\OneDrive\OneDrive - Grupo Algar\bHVpem1kYUBhbGdhcnRlY2guY29t\content_cache\d24\d107\</t>
  </si>
  <si>
    <t>C:\OneDrive\OneDrive - Grupo Algar\bHVpem1kYUBhbGdhcnRlY2guY29t\content_cache\d24\d124\</t>
  </si>
  <si>
    <t>C:\OneDrive\OneDrive - Grupo Algar\bHVpem1kYUBhbGdhcnRlY2guY29t\content_cache\d24\d125\</t>
  </si>
  <si>
    <t>C:\OneDrive\OneDrive - Grupo Algar\bHVpem1kYUBhbGdhcnRlY2guY29t\content_cache\d25\d59\</t>
  </si>
  <si>
    <t>C:\OneDrive\OneDrive - Grupo Algar\bHVpem1kYUBhbGdhcnRlY2guY29t\content_cache\d26\d110\</t>
  </si>
  <si>
    <t>C:\OneDrive\OneDrive - Grupo Algar\bHVpem1kYUBhbGdhcnRlY2guY29t\content_cache\d26\d142\</t>
  </si>
  <si>
    <t>C:\OneDrive\OneDrive - Grupo Algar\bHVpem1kYUBhbGdhcnRlY2guY29t\content_cache\d26\d26\</t>
  </si>
  <si>
    <t>C:\OneDrive\OneDrive - Grupo Algar\bHVpem1kYUBhbGdhcnRlY2guY29t\content_cache\d26\d43\</t>
  </si>
  <si>
    <t>C:\OneDrive\OneDrive - Grupo Algar\bHVpem1kYUBhbGdhcnRlY2guY29t\content_cache\d26\d60\</t>
  </si>
  <si>
    <t>C:\OneDrive\OneDrive - Grupo Algar\bHVpem1kYUBhbGdhcnRlY2guY29t\content_cache\d26\d92\</t>
  </si>
  <si>
    <t>C:\OneDrive\OneDrive - Grupo Algar\bHVpem1kYUBhbGdhcnRlY2guY29t\content_cache\d27\d10\</t>
  </si>
  <si>
    <t>C:\OneDrive\OneDrive - Grupo Algar\bHVpem1kYUBhbGdhcnRlY2guY29t\content_cache\d27\d127\</t>
  </si>
  <si>
    <t>/o=exchangelabs/ou=exchange administrative group (fydibohf23spdlt)/cn=recipients/cn=38cb943dd1ac413a953757a4a5a53053-fabio welze;/o=exchangelabs/ou=exchange administrative group (fydibohf23spdlt)/cn=recipients/cn=664567c81e2c4e9f9de1f7830ee164f0-octavio car;jaimec@weg.net;valerioc@weg.net;</t>
  </si>
  <si>
    <t>Solicitação de Informações</t>
  </si>
  <si>
    <t>/o=exchangelabs/ou=exchange administrative group (fydibohf23spdlt)/cn=recipients/cn=38cb943dd1ac413a953757a4a5a53053-fabio welze,/o=exchangelabs/ou=exchange administrative group (fydibohf23spdlt)/cn=recipients/cn=664567c81e2c4e9f9de1f7830ee164f0-octavio car,jaimec@weg.net,valerioc@weg.net</t>
  </si>
  <si>
    <t>/o=exchangelabs/ou=exchange administrative group (fydibohf23spdlt)/cn=recipients/cn=b60c7f02b7944b639da5c2f90b0fe2f5-diogo soare;</t>
  </si>
  <si>
    <t>Indicadores de Acidentes</t>
  </si>
  <si>
    <t>Indicadores de Acidentes Setembro 2019 - Gisele.xlsx</t>
  </si>
  <si>
    <t>/o=exchangelabs/ou=exchange administrative group (fydibohf23spdlt)/cn=recipients/cn=b60c7f02b7944b639da5c2f90b0fe2f5-diogo soare</t>
  </si>
  <si>
    <t>C:\OneDrive\OneDrive - Grupo Algar\bHVpem1kYUBhbGdhcnRlY2guY29t\content_cache\d28\d144\</t>
  </si>
  <si>
    <t>C:\OneDrive\OneDrive - Grupo Algar\bHVpem1kYUBhbGdhcnRlY2guY29t\content_cache\d28\d43\</t>
  </si>
  <si>
    <t>C:\OneDrive\OneDrive - Grupo Algar\bHVpem1kYUBhbGdhcnRlY2guY29t\content_cache\d28\d61\</t>
  </si>
  <si>
    <t>C:\OneDrive\OneDrive - Grupo Algar\bHVpem1kYUBhbGdhcnRlY2guY29t\content_cache\d29\d44\</t>
  </si>
  <si>
    <t>C:\OneDrive\OneDrive - Grupo Algar\bHVpem1kYUBhbGdhcnRlY2guY29t\content_cache\d29\d61\</t>
  </si>
  <si>
    <t>C:\OneDrive\OneDrive - Grupo Algar\bHVpem1kYUBhbGdhcnRlY2guY29t\content_cache\d3\d119\</t>
  </si>
  <si>
    <t>C:\OneDrive\OneDrive - Grupo Algar\bHVpem1kYUBhbGdhcnRlY2guY29t\content_cache\d3\d2\</t>
  </si>
  <si>
    <t>C:\OneDrive\OneDrive - Grupo Algar\bHVpem1kYUBhbGdhcnRlY2guY29t\content_cache\d3\d52\</t>
  </si>
  <si>
    <t>C:\OneDrive\OneDrive - Grupo Algar\bHVpem1kYUBhbGdhcnRlY2guY29t\content_cache\d3\d69\</t>
  </si>
  <si>
    <t>C:\OneDrive\OneDrive - Grupo Algar\bHVpem1kYUBhbGdhcnRlY2guY29t\content_cache\d30\d146\</t>
  </si>
  <si>
    <t>C:\OneDrive\OneDrive - Grupo Algar\bHVpem1kYUBhbGdhcnRlY2guY29t\content_cache\d30\d45\</t>
  </si>
  <si>
    <t>C:\OneDrive\OneDrive - Grupo Algar\bHVpem1kYUBhbGdhcnRlY2guY29t\content_cache\d31\d48\</t>
  </si>
  <si>
    <t>C:\OneDrive\OneDrive - Grupo Algar\bHVpem1kYUBhbGdhcnRlY2guY29t\content_cache\d32\d148\</t>
  </si>
  <si>
    <t>C:\OneDrive\OneDrive - Grupo Algar\bHVpem1kYUBhbGdhcnRlY2guY29t\content_cache\d34\d66\</t>
  </si>
  <si>
    <t>C:\OneDrive\OneDrive - Grupo Algar\bHVpem1kYUBhbGdhcnRlY2guY29t\content_cache\d35\d17\</t>
  </si>
  <si>
    <t>C:\OneDrive\OneDrive - Grupo Algar\bHVpem1kYUBhbGdhcnRlY2guY29t\content_cache\d35\d51\</t>
  </si>
  <si>
    <t>C:\OneDrive\OneDrive - Grupo Algar\bHVpem1kYUBhbGdhcnRlY2guY29t\content_cache\d36\d36\</t>
  </si>
  <si>
    <t>C:\OneDrive\OneDrive - Grupo Algar\bHVpem1kYUBhbGdhcnRlY2guY29t\content_cache\d36\d68\</t>
  </si>
  <si>
    <t>C:\OneDrive\OneDrive - Grupo Algar\bHVpem1kYUBhbGdhcnRlY2guY29t\content_cache\d37\d137\</t>
  </si>
  <si>
    <t>C:\OneDrive\OneDrive - Grupo Algar\bHVpem1kYUBhbGdhcnRlY2guY29t\content_cache\d37\d52\</t>
  </si>
  <si>
    <t>C:\OneDrive\OneDrive - Grupo Algar\bHVpem1kYUBhbGdhcnRlY2guY29t\content_cache\d37\d54\</t>
  </si>
  <si>
    <t>C:\OneDrive\OneDrive - Grupo Algar\bHVpem1kYUBhbGdhcnRlY2guY29t\content_cache\d37\d69\</t>
  </si>
  <si>
    <t>C:\OneDrive\OneDrive - Grupo Algar\bHVpem1kYUBhbGdhcnRlY2guY29t\content_cache\d37\d86\</t>
  </si>
  <si>
    <t>C:\OneDrive\OneDrive - Grupo Algar\bHVpem1kYUBhbGdhcnRlY2guY29t\content_cache\d38\d70\</t>
  </si>
  <si>
    <t>C:\OneDrive\OneDrive - Grupo Algar\bHVpem1kYUBhbGdhcnRlY2guY29t\content_cache\d38\d87\10959\</t>
  </si>
  <si>
    <t>ConfiguraÃ§Ã£o_Desktops(bra-%).csv</t>
  </si>
  <si>
    <t>C:\OneDrive\OneDrive - Grupo Algar\bHVpem1kYUBhbGdhcnRlY2guY29t\content_cache\d4\d104\</t>
  </si>
  <si>
    <t>C:\OneDrive\OneDrive - Grupo Algar\bHVpem1kYUBhbGdhcnRlY2guY29t\content_cache\d4\d105\9920\PCI Nespresso\</t>
  </si>
  <si>
    <t>Nespresso.xlsx</t>
  </si>
  <si>
    <t>C:\OneDrive\OneDrive - Grupo Algar\bHVpem1kYUBhbGdhcnRlY2guY29t\content_cache\d4\d120\</t>
  </si>
  <si>
    <t>C:\OneDrive\OneDrive - Grupo Algar\bHVpem1kYUBhbGdhcnRlY2guY29t\content_cache\d4\d53\</t>
  </si>
  <si>
    <t>C:\OneDrive\OneDrive - Grupo Algar\bHVpem1kYUBhbGdhcnRlY2guY29t\content_cache\d4\d70\</t>
  </si>
  <si>
    <t>C:\OneDrive\OneDrive - Grupo Algar\bHVpem1kYUBhbGdhcnRlY2guY29t\content_cache\d40\d72\</t>
  </si>
  <si>
    <t>C:\OneDrive\OneDrive - Grupo Algar\bHVpem1kYUBhbGdhcnRlY2guY29t\content_cache\d41\d6\</t>
  </si>
  <si>
    <t>C:\OneDrive\OneDrive - Grupo Algar\bHVpem1kYUBhbGdhcnRlY2guY29t\content_cache\d41\d73\</t>
  </si>
  <si>
    <t>C:\OneDrive\OneDrive - Grupo Algar\bHVpem1kYUBhbGdhcnRlY2guY29t\content_cache\d41\d90\</t>
  </si>
  <si>
    <t>C:\OneDrive\OneDrive - Grupo Algar\bHVpem1kYUBhbGdhcnRlY2guY29t\content_cache\d42\d7\</t>
  </si>
  <si>
    <t>C:\OneDrive\OneDrive - Grupo Algar\bHVpem1kYUBhbGdhcnRlY2guY29t\content_cache\d42\d74\</t>
  </si>
  <si>
    <t>C:\OneDrive\OneDrive - Grupo Algar\bHVpem1kYUBhbGdhcnRlY2guY29t\content_cache\d42\d92\</t>
  </si>
  <si>
    <t>C:\OneDrive\OneDrive - Grupo Algar\bHVpem1kYUBhbGdhcnRlY2guY29t\content_cache\d43\d143\</t>
  </si>
  <si>
    <t>C:\OneDrive\OneDrive - Grupo Algar\bHVpem1kYUBhbGdhcnRlY2guY29t\content_cache\d43\d60\</t>
  </si>
  <si>
    <t>C:\OneDrive\OneDrive - Grupo Algar\bHVpem1kYUBhbGdhcnRlY2guY29t\content_cache\d43\d77\</t>
  </si>
  <si>
    <t>C:\OneDrive\OneDrive - Grupo Algar\bHVpem1kYUBhbGdhcnRlY2guY29t\content_cache\d43\d8\</t>
  </si>
  <si>
    <t>C:\OneDrive\OneDrive - Grupo Algar\bHVpem1kYUBhbGdhcnRlY2guY29t\content_cache\d43\d92\</t>
  </si>
  <si>
    <t>C:\OneDrive\OneDrive - Grupo Algar\bHVpem1kYUBhbGdhcnRlY2guY29t\content_cache\d45\d111\</t>
  </si>
  <si>
    <t>C:\OneDrive\OneDrive - Grupo Algar\bHVpem1kYUBhbGdhcnRlY2guY29t\content_cache\d45\d45\</t>
  </si>
  <si>
    <t>C:\OneDrive\OneDrive - Grupo Algar\bHVpem1kYUBhbGdhcnRlY2guY29t\content_cache\d45\d77\</t>
  </si>
  <si>
    <t>C:\OneDrive\OneDrive - Grupo Algar\bHVpem1kYUBhbGdhcnRlY2guY29t\content_cache\d45\d94\</t>
  </si>
  <si>
    <t>C:\OneDrive\OneDrive - Grupo Algar\bHVpem1kYUBhbGdhcnRlY2guY29t\content_cache\d46\d11\</t>
  </si>
  <si>
    <t>C:\OneDrive\OneDrive - Grupo Algar\bHVpem1kYUBhbGdhcnRlY2guY29t\content_cache\d47\d113\</t>
  </si>
  <si>
    <t>C:\OneDrive\OneDrive - Grupo Algar\bHVpem1kYUBhbGdhcnRlY2guY29t\content_cache\d47\d12\</t>
  </si>
  <si>
    <t>C:\OneDrive\OneDrive - Grupo Algar\bHVpem1kYUBhbGdhcnRlY2guY29t\content_cache\d47\d97\</t>
  </si>
  <si>
    <t>C:\OneDrive\OneDrive - Grupo Algar\bHVpem1kYUBhbGdhcnRlY2guY29t\content_cache\d48\d30\</t>
  </si>
  <si>
    <t>C:\OneDrive\OneDrive - Grupo Algar\bHVpem1kYUBhbGdhcnRlY2guY29t\content_cache\d48\d47\</t>
  </si>
  <si>
    <t>C:\OneDrive\OneDrive - Grupo Algar\bHVpem1kYUBhbGdhcnRlY2guY29t\content_cache\d49\d15\</t>
  </si>
  <si>
    <t>C:\OneDrive\OneDrive - Grupo Algar\bHVpem1kYUBhbGdhcnRlY2guY29t\content_cache\d49\d49\</t>
  </si>
  <si>
    <t>C:\OneDrive\OneDrive - Grupo Algar\bHVpem1kYUBhbGdhcnRlY2guY29t\content_cache\d5\d105\</t>
  </si>
  <si>
    <t>C:\OneDrive\OneDrive - Grupo Algar\bHVpem1kYUBhbGdhcnRlY2guY29t\content_cache\d5\d121\</t>
  </si>
  <si>
    <t>C:\OneDrive\OneDrive - Grupo Algar\bHVpem1kYUBhbGdhcnRlY2guY29t\content_cache\d50\d67\</t>
  </si>
  <si>
    <t>C:\OneDrive\OneDrive - Grupo Algar\bHVpem1kYUBhbGdhcnRlY2guY29t\content_cache\d51\d33\</t>
  </si>
  <si>
    <t>C:\OneDrive\OneDrive - Grupo Algar\bHVpem1kYUBhbGdhcnRlY2guY29t\content_cache\d51\d84\</t>
  </si>
  <si>
    <t>C:\OneDrive\OneDrive - Grupo Algar\bHVpem1kYUBhbGdhcnRlY2guY29t\content_cache\d51\d85\</t>
  </si>
  <si>
    <t>C:\OneDrive\OneDrive - Grupo Algar\bHVpem1kYUBhbGdhcnRlY2guY29t\content_cache\d52\d101\</t>
  </si>
  <si>
    <t>C:\OneDrive\OneDrive - Grupo Algar\bHVpem1kYUBhbGdhcnRlY2guY29t\content_cache\d52\d2\</t>
  </si>
  <si>
    <t>C:\OneDrive\OneDrive - Grupo Algar\bHVpem1kYUBhbGdhcnRlY2guY29t\content_cache\d52\d85\</t>
  </si>
  <si>
    <t>C:\OneDrive\OneDrive - Grupo Algar\bHVpem1kYUBhbGdhcnRlY2guY29t\content_cache\d53\d103\</t>
  </si>
  <si>
    <t>C:\OneDrive\OneDrive - Grupo Algar\bHVpem1kYUBhbGdhcnRlY2guY29t\content_cache\d53\d52\</t>
  </si>
  <si>
    <t>C:\OneDrive\OneDrive - Grupo Algar\bHVpem1kYUBhbGdhcnRlY2guY29t\content_cache\d53\d53\</t>
  </si>
  <si>
    <t>C:\OneDrive\OneDrive - Grupo Algar\bHVpem1kYUBhbGdhcnRlY2guY29t\content_cache\d54\d19\</t>
  </si>
  <si>
    <t>C:\OneDrive\OneDrive - Grupo Algar\bHVpem1kYUBhbGdhcnRlY2guY29t\content_cache\d55\d4\</t>
  </si>
  <si>
    <t>C:\OneDrive\OneDrive - Grupo Algar\bHVpem1kYUBhbGdhcnRlY2guY29t\content_cache\d55\d54\</t>
  </si>
  <si>
    <t>C:\OneDrive\OneDrive - Grupo Algar\bHVpem1kYUBhbGdhcnRlY2guY29t\content_cache\d55\d88\</t>
  </si>
  <si>
    <t>C:\OneDrive\OneDrive - Grupo Algar\bHVpem1kYUBhbGdhcnRlY2guY29t\content_cache\d56\d56\10173\PCI Nespresso\</t>
  </si>
  <si>
    <t>C:\OneDrive\OneDrive - Grupo Algar\bHVpem1kYUBhbGdhcnRlY2guY29t\content_cache\d56\d71\</t>
  </si>
  <si>
    <t>C:\OneDrive\OneDrive - Grupo Algar\bHVpem1kYUBhbGdhcnRlY2guY29t\content_cache\d57\d107\</t>
  </si>
  <si>
    <t>C:\OneDrive\OneDrive - Grupo Algar\bHVpem1kYUBhbGdhcnRlY2guY29t\content_cache\d57\d72\</t>
  </si>
  <si>
    <t>C:\OneDrive\OneDrive - Grupo Algar\bHVpem1kYUBhbGdhcnRlY2guY29t\content_cache\d57\d74\</t>
  </si>
  <si>
    <t>C:\OneDrive\OneDrive - Grupo Algar\bHVpem1kYUBhbGdhcnRlY2guY29t\content_cache\d57\d90\</t>
  </si>
  <si>
    <t>C:\OneDrive\OneDrive - Grupo Algar\bHVpem1kYUBhbGdhcnRlY2guY29t\content_cache\d57\d91\9906\</t>
  </si>
  <si>
    <t>C:\OneDrive\OneDrive - Grupo Algar\bHVpem1kYUBhbGdhcnRlY2guY29t\content_cache\d58\d6\</t>
  </si>
  <si>
    <t>C:\OneDrive\OneDrive - Grupo Algar\bHVpem1kYUBhbGdhcnRlY2guY29t\content_cache\d58\d91\</t>
  </si>
  <si>
    <t>C:\OneDrive\OneDrive - Grupo Algar\bHVpem1kYUBhbGdhcnRlY2guY29t\content_cache\d59\d109\10377\</t>
  </si>
  <si>
    <t>C:\OneDrive\OneDrive - Grupo Algar\bHVpem1kYUBhbGdhcnRlY2guY29t\content_cache\d59\d126\</t>
  </si>
  <si>
    <t>C:\OneDrive\OneDrive - Grupo Algar\bHVpem1kYUBhbGdhcnRlY2guY29t\content_cache\d59\d24\</t>
  </si>
  <si>
    <t>C:\OneDrive\OneDrive - Grupo Algar\bHVpem1kYUBhbGdhcnRlY2guY29t\content_cache\d59\d59\</t>
  </si>
  <si>
    <t>C:\OneDrive\OneDrive - Grupo Algar\bHVpem1kYUBhbGdhcnRlY2guY29t\content_cache\d59\d74\11248\</t>
  </si>
  <si>
    <t>C:\OneDrive\OneDrive - Grupo Algar\bHVpem1kYUBhbGdhcnRlY2guY29t\content_cache\d59\d75\</t>
  </si>
  <si>
    <t>C:\OneDrive\OneDrive - Grupo Algar\bHVpem1kYUBhbGdhcnRlY2guY29t\content_cache\d59\d76\</t>
  </si>
  <si>
    <t>C:\OneDrive\OneDrive - Grupo Algar\bHVpem1kYUBhbGdhcnRlY2guY29t\content_cache\d59\d92\</t>
  </si>
  <si>
    <t>C:\OneDrive\OneDrive - Grupo Algar\bHVpem1kYUBhbGdhcnRlY2guY29t\content_cache\d6\d106\</t>
  </si>
  <si>
    <t>C:\OneDrive\OneDrive - Grupo Algar\bHVpem1kYUBhbGdhcnRlY2guY29t\content_cache\d6\d122\</t>
  </si>
  <si>
    <t>C:\OneDrive\OneDrive - Grupo Algar\bHVpem1kYUBhbGdhcnRlY2guY29t\content_cache\d6\d72\</t>
  </si>
  <si>
    <t>C:\OneDrive\OneDrive - Grupo Algar\bHVpem1kYUBhbGdhcnRlY2guY29t\content_cache\d60\d110\10378\</t>
  </si>
  <si>
    <t>C:\OneDrive\OneDrive - Grupo Algar\bHVpem1kYUBhbGdhcnRlY2guY29t\content_cache\d60\d42\</t>
  </si>
  <si>
    <t>C:\OneDrive\OneDrive - Grupo Algar\bHVpem1kYUBhbGdhcnRlY2guY29t\content_cache\d60\d76\</t>
  </si>
  <si>
    <t>C:\OneDrive\OneDrive - Grupo Algar\bHVpem1kYUBhbGdhcnRlY2guY29t\content_cache\d61\d43\</t>
  </si>
  <si>
    <t>C:\OneDrive\OneDrive - Grupo Algar\bHVpem1kYUBhbGdhcnRlY2guY29t\content_cache\d61\d77\</t>
  </si>
  <si>
    <t>C:\OneDrive\OneDrive - Grupo Algar\bHVpem1kYUBhbGdhcnRlY2guY29t\content_cache\d61\d94\</t>
  </si>
  <si>
    <t>C:\OneDrive\OneDrive - Grupo Algar\bHVpem1kYUBhbGdhcnRlY2guY29t\content_cache\d62\d45\10313\</t>
  </si>
  <si>
    <t>C:\OneDrive\OneDrive - Grupo Algar\bHVpem1kYUBhbGdhcnRlY2guY29t\content_cache\d62\d78\</t>
  </si>
  <si>
    <t>C:\OneDrive\OneDrive - Grupo Algar\bHVpem1kYUBhbGdhcnRlY2guY29t\content_cache\d62\d79\</t>
  </si>
  <si>
    <t>C:\OneDrive\OneDrive - Grupo Algar\bHVpem1kYUBhbGdhcnRlY2guY29t\content_cache\d62\d95\</t>
  </si>
  <si>
    <t>C:\OneDrive\OneDrive - Grupo Algar\bHVpem1kYUBhbGdhcnRlY2guY29t\content_cache\d63\d129\</t>
  </si>
  <si>
    <t>C:\OneDrive\OneDrive - Grupo Algar\bHVpem1kYUBhbGdhcnRlY2guY29t\content_cache\d63\d45\</t>
  </si>
  <si>
    <t>C:\OneDrive\OneDrive - Grupo Algar\bHVpem1kYUBhbGdhcnRlY2guY29t\content_cache\d63\d80\</t>
  </si>
  <si>
    <t>C:\OneDrive\OneDrive - Grupo Algar\bHVpem1kYUBhbGdhcnRlY2guY29t\content_cache\d63\d97\</t>
  </si>
  <si>
    <t>C:\OneDrive\OneDrive - Grupo Algar\bHVpem1kYUBhbGdhcnRlY2guY29t\content_cache\d64\d114\</t>
  </si>
  <si>
    <t>C:\OneDrive\OneDrive - Grupo Algar\bHVpem1kYUBhbGdhcnRlY2guY29t\content_cache\d64\d97\</t>
  </si>
  <si>
    <t>C:\OneDrive\OneDrive - Grupo Algar\bHVpem1kYUBhbGdhcnRlY2guY29t\content_cache\d65\d82\</t>
  </si>
  <si>
    <t>C:\OneDrive\OneDrive - Grupo Algar\bHVpem1kYUBhbGdhcnRlY2guY29t\content_cache\d66\d15\</t>
  </si>
  <si>
    <t>C:\OneDrive\OneDrive - Grupo Algar\bHVpem1kYUBhbGdhcnRlY2guY29t\content_cache\d66\d65\</t>
  </si>
  <si>
    <t>C:\OneDrive\OneDrive - Grupo Algar\bHVpem1kYUBhbGdhcnRlY2guY29t\content_cache\d7\d123\</t>
  </si>
  <si>
    <t>C:\OneDrive\OneDrive - Grupo Algar\bHVpem1kYUBhbGdhcnRlY2guY29t\content_cache\d7\d24\</t>
  </si>
  <si>
    <t>C:\OneDrive\OneDrive - Grupo Algar\bHVpem1kYUBhbGdhcnRlY2guY29t\content_cache\d7\d39\</t>
  </si>
  <si>
    <t>C:\OneDrive\OneDrive - Grupo Algar\bHVpem1kYUBhbGdhcnRlY2guY29t\content_cache\d8\d24\</t>
  </si>
  <si>
    <t>C:\OneDrive\OneDrive - Grupo Algar\bHVpem1kYUBhbGdhcnRlY2guY29t\content_cache\d8\d25\</t>
  </si>
  <si>
    <t>C:\OneDrive\OneDrive - Grupo Algar\bHVpem1kYUBhbGdhcnRlY2guY29t\content_cache\d8\d57\</t>
  </si>
  <si>
    <t>C:\OneDrive\OneDrive - Grupo Algar\bHVpem1kYUBhbGdhcnRlY2guY29t\content_cache\d8\d74\</t>
  </si>
  <si>
    <t>C:\OneDrive\OneDrive - Grupo Algar\bHVpem1kYUBhbGdhcnRlY2guY29t\content_cache\d8\d75\</t>
  </si>
  <si>
    <t>C:\OneDrive\OneDrive - Grupo Algar\bHVpem1kYUBhbGdhcnRlY2guY29t\content_cache\d9\d125\</t>
  </si>
  <si>
    <t>C:\OneDrive\OneDrive - Grupo Algar\bHVpem1kYUBhbGdhcnRlY2guY29t\content_cache\d9\d126\</t>
  </si>
  <si>
    <t>C:\OneDrive\OneDrive - Grupo Algar\bHVpem1kYUBhbGdhcnRlY2guY29t\content_cache\d9\d142\</t>
  </si>
  <si>
    <t>/o=exchangelabs/ou=exchange administrative group (fydibohf23spdlt)/cn=recipients/cn=2bef0f9da14d43eaab6a336786e2ff67-tarsila tan;</t>
  </si>
  <si>
    <t>ENC: Folga Bônus - Especialistas</t>
  </si>
  <si>
    <t>Folgas Especialistas.xlsx</t>
  </si>
  <si>
    <t>/o=exchangelabs/ou=exchange administrative group (fydibohf23spdlt)/cn=recipients/cn=2bef0f9da14d43eaab6a336786e2ff67-tarsila tan</t>
  </si>
  <si>
    <t>/o=exchangelabs/ou=exchange administrative group (fydibohf23spdlt)/cn=recipients/cn=4a863c1fc8ab42089d3c33c848208915-camilla alv;/o=exchangelabs/ou=exchange administrative group (fydibohf23spdlt)/cn=recipients/cn=80fb880d4e904fd9990f1ffec561717a-avon - supe;</t>
  </si>
  <si>
    <t>/o=exchangelabs/ou=exchange administrative group (fydibohf23spdlt)/cn=recipients/cn=4a863c1fc8ab42089d3c33c848208915-camilla alv,/o=exchangelabs/ou=exchange administrative group (fydibohf23spdlt)/cn=recipients/cn=80fb880d4e904fd9990f1ffec561717a-avon - supe</t>
  </si>
  <si>
    <t>Folgas.xlsx</t>
  </si>
  <si>
    <t>Squad Competitividade.xlsx</t>
  </si>
  <si>
    <t>OBJETIVOS INCENTIVO CRESCIMENTO DE PEDIDOS CP 18-2019.xls</t>
  </si>
  <si>
    <t>http://shareit.global.avon.com/sites/arrmcm/forca-de-vendas/_layouts/upload.aspx?list={49a50e3f-b4b4-49bc-b117-70e608bcb21b}&amp;rootfolder=/sites/arrmcm/forca-de-vendas/gerente de setor/incentivos/produtividade&amp;source=http://shareit.global.avon.com/sites/arrmcm/forca-de-vendas/gerente de setor/forms/allitems.aspx?folderctid=&amp;rootfolder=%2fsites%2farrmcm%2fforca%2dde%2dvendas%2fgerente%20de%20setor%2fincentivos%2fprodutividade&amp;sortfield=modified&amp;sortdir=asc&amp;view=%7bd059265c%2dd14d%2d41b3%2d9614%2d5dc74317d84e%7d</t>
  </si>
  <si>
    <t>OBJETIVOS INCENTIVO CRESCIMENTO DE PEDIDOS GS CP 18-2019.xls</t>
  </si>
  <si>
    <t>RES: Departamental Pool GEXP Tricard - Setembro 2019</t>
  </si>
  <si>
    <t>Cópia de Template Recuperações de Custos Luciana Setembro 2019.xlsx</t>
  </si>
  <si>
    <t>francisco.moltedo@gmail.com;renatomarcus@hotmail.com;</t>
  </si>
  <si>
    <t>listagens</t>
  </si>
  <si>
    <t>CIOs_mailing_ITForum2019_2004 - 21_04.xlsx</t>
  </si>
  <si>
    <t>francisco.moltedo@gmail.com,renatomarcus@hotmail.com</t>
  </si>
  <si>
    <t>/o=exchangelabs/ou=exchange administrative group (fydibohf23spdlt)/cn=recipients/cn=696f712aa5c841708a095699a50884db-luan kevem;/o=exchangelabs/ou=exchange administrative group (fydibohf23spdlt)/cn=recipients/cn=b67cad4ecfa344baaa94d716e7554f49-bruno camel;/o=exchangelabs/ou=exchange administrative group (fydibohf23spdlt)/cn=recipients/cn=c4655fee90114ae8944262f5fe0113dd-luciana mar;/o=exchangelabs/ou=exchange administrative group (fydibohf23spdlt)/cn=recipients/cn=usera699e94b;asoares@tribanco.com.br;jmarques@tribanco.com.br;</t>
  </si>
  <si>
    <t>Fechamento Qualitativo - Tribanco Cobrança Setembro 2019</t>
  </si>
  <si>
    <t>Farol Qualitativo - Tribanco Cobranç2.xlsb</t>
  </si>
  <si>
    <t>/o=exchangelabs/ou=exchange administrative group (fydibohf23spdlt)/cn=recipients/cn=696f712aa5c841708a095699a50884db-luan kevem,/o=exchangelabs/ou=exchange administrative group (fydibohf23spdlt)/cn=recipients/cn=b67cad4ecfa344baaa94d716e7554f49-bruno camel,/o=exchangelabs/ou=exchange administrative group (fydibohf23spdlt)/cn=recipients/cn=c4655fee90114ae8944262f5fe0113dd-luciana mar,/o=exchangelabs/ou=exchange administrative group (fydibohf23spdlt)/cn=recipients/cn=usera699e94b,asoares@tribanco.com.br,jmarques@tribanco.com.br</t>
  </si>
  <si>
    <t>/o=exchangelabs/ou=exchange administrative group (fydibohf23spdlt)/cn=recipients/cn=90da2ce1966f46d7ab19fc9aab29d663-almir silva;</t>
  </si>
  <si>
    <t>Cópia de Treinamentos programados Gerenciadas 30_09.xlsx</t>
  </si>
  <si>
    <t>/o=exchangelabs/ou=exchange administrative group (fydibohf23spdlt)/cn=recipients/cn=90da2ce1966f46d7ab19fc9aab29d663-almir silva</t>
  </si>
  <si>
    <t>/o=exchangelabs/ou=exchange administrative group (fydibohf23spdlt)/cn=recipients/cn=32fe8a14424941da83c2bf35a8a5709e-fabiana car;daniel.lima@beedoo.com.br;laura.marques@beedoo.com.br;</t>
  </si>
  <si>
    <t>RES: Beedoo</t>
  </si>
  <si>
    <t>Beedoo.xlsx</t>
  </si>
  <si>
    <t>/o=exchangelabs/ou=exchange administrative group (fydibohf23spdlt)/cn=recipients/cn=32fe8a14424941da83c2bf35a8a5709e-fabiana car,daniel.lima@beedoo.com.br,laura.marques@beedoo.com.br</t>
  </si>
  <si>
    <t>C:\OneDrive\OneDrive - Grupo Algar\bHVpem1kYUBhbGdhcnRlY2guY29t\content_cache\d55\d13\</t>
  </si>
  <si>
    <t>C:\OneDrive\OneDrive - Grupo Algar\bHVpem1kYUBhbGdhcnRlY2guY29t\content_cache\d57\d15\</t>
  </si>
  <si>
    <t>C:\OneDrive\OneDrive - Grupo Algar\bHVpem1kYUBhbGdhcnRlY2guY29t\content_cache\d58\d16\</t>
  </si>
  <si>
    <t>C:\OneDrive\OneDrive - Grupo Algar\bHVpem1kYUBhbGdhcnRlY2guY29t\content_cache\d59\d17\</t>
  </si>
  <si>
    <t>C:\OneDrive\OneDrive - Grupo Algar\bHVpem1kYUBhbGdhcnRlY2guY29t\content_cache\d48\d56\</t>
  </si>
  <si>
    <t>C:\OneDrive\OneDrive - Grupo Algar\bHVpem1kYUBhbGdhcnRlY2guY29t\content_cache\d53\d61\</t>
  </si>
  <si>
    <t>C:\OneDrive\OneDrive - Grupo Algar\bHVpem1kYUBhbGdhcnRlY2guY29t\content_cache\d54\d62\</t>
  </si>
  <si>
    <t>C:\OneDrive\OneDrive - Grupo Algar\bHVpem1kYUBhbGdhcnRlY2guY29t\content_cache\d55\d63\</t>
  </si>
  <si>
    <t>C:\OneDrive\OneDrive - Grupo Algar\bHVpem1kYUBhbGdhcnRlY2guY29t\content_cache\d13\d4\15557\PCI Nespresso\</t>
  </si>
  <si>
    <t>C:\OneDrive\OneDrive - Grupo Algar\bHVpem1kYUBhbGdhcnRlY2guY29t\content_cache\d15\d6\</t>
  </si>
  <si>
    <t>C:\OneDrive\OneDrive - Grupo Algar\bHVpem1kYUBhbGdhcnRlY2guY29t\content_cache\d59\d67\</t>
  </si>
  <si>
    <t>C:\OneDrive\OneDrive - Grupo Algar\bHVpem1kYUBhbGdhcnRlY2guY29t\content_cache\d18\d9\</t>
  </si>
  <si>
    <t>C:\OneDrive\OneDrive - Grupo Algar\bHVpem1kYUBhbGdhcnRlY2guY29t\content_cache\d19\d10\</t>
  </si>
  <si>
    <t>C:\OneDrive\OneDrive - Grupo Algar\bHVpem1kYUBhbGdhcnRlY2guY29t\content_cache\d21\d12\</t>
  </si>
  <si>
    <t>C:\OneDrive\OneDrive - Grupo Algar\bHVpem1kYUBhbGdhcnRlY2guY29t\content_cache\d49\d39\</t>
  </si>
  <si>
    <t>C:\OneDrive\OneDrive - Grupo Algar\bHVpem1kYUBhbGdhcnRlY2guY29t\content_cache\d50\d40\</t>
  </si>
  <si>
    <t>C:\OneDrive\OneDrive - Grupo Algar\bHVpem1kYUBhbGdhcnRlY2guY29t\content_cache\d52\d42\</t>
  </si>
  <si>
    <t>C:\OneDrive\OneDrive - Grupo Algar\bHVpem1kYUBhbGdhcnRlY2guY29t\content_cache\d58\d48\</t>
  </si>
  <si>
    <t>C:\OneDrive\OneDrive - Grupo Algar\bHVpem1kYUBhbGdhcnRlY2guY29t\content_cache\d59\d49\</t>
  </si>
  <si>
    <t>C:\OneDrive\OneDrive - Grupo Algar\bHVpem1kYUBhbGdhcnRlY2guY29t\content_cache\d62\d52\</t>
  </si>
  <si>
    <t>C:\OneDrive\OneDrive - Grupo Algar\bHVpem1kYUBhbGdhcnRlY2guY29t\content_cache\d64\d54\</t>
  </si>
  <si>
    <t>C:\OneDrive\OneDrive - Grupo Algar\bHVpem1kYUBhbGdhcnRlY2guY29t\content_cache\d65\d55\</t>
  </si>
  <si>
    <t>C:\OneDrive\OneDrive - Grupo Algar\bHVpem1kYUBhbGdhcnRlY2guY29t\content_cache\d14\d138\</t>
  </si>
  <si>
    <t>C:\OneDrive\OneDrive - Grupo Algar\bHVpem1kYUBhbGdhcnRlY2guY29t\content_cache\d19\d143\</t>
  </si>
  <si>
    <t>C:\OneDrive\OneDrive - Grupo Algar\bHVpem1kYUBhbGdhcnRlY2guY29t\content_cache\d23\d147\</t>
  </si>
  <si>
    <t>C:\OneDrive\OneDrive - Grupo Algar\bHVpem1kYUBhbGdhcnRlY2guY29t\content_cache\d28\d1\</t>
  </si>
  <si>
    <t>C:\OneDrive\OneDrive - Grupo Algar\bHVpem1kYUBhbGdhcnRlY2guY29t\content_cache\d29\d2\</t>
  </si>
  <si>
    <t>C:\OneDrive\OneDrive - Grupo Algar\bHVpem1kYUBhbGdhcnRlY2guY29t\content_cache\d30\d3\</t>
  </si>
  <si>
    <t>C:\OneDrive\OneDrive - Grupo Algar\bHVpem1kYUBhbGdhcnRlY2guY29t\content_cache\d31\d4\</t>
  </si>
  <si>
    <t>C:\OneDrive\OneDrive - Grupo Algar\bHVpem1kYUBhbGdhcnRlY2guY29t\content_cache\d34\d7\</t>
  </si>
  <si>
    <t>C:\OneDrive\OneDrive - Grupo Algar\bHVpem1kYUBhbGdhcnRlY2guY29t\content_cache\d12\d35\16494\</t>
  </si>
  <si>
    <t>C:\OneDrive\OneDrive - Grupo Algar\bHVpem1kYUBhbGdhcnRlY2guY29t\content_cache\d22\d112\</t>
  </si>
  <si>
    <t>C:\OneDrive\OneDrive - Grupo Algar\bHVpem1kYUBhbGdhcnRlY2guY29t\content_cache\d24\d114\</t>
  </si>
  <si>
    <t>C:\OneDrive\OneDrive - Grupo Algar\bHVpem1kYUBhbGdhcnRlY2guY29t\content_cache\d34\d124\</t>
  </si>
  <si>
    <t>C:\OneDrive\OneDrive - Grupo Algar\bHVpem1kYUBhbGdhcnRlY2guY29t\content_cache\d35\d125\</t>
  </si>
  <si>
    <t>C:\OneDrive\OneDrive - Grupo Algar\bHVpem1kYUBhbGdhcnRlY2guY29t\content_cache\d39\d129\</t>
  </si>
  <si>
    <t>C:\OneDrive\OneDrive - Grupo Algar\bHVpem1kYUBhbGdhcnRlY2guY29t\content_cache\d43\d133\</t>
  </si>
  <si>
    <t>C:\OneDrive\OneDrive - Grupo Algar\bHVpem1kYUBhbGdhcnRlY2guY29t\content_cache\d47\d137\</t>
  </si>
  <si>
    <t>C:\OneDrive\OneDrive - Grupo Algar\bHVpem1kYUBhbGdhcnRlY2guY29t\content_cache\d51\d141\</t>
  </si>
  <si>
    <t>C:\OneDrive\OneDrive - Grupo Algar\bHVpem1kYUBhbGdhcnRlY2guY29t\content_cache\d64\d70\</t>
  </si>
  <si>
    <t>C:\OneDrive\OneDrive - Grupo Algar\bHVpem1kYUBhbGdhcnRlY2guY29t\content_cache\d11\d84\</t>
  </si>
  <si>
    <t>C:\OneDrive\OneDrive - Grupo Algar\bHVpem1kYUBhbGdhcnRlY2guY29t\content_cache\d14\d87\</t>
  </si>
  <si>
    <t>C:\OneDrive\OneDrive - Grupo Algar\bHVpem1kYUBhbGdhcnRlY2guY29t\content_cache\d16\d89\</t>
  </si>
  <si>
    <t>C:\OneDrive\OneDrive - Grupo Algar\bHVpem1kYUBhbGdhcnRlY2guY29t\content_cache\d6\d79\</t>
  </si>
  <si>
    <t>C:\OneDrive\OneDrive - Grupo Algar\bHVpem1kYUBhbGdhcnRlY2guY29t\content_cache\d64\d137\</t>
  </si>
  <si>
    <t>C:\OneDrive\OneDrive - Grupo Algar\bHVpem1kYUBhbGdhcnRlY2guY29t\content_cache\d8\d81\</t>
  </si>
  <si>
    <t>residencialluiza1508@gmail.com</t>
  </si>
  <si>
    <t>\\acsfs\Engeset\FINANCEIRO_ULA\CONTROLA\Viviane_Ecitania\Desktop\Viviane\Condominio\</t>
  </si>
  <si>
    <t>Prestacao_De_Contas_Residencial_Luiza_092019.xls</t>
  </si>
  <si>
    <t>Disparo_02.10.csv</t>
  </si>
  <si>
    <t>C:\OneDrive\OneDrive - Grupo Algar\bHVpem1kYUBhbGdhcnRlY2guY29t\content_cache\d22\d78\</t>
  </si>
  <si>
    <t>C:\OneDrive\OneDrive - Grupo Algar\bHVpem1kYUBhbGdhcnRlY2guY29t\content_cache\d2\d125\</t>
  </si>
  <si>
    <t>C:\OneDrive\OneDrive - Grupo Algar\bHVpem1kYUBhbGdhcnRlY2guY29t\content_cache\d3\d126\</t>
  </si>
  <si>
    <t>C:\OneDrive\OneDrive - Grupo Algar\bHVpem1kYUBhbGdhcnRlY2guY29t\content_cache\d4\d127\</t>
  </si>
  <si>
    <t>C:\OneDrive\OneDrive - Grupo Algar\bHVpem1kYUBhbGdhcnRlY2guY29t\content_cache\d66\d122\</t>
  </si>
  <si>
    <t>C:\OneDrive\OneDrive - Grupo Algar\bHVpem1kYUBhbGdhcnRlY2guY29t\content_cache\d11\d134\</t>
  </si>
  <si>
    <t>C:\OneDrive\OneDrive - Grupo Algar\bHVpem1kYUBhbGdhcnRlY2guY29t\content_cache\d24\d147\</t>
  </si>
  <si>
    <t>C:\OneDrive\OneDrive - Grupo Algar\bHVpem1kYUBhbGdhcnRlY2guY29t\content_cache\d26\d149\</t>
  </si>
  <si>
    <t>C:\OneDrive\OneDrive - Grupo Algar\bHVpem1kYUBhbGdhcnRlY2guY29t\content_cache\d27\d150\16911\PCI Nespresso\</t>
  </si>
  <si>
    <t>C:\OneDrive\OneDrive - Grupo Algar\bHVpem1kYUBhbGdhcnRlY2guY29t\content_cache\d39\d11\</t>
  </si>
  <si>
    <t>C:\OneDrive\OneDrive - Grupo Algar\bHVpem1kYUBhbGdhcnRlY2guY29t\content_cache\d43\d15\</t>
  </si>
  <si>
    <t>C:\OneDrive\OneDrive - Grupo Algar\bHVpem1kYUBhbGdhcnRlY2guY29t\content_cache\d47\d19\</t>
  </si>
  <si>
    <t>C:\OneDrive\OneDrive - Grupo Algar\bHVpem1kYUBhbGdhcnRlY2guY29t\content_cache\d50\d22\</t>
  </si>
  <si>
    <t>C:\OneDrive\OneDrive - Grupo Algar\bHVpem1kYUBhbGdhcnRlY2guY29t\content_cache\d57\d29\</t>
  </si>
  <si>
    <t>C:\OneDrive\OneDrive - Grupo Algar\bHVpem1kYUBhbGdhcnRlY2guY29t\content_cache\d59\d31\</t>
  </si>
  <si>
    <t>C:\OneDrive\OneDrive - Grupo Algar\bHVpem1kYUBhbGdhcnRlY2guY29t\content_cache\d60\d32\</t>
  </si>
  <si>
    <t>C:\OneDrive\OneDrive - Grupo Algar\bHVpem1kYUBhbGdhcnRlY2guY29t\content_cache\d62\d34\</t>
  </si>
  <si>
    <t>C:\OneDrive\OneDrive - Grupo Algar\bHVpem1kYUBhbGdhcnRlY2guY29t\content_cache\d63\d35\</t>
  </si>
  <si>
    <t>C:\OneDrive\OneDrive - Grupo Algar\bHVpem1kYUBhbGdhcnRlY2guY29t\content_cache\d4\d43\</t>
  </si>
  <si>
    <t>C:\OneDrive\OneDrive - Grupo Algar\bHVpem1kYUBhbGdhcnRlY2guY29t\content_cache\d8\d47\</t>
  </si>
  <si>
    <t>C:\OneDrive\OneDrive - Grupo Algar\bHVpem1kYUBhbGdhcnRlY2guY29t\content_cache\d10\d49\</t>
  </si>
  <si>
    <t>C:\OneDrive\OneDrive - Grupo Algar\bHVpem1kYUBhbGdhcnRlY2guY29t\content_cache\d11\d50\</t>
  </si>
  <si>
    <t>C:\OneDrive\OneDrive - Grupo Algar\bHVpem1kYUBhbGdhcnRlY2guY29t\content_cache\d12\d51\</t>
  </si>
  <si>
    <t>C:\OneDrive\OneDrive - Grupo Algar\bHVpem1kYUBhbGdhcnRlY2guY29t\content_cache\d20\d59\</t>
  </si>
  <si>
    <t>C:\OneDrive\OneDrive - Grupo Algar\bHVpem1kYUBhbGdhcnRlY2guY29t\content_cache\d27\d66\</t>
  </si>
  <si>
    <t>C:\OneDrive\OneDrive - Grupo Algar\bHVpem1kYUBhbGdhcnRlY2guY29t\content_cache\d29\d68\</t>
  </si>
  <si>
    <t>C:\OneDrive\OneDrive - Grupo Algar\bHVpem1kYUBhbGdhcnRlY2guY29t\content_cache\d33\d72\</t>
  </si>
  <si>
    <t>C:\OneDrive\OneDrive - Grupo Algar\bHVpem1kYUBhbGdhcnRlY2guY29t\content_cache\d40\d79\</t>
  </si>
  <si>
    <t>C:\OneDrive\OneDrive - Grupo Algar\bHVpem1kYUBhbGdhcnRlY2guY29t\content_cache\d43\d82\</t>
  </si>
  <si>
    <t>C:\OneDrive\OneDrive - Grupo Algar\bHVpem1kYUBhbGdhcnRlY2guY29t\content_cache\d48\d87\</t>
  </si>
  <si>
    <t>C:\OneDrive\OneDrive - Grupo Algar\bHVpem1kYUBhbGdhcnRlY2guY29t\content_cache\d49\d88\</t>
  </si>
  <si>
    <t>C:\OneDrive\OneDrive - Grupo Algar\bHVpem1kYUBhbGdhcnRlY2guY29t\content_cache\d50\d89\</t>
  </si>
  <si>
    <t>C:\OneDrive\OneDrive - Grupo Algar\bHVpem1kYUBhbGdhcnRlY2guY29t\content_cache\d0\d106\</t>
  </si>
  <si>
    <t>C:\OneDrive\OneDrive - Grupo Algar\bHVpem1kYUBhbGdhcnRlY2guY29t\content_cache\d13\d119\</t>
  </si>
  <si>
    <t>C:\OneDrive\OneDrive - Grupo Algar\bHVpem1kYUBhbGdhcnRlY2guY29t\content_cache\d64\d103\</t>
  </si>
  <si>
    <t>C:\OneDrive\OneDrive - Grupo Algar\bHVpem1kYUBhbGdhcnRlY2guY29t\content_cache\d9\d115\</t>
  </si>
  <si>
    <t>C:\OneDrive\OneDrive - Grupo Algar\bHVpem1kYUBhbGdhcnRlY2guY29t\content_cache\d15\d121\</t>
  </si>
  <si>
    <t>C:\OneDrive\OneDrive - Grupo Algar\bHVpem1kYUBhbGdhcnRlY2guY29t\content_cache\d21\d127\</t>
  </si>
  <si>
    <t>C:\OneDrive\OneDrive - Grupo Algar\bHVpem1kYUBhbGdhcnRlY2guY29t\content_cache\d26\d132\</t>
  </si>
  <si>
    <t>C:\OneDrive\OneDrive - Grupo Algar\bHVpem1kYUBhbGdhcnRlY2guY29t\content_cache\d30\d136\</t>
  </si>
  <si>
    <t>C:\OneDrive\OneDrive - Grupo Algar\bHVpem1kYUBhbGdhcnRlY2guY29t\content_cache\d32\d138\</t>
  </si>
  <si>
    <t>C:\OneDrive\OneDrive - Grupo Algar\bHVpem1kYUBhbGdhcnRlY2guY29t\content_cache\d38\d144\</t>
  </si>
  <si>
    <t>C:\OneDrive\OneDrive - Grupo Algar\bHVpem1kYUBhbGdhcnRlY2guY29t\content_cache\d44\d150\</t>
  </si>
  <si>
    <t>C:\OneDrive\OneDrive - Grupo Algar\bHVpem1kYUBhbGdhcnRlY2guY29t\content_cache\d48\d3\</t>
  </si>
  <si>
    <t>C:\OneDrive\OneDrive - Grupo Algar\bHVpem1kYUBhbGdhcnRlY2guY29t\content_cache\d50\d5\</t>
  </si>
  <si>
    <t>C:\OneDrive\OneDrive - Grupo Algar\bHVpem1kYUBhbGdhcnRlY2guY29t\content_cache\d58\d13\</t>
  </si>
  <si>
    <t>C:\OneDrive\OneDrive - Grupo Algar\bHVpem1kYUBhbGdhcnRlY2guY29t\content_cache\d2\d24\</t>
  </si>
  <si>
    <t>C:\OneDrive\OneDrive - Grupo Algar\bHVpem1kYUBhbGdhcnRlY2guY29t\content_cache\d6\d28\</t>
  </si>
  <si>
    <t>C:\OneDrive\OneDrive - Grupo Algar\bHVpem1kYUBhbGdhcnRlY2guY29t\content_cache\d66\d21\</t>
  </si>
  <si>
    <t>C:\OneDrive\OneDrive - Grupo Algar\bHVpem1kYUBhbGdhcnRlY2guY29t\content_cache\d8\d30\</t>
  </si>
  <si>
    <t>C:\OneDrive\OneDrive - Grupo Algar\bHVpem1kYUBhbGdhcnRlY2guY29t\content_cache\d9\d31\</t>
  </si>
  <si>
    <t>C:\OneDrive\OneDrive - Grupo Algar\bHVpem1kYUBhbGdhcnRlY2guY29t\content_cache\d14\d36\</t>
  </si>
  <si>
    <t>C:\OneDrive\OneDrive - Grupo Algar\bHVpem1kYUBhbGdhcnRlY2guY29t\content_cache\d21\d43\</t>
  </si>
  <si>
    <t>C:\OneDrive\OneDrive - Grupo Algar\bHVpem1kYUBhbGdhcnRlY2guY29t\content_cache\d22\d44\</t>
  </si>
  <si>
    <t>C:\OneDrive\OneDrive - Grupo Algar\bHVpem1kYUBhbGdhcnRlY2guY29t\content_cache\d26\d48\</t>
  </si>
  <si>
    <t>C:\OneDrive\OneDrive - Grupo Algar\bHVpem1kYUBhbGdhcnRlY2guY29t\content_cache\d27\d49\</t>
  </si>
  <si>
    <t>C:\OneDrive\OneDrive - Grupo Algar\bHVpem1kYUBhbGdhcnRlY2guY29t\content_cache\d29\d51\</t>
  </si>
  <si>
    <t>C:\OneDrive\OneDrive - Grupo Algar\bHVpem1kYUBhbGdhcnRlY2guY29t\content_cache\d30\d52\</t>
  </si>
  <si>
    <t>C:\OneDrive\OneDrive - Grupo Algar\bHVpem1kYUBhbGdhcnRlY2guY29t\content_cache\d31\d53\</t>
  </si>
  <si>
    <t>C:\OneDrive\OneDrive - Grupo Algar\bHVpem1kYUBhbGdhcnRlY2guY29t\content_cache\d44\d66\</t>
  </si>
  <si>
    <t>C:\OneDrive\OneDrive - Grupo Algar\bHVpem1kYUBhbGdhcnRlY2guY29t\content_cache\d46\d68\</t>
  </si>
  <si>
    <t>C:\OneDrive\OneDrive - Grupo Algar\bHVpem1kYUBhbGdhcnRlY2guY29t\content_cache\d56\d78\</t>
  </si>
  <si>
    <t>C:\OneDrive\OneDrive - Grupo Algar\bHVpem1kYUBhbGdhcnRlY2guY29t\content_cache\d58\d80\</t>
  </si>
  <si>
    <t>C:\OneDrive\OneDrive - Grupo Algar\bHVpem1kYUBhbGdhcnRlY2guY29t\content_cache\d59\d81\</t>
  </si>
  <si>
    <t>C:\OneDrive\OneDrive - Grupo Algar\bHVpem1kYUBhbGdhcnRlY2guY29t\content_cache\d62\d84\</t>
  </si>
  <si>
    <t>C:\OneDrive\OneDrive - Grupo Algar\bHVpem1kYUBhbGdhcnRlY2guY29t\content_cache\d1\d90\</t>
  </si>
  <si>
    <t>C:\OneDrive\OneDrive - Grupo Algar\bHVpem1kYUBhbGdhcnRlY2guY29t\content_cache\d63\d85\</t>
  </si>
  <si>
    <t>C:\OneDrive\OneDrive - Grupo Algar\bHVpem1kYUBhbGdhcnRlY2guY29t\content_cache\d66\d88\</t>
  </si>
  <si>
    <t>C:\OneDrive\OneDrive - Grupo Algar\bHVpem1kYUBhbGdhcnRlY2guY29t\content_cache\d7\d96\</t>
  </si>
  <si>
    <t>Atualização dados.xlsx</t>
  </si>
  <si>
    <t>C:\OneDrive\OneDrive - Grupo Algar\bHVpem1kYUBhbGdhcnRlY2guY29t\content_cache\d30\d102\17316\</t>
  </si>
  <si>
    <t>C:\OneDrive\OneDrive - Grupo Algar\bHVpem1kYUBhbGdhcnRlY2guY29t\content_cache\d47\d119\</t>
  </si>
  <si>
    <t>C:\OneDrive\OneDrive - Grupo Algar\bHVpem1kYUBhbGdhcnRlY2guY29t\content_cache\d49\d121\</t>
  </si>
  <si>
    <t>C:\OneDrive\OneDrive - Grupo Algar\bHVpem1kYUBhbGdhcnRlY2guY29t\content_cache\d55\d127\</t>
  </si>
  <si>
    <t>C:\OneDrive\OneDrive - Grupo Algar\bHVpem1kYUBhbGdhcnRlY2guY29t\content_cache\d33\d88\</t>
  </si>
  <si>
    <t>C:\OneDrive\OneDrive - Grupo Algar\bHVpem1kYUBhbGdhcnRlY2guY29t\content_cache\d49\d104\</t>
  </si>
  <si>
    <t>C:\OneDrive\OneDrive - Grupo Algar\bHVpem1kYUBhbGdhcnRlY2guY29t\content_cache\d51\d106\</t>
  </si>
  <si>
    <t>C:\OneDrive\OneDrive - Grupo Algar\bHVpem1kYUBhbGdhcnRlY2guY29t\content_cache\d53\d108\</t>
  </si>
  <si>
    <t>C:\OneDrive\OneDrive - Grupo Algar\bHVpem1kYUBhbGdhcnRlY2guY29t\content_cache\d54\d109\</t>
  </si>
  <si>
    <t>C:\OneDrive\OneDrive - Grupo Algar\bHVpem1kYUBhbGdhcnRlY2guY29t\content_cache\d58\d113\</t>
  </si>
  <si>
    <t>C:\OneDrive\OneDrive - Grupo Algar\bHVpem1kYUBhbGdhcnRlY2guY29t\content_cache\d12\d134\</t>
  </si>
  <si>
    <t>C:\OneDrive\OneDrive - Grupo Algar\bHVpem1kYUBhbGdhcnRlY2guY29t\content_cache\d13\d135\</t>
  </si>
  <si>
    <t>C:\OneDrive\OneDrive - Grupo Algar\bHVpem1kYUBhbGdhcnRlY2guY29t\content_cache\d15\d137\</t>
  </si>
  <si>
    <t>C:\OneDrive\OneDrive - Grupo Algar\bHVpem1kYUBhbGdhcnRlY2guY29t\content_cache\d16\d138\</t>
  </si>
  <si>
    <t>C:\OneDrive\OneDrive - Grupo Algar\bHVpem1kYUBhbGdhcnRlY2guY29t\content_cache\d17\d139\</t>
  </si>
  <si>
    <t>C:\OneDrive\OneDrive - Grupo Algar\bHVpem1kYUBhbGdhcnRlY2guY29t\content_cache\d18\d140\</t>
  </si>
  <si>
    <t>C:\OneDrive\OneDrive - Grupo Algar\bHVpem1kYUBhbGdhcnRlY2guY29t\content_cache\d19\d141\</t>
  </si>
  <si>
    <t>C:\OneDrive\OneDrive - Grupo Algar\bHVpem1kYUBhbGdhcnRlY2guY29t\content_cache\d23\d145\</t>
  </si>
  <si>
    <t>C:\OneDrive\OneDrive - Grupo Algar\bHVpem1kYUBhbGdhcnRlY2guY29t\content_cache\d35\d6\</t>
  </si>
  <si>
    <t>C:\OneDrive\OneDrive - Grupo Algar\bHVpem1kYUBhbGdhcnRlY2guY29t\content_cache\d36\d7\</t>
  </si>
  <si>
    <t>C:\OneDrive\OneDrive - Grupo Algar\bHVpem1kYUBhbGdhcnRlY2guY29t\content_cache\d47\d18\</t>
  </si>
  <si>
    <t>C:\OneDrive\OneDrive - Grupo Algar\bHVpem1kYUBhbGdhcnRlY2guY29t\content_cache\d61\d32\</t>
  </si>
  <si>
    <t>C:\OneDrive\OneDrive - Grupo Algar\bHVpem1kYUBhbGdhcnRlY2guY29t\content_cache\d29\d67\</t>
  </si>
  <si>
    <t>C:\OneDrive\OneDrive - Grupo Algar\bHVpem1kYUBhbGdhcnRlY2guY29t\content_cache\d30\d68\</t>
  </si>
  <si>
    <t>C:\OneDrive\OneDrive - Grupo Algar\bHVpem1kYUBhbGdhcnRlY2guY29t\content_cache\d31\d69\</t>
  </si>
  <si>
    <t>C:\OneDrive\OneDrive - Grupo Algar\bHVpem1kYUBhbGdhcnRlY2guY29t\content_cache\d41\d79\</t>
  </si>
  <si>
    <t>C:\OneDrive\OneDrive - Grupo Algar\bHVpem1kYUBhbGdhcnRlY2guY29t\content_cache\d42\d80\</t>
  </si>
  <si>
    <t>C:\OneDrive\OneDrive - Grupo Algar\bHVpem1kYUBhbGdhcnRlY2guY29t\content_cache\d0\d105\</t>
  </si>
  <si>
    <t>C:\OneDrive\OneDrive - Grupo Algar\bHVpem1kYUBhbGdhcnRlY2guY29t\content_cache\d45\d83\17599\</t>
  </si>
  <si>
    <t>C:\OneDrive\OneDrive - Grupo Algar\bHVpem1kYUBhbGdhcnRlY2guY29t\content_cache\d49\d87\17603\</t>
  </si>
  <si>
    <t>C:\OneDrive\OneDrive - Grupo Algar\bHVpem1kYUBhbGdhcnRlY2guY29t\content_cache\d50\d88\</t>
  </si>
  <si>
    <t>C:\OneDrive\OneDrive - Grupo Algar\bHVpem1kYUBhbGdhcnRlY2guY29t\content_cache\d47\d85\</t>
  </si>
  <si>
    <t>C:\OneDrive\OneDrive - Grupo Algar\bHVpem1kYUBhbGdhcnRlY2guY29t\content_cache\d48\d86\</t>
  </si>
  <si>
    <t>C:\OneDrive\OneDrive - Grupo Algar\bHVpem1kYUBhbGdhcnRlY2guY29t\content_cache\d52\d90\</t>
  </si>
  <si>
    <t>C:\OneDrive\OneDrive - Grupo Algar\bHVpem1kYUBhbGdhcnRlY2guY29t\content_cache\d53\d91\</t>
  </si>
  <si>
    <t>C:\OneDrive\OneDrive - Grupo Algar\bHVpem1kYUBhbGdhcnRlY2guY29t\content_cache\d54\d92\</t>
  </si>
  <si>
    <t>C:\OneDrive\OneDrive - Grupo Algar\bHVpem1kYUBhbGdhcnRlY2guY29t\content_cache\d55\d93\</t>
  </si>
  <si>
    <t>C:\OneDrive\OneDrive - Grupo Algar\bHVpem1kYUBhbGdhcnRlY2guY29t\content_cache\d56\d94\</t>
  </si>
  <si>
    <t>C:\OneDrive\OneDrive - Grupo Algar\bHVpem1kYUBhbGdhcnRlY2guY29t\content_cache\d57\d95\</t>
  </si>
  <si>
    <t>C:\OneDrive\OneDrive - Grupo Algar\bHVpem1kYUBhbGdhcnRlY2guY29t\content_cache\d58\d96\</t>
  </si>
  <si>
    <t>C:\OneDrive\OneDrive - Grupo Algar\bHVpem1kYUBhbGdhcnRlY2guY29t\content_cache\d59\d97\</t>
  </si>
  <si>
    <t>C:\OneDrive\OneDrive - Grupo Algar\bHVpem1kYUBhbGdhcnRlY2guY29t\content_cache\d60\d98\</t>
  </si>
  <si>
    <t>C:\OneDrive\OneDrive - Grupo Algar\bHVpem1kYUBhbGdhcnRlY2guY29t\content_cache\d61\d99\</t>
  </si>
  <si>
    <t>C:\OneDrive\OneDrive - Grupo Algar\bHVpem1kYUBhbGdhcnRlY2guY29t\content_cache\d62\d100\</t>
  </si>
  <si>
    <t>C:\OneDrive\OneDrive - Grupo Algar\bHVpem1kYUBhbGdhcnRlY2guY29t\content_cache\d65\d103\</t>
  </si>
  <si>
    <t>C:\OneDrive\OneDrive - Grupo Algar\bHVpem1kYUBhbGdhcnRlY2guY29t\content_cache\d64\d102\</t>
  </si>
  <si>
    <t>C:\OneDrive\OneDrive - Grupo Algar\bHVpem1kYUBhbGdhcnRlY2guY29t\content_cache\d66\d104\</t>
  </si>
  <si>
    <t>C:\OneDrive\OneDrive - Grupo Algar\bHVpem1kYUBhbGdhcnRlY2guY29t\content_cache\d1\d106\</t>
  </si>
  <si>
    <t>C:\OneDrive\OneDrive - Grupo Algar\bHVpem1kYUBhbGdhcnRlY2guY29t\content_cache\d1\d106\17622\</t>
  </si>
  <si>
    <t>C:\OneDrive\OneDrive - Grupo Algar\bHVpem1kYUBhbGdhcnRlY2guY29t\content_cache\d14\d119\</t>
  </si>
  <si>
    <t>D:\Celular S8 - 02-10\Telegram\Telegram Documents\</t>
  </si>
  <si>
    <t>1_5150333273066438724.xlsx</t>
  </si>
  <si>
    <t>D:\Celular S8 - 02-10\Telegram\Telegram Documents\1_5150333273066438724.xlsx</t>
  </si>
  <si>
    <t>C:\OneDrive\OneDrive - Grupo Algar\bHVpem1kYUBhbGdhcnRlY2guY29t\content_cache\d2\d107\</t>
  </si>
  <si>
    <t>C:\OneDrive\OneDrive - Grupo Algar\bHVpem1kYUBhbGdhcnRlY2guY29t\content_cache\d2\d107\17623\</t>
  </si>
  <si>
    <t>C:\OneDrive\OneDrive - Grupo Algar\bHVpem1kYUBhbGdhcnRlY2guY29t\content_cache\d4\d109\</t>
  </si>
  <si>
    <t>C:\OneDrive\OneDrive - Grupo Algar\bHVpem1kYUBhbGdhcnRlY2guY29t\content_cache\d8\d113\</t>
  </si>
  <si>
    <t>C:\OneDrive\OneDrive - Grupo Algar\bHVpem1kYUBhbGdhcnRlY2guY29t\content_cache\d3\d108\</t>
  </si>
  <si>
    <t>C:\OneDrive\OneDrive - Grupo Algar\bHVpem1kYUBhbGdhcnRlY2guY29t\content_cache\d3\d108\17624\</t>
  </si>
  <si>
    <t>C:\OneDrive\OneDrive - Grupo Algar\bHVpem1kYUBhbGdhcnRlY2guY29t\content_cache\d30\d135\</t>
  </si>
  <si>
    <t>C:\OneDrive\OneDrive - Grupo Algar\bHVpem1kYUBhbGdhcnRlY2guY29t\content_cache\d32\d137\</t>
  </si>
  <si>
    <t>C:\OneDrive\OneDrive - Grupo Algar\bHVpem1kYUBhbGdhcnRlY2guY29t\content_cache\d38\d143\</t>
  </si>
  <si>
    <t>C:\OneDrive\OneDrive - Grupo Algar\bHVpem1kYUBhbGdhcnRlY2guY29t\content_cache\d47\d1\</t>
  </si>
  <si>
    <t>C:\OneDrive\OneDrive - Grupo Algar\bHVpem1kYUBhbGdhcnRlY2guY29t\content_cache\d1\d22\</t>
  </si>
  <si>
    <t>C:\OneDrive\OneDrive - Grupo Algar\bHVpem1kYUBhbGdhcnRlY2guY29t\content_cache\d11\d32\</t>
  </si>
  <si>
    <t>C:\OneDrive\OneDrive - Grupo Algar\bHVpem1kYUBhbGdhcnRlY2guY29t\content_cache\d14\d35\</t>
  </si>
  <si>
    <t>C:\OneDrive\OneDrive - Grupo Algar\bHVpem1kYUBhbGdhcnRlY2guY29t\content_cache\d2\d23\</t>
  </si>
  <si>
    <t>C:\OneDrive\OneDrive - Grupo Algar\bHVpem1kYUBhbGdhcnRlY2guY29t\content_cache\d4\d25\</t>
  </si>
  <si>
    <t>C:\OneDrive\OneDrive - Grupo Algar\bHVpem1kYUBhbGdhcnRlY2guY29t\content_cache\d51\d5\</t>
  </si>
  <si>
    <t>C:\OneDrive\OneDrive - Grupo Algar\bHVpem1kYUBhbGdhcnRlY2guY29t\content_cache\d54\d8\</t>
  </si>
  <si>
    <t>C:\OneDrive\OneDrive - Grupo Algar\bHVpem1kYUBhbGdhcnRlY2guY29t\content_cache\d56\d10\</t>
  </si>
  <si>
    <t>C:\OneDrive\OneDrive - Grupo Algar\bHVpem1kYUBhbGdhcnRlY2guY29t\content_cache\d58\d12\</t>
  </si>
  <si>
    <t>C:\OneDrive\OneDrive - Grupo Algar\bHVpem1kYUBhbGdhcnRlY2guY29t\content_cache\d6\d27\</t>
  </si>
  <si>
    <t>C:\OneDrive\OneDrive - Grupo Algar\bHVpem1kYUBhbGdhcnRlY2guY29t\content_cache\d60\d14\</t>
  </si>
  <si>
    <t>C:\OneDrive\OneDrive - Grupo Algar\bHVpem1kYUBhbGdhcnRlY2guY29t\content_cache\d64\d18\</t>
  </si>
  <si>
    <t>C:\OneDrive\OneDrive - Grupo Algar\bHVpem1kYUBhbGdhcnRlY2guY29t\content_cache\d33\d54\</t>
  </si>
  <si>
    <t>C:\OneDrive\OneDrive - Grupo Algar\bHVpem1kYUBhbGdhcnRlY2guY29t\content_cache\d34\d55\</t>
  </si>
  <si>
    <t>C:\OneDrive\OneDrive - Grupo Algar\bHVpem1kYUBhbGdhcnRlY2guY29t\content_cache\d35\d56\</t>
  </si>
  <si>
    <t>C:\OneDrive\OneDrive - Grupo Algar\bHVpem1kYUBhbGdhcnRlY2guY29t\content_cache\d39\d60\</t>
  </si>
  <si>
    <t>C:\OneDrive\OneDrive - Grupo Algar\bHVpem1kYUBhbGdhcnRlY2guY29t\content_cache\d0\d88\</t>
  </si>
  <si>
    <t>C:\OneDrive\OneDrive - Grupo Algar\bHVpem1kYUBhbGdhcnRlY2guY29t\content_cache\d1\d89\</t>
  </si>
  <si>
    <t>C:\OneDrive\OneDrive - Grupo Algar\bHVpem1kYUBhbGdhcnRlY2guY29t\content_cache\d3\d91\</t>
  </si>
  <si>
    <t>C:\OneDrive\OneDrive - Grupo Algar\bHVpem1kYUBhbGdhcnRlY2guY29t\content_cache\d46\d67\</t>
  </si>
  <si>
    <t>C:\OneDrive\OneDrive - Grupo Algar\bHVpem1kYUBhbGdhcnRlY2guY29t\content_cache\d48\d69\</t>
  </si>
  <si>
    <t>C:\OneDrive\OneDrive - Grupo Algar\bHVpem1kYUBhbGdhcnRlY2guY29t\content_cache\d49\d70\</t>
  </si>
  <si>
    <t>C:\OneDrive\OneDrive - Grupo Algar\bHVpem1kYUBhbGdhcnRlY2guY29t\content_cache\d50\d71\</t>
  </si>
  <si>
    <t>C:\OneDrive\OneDrive - Grupo Algar\bHVpem1kYUBhbGdhcnRlY2guY29t\content_cache\d64\d85\</t>
  </si>
  <si>
    <t>C:\OneDrive\OneDrive - Grupo Algar\bHVpem1kYUBhbGdhcnRlY2guY29t\content_cache\d4\d92\</t>
  </si>
  <si>
    <t>D:\OneDrive\AlgarTech\Pré-Vendas\Cliente\2019\CSC Algar\214376 - Administração Firewalls CSC\</t>
  </si>
  <si>
    <t>Dimensionamento do Serviço GIAT_v6 - Ricardo.xlsm</t>
  </si>
  <si>
    <t>D:\Celular S8 - 02-10\WhatsApp\WhatsApp Documents\</t>
  </si>
  <si>
    <t>Apuração de IR em branco.xlsx</t>
  </si>
  <si>
    <t>D:\Celular S8 - 02-10\WhatsApp\WhatsApp Documents\Apuração de IR em branco.xlsx</t>
  </si>
  <si>
    <t>ferista.xlsx</t>
  </si>
  <si>
    <t>D:\Celular S8 - 02-10\WhatsApp\WhatsApp Documents\ferista.xlsx</t>
  </si>
  <si>
    <t>Ficha de Candidato_Algartech - Marcelo Queiroz.xls</t>
  </si>
  <si>
    <t>D:\Celular S8 - 02-10\WhatsApp\WhatsApp Documents\Ficha de Candidato_Algartech - Marcelo Queiroz.xls</t>
  </si>
  <si>
    <t>D:\Celular S8 - 02-10\WhatsApp\WhatsApp Documents\Sent\</t>
  </si>
  <si>
    <t>D:\Celular S8 - 02-10\WhatsApp\WhatsApp Documents\Sent\Apuração de IR em branco.xlsx</t>
  </si>
  <si>
    <t>C:\OneDrive\OneDrive - Grupo Algar\bHVpem1kYUBhbGdhcnRlY2guY29t\content_cache\d14\d115\</t>
  </si>
  <si>
    <t>C:\OneDrive\OneDrive - Grupo Algar\bHVpem1kYUBhbGdhcnRlY2guY29t\content_cache\d21\d122\</t>
  </si>
  <si>
    <t>C:\OneDrive\OneDrive - Grupo Algar\bHVpem1kYUBhbGdhcnRlY2guY29t\content_cache\d12\d96\</t>
  </si>
  <si>
    <t>C:\OneDrive\OneDrive - Grupo Algar\bHVpem1kYUBhbGdhcnRlY2guY29t\content_cache\d44\d128\</t>
  </si>
  <si>
    <t>C:\OneDrive\OneDrive - Grupo Algar\bHVpem1kYUBhbGdhcnRlY2guY29t\content_cache\d45\d129\</t>
  </si>
  <si>
    <t>C:\OneDrive\OneDrive - Grupo Algar\bHVpem1kYUBhbGdhcnRlY2guY29t\content_cache\d46\d130\</t>
  </si>
  <si>
    <t>C:\OneDrive\OneDrive - Grupo Algar\bHVpem1kYUBhbGdhcnRlY2guY29t\content_cache\d47\d131\</t>
  </si>
  <si>
    <t>C:\OneDrive\OneDrive - Grupo Algar\bHVpem1kYUBhbGdhcnRlY2guY29t\content_cache\d48\d132\</t>
  </si>
  <si>
    <t>C:\OneDrive\OneDrive - Grupo Algar\bHVpem1kYUBhbGdhcnRlY2guY29t\content_cache\d51\d135\</t>
  </si>
  <si>
    <t>C:\OneDrive\OneDrive - Grupo Algar\bHVpem1kYUBhbGdhcnRlY2guY29t\content_cache\d54\d138\</t>
  </si>
  <si>
    <t>C:\OneDrive\OneDrive - Grupo Algar\bHVpem1kYUBhbGdhcnRlY2guY29t\content_cache\d55\d139\</t>
  </si>
  <si>
    <t>C:\OneDrive\OneDrive - Grupo Algar\bHVpem1kYUBhbGdhcnRlY2guY29t\content_cache\d58\d142\</t>
  </si>
  <si>
    <t>C:\OneDrive\OneDrive - Grupo Algar\bHVpem1kYUBhbGdhcnRlY2guY29t\content_cache\d59\d143\</t>
  </si>
  <si>
    <t>C:\OneDrive\OneDrive - Grupo Algar\bHVpem1kYUBhbGdhcnRlY2guY29t\content_cache\d60\d144\</t>
  </si>
  <si>
    <t>C:\OneDrive\OneDrive - Grupo Algar\bHVpem1kYUBhbGdhcnRlY2guY29t\content_cache\d61\d145\</t>
  </si>
  <si>
    <t>C:\OneDrive\OneDrive - Grupo Algar\bHVpem1kYUBhbGdhcnRlY2guY29t\content_cache\d62\d146\</t>
  </si>
  <si>
    <t>C:\OneDrive\OneDrive - Grupo Algar\bHVpem1kYUBhbGdhcnRlY2guY29t\content_cache\d63\d147\</t>
  </si>
  <si>
    <t>C:\OneDrive\OneDrive - Grupo Algar\bHVpem1kYUBhbGdhcnRlY2guY29t\content_cache\d64\d148\</t>
  </si>
  <si>
    <t>C:\OneDrive\OneDrive - Grupo Algar\bHVpem1kYUBhbGdhcnRlY2guY29t\content_cache\d65\d149\</t>
  </si>
  <si>
    <t>C:\OneDrive\OneDrive - Grupo Algar\bHVpem1kYUBhbGdhcnRlY2guY29t\content_cache\d66\d150\</t>
  </si>
  <si>
    <t>C:\OneDrive\OneDrive - Grupo Algar\bHVpem1kYUBhbGdhcnRlY2guY29t\content_cache\d0\d0\</t>
  </si>
  <si>
    <t>C:\OneDrive\OneDrive - Grupo Algar\bHVpem1kYUBhbGdhcnRlY2guY29t\content_cache\d1\d1\</t>
  </si>
  <si>
    <t>C:\OneDrive\OneDrive - Grupo Algar\bHVpem1kYUBhbGdhcnRlY2guY29t\content_cache\d2\d2\</t>
  </si>
  <si>
    <t>C:\OneDrive\OneDrive - Grupo Algar\bHVpem1kYUBhbGdhcnRlY2guY29t\content_cache\d3\d3\</t>
  </si>
  <si>
    <t>C:\OneDrive\OneDrive - Grupo Algar\bHVpem1kYUBhbGdhcnRlY2guY29t\content_cache\d4\d4\</t>
  </si>
  <si>
    <t>C:\OneDrive\OneDrive - Grupo Algar\bHVpem1kYUBhbGdhcnRlY2guY29t\content_cache\d5\d5\</t>
  </si>
  <si>
    <t>C:\OneDrive\OneDrive - Grupo Algar\bHVpem1kYUBhbGdhcnRlY2guY29t\content_cache\d6\d6\</t>
  </si>
  <si>
    <t>C:\OneDrive\OneDrive - Grupo Algar\bHVpem1kYUBhbGdhcnRlY2guY29t\content_cache\d7\d7\</t>
  </si>
  <si>
    <t>C:\OneDrive\OneDrive - Grupo Algar\bHVpem1kYUBhbGdhcnRlY2guY29t\content_cache\d8\d8\</t>
  </si>
  <si>
    <t>C:\OneDrive\OneDrive - Grupo Algar\bHVpem1kYUBhbGdhcnRlY2guY29t\content_cache\d9\d9\</t>
  </si>
  <si>
    <t>C:\OneDrive\OneDrive - Grupo Algar\bHVpem1kYUBhbGdhcnRlY2guY29t\content_cache\d10\d10\</t>
  </si>
  <si>
    <t>C:\OneDrive\OneDrive - Grupo Algar\bHVpem1kYUBhbGdhcnRlY2guY29t\content_cache\d11\d11\</t>
  </si>
  <si>
    <t>C:\OneDrive\OneDrive - Grupo Algar\bHVpem1kYUBhbGdhcnRlY2guY29t\content_cache\d12\d12\</t>
  </si>
  <si>
    <t>C:\OneDrive\OneDrive - Grupo Algar\bHVpem1kYUBhbGdhcnRlY2guY29t\content_cache\d13\d13\</t>
  </si>
  <si>
    <t>C:\OneDrive\OneDrive - Grupo Algar\bHVpem1kYUBhbGdhcnRlY2guY29t\content_cache\d14\d14\</t>
  </si>
  <si>
    <t>C:\OneDrive\OneDrive - Grupo Algar\bHVpem1kYUBhbGdhcnRlY2guY29t\content_cache\d15\d15\</t>
  </si>
  <si>
    <t>C:\OneDrive\OneDrive - Grupo Algar\bHVpem1kYUBhbGdhcnRlY2guY29t\content_cache\d16\d16\</t>
  </si>
  <si>
    <t>C:\OneDrive\OneDrive - Grupo Algar\bHVpem1kYUBhbGdhcnRlY2guY29t\content_cache\d18\d18\</t>
  </si>
  <si>
    <t>C:\OneDrive\OneDrive - Grupo Algar\bHVpem1kYUBhbGdhcnRlY2guY29t\content_cache\d20\d20\</t>
  </si>
  <si>
    <t>C:\OneDrive\OneDrive - Grupo Algar\bHVpem1kYUBhbGdhcnRlY2guY29t\content_cache\d21\d21\</t>
  </si>
  <si>
    <t>C:\OneDrive\OneDrive - Grupo Algar\bHVpem1kYUBhbGdhcnRlY2guY29t\content_cache\d19\d19\</t>
  </si>
  <si>
    <t>C:\OneDrive\OneDrive - Grupo Algar\bHVpem1kYUBhbGdhcnRlY2guY29t\content_cache\d22\d22\</t>
  </si>
  <si>
    <t>C:\OneDrive\OneDrive - Grupo Algar\bHVpem1kYUBhbGdhcnRlY2guY29t\content_cache\d23\d23\</t>
  </si>
  <si>
    <t>C:\OneDrive\OneDrive - Grupo Algar\bHVpem1kYUBhbGdhcnRlY2guY29t\content_cache\d24\d24\</t>
  </si>
  <si>
    <t>C:\OneDrive\OneDrive - Grupo Algar\bHVpem1kYUBhbGdhcnRlY2guY29t\content_cache\d25\d25\</t>
  </si>
  <si>
    <t>C:\OneDrive\OneDrive - Grupo Algar\bHVpem1kYUBhbGdhcnRlY2guY29t\content_cache\d27\d27\</t>
  </si>
  <si>
    <t>C:\OneDrive\OneDrive - Grupo Algar\bHVpem1kYUBhbGdhcnRlY2guY29t\content_cache\d28\d28\</t>
  </si>
  <si>
    <t>C:\OneDrive\OneDrive - Grupo Algar\bHVpem1kYUBhbGdhcnRlY2guY29t\content_cache\d29\d29\</t>
  </si>
  <si>
    <t>C:\OneDrive\OneDrive - Grupo Algar\bHVpem1kYUBhbGdhcnRlY2guY29t\content_cache\d30\d30\</t>
  </si>
  <si>
    <t>C:\OneDrive\OneDrive - Grupo Algar\bHVpem1kYUBhbGdhcnRlY2guY29t\content_cache\d31\d31\</t>
  </si>
  <si>
    <t>C:\OneDrive\OneDrive - Grupo Algar\bHVpem1kYUBhbGdhcnRlY2guY29t\content_cache\d32\d32\</t>
  </si>
  <si>
    <t>C:\OneDrive\OneDrive - Grupo Algar\bHVpem1kYUBhbGdhcnRlY2guY29t\content_cache\d33\d33\</t>
  </si>
  <si>
    <t>C:\OneDrive\OneDrive - Grupo Algar\bHVpem1kYUBhbGdhcnRlY2guY29t\content_cache\d34\d34\</t>
  </si>
  <si>
    <t>C:\OneDrive\OneDrive - Grupo Algar\bHVpem1kYUBhbGdhcnRlY2guY29t\content_cache\d37\d37\</t>
  </si>
  <si>
    <t>C:\OneDrive\OneDrive - Grupo Algar\bHVpem1kYUBhbGdhcnRlY2guY29t\content_cache\d39\d39\</t>
  </si>
  <si>
    <t>C:\OneDrive\OneDrive - Grupo Algar\bHVpem1kYUBhbGdhcnRlY2guY29t\content_cache\d46\d46\</t>
  </si>
  <si>
    <t>C:\OneDrive\OneDrive - Grupo Algar\bHVpem1kYUBhbGdhcnRlY2guY29t\content_cache\d47\d47\</t>
  </si>
  <si>
    <t>C:\OneDrive\OneDrive - Grupo Algar\bHVpem1kYUBhbGdhcnRlY2guY29t\content_cache\d48\d48\</t>
  </si>
  <si>
    <t>C:\OneDrive\OneDrive - Grupo Algar\bHVpem1kYUBhbGdhcnRlY2guY29t\content_cache\d50\d50\</t>
  </si>
  <si>
    <t>C:\OneDrive\OneDrive - Grupo Algar\bHVpem1kYUBhbGdhcnRlY2guY29t\content_cache\d51\d51\</t>
  </si>
  <si>
    <t>C:\OneDrive\OneDrive - Grupo Algar\bHVpem1kYUBhbGdhcnRlY2guY29t\content_cache\d52\d52\</t>
  </si>
  <si>
    <t>C:\OneDrive\OneDrive - Grupo Algar\bHVpem1kYUBhbGdhcnRlY2guY29t\content_cache\d54\d54\</t>
  </si>
  <si>
    <t>C:\OneDrive\OneDrive - Grupo Algar\bHVpem1kYUBhbGdhcnRlY2guY29t\content_cache\d55\d55\</t>
  </si>
  <si>
    <t>C:\OneDrive\OneDrive - Grupo Algar\bHVpem1kYUBhbGdhcnRlY2guY29t\content_cache\d56\d56\</t>
  </si>
  <si>
    <t>C:\OneDrive\OneDrive - Grupo Algar\bHVpem1kYUBhbGdhcnRlY2guY29t\content_cache\d6\d73\</t>
  </si>
  <si>
    <t>C:\OneDrive\OneDrive - Grupo Algar\bHVpem1kYUBhbGdhcnRlY2guY29t\content_cache\d7\d74\</t>
  </si>
  <si>
    <t>C:\OneDrive\OneDrive - Grupo Algar\bHVpem1kYUBhbGdhcnRlY2guY29t\content_cache\d9\d76\</t>
  </si>
  <si>
    <t>C:\OneDrive\OneDrive - Grupo Algar\bHVpem1kYUBhbGdhcnRlY2guY29t\content_cache\d10\d77\</t>
  </si>
  <si>
    <t>C:\OneDrive\OneDrive - Grupo Algar\bHVpem1kYUBhbGdhcnRlY2guY29t\content_cache\d11\d78\</t>
  </si>
  <si>
    <t>C:\OneDrive\OneDrive - Grupo Algar\bHVpem1kYUBhbGdhcnRlY2guY29t\content_cache\d12\d79\</t>
  </si>
  <si>
    <t>C:\OneDrive\OneDrive - Grupo Algar\bHVpem1kYUBhbGdhcnRlY2guY29t\content_cache\d14\d81\</t>
  </si>
  <si>
    <t>C:\OneDrive\OneDrive - Grupo Algar\bHVpem1kYUBhbGdhcnRlY2guY29t\content_cache\d15\d82\</t>
  </si>
  <si>
    <t>C:\OneDrive\OneDrive - Grupo Algar\bHVpem1kYUBhbGdhcnRlY2guY29t\content_cache\d19\d86\</t>
  </si>
  <si>
    <t>C:\OneDrive\OneDrive - Grupo Algar\bHVpem1kYUBhbGdhcnRlY2guY29t\content_cache\d20\d87\</t>
  </si>
  <si>
    <t>C:\OneDrive\OneDrive - Grupo Algar\bHVpem1kYUBhbGdhcnRlY2guY29t\content_cache\d22\d89\</t>
  </si>
  <si>
    <t>C:\OneDrive\OneDrive - Grupo Algar\bHVpem1kYUBhbGdhcnRlY2guY29t\content_cache\d24\d91\</t>
  </si>
  <si>
    <t>C:\OneDrive\OneDrive - Grupo Algar\bHVpem1kYUBhbGdhcnRlY2guY29t\content_cache\d25\d92\</t>
  </si>
  <si>
    <t>C:\OneDrive\OneDrive - Grupo Algar\bHVpem1kYUBhbGdhcnRlY2guY29t\content_cache\d26\d93\</t>
  </si>
  <si>
    <t>C:\OneDrive\OneDrive - Grupo Algar\bHVpem1kYUBhbGdhcnRlY2guY29t\content_cache\d27\d94\</t>
  </si>
  <si>
    <t>C:\OneDrive\OneDrive - Grupo Algar\bHVpem1kYUBhbGdhcnRlY2guY29t\content_cache\d28\d95\</t>
  </si>
  <si>
    <t>C:\OneDrive\OneDrive - Grupo Algar\bHVpem1kYUBhbGdhcnRlY2guY29t\content_cache\d29\d96\</t>
  </si>
  <si>
    <t>C:\OneDrive\OneDrive - Grupo Algar\bHVpem1kYUBhbGdhcnRlY2guY29t\content_cache\d30\d97\</t>
  </si>
  <si>
    <t>C:\OneDrive\OneDrive - Grupo Algar\bHVpem1kYUBhbGdhcnRlY2guY29t\content_cache\d31\d98\</t>
  </si>
  <si>
    <t>C:\OneDrive\OneDrive - Grupo Algar\bHVpem1kYUBhbGdhcnRlY2guY29t\content_cache\d32\d99\</t>
  </si>
  <si>
    <t>C:\OneDrive\OneDrive - Grupo Algar\bHVpem1kYUBhbGdhcnRlY2guY29t\content_cache\d33\d100\</t>
  </si>
  <si>
    <t>C:\OneDrive\OneDrive - Grupo Algar\bHVpem1kYUBhbGdhcnRlY2guY29t\content_cache\d34\d101\</t>
  </si>
  <si>
    <t>C:\OneDrive\OneDrive - Grupo Algar\bHVpem1kYUBhbGdhcnRlY2guY29t\content_cache\d35\d102\</t>
  </si>
  <si>
    <t>C:\OneDrive\OneDrive - Grupo Algar\bHVpem1kYUBhbGdhcnRlY2guY29t\content_cache\d36\d103\</t>
  </si>
  <si>
    <t>C:\OneDrive\OneDrive - Grupo Algar\bHVpem1kYUBhbGdhcnRlY2guY29t\content_cache\d37\d104\</t>
  </si>
  <si>
    <t>C:\OneDrive\OneDrive - Grupo Algar\bHVpem1kYUBhbGdhcnRlY2guY29t\content_cache\d38\d105\</t>
  </si>
  <si>
    <t>C:\OneDrive\OneDrive - Grupo Algar\bHVpem1kYUBhbGdhcnRlY2guY29t\content_cache\d39\d106\</t>
  </si>
  <si>
    <t>C:\OneDrive\OneDrive - Grupo Algar\bHVpem1kYUBhbGdhcnRlY2guY29t\content_cache\d40\d107\</t>
  </si>
  <si>
    <t>C:\OneDrive\OneDrive - Grupo Algar\bHVpem1kYUBhbGdhcnRlY2guY29t\content_cache\d56\d123\</t>
  </si>
  <si>
    <t>C:\OneDrive\OneDrive - Grupo Algar\bHVpem1kYUBhbGdhcnRlY2guY29t\content_cache\d57\d124\</t>
  </si>
  <si>
    <t>C:\OneDrive\OneDrive - Grupo Algar\bHVpem1kYUBhbGdhcnRlY2guY29t\content_cache\d58\d125\</t>
  </si>
  <si>
    <t>C:\OneDrive\OneDrive - Grupo Algar\bHVpem1kYUBhbGdhcnRlY2guY29t\content_cache\d60\d127\</t>
  </si>
  <si>
    <t>C:\OneDrive\OneDrive - Grupo Algar\bHVpem1kYUBhbGdhcnRlY2guY29t\content_cache\d61\d128\</t>
  </si>
  <si>
    <t>C:\OneDrive\OneDrive - Grupo Algar\bHVpem1kYUBhbGdhcnRlY2guY29t\content_cache\d62\d129\</t>
  </si>
  <si>
    <t>C:\OneDrive\OneDrive - Grupo Algar\bHVpem1kYUBhbGdhcnRlY2guY29t\content_cache\d63\d130\</t>
  </si>
  <si>
    <t>C:\OneDrive\OneDrive - Grupo Algar\bHVpem1kYUBhbGdhcnRlY2guY29t\content_cache\d64\d131\</t>
  </si>
  <si>
    <t>C:\OneDrive\OneDrive - Grupo Algar\bHVpem1kYUBhbGdhcnRlY2guY29t\content_cache\d65\d132\</t>
  </si>
  <si>
    <t>C:\OneDrive\OneDrive - Grupo Algar\bHVpem1kYUBhbGdhcnRlY2guY29t\content_cache\d66\d133\</t>
  </si>
  <si>
    <t>C:\OneDrive\OneDrive - Grupo Algar\bHVpem1kYUBhbGdhcnRlY2guY29t\content_cache\d0\d134\</t>
  </si>
  <si>
    <t>C:\OneDrive\OneDrive - Grupo Algar\bHVpem1kYUBhbGdhcnRlY2guY29t\content_cache\d1\d135\</t>
  </si>
  <si>
    <t>C:\OneDrive\OneDrive - Grupo Algar\bHVpem1kYUBhbGdhcnRlY2guY29t\content_cache\d2\d136\</t>
  </si>
  <si>
    <t>C:\OneDrive\OneDrive - Grupo Algar\bHVpem1kYUBhbGdhcnRlY2guY29t\content_cache\d3\d137\</t>
  </si>
  <si>
    <t>C:\OneDrive\OneDrive - Grupo Algar\bHVpem1kYUBhbGdhcnRlY2guY29t\content_cache\d4\d138\</t>
  </si>
  <si>
    <t>C:\OneDrive\OneDrive - Grupo Algar\bHVpem1kYUBhbGdhcnRlY2guY29t\content_cache\d5\d139\</t>
  </si>
  <si>
    <t>C:\OneDrive\OneDrive - Grupo Algar\bHVpem1kYUBhbGdhcnRlY2guY29t\content_cache\d6\d140\</t>
  </si>
  <si>
    <t>C:\OneDrive\OneDrive - Grupo Algar\bHVpem1kYUBhbGdhcnRlY2guY29t\content_cache\d7\d141\</t>
  </si>
  <si>
    <t>C:\OneDrive\OneDrive - Grupo Algar\bHVpem1kYUBhbGdhcnRlY2guY29t\content_cache\d8\d142\</t>
  </si>
  <si>
    <t>C:\OneDrive\OneDrive - Grupo Algar\bHVpem1kYUBhbGdhcnRlY2guY29t\content_cache\d9\d143\</t>
  </si>
  <si>
    <t>C:\OneDrive\OneDrive - Grupo Algar\bHVpem1kYUBhbGdhcnRlY2guY29t\content_cache\d10\d144\</t>
  </si>
  <si>
    <t>C:\OneDrive\OneDrive - Grupo Algar\bHVpem1kYUBhbGdhcnRlY2guY29t\content_cache\d11\d145\</t>
  </si>
  <si>
    <t>C:\OneDrive\OneDrive - Grupo Algar\bHVpem1kYUBhbGdhcnRlY2guY29t\content_cache\d12\d146\</t>
  </si>
  <si>
    <t>C:\OneDrive\OneDrive - Grupo Algar\bHVpem1kYUBhbGdhcnRlY2guY29t\content_cache\d13\d147\</t>
  </si>
  <si>
    <t>C:\OneDrive\OneDrive - Grupo Algar\bHVpem1kYUBhbGdhcnRlY2guY29t\content_cache\d14\d148\</t>
  </si>
  <si>
    <t>C:\OneDrive\OneDrive - Grupo Algar\bHVpem1kYUBhbGdhcnRlY2guY29t\content_cache\d15\d149\</t>
  </si>
  <si>
    <t>C:\OneDrive\OneDrive - Grupo Algar\bHVpem1kYUBhbGdhcnRlY2guY29t\content_cache\d16\d150\</t>
  </si>
  <si>
    <t>C:\OneDrive\OneDrive - Grupo Algar\bHVpem1kYUBhbGdhcnRlY2guY29t\content_cache\d17\d0\</t>
  </si>
  <si>
    <t>C:\OneDrive\OneDrive - Grupo Algar\bHVpem1kYUBhbGdhcnRlY2guY29t\content_cache\d18\d1\</t>
  </si>
  <si>
    <t>C:\OneDrive\OneDrive - Grupo Algar\bHVpem1kYUBhbGdhcnRlY2guY29t\content_cache\d19\d2\</t>
  </si>
  <si>
    <t>C:\OneDrive\OneDrive - Grupo Algar\bHVpem1kYUBhbGdhcnRlY2guY29t\content_cache\d20\d3\</t>
  </si>
  <si>
    <t>C:\OneDrive\OneDrive - Grupo Algar\bHVpem1kYUBhbGdhcnRlY2guY29t\content_cache\d21\d4\</t>
  </si>
  <si>
    <t>C:\OneDrive\OneDrive - Grupo Algar\bHVpem1kYUBhbGdhcnRlY2guY29t\content_cache\d22\d5\</t>
  </si>
  <si>
    <t>C:\OneDrive\OneDrive - Grupo Algar\bHVpem1kYUBhbGdhcnRlY2guY29t\content_cache\d23\d6\</t>
  </si>
  <si>
    <t>C:\OneDrive\OneDrive - Grupo Algar\bHVpem1kYUBhbGdhcnRlY2guY29t\content_cache\d36\d19\20404\</t>
  </si>
  <si>
    <t>C:\OneDrive\OneDrive - Grupo Algar\bHVpem1kYUBhbGdhcnRlY2guY29t\content_cache\d62\d45\</t>
  </si>
  <si>
    <t>C:\OneDrive\OneDrive - Grupo Algar\bHVpem1kYUBhbGdhcnRlY2guY29t\content_cache\d20\d70\</t>
  </si>
  <si>
    <t>C:\OneDrive\OneDrive - Grupo Algar\bHVpem1kYUBhbGdhcnRlY2guY29t\content_cache\d28\d78\</t>
  </si>
  <si>
    <t>C:\OneDrive\OneDrive - Grupo Algar\bHVpem1kYUBhbGdhcnRlY2guY29t\content_cache\d37\d87\</t>
  </si>
  <si>
    <t>C:\OneDrive\OneDrive - Grupo Algar\bHVpem1kYUBhbGdhcnRlY2guY29t\content_cache\d39\d89\</t>
  </si>
  <si>
    <t>C:\OneDrive\OneDrive - Grupo Algar\bHVpem1kYUBhbGdhcnRlY2guY29t\content_cache\d62\d112\20497\</t>
  </si>
  <si>
    <t>C:\OneDrive\OneDrive - Grupo Algar\bHVpem1kYUBhbGdhcnRlY2guY29t\content_cache\d63\d113\20498\</t>
  </si>
  <si>
    <t>C:\OneDrive\OneDrive - Grupo Algar\bHVpem1kYUBhbGdhcnRlY2guY29t\content_cache\d2\d119\</t>
  </si>
  <si>
    <t>C:\OneDrive\OneDrive - Grupo Algar\bHVpem1kYUBhbGdhcnRlY2guY29t\content_cache\d7\d124\</t>
  </si>
  <si>
    <t>C:\OneDrive\OneDrive - Grupo Algar\bHVpem1kYUBhbGdhcnRlY2guY29t\content_cache\d42\d8\</t>
  </si>
  <si>
    <t>C:\OneDrive\OneDrive - Grupo Algar\bHVpem1kYUBhbGdhcnRlY2guY29t\content_cache\d43\d9\</t>
  </si>
  <si>
    <t>C:\OneDrive\OneDrive - Grupo Algar\bHVpem1kYUBhbGdhcnRlY2guY29t\content_cache\d44\d10\</t>
  </si>
  <si>
    <t>C:\OneDrive\OneDrive - Grupo Algar\bHVpem1kYUBhbGdhcnRlY2guY29t\content_cache\d48\d14\</t>
  </si>
  <si>
    <t>C:\OneDrive\OneDrive - Grupo Algar\bHVpem1kYUBhbGdhcnRlY2guY29t\content_cache\d51\d17\20553\</t>
  </si>
  <si>
    <t>C:\OneDrive\OneDrive - Grupo Algar\bHVpem1kYUBhbGdhcnRlY2guY29t\content_cache\d52\d18\</t>
  </si>
  <si>
    <t>C:\OneDrive\OneDrive - Grupo Algar\bHVpem1kYUBhbGdhcnRlY2guY29t\content_cache\d53\d19\</t>
  </si>
  <si>
    <t>C:\Users\lucasfbr\OneDrive - Grupo Algar\LUCAS\3 - Demandas\Licenciamento Microsoft\SAM 2018\</t>
  </si>
  <si>
    <t>Cópia de MLS_SAM_ALGAR_Entitlement_220818.xlsx</t>
  </si>
  <si>
    <t>/o=exchangelabs/ou=exchange administrative group (fydibohf23spdlt)/cn=recipients/cn=78e8c35ad19040c9aaf5ff65743e172b-adenilson b;/o=exchangelabs/ou=exchange administrative group (fydibohf23spdlt)/cn=recipients/cn=c29ec9dae022497281c840087cccddec-patricia ar;</t>
  </si>
  <si>
    <t>RES: 214378 - Menu.Com.vc - Cadastro de Clientes</t>
  </si>
  <si>
    <t>Info_dimensionamento.xlsx</t>
  </si>
  <si>
    <t>/o=exchangelabs/ou=exchange administrative group (fydibohf23spdlt)/cn=recipients/cn=78e8c35ad19040c9aaf5ff65743e172b-adenilson b,/o=exchangelabs/ou=exchange administrative group (fydibohf23spdlt)/cn=recipients/cn=c29ec9dae022497281c840087cccddec-patricia ar</t>
  </si>
  <si>
    <t>C:\OneDrive\OneDrive - Grupo Algar\bHVpem1kYUBhbGdhcnRlY2guY29t\content_cache\d66\d99\</t>
  </si>
  <si>
    <t>C:\OneDrive\OneDrive - Grupo Algar\bHVpem1kYUBhbGdhcnRlY2guY29t\content_cache\d3\d103\</t>
  </si>
  <si>
    <t>C:\OneDrive\OneDrive - Grupo Algar\bHVpem1kYUBhbGdhcnRlY2guY29t\content_cache\d3\d19\</t>
  </si>
  <si>
    <t>C:\OneDrive\OneDrive - Grupo Algar\bHVpem1kYUBhbGdhcnRlY2guY29t\content_cache\d4\d87\</t>
  </si>
  <si>
    <t>C:\OneDrive\OneDrive - Grupo Algar\bHVpem1kYUBhbGdhcnRlY2guY29t\content_cache\d5\d88\</t>
  </si>
  <si>
    <t>C:\OneDrive\OneDrive - Grupo Algar\bHVpem1kYUBhbGdhcnRlY2guY29t\content_cache\d6\d89\</t>
  </si>
  <si>
    <t>/o=exchangelabs/ou=exchange administrative group (fydibohf23spdlt)/cn=recipients/cn=38cb943dd1ac413a953757a4a5a53053-fabio welze;/o=exchangelabs/ou=exchange administrative group (fydibohf23spdlt)/cn=recipients/cn=664567c81e2c4e9f9de1f7830ee164f0-octavio car;</t>
  </si>
  <si>
    <t>URGENTE WEG</t>
  </si>
  <si>
    <t>/o=exchangelabs/ou=exchange administrative group (fydibohf23spdlt)/cn=recipients/cn=38cb943dd1ac413a953757a4a5a53053-fabio welze,/o=exchangelabs/ou=exchange administrative group (fydibohf23spdlt)/cn=recipients/cn=664567c81e2c4e9f9de1f7830ee164f0-octavio car</t>
  </si>
  <si>
    <t>C:\OneDrive\OneDrive - Grupo Algar\bHVpem1kYUBhbGdhcnRlY2guY29t\content_cache\d10\d76\</t>
  </si>
  <si>
    <t>C:\OneDrive\OneDrive - Grupo Algar\bHVpem1kYUBhbGdhcnRlY2guY29t\content_cache\d24\d90\</t>
  </si>
  <si>
    <t>C:\OneDrive\OneDrive - Grupo Algar\bHVpem1kYUBhbGdhcnRlY2guY29t\content_cache\d25\d91\</t>
  </si>
  <si>
    <t>C:\OneDrive\OneDrive - Grupo Algar\bHVpem1kYUBhbGdhcnRlY2guY29t\content_cache\d27\d93\</t>
  </si>
  <si>
    <t>C:\OneDrive\OneDrive - Grupo Algar\bHVpem1kYUBhbGdhcnRlY2guY29t\content_cache\d44\d110\</t>
  </si>
  <si>
    <t>C:\OneDrive\OneDrive - Grupo Algar\bHVpem1kYUBhbGdhcnRlY2guY29t\content_cache\d49\d115\</t>
  </si>
  <si>
    <t>C:\OneDrive\OneDrive - Grupo Algar\bHVpem1kYUBhbGdhcnRlY2guY29t\content_cache\d61\d127\</t>
  </si>
  <si>
    <t>C:\OneDrive\OneDrive - Grupo Algar\bHVpem1kYUBhbGdhcnRlY2guY29t\content_cache\d0\d133\</t>
  </si>
  <si>
    <t>C:\OneDrive\OneDrive - Grupo Algar\bHVpem1kYUBhbGdhcnRlY2guY29t\content_cache\d4\d137\</t>
  </si>
  <si>
    <t>C:\OneDrive\OneDrive - Grupo Algar\bHVpem1kYUBhbGdhcnRlY2guY29t\content_cache\d5\d138\</t>
  </si>
  <si>
    <t>C:\OneDrive\OneDrive - Grupo Algar\bHVpem1kYUBhbGdhcnRlY2guY29t\content_cache\d6\d139\</t>
  </si>
  <si>
    <t>C:\OneDrive\OneDrive - Grupo Algar\bHVpem1kYUBhbGdhcnRlY2guY29t\content_cache\d7\d140\</t>
  </si>
  <si>
    <t>C:\OneDrive\OneDrive - Grupo Algar\bHVpem1kYUBhbGdhcnRlY2guY29t\content_cache\d17\d150\</t>
  </si>
  <si>
    <t>C:\OneDrive\OneDrive - Grupo Algar\bHVpem1kYUBhbGdhcnRlY2guY29t\content_cache\d18\d0\</t>
  </si>
  <si>
    <t>C:\OneDrive\OneDrive - Grupo Algar\bHVpem1kYUBhbGdhcnRlY2guY29t\content_cache\d23\d5\</t>
  </si>
  <si>
    <t>C:\OneDrive\OneDrive - Grupo Algar\bHVpem1kYUBhbGdhcnRlY2guY29t\content_cache\d26\d8\</t>
  </si>
  <si>
    <t>C:\OneDrive\OneDrive - Grupo Algar\bHVpem1kYUBhbGdhcnRlY2guY29t\content_cache\d29\d11\</t>
  </si>
  <si>
    <t>C:\OneDrive\OneDrive - Grupo Algar\bHVpem1kYUBhbGdhcnRlY2guY29t\content_cache\d36\d18\</t>
  </si>
  <si>
    <t>C:\OneDrive\OneDrive - Grupo Algar\bHVpem1kYUBhbGdhcnRlY2guY29t\content_cache\d37\d19\</t>
  </si>
  <si>
    <t>C:\OneDrive\OneDrive - Grupo Algar\bHVpem1kYUBhbGdhcnRlY2guY29t\content_cache\d40\d22\</t>
  </si>
  <si>
    <t>C:\OneDrive\OneDrive - Grupo Algar\bHVpem1kYUBhbGdhcnRlY2guY29t\content_cache\d46\d28\</t>
  </si>
  <si>
    <t>C:\OneDrive\OneDrive - Grupo Algar\bHVpem1kYUBhbGdhcnRlY2guY29t\content_cache\d53\d35\</t>
  </si>
  <si>
    <t>C:\OneDrive\OneDrive - Grupo Algar\bHVpem1kYUBhbGdhcnRlY2guY29t\content_cache\d54\d36\</t>
  </si>
  <si>
    <t>C:\OneDrive\OneDrive - Grupo Algar\bHVpem1kYUBhbGdhcnRlY2guY29t\content_cache\d58\d40\</t>
  </si>
  <si>
    <t>C:\OneDrive\OneDrive - Grupo Algar\bHVpem1kYUBhbGdhcnRlY2guY29t\content_cache\d0\d49\</t>
  </si>
  <si>
    <t>/o=exchangelabs/ou=exchange administrative group (fydibohf23spdlt)/cn=recipients/cn=2b69c7de1a3641269a7eed0596e1ddc2-wayner oliv;/o=exchangelabs/ou=exchange administrative group (fydibohf23spdlt)/cn=recipients/cn=4097402e2d3e4073b597d33928140586-paulo sergi;/o=exchangelabs/ou=exchange administrative group (fydibohf23spdlt)/cn=recipients/cn=9e20ba3b6afd447db98f75fb7bdc7037-francisco e;</t>
  </si>
  <si>
    <t>RES: ENC: Custo Sem Receita #Urgente#</t>
  </si>
  <si>
    <t>OSs_Serviços Vs Custo com Serv. De Terceiro_Set - DENISE.xlsx</t>
  </si>
  <si>
    <t>/o=exchangelabs/ou=exchange administrative group (fydibohf23spdlt)/cn=recipients/cn=2b69c7de1a3641269a7eed0596e1ddc2-wayner oliv,/o=exchangelabs/ou=exchange administrative group (fydibohf23spdlt)/cn=recipients/cn=4097402e2d3e4073b597d33928140586-paulo sergi,/o=exchangelabs/ou=exchange administrative group (fydibohf23spdlt)/cn=recipients/cn=9e20ba3b6afd447db98f75fb7bdc7037-francisco e</t>
  </si>
  <si>
    <t>10.200.61.32</t>
  </si>
  <si>
    <t>D8-9C-67-6F-2A-EB</t>
  </si>
  <si>
    <t>ENC: Despesas com nomes diferentes em autorizações</t>
  </si>
  <si>
    <t>C:\Users\marianart\Desktop\Mariana\04. agenda\</t>
  </si>
  <si>
    <t>GUIA.xlsx</t>
  </si>
  <si>
    <t>\\acsfs\DEPTOS\Governança da Estratégia\Governança\Interno\</t>
  </si>
  <si>
    <t>Governança Infos.xlsx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editable%2Crecency%2CrecencyReason%2Cversion%2CactionItems%2CteamDriveId%2ChasAugmentedPermissions%2CcreatedDate%2CprimaryDomainName%2CorganizationDisplayName%2CpassivelySubscribed%2CtrashingUser(kin</t>
  </si>
  <si>
    <t>Controle de Frentes de Relatórios_02_10_V2.xlsx</t>
  </si>
  <si>
    <t>C:\OneDrive\OneDrive - Grupo Algar\bHVpem1kYUBhbGdhcnRlY2guY29t\content_cache\d52\d101\21090\</t>
  </si>
  <si>
    <t>C:\OneDrive\OneDrive - Grupo Algar\bHVpem1kYUBhbGdhcnRlY2guY29t\content_cache\d54\d103\</t>
  </si>
  <si>
    <t>C:\OneDrive\OneDrive - Grupo Algar\bHVpem1kYUBhbGdhcnRlY2guY29t\content_cache\d57\d106\</t>
  </si>
  <si>
    <t>C:\OneDrive\OneDrive - Grupo Algar\bHVpem1kYUBhbGdhcnRlY2guY29t\content_cache\d40\d89\</t>
  </si>
  <si>
    <t>C:\OneDrive\OneDrive - Grupo Algar\bHVpem1kYUBhbGdhcnRlY2guY29t\content_cache\d61\d110\</t>
  </si>
  <si>
    <t>C:\OneDrive\OneDrive - Grupo Algar\bHVpem1kYUBhbGdhcnRlY2guY29t\content_cache\d55\d104\</t>
  </si>
  <si>
    <t>C:\OneDrive\OneDrive - Grupo Algar\bHVpem1kYUBhbGdhcnRlY2guY29t\content_cache\d62\d111\</t>
  </si>
  <si>
    <t>C:\OneDrive\OneDrive - Grupo Algar\bHVpem1kYUBhbGdhcnRlY2guY29t\content_cache\d66\d115\21104\</t>
  </si>
  <si>
    <t>CargosFalha_0210.xlsx</t>
  </si>
  <si>
    <t>cristinaandreza419@gmail.com;</t>
  </si>
  <si>
    <t>LISTA DC</t>
  </si>
  <si>
    <t>TERMOS NOVEMBRO A MARÇO.xlsx</t>
  </si>
  <si>
    <t>cristinaandreza419@gmail.com</t>
  </si>
  <si>
    <t>C:\OneDrive\OneDrive - Grupo Algar\bHVpem1kYUBhbGdhcnRlY2guY29t\content_cache\d40\d5\</t>
  </si>
  <si>
    <t>C:\OneDrive\OneDrive - Grupo Algar\bHVpem1kYUBhbGdhcnRlY2guY29t\content_cache\d55\d20\</t>
  </si>
  <si>
    <t>C:\OneDrive\OneDrive - Grupo Algar\bHVpem1kYUBhbGdhcnRlY2guY29t\content_cache\d46\d11\21151\</t>
  </si>
  <si>
    <t>C:\OneDrive\OneDrive - Grupo Algar\bHVpem1kYUBhbGdhcnRlY2guY29t\content_cache\d51\d16\</t>
  </si>
  <si>
    <t>C:\OneDrive\OneDrive - Grupo Algar\bHVpem1kYUBhbGdhcnRlY2guY29t\content_cache\d47\d12\21152\</t>
  </si>
  <si>
    <t>C:\OneDrive\OneDrive - Grupo Algar\bHVpem1kYUBhbGdhcnRlY2guY29t\content_cache\d48\d13\</t>
  </si>
  <si>
    <t>C:\OneDrive\OneDrive - Grupo Algar\bHVpem1kYUBhbGdhcnRlY2guY29t\content_cache\d48\d13\21153\</t>
  </si>
  <si>
    <t>C:\OneDrive\OneDrive - Grupo Algar\bHVpem1kYUBhbGdhcnRlY2guY29t\content_cache\d50\d15\</t>
  </si>
  <si>
    <t>C:\OneDrive\OneDrive - Grupo Algar\bHVpem1kYUBhbGdhcnRlY2guY29t\content_cache\d56\d21\</t>
  </si>
  <si>
    <t>C:\OneDrive\OneDrive - Grupo Algar\bHVpem1kYUBhbGdhcnRlY2guY29t\content_cache\d59\d91\</t>
  </si>
  <si>
    <t>C:\OneDrive\OneDrive - Grupo Algar\bHVpem1kYUBhbGdhcnRlY2guY29t\content_cache\d61\d93\</t>
  </si>
  <si>
    <t>C:\OneDrive\OneDrive - Grupo Algar\bHVpem1kYUBhbGdhcnRlY2guY29t\content_cache\d62\d94\</t>
  </si>
  <si>
    <t>C:\OneDrive\OneDrive - Grupo Algar\bHVpem1kYUBhbGdhcnRlY2guY29t\content_cache\d63\d95\</t>
  </si>
  <si>
    <t>ENC: FLUXO de atendimento</t>
  </si>
  <si>
    <t>(MOBILITY PROJECT) Fluxo de Processo SETEMBRO.xlsx</t>
  </si>
  <si>
    <t>vanusaos@algartech.com.br;</t>
  </si>
  <si>
    <t>RES: Nível de serviço</t>
  </si>
  <si>
    <t>Cópia de NS VALE.xlsx</t>
  </si>
  <si>
    <t>vanusaos@algartech.com.br</t>
  </si>
  <si>
    <t>marcotvo@algartech.com</t>
  </si>
  <si>
    <t>adinepd@algartech.com;adrielefc@algartech.com;anacdae@algartech.com;coordenadorespf@algartech.com;jecienegs@algartech.com;lilianbcr@algartech.com;marcelobsa@algartech.com;marcopaulolr@algartech.com;patriciama@algartech.com;</t>
  </si>
  <si>
    <t>C:\_Marco Tulio\0 - Coach\2 - Qualidade\01 - Estrategico\07 - Plano Tatico\2019\02 - Speech\Reports Alavancas\</t>
  </si>
  <si>
    <t>09-2019 Pessoas.xlsb</t>
  </si>
  <si>
    <t>adinepd@algartech.com,adrielefc@algartech.com,anacdae@algartech.com,coordenadorespf@algartech.com,jecienegs@algartech.com,lilianbcr@algartech.com,marcelobsa@algartech.com,marcopaulolr@algartech.com,patriciama@algartech.com</t>
  </si>
  <si>
    <t>C:\Users\marinasf\OneDrive - Grupo Algar\DOCS\RH\</t>
  </si>
  <si>
    <t>DESLIGAMENTOS.xlsx</t>
  </si>
  <si>
    <t>jrsouza@timbrasil.com.br;julianocp@algartech.com;maiconaar@algartech.com;mariangelapmachado @yahoo.com.br;</t>
  </si>
  <si>
    <t>PLANLHA DE ENDEREÇOS E CHAVES .xls</t>
  </si>
  <si>
    <t>jrsouza@timbrasil.com.br,julianocp@algartech.com,maiconaar@algartech.com,mariangelapmachado @yahoo.com.br</t>
  </si>
  <si>
    <t>/o=exchangelabs/ou=exchange administrative group (fydibohf23spdlt)/cn=recipients/cn=bec14da9ad4d434b8151ce12587e9186-khassio mar;flavia@iclicconsultoria.com.br;suportemigracao@algartech.com.br;</t>
  </si>
  <si>
    <t>ENC: Controle de Pagamento - 01/10</t>
  </si>
  <si>
    <t>Acompanhamento_Pagamento_01102019152530.xlsx</t>
  </si>
  <si>
    <t>/o=exchangelabs/ou=exchange administrative group (fydibohf23spdlt)/cn=recipients/cn=bec14da9ad4d434b8151ce12587e9186-khassio mar,flavia@iclicconsultoria.com.br,suportemigracao@algartech.com.br</t>
  </si>
  <si>
    <t>Cópia de SBA Portfólio - Sites OI.XLSX</t>
  </si>
  <si>
    <t>Unifilar_Consolidado_TRJ-TLE_0906.xlsx</t>
  </si>
  <si>
    <t>Fila do Evento.xlsx</t>
  </si>
  <si>
    <t>Descrição</t>
  </si>
  <si>
    <t>DESCRIÇÃO.xlsx</t>
  </si>
  <si>
    <t>/o=exchangelabs/ou=exchange administrative group (fydibohf23spdlt)/cn=recipients/cn=60faf2b5b04b4809ba6e5fa8b0b884a6-evelise tri;</t>
  </si>
  <si>
    <t>ENC: Continuidade Reunião da URA PCI x WDE. ATA</t>
  </si>
  <si>
    <t>Árvore de Categorizações - Televendas.xlsx</t>
  </si>
  <si>
    <t>/o=exchangelabs/ou=exchange administrative group (fydibohf23spdlt)/cn=recipients/cn=60faf2b5b04b4809ba6e5fa8b0b884a6-evelise tri</t>
  </si>
  <si>
    <t>gustavoplo@algartech.com;</t>
  </si>
  <si>
    <t>ENC: Grelha Atualizada - Staff de Operações</t>
  </si>
  <si>
    <t>Nova Grelha_Staff de Operações.xlsx</t>
  </si>
  <si>
    <t>/o=exchangelabs/ou=exchange administrative group (fydibohf23spdlt)/cn=recipients/cn=089963f5f37f427c8a85f88a8c15a3bf-ricardo def;/o=exchangelabs/ou=exchange administrative group (fydibohf23spdlt)/cn=recipients/cn=67bd65dc87bd4106bc53a3fdb9bdc416-virginia ma;/o=exchangelabs/ou=exchange administrative group (fydibohf23spdlt)/cn=recipients/cn=tatiane de souza lemes panato_aed47a633b;</t>
  </si>
  <si>
    <t>Prestação de conta Murer - abril à julho 2019</t>
  </si>
  <si>
    <t>/o=exchangelabs/ou=exchange administrative group (fydibohf23spdlt)/cn=recipients/cn=089963f5f37f427c8a85f88a8c15a3bf-ricardo def,/o=exchangelabs/ou=exchange administrative group (fydibohf23spdlt)/cn=recipients/cn=67bd65dc87bd4106bc53a3fdb9bdc416-virginia ma,/o=exchangelabs/ou=exchange administrative group (fydibohf23spdlt)/cn=recipients/cn=tatiane de souza lemes panato_aed47a633b</t>
  </si>
  <si>
    <t>Report_Programação de férias 0210 - Ricardo Murer.xlsx</t>
  </si>
  <si>
    <t>ENC: Demonstrativo de Faturamento Whirlpool Cobrança Jan/16</t>
  </si>
  <si>
    <t>RELATORIO TELEFONIA WHIRPOOL COBRANÇA FAT JAN16.xlsx</t>
  </si>
  <si>
    <t>/o=exchangelabs/ou=exchange administrative group (fydibohf23spdlt)/cn=recipients/cn=453b61456320491dad510b65b310018f-kelen crist;</t>
  </si>
  <si>
    <t>/o=exchangelabs/ou=exchange administrative group (fydibohf23spdlt)/cn=recipients/cn=453b61456320491dad510b65b310018f-kelen crist</t>
  </si>
  <si>
    <t>/o=exchangelabs/ou=exchange administrative group (fydibohf23spdlt)/cn=recipients/cn=3604eabf59564dc8baa49b62a099a560-tatielly sa;</t>
  </si>
  <si>
    <t>RES: apuração motivacional</t>
  </si>
  <si>
    <t>Vendas TLV Setembro - 3ª Semana.xlsx</t>
  </si>
  <si>
    <t>/o=exchangelabs/ou=exchange administrative group (fydibohf23spdlt)/cn=recipients/cn=3604eabf59564dc8baa49b62a099a560-tatielly sa</t>
  </si>
  <si>
    <t>ENC: Demonstrativo de Faturamento Whirlpool Cobrança - Jan/16</t>
  </si>
  <si>
    <t>Whirlpool - Faturamento Janeiro 2016 - Cobrança.xlsx</t>
  </si>
  <si>
    <t>/o=exchangelabs/ou=exchange administrative group (fydibohf23spdlt)/cn=recipients/cn=matheus vinicius da silva;</t>
  </si>
  <si>
    <t>ENC: Apresentação indicadores</t>
  </si>
  <si>
    <t>Cópia de dados para apresentação semanal.xlsx</t>
  </si>
  <si>
    <t>/o=exchangelabs/ou=exchange administrative group (fydibohf23spdlt)/cn=recipients/cn=matheus vinicius da silva</t>
  </si>
  <si>
    <t>/o=exchangelabs/ou=exchange administrative group (fydibohf23spdlt)/cn=recipients/cn=204079a0e50e40a6a37bf2241ef87bf2-juliana can;/o=exchangelabs/ou=exchange administrative group (fydibohf23spdlt)/cn=recipients/cn=28be6436fdb04772aac9bcc6459564d3-claudia reg;/o=exchangelabs/ou=exchange administrative group (fydibohf23spdlt)/cn=recipients/cn=4263e9345def4f1696a39df958914981-andre dos s;/o=exchangelabs/ou=exchange administrative group (fydibohf23spdlt)/cn=recipients/cn=4ee575483b844a988f6cff145e9558a8-adriana ass;/o=exchangelabs/ou=exchange administrative group (fydibohf23spdlt)/cn=recipients/cn=5e786ac1f1f9466d8dfa1deb41dbd522-joao freder;/o=exchangelabs/ou=exchange administrative group (fydibohf23spdlt)/cn=recipients/cn=6f96932ae0c248bba3bfeb5cf79290c2-alan albert;/o=exchangelabs/ou=exchange administrative group (fydibohf23spdlt)/cn=recipients/cn=8e4869266a924042a8d9b8e9156c0081-gilson da s;/o=exchangelabs/ou=exchange administrative group (fydibohf23spdlt)/cn=recipients/cn=a3e19a4a5d6645179f0a7dcbb48f8909-pedr</t>
  </si>
  <si>
    <t>RES: NOVO SKILL CONNECTED DRIVE - BMW</t>
  </si>
  <si>
    <t>RES Prezado Bruno Bom Dia!.msg\s1\</t>
  </si>
  <si>
    <t>/o=exchangelabs/ou=exchange administrative group (fydibohf23spdlt)/cn=recipients/cn=204079a0e50e40a6a37bf2241ef87bf2-juliana can,/o=exchangelabs/ou=exchange administrative group (fydibohf23spdlt)/cn=recipients/cn=28be6436fdb04772aac9bcc6459564d3-claudia reg,/o=exchangelabs/ou=exchange administrative group (fydibohf23spdlt)/cn=recipients/cn=4263e9345def4f1696a39df958914981-andre dos s,/o=exchangelabs/ou=exchange administrative group (fydibohf23spdlt)/cn=recipients/cn=4ee575483b844a988f6cff145e9558a8-adriana ass,/o=exchangelabs/ou=exchange administrative group (fydibohf23spdlt)/cn=recipients/cn=5e786ac1f1f9466d8dfa1deb41dbd522-joao freder,/o=exchangelabs/ou=exchange administrative group (fydibohf23spdlt)/cn=recipients/cn=6f96932ae0c248bba3bfeb5cf79290c2-alan albert,/o=exchangelabs/ou=exchange administrative group (fydibohf23spdlt)/cn=recipients/cn=8e4869266a924042a8d9b8e9156c0081-gilson da s,/o=exchangelabs/ou=exchange administrative group (fydibohf23spdlt)/cn=recipients/cn=a3e19a4a5d6645179f0a7dcbb48f8909-pedr</t>
  </si>
  <si>
    <t>/o=exchangelabs/ou=exchange administrative group (fydibohf23spdlt)/cn=recipients/cn=52684aee05874b27a5c249763c2fe008-andre mota;/o=exchangelabs/ou=exchange administrative group (fydibohf23spdlt)/cn=recipients/cn=830ba83a6b9b441ab3f8d8b3a47d0ffe-angelica ma;</t>
  </si>
  <si>
    <t>recuperações de custos Setembro caixa seguradora</t>
  </si>
  <si>
    <t>QvsViewClient recuperação de custos setembro validar V1.xls</t>
  </si>
  <si>
    <t>/o=exchangelabs/ou=exchange administrative group (fydibohf23spdlt)/cn=recipients/cn=52684aee05874b27a5c249763c2fe008-andre mota,/o=exchangelabs/ou=exchange administrative group (fydibohf23spdlt)/cn=recipients/cn=830ba83a6b9b441ab3f8d8b3a47d0ffe-angelica ma</t>
  </si>
  <si>
    <t>Microanálise - 02 - 10.xlsm</t>
  </si>
  <si>
    <t>/o=exchangelabs/ou=exchange administrative group (fydibohf23spdlt)/cn=recipients/cn=group418fdb81;</t>
  </si>
  <si>
    <t>ENC: Saldo a vencer banco de horas - Outubro - Campinas</t>
  </si>
  <si>
    <t>saldo a vencer banco horas campinas outubro.xls</t>
  </si>
  <si>
    <t>/o=exchangelabs/ou=exchange administrative group (fydibohf23spdlt)/cn=recipients/cn=group418fdb81</t>
  </si>
  <si>
    <t>10.200.60.87</t>
  </si>
  <si>
    <t>5C-EA-1D-CF-BE-F3</t>
  </si>
  <si>
    <t>C:\_Marco Tulio\0 - Coach\2 - Qualidade\01 - Estrategico\07 - Plano Tatico\2019\02 - Speech\Reports Financeiros\</t>
  </si>
  <si>
    <t>Qualidade - Ago 2019.xlsx</t>
  </si>
  <si>
    <t>10.200.32.94</t>
  </si>
  <si>
    <t>54-BF-64-F5-7F-28</t>
  </si>
  <si>
    <t>mail.google.com/_/upload?authuser=0&amp;dcp=asu-n&amp;upload_id=AEnB2UqRBZ9u44FRc3e-MRSYhDV46JEJLx8xZu3Sr2mK7hkG0JlVx28PFuvA2g_JTVCtqtEOwpT4psTraYGdDTR5pwXTO-iTnQ&amp;upload_protocol=resumable</t>
  </si>
  <si>
    <t>C:\Users\leandrom\Desktop\BKP\</t>
  </si>
  <si>
    <t>LISTAFINALMAQUINAS-10-2019.csv</t>
  </si>
  <si>
    <t>10.200.57.33</t>
  </si>
  <si>
    <t>D8-9C-67-6F-2A-11</t>
  </si>
  <si>
    <t>/o=exchangelabs/ou=exchange administrative group (fydibohf23spdlt)/cn=recipients/cn=d1d015f213f648abbf348b5ccdf8e9d9-senilda per;adriana.oliveira@avon.com;juan.lopes@avon.com;</t>
  </si>
  <si>
    <t>/o=exchangelabs/ou=exchange administrative group (fydibohf23spdlt)/cn=recipients/cn=d1d015f213f648abbf348b5ccdf8e9d9-senilda per,adriana.oliveira@avon.com,juan.lopes@avon.com</t>
  </si>
  <si>
    <t>/o=exchangelabs/ou=exchange administrative group (fydibohf23spdlt)/cn=recipients/cn=a4725b7c782941fda1d1c00ae0ff9e26-camiller mo;/o=exchangelabs/ou=exchange administrative group (fydibohf23spdlt)/cn=recipients/cn=group418fdb81;</t>
  </si>
  <si>
    <t>/o=exchangelabs/ou=exchange administrative group (fydibohf23spdlt)/cn=recipients/cn=a4725b7c782941fda1d1c00ae0ff9e26-camiller mo,/o=exchangelabs/ou=exchange administrative group (fydibohf23spdlt)/cn=recipients/cn=group418fdb81</t>
  </si>
  <si>
    <t>lauravx@algartech.com</t>
  </si>
  <si>
    <t>mail.google.com/_/upload?authuser=0&amp;dcp=asu-n&amp;upload_id=AEnB2UpDD4z4WXB4FqHKkLBqnKCyOMhBtoyWh4PaxT7KQvphAv83zitstaT4m1w8g8rYsFrKYJHHBGTrZ6_pNYaD6ubZBrkbOUJKgJr6ULbqzUu9P5UVwB4&amp;upload_protocol=resumable</t>
  </si>
  <si>
    <t>caique.silva@cscalgar.com.br;edvaljdcn@algartech.com;renato.mariano@cscalgar.com.br;rosana.belo@cscalgar.com.br;sueleide.silva@cscalgar.com.br;</t>
  </si>
  <si>
    <t>Cancelamentos a Executar - TECH.xlsx</t>
  </si>
  <si>
    <t>caique.silva@cscalgar.com.br,edvaljdcn@algartech.com,renato.mariano@cscalgar.com.br,rosana.belo@cscalgar.com.br,sueleide.silva@cscalgar.com.br</t>
  </si>
  <si>
    <t>Base dia 30/08</t>
  </si>
  <si>
    <t>BASE_EMPILHADA_GERAL.xlsx</t>
  </si>
  <si>
    <t>20-04-0F-FD-A4-1C</t>
  </si>
  <si>
    <t>adrianoms@algartech.com;akassiablc@algartech.com;angelinegn@algartech.com;antoniojr@algartech.com;danielhfe@algartech.com;gustavorn@algartech.com;henriqueac@algartech.com;jullian.faria@algartech.com;leandrolds@algartech.com;leonardofb@algartech.com;lidiannesr@algartech.com;lucianabo@algartech.com;lucianagd@algartech.com;lucianomf@algartech.com;marcopaulolr@algartech.com;milenepf@algartech.com;ricardodfm@algartech.com;rosangelatf@algartech.com;sabrinavds@algartech.com;saramfg@algartech.com;victorhsr@algartech.com;vivianercu@algartech.com;waleskamms@algartech.com;wayneroa@algartech.com;</t>
  </si>
  <si>
    <t>Consolidado (3).xlsx</t>
  </si>
  <si>
    <t>adrianoms@algartech.com,akassiablc@algartech.com,angelinegn@algartech.com,antoniojr@algartech.com,danielhfe@algartech.com,gustavorn@algartech.com,henriqueac@algartech.com,jullian.faria@algartech.com,leandrolds@algartech.com,leonardofb@algartech.com,lidiannesr@algartech.com,lucianabo@algartech.com,lucianagd@algartech.com,lucianomf@algartech.com,marcopaulolr@algartech.com,milenepf@algartech.com,ricardodfm@algartech.com,rosangelatf@algartech.com,sabrinavds@algartech.com,saramfg@algartech.com,victorhsr@algartech.com,vivianercu@algartech.com,waleskamms@algartech.com,wayneroa@algartech.com</t>
  </si>
  <si>
    <t>mail.google.com/_/upload?authuser=0&amp;dcp=asu-n&amp;upload_id=AEnB2UovqPePgaknx8mYoU5oBeb0it6wQQ2zqLjjJ4KXslN7bPImHM3UkJ2_Ohg8vEqvzCVMZilTucJ6Ax2bHFuClIHzI-NgVQ&amp;upload_protocol=resumable</t>
  </si>
  <si>
    <t>ricardos@algartech.com;</t>
  </si>
  <si>
    <t>PMO Algar Tech - DETALHAMENTO DE ITENS DE AQUISIÇÕES PARA PROJETOS.xlsx</t>
  </si>
  <si>
    <t>ricardos@algartech.com</t>
  </si>
  <si>
    <t>angelicatm@algartech.com;leticiabp@algartech.com;rodrigo.falcetti@cscalgar.com.br;rosanapccb@algartech.com;sueleide.silva@cscalgar.com.br;vanusapr@algartech.com;</t>
  </si>
  <si>
    <t>angelicatm@algartech.com,leticiabp@algartech.com,rodrigo.falcetti@cscalgar.com.br,rosanapccb@algartech.com,sueleide.silva@cscalgar.com.br,vanusapr@algartech.com</t>
  </si>
  <si>
    <t>marcopaulolr@algartech.com;</t>
  </si>
  <si>
    <t>marcopaulolr@algartech.com</t>
  </si>
  <si>
    <t>/o=exchangelabs/ou=exchange administrative group (fydibohf23spdlt)/cn=recipients/cn=43a054bacf514a8a9cdcb240b072cd47-cecilia mul;/o=exchangelabs/ou=exchange administrative group (fydibohf23spdlt)/cn=recipients/cn=c29ec9dae022497281c840087cccddec-patricia ar;/o=exchangelabs/ou=exchange administrative group (fydibohf23spdlt)/cn=recipients/cn=d3298e3badc3458c8f9d3468c29c2ad5-rodrigo mar;/o=exchangelabs/ou=exchange administrative group (fydibohf23spdlt)/cn=recipients/cn=f00c439d0d474c0586a503a0209ed1f2-bruno wande;</t>
  </si>
  <si>
    <t>RES: * Estudo T2 Honda</t>
  </si>
  <si>
    <t>Estudo Honda T2_v sinergia T1.xlsx</t>
  </si>
  <si>
    <t>/o=exchangelabs/ou=exchange administrative group (fydibohf23spdlt)/cn=recipients/cn=43a054bacf514a8a9cdcb240b072cd47-cecilia mul,/o=exchangelabs/ou=exchange administrative group (fydibohf23spdlt)/cn=recipients/cn=c29ec9dae022497281c840087cccddec-patricia ar,/o=exchangelabs/ou=exchange administrative group (fydibohf23spdlt)/cn=recipients/cn=d3298e3badc3458c8f9d3468c29c2ad5-rodrigo mar,/o=exchangelabs/ou=exchange administrative group (fydibohf23spdlt)/cn=recipients/cn=f00c439d0d474c0586a503a0209ed1f2-bruno wande</t>
  </si>
  <si>
    <t>D:\OneDrive\AlgarTech\Pré-Vendas\Cliente\2019\A100\181328 - GRU2 - DC CFD Study\</t>
  </si>
  <si>
    <t>Preco_181328 - GRU2 - DC CFD Study_V1.xlsb</t>
  </si>
  <si>
    <t>/o=exchangelabs/ou=exchange administrative group (fydibohf23spdlt)/cn=recipients/cn=142c8fe1b4224ee196db8bf4b9345086-silvana da;/o=exchangelabs/ou=exchange administrative group (fydibohf23spdlt)/cn=recipients/cn=46bb6f400c5e4f7390fda2aaa6159f8a-geisow henr;/o=exchangelabs/ou=exchange administrative group (fydibohf23spdlt)/cn=recipients/cn=f1fa7b5f2dce43bd8b02a02ac96cdb40-grace susan;</t>
  </si>
  <si>
    <t>RES: Lista de material e Plano aula - treinamento Disney Bradesco</t>
  </si>
  <si>
    <t>CRONOGRAMA DE NOVATOS REVITALIZADO- 2016.xlsx</t>
  </si>
  <si>
    <t>/o=exchangelabs/ou=exchange administrative group (fydibohf23spdlt)/cn=recipients/cn=142c8fe1b4224ee196db8bf4b9345086-silvana da,/o=exchangelabs/ou=exchange administrative group (fydibohf23spdlt)/cn=recipients/cn=46bb6f400c5e4f7390fda2aaa6159f8a-geisow henr,/o=exchangelabs/ou=exchange administrative group (fydibohf23spdlt)/cn=recipients/cn=f1fa7b5f2dce43bd8b02a02ac96cdb40-grace susan</t>
  </si>
  <si>
    <t>bruno.mendes@zup.com.br;</t>
  </si>
  <si>
    <t>Arquivo</t>
  </si>
  <si>
    <t>Base Financeira_v2.xlsx</t>
  </si>
  <si>
    <t>bruno.mendes@zup.com.br</t>
  </si>
  <si>
    <t>D:\OneDrive\AlgarTech\Pré-Vendas\Cliente\2019\A100\178268 - QDCEs - D Curve CB Replacement\</t>
  </si>
  <si>
    <t>Dimensionamento_GP.xlsx</t>
  </si>
  <si>
    <t>dayaneal@algartech.com.br;</t>
  </si>
  <si>
    <t>Dados</t>
  </si>
  <si>
    <t>Dados equipe .xlsx</t>
  </si>
  <si>
    <t>dayaneal@algartech.com.br</t>
  </si>
  <si>
    <t>Equipe.xlsx</t>
  </si>
  <si>
    <t>C:\Users\fernandaap\Desktop\</t>
  </si>
  <si>
    <t>Nota Supers.xlsx</t>
  </si>
  <si>
    <t>C:\Users\rodrigombu\OneDrive - Grupo Algar\Whirlpool\2019\09 - Setembro\Arquivo\BO\</t>
  </si>
  <si>
    <t>Acompanhamento Produtividade BKO - Fechamento - Set-2019.xlsx</t>
  </si>
  <si>
    <t>/o=exchangelabs/ou=exchange administrative group (fydibohf23spdlt)/cn=recipients/cn=0ca6cc8d100949a7866a928f62ef5778-rosilene de;/o=exchangelabs/ou=exchange administrative group (fydibohf23spdlt)/cn=recipients/cn=6189712535ea4b50a3625910837af2c9-larissa bra;/o=exchangelabs/ou=exchange administrative group (fydibohf23spdlt)/cn=recipients/cn=be8766b4a96d48b483378f7babe180b8-thais coimb;</t>
  </si>
  <si>
    <t>Acompanhamento BO Set/2019 - Fechamento</t>
  </si>
  <si>
    <t>/o=exchangelabs/ou=exchange administrative group (fydibohf23spdlt)/cn=recipients/cn=0ca6cc8d100949a7866a928f62ef5778-rosilene de,/o=exchangelabs/ou=exchange administrative group (fydibohf23spdlt)/cn=recipients/cn=6189712535ea4b50a3625910837af2c9-larissa bra,/o=exchangelabs/ou=exchange administrative group (fydibohf23spdlt)/cn=recipients/cn=be8766b4a96d48b483378f7babe180b8-thais coimb</t>
  </si>
  <si>
    <t>/o=exchangelabs/ou=exchange administrative group (fydibohf23spdlt)/cn=recipients/cn=6c861aa06809426789ff50cfcf8afea3-rosemary az;/o=exchangelabs/ou=exchange administrative group (fydibohf23spdlt)/cn=recipients/cn=ca1f2dadbd0542a8ad075275acf52ff3-rondinele s;/o=exchangelabs/ou=exchange administrative group (fydibohf23spdlt)/cn=recipients/cn=feeccbeb32424ad09b049c1a1ba68bda-patricia ma;</t>
  </si>
  <si>
    <t>RES: Áudios URA Embratel</t>
  </si>
  <si>
    <t>Projeto Toyota URA.msg\s1\</t>
  </si>
  <si>
    <t>Fluxo URA Lexus v3.xlsx</t>
  </si>
  <si>
    <t>/o=exchangelabs/ou=exchange administrative group (fydibohf23spdlt)/cn=recipients/cn=6c861aa06809426789ff50cfcf8afea3-rosemary az,/o=exchangelabs/ou=exchange administrative group (fydibohf23spdlt)/cn=recipients/cn=ca1f2dadbd0542a8ad075275acf52ff3-rondinele s,/o=exchangelabs/ou=exchange administrative group (fydibohf23spdlt)/cn=recipients/cn=feeccbeb32424ad09b049c1a1ba68bda-patricia ma</t>
  </si>
  <si>
    <t>10.203.31.108</t>
  </si>
  <si>
    <t>ERRATA: 1ª Semana de Monitorias Outubro</t>
  </si>
  <si>
    <t>\\acsfs\deptos\controladoria\2 - business performance\atividades\</t>
  </si>
  <si>
    <t>cronograma das atividades business performance.xlsx</t>
  </si>
  <si>
    <t>miguel.conejo@assai.com.br;</t>
  </si>
  <si>
    <t>FÉRIAS</t>
  </si>
  <si>
    <t>EQUIPE RICARDO.xlsx</t>
  </si>
  <si>
    <t>miguel.conejo@assai.com.br</t>
  </si>
  <si>
    <t>10.200.58.22</t>
  </si>
  <si>
    <t>D8-9C-67-86-3C-EF</t>
  </si>
  <si>
    <t>mail.google.com/_/upload?authuser=2&amp;dcp=asu-n&amp;upload_id=AEnB2Uoz6ar1tH6ujhrYWmo7wLIdr5Ah0HryIwkXnBZHKZtcybJwOwXr4CHQsZQnveRbhyUjn6vcgcyCZBqotuB4bCNRT0OcPA&amp;upload_protocol=resumable</t>
  </si>
  <si>
    <t>C:\Users\fabiorb\Desktop\Dados Tribanco\</t>
  </si>
  <si>
    <t>Backlog.xls</t>
  </si>
  <si>
    <t>ENC: 214383 - BackOffice Banco Carrefour</t>
  </si>
  <si>
    <t>Números Consultoria.xlsx</t>
  </si>
  <si>
    <t>RES: Base de Tabulações E-Center - BBlend</t>
  </si>
  <si>
    <t>Preco_BP-GIAT_V1.xlsb</t>
  </si>
  <si>
    <t>D:\OneDrive\AlgarTech\Pré-Vendas\Cliente\2019\CSC Algar\214376 - Administração Firewalls CSC\Preco_BP-GIAT_V1.xlsb\</t>
  </si>
  <si>
    <t>ENC: Agenda Comportamental (Fechamento Março 2017) - Operações Algar Telecom</t>
  </si>
  <si>
    <t>Agenda Comportamental_Algar Telecom.xls</t>
  </si>
  <si>
    <t>mail.google.com/_/upload?authuser=2&amp;dcp=asu-n&amp;upload_id=AEnB2Up-WZCVbrO_UsudhLbRCPPPlK_Glk9jS-F3rvQZqarQM_-SVTMPoD40cA5pUWnvc1ElvZ93s69noZyTPvVbRLoFqda0k_r0IS1UAE9hV10FzrPsJA0&amp;upload_protocol=resumable</t>
  </si>
  <si>
    <t>mail.google.com/_/upload?authuser=0&amp;dcp=asu-n&amp;upload_id=AEnB2UoHJ4LWyGQXnZODLbqjDz-rB-fmKgsF3aNiZhkZ4oSgQbygJPQ5L4ytMUORLoQQoUXw_ip1Zcyzj5XckCfnjDii_GWrHw&amp;upload_protocol=resumable</t>
  </si>
  <si>
    <t>Vendas MPE.xls</t>
  </si>
  <si>
    <t>BP - TVL Digital</t>
  </si>
  <si>
    <t>149591 Xperience TVL DIGITAL - Precificacao C017 B017 GRC.xlsb</t>
  </si>
  <si>
    <t>sabrinadtdmc@algartech.com;</t>
  </si>
  <si>
    <t>Comissão de Resultados/Dados Digitais</t>
  </si>
  <si>
    <t>Gerencial _Novo Modelito (003).xlsx</t>
  </si>
  <si>
    <t>sabrinadtdmc@algartech.com</t>
  </si>
  <si>
    <t>Comprovação Objetivos</t>
  </si>
  <si>
    <t>Cópia de Resultados Financeiros_Transformação.xlsx</t>
  </si>
  <si>
    <t>mail.google.com/_/upload?authuser=2&amp;dcp=asu-n&amp;upload_id=AEnB2Up4Pve4IpzqcboHwD_EglpqgEG2VQAxH4pkCTSOeAhZsXioFueNfIvuesAiGiKv5Bn3gIN5qH-TD8QnwWL_qqzyNZ24Ig&amp;upload_protocol=resumable</t>
  </si>
  <si>
    <t>C:\Users\fabiorb\Desktop\CSC\</t>
  </si>
  <si>
    <t>Fechados Qualitor mais 200 chamados inventario.xlsx</t>
  </si>
  <si>
    <t>CH545_20191002_161730.xls</t>
  </si>
  <si>
    <t>https://caey.fa.us2.oraclecloud.com/crmui/faces/fuseoverview?_adf.ctrl-state=10hnjwxw9t_5&amp;fnd=;;;;false;256;;;&amp;fndglobalitemnodeid=moo_opptymgmtopportunities_crm_card</t>
  </si>
  <si>
    <t>\\acsfs\Deptos\CAS - Coordenação de Arquitetura de Soluções\Projetos\2019\SAGE\213407 - Criptografia\1. Precificação\</t>
  </si>
  <si>
    <t>213407 - BP Criptografia .xlsb</t>
  </si>
  <si>
    <t>\\acsfs\Deptos\CAS - Coordenação de Arquitetura de Soluções\Projetos\2019\SAGE\213407 - Criptografia\1. Precificação\213407 - BP Criptografia .xlsb\</t>
  </si>
  <si>
    <t>mail.google.com/_/upload?authuser=0&amp;dcp=asu-n&amp;upload_id=AEnB2UoeU23Z7LfjezOnuO7wDBUyIA6z2exL-5AtiZlF36MU_ZKeAS9aATxXvmNkB0mUcboJ_P-_A-L4CIPLBW2WKoZznqe69zEAROBrCFdFGVwZqJ2zTcw&amp;upload_protocol=resumable</t>
  </si>
  <si>
    <t>C:\Users\anaedsp\Documents\Produtividade\</t>
  </si>
  <si>
    <t>Produtividade Projeto B2B Ativação.xlsx</t>
  </si>
  <si>
    <t>172213 - Operação Marista - v5 60meses.xlsb</t>
  </si>
  <si>
    <t>mail.google.com/_/upload?authuser=0&amp;dcp=asu-n&amp;upload_id=AEnB2UrmaGxqojS7aAjir1fxtoGwKWbysW7AIMCcrdV7FevZHEgfnYGSkephx2p_YJu6am5OK_kaa40RYnaTWMyv53eJCitVyTgBaHn5ynbUMGapLwee5VM&amp;upload_protocol=resumable</t>
  </si>
  <si>
    <t>C:\Users\vilarinho\OneDrive - Grupo Algar\Algar Tech\Orçamento\Orçamento2020\</t>
  </si>
  <si>
    <t>PropostaDEPCSC2020.xlsb</t>
  </si>
  <si>
    <t>recuperacoes pendentes de aprovacao.xls</t>
  </si>
  <si>
    <t>C:\Users\raphaelapm\Desktop\MATERIAL DYNAMICS\DESORGANIZADOS\OPERACOES\PJ\TO273799 - Dynamics - IMPLANTACAO CORPORATE AEB\CARGAS.rar\CARGAS\</t>
  </si>
  <si>
    <t>AEB 3.1 - ClassificaÃ§Ã£o EVENTO.xml</t>
  </si>
  <si>
    <t>AEB 5.1 - Sub-Motivo de FUP.xml</t>
  </si>
  <si>
    <t>C:\Users\raphaelapm\Desktop\MATERIAL DYNAMICS\DESORGANIZADOS\OPERACOES\PJ\TO273799 - Dynamics - IMPLANTACAO CORPORATE AEB\CARGAS.rar\CARGAS\ImportaÃ§Ãµes\</t>
  </si>
  <si>
    <t>tetse_IMPORT BO AEB SERVICE VIEW_24-12-18.csv</t>
  </si>
  <si>
    <t>_IMPORT BO AEB SERVICE VIEW_21-12-18.csv</t>
  </si>
  <si>
    <t>_IMPORT BO AEB SERVICE VIEW_24-12-18.csv</t>
  </si>
  <si>
    <t>AEB 1 - CÃ©lula.xlsx</t>
  </si>
  <si>
    <t>AEB 2 - Fila - SEGUNDA CARGA_Enviado pela GovernanÃ§a.xlsx</t>
  </si>
  <si>
    <t>AEB 2 - Fila.xlsx</t>
  </si>
  <si>
    <t>AEB 3 - ClassificaÃ§Ã£o ASSUNTO.xlsx</t>
  </si>
  <si>
    <t>AEB 3.1 - ClassificaÃ§Ã£o EVENTO.xlsx</t>
  </si>
  <si>
    <t>AEB 4 - Fila do Evento.xlsx</t>
  </si>
  <si>
    <t>AEB 4 - Fila do Evento_SEGUNDA CARGA.xlsx</t>
  </si>
  <si>
    <t>AEB 5 - Motivo de FUP.xlsx</t>
  </si>
  <si>
    <t>AEB 5.1 - Sub-Motivo de FUP.xlsx</t>
  </si>
  <si>
    <t>Atualiza nome original da fila AEB.xlsx</t>
  </si>
  <si>
    <t>C:\Users\raphaelapm\Desktop\MATERIAL DYNAMICS\DESORGANIZADOS\OPERACOES\PJ\TO273799 - Dynamics - IMPLANTACAO CORPORATE AEB\CARGAS.rar\CARGAS\Modelo Cargas\</t>
  </si>
  <si>
    <t>1 - CÃ©lula.xlsx</t>
  </si>
  <si>
    <t>12 - UsuÃ¡rio.xlsx</t>
  </si>
  <si>
    <t>14 - Canal de Entrada.xlsx</t>
  </si>
  <si>
    <t>16 - Via de Entrada.xlsx</t>
  </si>
  <si>
    <t>17 - ManifestaÃ§Ã£o.xlsx</t>
  </si>
  <si>
    <t>18 - Tipo de Produto.xlsx</t>
  </si>
  <si>
    <t>2 - Fila.xlsx</t>
  </si>
  <si>
    <t>4 - Motivo de FUP.xlsx</t>
  </si>
  <si>
    <t>4.1 - Sub Motivo de FUP.xlsx</t>
  </si>
  <si>
    <t>5 - QuestionÃ¡rio.xlsx</t>
  </si>
  <si>
    <t>6 - Pergunta.xlsx</t>
  </si>
  <si>
    <t>7 - OpÃ§Ã£o de Resposta.xlsx</t>
  </si>
  <si>
    <t>8 - ClassificaÃ§Ã£o ASSUNTO.xlsx</t>
  </si>
  <si>
    <t>8.1 - ClassificaÃ§Ã£o EVENTO.xlsx</t>
  </si>
  <si>
    <t>9 - Fila do Evento.xlsx</t>
  </si>
  <si>
    <t>Attribute Import Custom.xlsx</t>
  </si>
  <si>
    <t>Bandeira.xlsx</t>
  </si>
  <si>
    <t>Causa de Erro.xlsx</t>
  </si>
  <si>
    <t>Entity Import Custom.xlsx</t>
  </si>
  <si>
    <t>Model Import Custom.xlsx</t>
  </si>
  <si>
    <t>Skill por operador.xlsx</t>
  </si>
  <si>
    <t>MODELO ImportaÃ§Ã£o BO AEB V1.xlsx</t>
  </si>
  <si>
    <t>_01 - Model Import Custom.xlsx</t>
  </si>
  <si>
    <t>_02 - Entity Import Custom.xlsx</t>
  </si>
  <si>
    <t>_03 - Attribute Import Custom.xlsx</t>
  </si>
  <si>
    <t>_Atualiza SLA.xlsx</t>
  </si>
  <si>
    <t>_Atualiza XML filas em produÃ§Ã£o.xlsx</t>
  </si>
  <si>
    <t>_Atualiza XML filas em produÃ§Ã£o__V2.xlsx</t>
  </si>
  <si>
    <t>C:\Users\polati\OneDrive - Grupo Algar\algar\projeto fidelidade\INTER\fase 4 the finals\09_09\</t>
  </si>
  <si>
    <t>Resumo Executivo_Fase 4_Escopo B_08SET.xlsx</t>
  </si>
  <si>
    <t>C:\Users\polati\OneDrive - Grupo Algar\algar\bradesco 2019\orcamentos 2019\</t>
  </si>
  <si>
    <t>base jairo.xlsx</t>
  </si>
  <si>
    <t>/o=exchangelabs/ou=exchange administrative group (fydibohf23spdlt)/cn=recipients/cn=5f7164c2a89543b4964bf0b338d00f87-samara moha;</t>
  </si>
  <si>
    <t>Férias equipe Samara</t>
  </si>
  <si>
    <t>/o=exchangelabs/ou=exchange administrative group (fydibohf23spdlt)/cn=recipients/cn=5f7164c2a89543b4964bf0b338d00f87-samara moha</t>
  </si>
  <si>
    <t>\\acsfs\ACS\Suporte à Operações\02 - Faturamento\2019\09 - Setembro\NEXT\</t>
  </si>
  <si>
    <t>Memória de Cálculo - faturamento Call Center Agosto.xlsx</t>
  </si>
  <si>
    <t>adrianofo@algartech.com.br;jhonatan.ventino@bradesco.com.br;marciohpr@algartech.com.br;ueniargl@algartech.com.br;</t>
  </si>
  <si>
    <t>RES: Company - 078682 - Carvalho Hosken - Hilton Barra</t>
  </si>
  <si>
    <t>Setembro NOVO PESQUISA EMPRESA - BASE SEM BILLING.msg\s1\</t>
  </si>
  <si>
    <t>adrianofo@algartech.com.br,jhonatan.ventino@bradesco.com.br,marciohpr@algartech.com.br,ueniargl@algartech.com.br</t>
  </si>
  <si>
    <t>/o=exchangelabs/ou=exchange administrative group (fydibohf23spdlt)/cn=recipients/cn=e894bfa401c848dc9e25ced4ad1f3dd7-luciana fer;andreldc@algartech.com;elisangelafg@algartech.com;inacioaf@algartech.com;lucieneili@algartech.com;wesleymb@algartech.com.br;</t>
  </si>
  <si>
    <t>RES: Validação Gestão Algar - Relatórios URR</t>
  </si>
  <si>
    <t>Evidencia ocorrencia duplicada.xlsx</t>
  </si>
  <si>
    <t>/o=exchangelabs/ou=exchange administrative group (fydibohf23spdlt)/cn=recipients/cn=e894bfa401c848dc9e25ced4ad1f3dd7-luciana fer,andreldc@algartech.com,elisangelafg@algartech.com,inacioaf@algartech.com,lucieneili@algartech.com,wesleymb@algartech.com.br</t>
  </si>
  <si>
    <t>/o=exchangelabs/ou=exchange administrative group (fydibohf23spdlt)/cn=recipients/cn=05727f9c1c2340389e0d1a6f512fd23a-miguel jaso;miguel.conejo@assai.com.br;</t>
  </si>
  <si>
    <t>Férias - EQUIPE Ricardo</t>
  </si>
  <si>
    <t>/o=exchangelabs/ou=exchange administrative group (fydibohf23spdlt)/cn=recipients/cn=05727f9c1c2340389e0d1a6f512fd23a-miguel jaso,miguel.conejo@assai.com.br</t>
  </si>
  <si>
    <t>/o=exchangelabs/ou=exchange administrative group (fydibohf23spdlt)/cn=recipients/cn=15c80c9b083f4281ab32995a83d93290-renato juni;/o=exchangelabs/ou=exchange administrative group (fydibohf23spdlt)/cn=recipients/cn=2d3379e2d04c40db810b4b1f41dd2aea-erica carol;/o=exchangelabs/ou=exchange administrative group (fydibohf23spdlt)/cn=recipients/cn=3d25b4eef89c4e33881f90388be85233-lucia leper;/o=exchangelabs/ou=exchange administrative group (fydibohf23spdlt)/cn=recipients/cn=98da03ff00ea4ba4b4e9b16b4cde027a-fanny marin;/o=exchangelabs/ou=exchange administrative group (fydibohf23spdlt)/cn=recipients/cn=a4d4dbc88c434f8ba2bceed730d83878-marcellus r;/o=exchangelabs/ou=exchange administrative group (fydibohf23spdlt)/cn=recipients/cn=e8f3542bfc144556bfda069280b71588-angela robe;/o=exchangelabs/ou=exchange administrative group (fydibohf23spdlt)/cn=recipients/cn=gabriela dias felipe;acorreia@numeris.cc;agarcia@numeris.cc;</t>
  </si>
  <si>
    <t>RES: Fluxo de Caixa Asyst</t>
  </si>
  <si>
    <t>Fluxo de Caixa Migração Arg sep19.xlsx</t>
  </si>
  <si>
    <t>/o=exchangelabs/ou=exchange administrative group (fydibohf23spdlt)/cn=recipients/cn=15c80c9b083f4281ab32995a83d93290-renato juni,/o=exchangelabs/ou=exchange administrative group (fydibohf23spdlt)/cn=recipients/cn=2d3379e2d04c40db810b4b1f41dd2aea-erica carol,/o=exchangelabs/ou=exchange administrative group (fydibohf23spdlt)/cn=recipients/cn=3d25b4eef89c4e33881f90388be85233-lucia leper,/o=exchangelabs/ou=exchange administrative group (fydibohf23spdlt)/cn=recipients/cn=98da03ff00ea4ba4b4e9b16b4cde027a-fanny marin,/o=exchangelabs/ou=exchange administrative group (fydibohf23spdlt)/cn=recipients/cn=a4d4dbc88c434f8ba2bceed730d83878-marcellus r,/o=exchangelabs/ou=exchange administrative group (fydibohf23spdlt)/cn=recipients/cn=e8f3542bfc144556bfda069280b71588-angela robe,/o=exchangelabs/ou=exchange administrative group (fydibohf23spdlt)/cn=recipients/cn=gabriela dias felipe,acorreia@numeris.cc,agarcia@numeris.cc</t>
  </si>
  <si>
    <t>/o=exchangelabs/ou=exchange administrative group (fydibohf23spdlt)/cn=recipients/cn=aef94c0f98b44279a41d719230c27333-sabrina dan;milena.brambila@bradesco.com.br;tatiane.castro@bradesco.com.br;</t>
  </si>
  <si>
    <t>RES: Justificativas Controle de Operações Algar</t>
  </si>
  <si>
    <t>Controle Operações_P2 Algar Fechamento.xlsx</t>
  </si>
  <si>
    <t>/o=exchangelabs/ou=exchange administrative group (fydibohf23spdlt)/cn=recipients/cn=aef94c0f98b44279a41d719230c27333-sabrina dan,milena.brambila@bradesco.com.br,tatiane.castro@bradesco.com.br</t>
  </si>
  <si>
    <t>ccm_gestao_pospo@timbrasil.com.br;fdsalves@timbrasil.com.br;</t>
  </si>
  <si>
    <t>Atualização Endereço.v2.csv</t>
  </si>
  <si>
    <t>ccm_gestao_pospo@timbrasil.com.br,fdsalves@timbrasil.com.br</t>
  </si>
  <si>
    <t>C:\Users\rodrigombu\OneDrive - Grupo Algar\Whirlpool\2019\09 - Setembro\Arquivo\NPS\</t>
  </si>
  <si>
    <t>Acompanhamento NPS - Set-2019 - Fechamento - 09-2019.xlsm</t>
  </si>
  <si>
    <t>mail.google.com/_/upload?authuser=0&amp;dcp=asu-n&amp;upload_id=AEnB2Uqqip4m-GWY7qu6X0E559BuNTu4Yb0kZ4OcB0qtswqdW8UWwjlzM7nkE7251FlMR7gPeWf12R_GtTqiZddSvespzgg3fA&amp;upload_protocol=resumable</t>
  </si>
  <si>
    <t>andersonrf@algartech.com;csavino@algartech.com;edsonnsj@algartech.com;elisangelads@algartech.com;fabriciovs@algartech.com;hugobsa@algartech.com;jaquelinedlfds@algartech.com;leonardoafa@algartech.com;marceloat@algartech.com;marcotal@algartech.com;rafaelbdt@algartech.com;rafaelg@algartech.com;renata.silva@algartech.com;tatianajl@algartech.com;thiagog@algartech.com;</t>
  </si>
  <si>
    <t>\\acsfs\dsti\CITIM - Coordenação de Infra TI Implantação\Projetos\EM IMPLANTAÇÃO\CNEC\</t>
  </si>
  <si>
    <t>Servidores_CNEC v3 02-10-2019.xlsx</t>
  </si>
  <si>
    <t>andersonrf@algartech.com,csavino@algartech.com,edsonnsj@algartech.com,elisangelads@algartech.com,fabriciovs@algartech.com,hugobsa@algartech.com,jaquelinedlfds@algartech.com,leonardoafa@algartech.com,marceloat@algartech.com,marcotal@algartech.com,rafaelbdt@algartech.com,rafaelg@algartech.com,renata.silva@algartech.com,tatianajl@algartech.com,thiagog@algartech.com</t>
  </si>
  <si>
    <t>/o=exchangelabs/ou=exchange administrative group (fydibohf23spdlt)/cn=recipients/cn=0e26b6d690e2473bb587b60637488718-danieldoes_;/o=exchangelabs/ou=exchange administrative group (fydibohf23spdlt)/cn=recipients/cn=b50885f3bcb145f4867569878cd72e6c-anactp_alga;alexandresm@algartech.com.br;danielvmds@algartech.com.br;dayaneal@algartech.com.br;equipediegodiniz@algartech.com.br;vanessacss@algartech.com.br;</t>
  </si>
  <si>
    <t>Layout</t>
  </si>
  <si>
    <t>Cópia de Layout EAVM - Fabiana Miranda.xlsx</t>
  </si>
  <si>
    <t>/o=exchangelabs/ou=exchange administrative group (fydibohf23spdlt)/cn=recipients/cn=0e26b6d690e2473bb587b60637488718-danieldoes_,/o=exchangelabs/ou=exchange administrative group (fydibohf23spdlt)/cn=recipients/cn=b50885f3bcb145f4867569878cd72e6c-anactp_alga,alexandresm@algartech.com.br,danielvmds@algartech.com.br,dayaneal@algartech.com.br,equipediegodiniz@algartech.com.br,vanessacss@algartech.com.br</t>
  </si>
  <si>
    <t>eder.nascimento@next.b.br;jullian.faria@algartech.com;kelencgt@algartech.com;lucieneili@algartech.com;patricia.brito@bradesco.com.br;sabrinadtdmc@algartech.com;sabrinagc@algartech.com;</t>
  </si>
  <si>
    <t>Horas logadas URR - Fechamento.xlsx</t>
  </si>
  <si>
    <t>eder.nascimento@next.b.br,jullian.faria@algartech.com,kelencgt@algartech.com,lucieneili@algartech.com,patricia.brito@bradesco.com.br,sabrinadtdmc@algartech.com,sabrinagc@algartech.com</t>
  </si>
  <si>
    <t>10.12.249.3</t>
  </si>
  <si>
    <t>Dashboard PA Digital Compra Certa - Fechamento Setembro</t>
  </si>
  <si>
    <t>09 - PA DIGITAL COMPRA CERT3.xlsx</t>
  </si>
  <si>
    <t>Formulário TTV - Criação de Agente televendas Paty.xlsx</t>
  </si>
  <si>
    <t>/o=exchangelabs/ou=exchange administrative group (fydibohf23spdlt)/cn=recipients/cn=57d9ef16239c4192ba69b608182c3c4f-betiza silv;</t>
  </si>
  <si>
    <t>ENC: Liberação Beedoo - EDP e SICOOB</t>
  </si>
  <si>
    <t>importar beedoo.xls</t>
  </si>
  <si>
    <t>/o=exchangelabs/ou=exchange administrative group (fydibohf23spdlt)/cn=recipients/cn=57d9ef16239c4192ba69b608182c3c4f-betiza silv</t>
  </si>
  <si>
    <t>mail.google.com/_/upload?authuser=0&amp;dcp=asu-n&amp;upload_id=AEnB2UrbVdBgv_TYTtSD6ZLUE2Uo3XDZxgIVwEwfYHtSthT_DphCQq1uESSlRmf1rUqUKnh_XWhuZyG3jti31kBjfF1OLmA7OZCd-Z8YIqer2SW08UECa-U&amp;upload_protocol=resumable</t>
  </si>
  <si>
    <t>CR JOSE PAIXAO.xlsx</t>
  </si>
  <si>
    <t>RES: Apresentação indicadores</t>
  </si>
  <si>
    <t>Apresentação indicadores Senilda.pptx\</t>
  </si>
  <si>
    <t>\\acsfs\DEPTOS\Operacao\PCP\5 - Comum\PLANEJAMENTO CRÉDITO &amp; COBRANÇA\06 - Dimensionamentos\11 - IBI CRED\</t>
  </si>
  <si>
    <t>IBI-AGENCIAS.xlsx</t>
  </si>
  <si>
    <t>IBI-CRED-IN-OUT.xlsx</t>
  </si>
  <si>
    <t>/o=exchangelabs/ou=exchange administrative group (fydibohf23spdlt)/cn=recipients/cn=089963f5f37f427c8a85f88a8c15a3bf-ricardo def;/o=exchangelabs/ou=exchange administrative group (fydibohf23spdlt)/cn=recipients/cn=a111820ea97a440c83191c55259f676f-marcelo rod;/o=exchangelabs/ou=exchange administrative group (fydibohf23spdlt)/cn=recipients/cn=cd93dacc38404a95a829585c2e317a9f-dionizio ri;/o=exchangelabs/ou=exchange administrative group (fydibohf23spdlt)/cn=recipients/cn=f7a4290a46314a3cbb0d392508a7b5c5-luciana sil;alessandroam@algartech.com;</t>
  </si>
  <si>
    <t>SLAs entre áreas - Desenho de Solução.msg\s1\</t>
  </si>
  <si>
    <t>SLAs Entre Áreas v3.xlsx</t>
  </si>
  <si>
    <t>/o=exchangelabs/ou=exchange administrative group (fydibohf23spdlt)/cn=recipients/cn=089963f5f37f427c8a85f88a8c15a3bf-ricardo def,/o=exchangelabs/ou=exchange administrative group (fydibohf23spdlt)/cn=recipients/cn=a111820ea97a440c83191c55259f676f-marcelo rod,/o=exchangelabs/ou=exchange administrative group (fydibohf23spdlt)/cn=recipients/cn=cd93dacc38404a95a829585c2e317a9f-dionizio ri,/o=exchangelabs/ou=exchange administrative group (fydibohf23spdlt)/cn=recipients/cn=f7a4290a46314a3cbb0d392508a7b5c5-luciana sil,alessandroam@algartech.com</t>
  </si>
  <si>
    <t>RES: [Auditoria Parcerias Digital] Api projeto Xperience</t>
  </si>
  <si>
    <t>Xperience racional.xlsx</t>
  </si>
  <si>
    <t>ENC: Detalle provisión de contingencias laborales</t>
  </si>
  <si>
    <t>Prov Juicios 346 ASYST Arg sep19.xlsx</t>
  </si>
  <si>
    <t>10.200.60.150</t>
  </si>
  <si>
    <t>54-BF-64-F5-7E-B6</t>
  </si>
  <si>
    <t>/o=exchangelabs/ou=exchange administrative group (fydibohf23spdlt)/cn=recipients/cn=cd7b8f1463954705b9d398b58ce8411d-dannyella f;</t>
  </si>
  <si>
    <t>RES: RELATORIO EFAFE</t>
  </si>
  <si>
    <t>Relatório Movimentações eTAF.xlsx</t>
  </si>
  <si>
    <t>/o=exchangelabs/ou=exchange administrative group (fydibohf23spdlt)/cn=recipients/cn=cd7b8f1463954705b9d398b58ce8411d-dannyella f</t>
  </si>
  <si>
    <t>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carlos henrique vilarinho_db6c0fb3df;</t>
  </si>
  <si>
    <t>Clientes Governo - receita</t>
  </si>
  <si>
    <t>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carlos henrique vilarinho_db6c0fb3df</t>
  </si>
  <si>
    <t>/o=exchangelabs/ou=exchange administrative group (fydibohf23spdlt)/cn=recipients/cn=user07db2088;thalita_y_cardoso@whirlpool.com;</t>
  </si>
  <si>
    <t>RES: Relatórios para Ações da Black 2019</t>
  </si>
  <si>
    <t>Curva SAC CC BF 2018.xls</t>
  </si>
  <si>
    <t>/o=exchangelabs/ou=exchange administrative group (fydibohf23spdlt)/cn=recipients/cn=user07db2088,thalita_y_cardoso@whirlpool.com</t>
  </si>
  <si>
    <t>/o=exchangelabs/ou=exchange administrative group (fydibohf23spdlt)/cn=recipients/cn=52684aee05874b27a5c249763c2fe008-andre mota;/o=exchangelabs/ou=exchange administrative group (fydibohf23spdlt)/cn=recipients/cn=f87f494a8d1d405d8a7b42a51dd5ab84-iris eugeni;</t>
  </si>
  <si>
    <t>PTH CAIXA CAP 2020.xlsx</t>
  </si>
  <si>
    <t>/o=exchangelabs/ou=exchange administrative group (fydibohf23spdlt)/cn=recipients/cn=52684aee05874b27a5c249763c2fe008-andre mota,/o=exchangelabs/ou=exchange administrative group (fydibohf23spdlt)/cn=recipients/cn=f87f494a8d1d405d8a7b42a51dd5ab84-iris eugeni</t>
  </si>
  <si>
    <t>RES: Projeto piloto de Educação financeira e controle de adimplência de revendedoras</t>
  </si>
  <si>
    <t>BASE PILOTO - EDUCACAO FINANCEIRA - 0210.xlsx</t>
  </si>
  <si>
    <t>CAIXA CAP - ORÇAMENTO 2020.xlsx</t>
  </si>
  <si>
    <t>5 stars 02.10.csv</t>
  </si>
  <si>
    <t>mail.google.com/_/upload?authuser=0&amp;dcp=asu-n&amp;upload_id=AEnB2UopxhL00orVFXMF2oVVqf2Hzovk_4EkkA8TBH186LYj5vostFm78coONkY9V-XZ3Fc23wYylrT60_UIA8qWaRGGReejTykUgr6wGX0WVZd3cNb-spM&amp;upload_protocol=resumable</t>
  </si>
  <si>
    <t>USUARIO_LOGADO_MES_JUNHO_JULHO_VCOM_2019.xlsx</t>
  </si>
  <si>
    <t>reag_02.10.csv</t>
  </si>
  <si>
    <t>/o=exchangelabs/ou=exchange administrative group (fydibohf23spdlt)/cn=recipients/cn=3a10c1d788234688b257ab253389ec06-mateus mala;/o=exchangelabs/ou=exchange administrative group (fydibohf23spdlt)/cn=recipients/cn=d1d015f213f648abbf348b5ccdf8e9d9-senilda per;</t>
  </si>
  <si>
    <t>/o=exchangelabs/ou=exchange administrative group (fydibohf23spdlt)/cn=recipients/cn=3a10c1d788234688b257ab253389ec06-mateus mala,/o=exchangelabs/ou=exchange administrative group (fydibohf23spdlt)/cn=recipients/cn=d1d015f213f648abbf348b5ccdf8e9d9-senilda per</t>
  </si>
  <si>
    <t>10.207.12.59</t>
  </si>
  <si>
    <t>Account Plan Boticario 2019.pptx</t>
  </si>
  <si>
    <t>Account Plan Boticario 2019.pptx\</t>
  </si>
  <si>
    <t>Controle CAPEX.xlsx</t>
  </si>
  <si>
    <t>C:\Users\filemoncmj\OneDrive - Grupo Algar\01. Algar Tech\01. Projetos de Clientes\13. Yahsat\2019\03. TAP\PMO Algar Tech - TAP - Aumento 7 PAs Yahsat.pptx\</t>
  </si>
  <si>
    <t>C:\Users\filemoncmj\OneDrive - Grupo Algar\01. Algar Tech\03. Documentos da Área\Escalas de Home Office\</t>
  </si>
  <si>
    <t>Home Office PROJETOS - Outubro.xlsx</t>
  </si>
  <si>
    <t>\\acsfs\deptos\DME\CME - Coordenacao de Marketing e Estrategia\Gestão de Vendas\Receita\2020\CP\Apresentações\Premissas Orçamentárias_Consolidado_v6.pptx\</t>
  </si>
  <si>
    <t>/o=exchangelabs/ou=exchange administrative group (fydibohf23spdlt)/cn=recipients/cn=4e30fb9987b947faae55e03d3daed8a9-dyego paiva;</t>
  </si>
  <si>
    <t>Base de Compras</t>
  </si>
  <si>
    <t>/o=exchangelabs/ou=exchange administrative group (fydibohf23spdlt)/cn=recipients/cn=4e30fb9987b947faae55e03d3daed8a9-dyego paiva</t>
  </si>
  <si>
    <t>4080.celulah@bradesco.com.br;thiagos.cardoso@bradesco.com.br;</t>
  </si>
  <si>
    <t>Algar_Planilha de dúvidas v3.xlsx</t>
  </si>
  <si>
    <t>4080.celulah@bradesco.com.br,thiagos.cardoso@bradesco.com.br</t>
  </si>
  <si>
    <t>/o=exchangelabs/ou=exchange administrative group (fydibohf23spdlt)/cn=recipients/cn=2d3379e2d04c40db810b4b1f41dd2aea-erica carol;/o=exchangelabs/ou=exchange administrative group (fydibohf23spdlt)/cn=recipients/cn=65f2464c9a2e4d2981cae7124572133d-cristiane c;/o=exchangelabs/ou=exchange administrative group (fydibohf23spdlt)/cn=recipients/cn=user12c3790d;</t>
  </si>
  <si>
    <t>ENC: Entrevistas Equipes Algar Tech</t>
  </si>
  <si>
    <t>Necessidades ALGAR.xlsx</t>
  </si>
  <si>
    <t>/o=exchangelabs/ou=exchange administrative group (fydibohf23spdlt)/cn=recipients/cn=2d3379e2d04c40db810b4b1f41dd2aea-erica carol,/o=exchangelabs/ou=exchange administrative group (fydibohf23spdlt)/cn=recipients/cn=65f2464c9a2e4d2981cae7124572133d-cristiane c,/o=exchangelabs/ou=exchange administrative group (fydibohf23spdlt)/cn=recipients/cn=user12c3790d</t>
  </si>
  <si>
    <t>/o=exchangelabs/ou=exchange administrative group (fydibohf23spdlt)/cn=recipients/cn=0f02f70736ad4f83b81217ad3e6c73a5-rogerio gon;</t>
  </si>
  <si>
    <t>Anotações para correção no Televendas</t>
  </si>
  <si>
    <t>Anotações.xlsx</t>
  </si>
  <si>
    <t>/o=exchangelabs/ou=exchange administrative group (fydibohf23spdlt)/cn=recipients/cn=0f02f70736ad4f83b81217ad3e6c73a5-rogerio gon</t>
  </si>
  <si>
    <t>salarios executivos.xlsx</t>
  </si>
  <si>
    <t>Aprovar venda OPP 205363</t>
  </si>
  <si>
    <t>TRANSACIONAL AVON SETEMBRO.xlsx</t>
  </si>
  <si>
    <t>10.211.2.84</t>
  </si>
  <si>
    <t>c:\users\flavia\documents\1608\solicitação férias irregulares\</t>
  </si>
  <si>
    <t>formulario_ferias_irregulares_-_algar_tech_hercules.xlsm</t>
  </si>
  <si>
    <t>10.200.61.79</t>
  </si>
  <si>
    <t>FC-01-7C-C0-96-B1</t>
  </si>
  <si>
    <t>C:\Users\renatofol\Desktop\</t>
  </si>
  <si>
    <t>correcao_pontos_setembro_renato_freitas.xlsx</t>
  </si>
  <si>
    <t>cristinahe@algartech.com;fabio.ribeiro@algarnet.onmicrosoft.com;fredericobs@algartecnologia.com.br;polati@algartech.com;</t>
  </si>
  <si>
    <t>cristinahe@algartech.com,fabio.ribeiro@algarnet.onmicrosoft.com,fredericobs@algartecnologia.com.br,polati@algartech.com</t>
  </si>
  <si>
    <t>formulario_ferias_irregulares_-_algar_tech_james.xlsm</t>
  </si>
  <si>
    <t>Chamadas Longas - Set/19</t>
  </si>
  <si>
    <t>Chamadas Longas - Set.19_V2.xlsx</t>
  </si>
  <si>
    <t>Reunião</t>
  </si>
  <si>
    <t>/o=exchangelabs/ou=exchange administrative group (fydibohf23spdlt)/cn=recipients/cn=03a1bc99308a456db7c0105407689b39-gilda elain;/o=exchangelabs/ou=exchange administrative group (fydibohf23spdlt)/cn=recipients/cn=18538d61f6f342f7a3d2db08df47d617-vanusa prec;</t>
  </si>
  <si>
    <t>Expurgos Viagens Setembro.xls</t>
  </si>
  <si>
    <t>/o=exchangelabs/ou=exchange administrative group (fydibohf23spdlt)/cn=recipients/cn=03a1bc99308a456db7c0105407689b39-gilda elain,/o=exchangelabs/ou=exchange administrative group (fydibohf23spdlt)/cn=recipients/cn=18538d61f6f342f7a3d2db08df47d617-vanusa prec</t>
  </si>
  <si>
    <t>Cópia de Resumo_Contabilizações_2019.xlsx</t>
  </si>
  <si>
    <t>mail.google.com/_/upload?authuser=0&amp;dcp=asu-n&amp;upload_id=AEnB2UpI8EQRBDMDpQ23PY0bj9rIITtKdXPAlnY-czAf8eQbNVaTL1K72GeMzmkgcXicrU-3oglDLyiI1yqGx-EpT2v-C45MTw&amp;upload_protocol=resumable</t>
  </si>
  <si>
    <t>/o=exchangelabs/ou=exchange administrative group (fydibohf23spdlt)/cn=recipients/cn=e6b7580a624e482b95aa2b9747aa6d6d-paulo sergi;/o=exchangelabs/ou=exchange administrative group (fydibohf23spdlt)/cn=recipients/cn=ea256770748c47aebb733d587d4c0a71-maria vitor;</t>
  </si>
  <si>
    <t>CMS</t>
  </si>
  <si>
    <t>/o=exchangelabs/ou=exchange administrative group (fydibohf23spdlt)/cn=recipients/cn=e6b7580a624e482b95aa2b9747aa6d6d-paulo sergi,/o=exchangelabs/ou=exchange administrative group (fydibohf23spdlt)/cn=recipients/cn=ea256770748c47aebb733d587d4c0a71-maria vitor</t>
  </si>
  <si>
    <t>Saldo Engeset Setembro.xlsx</t>
  </si>
  <si>
    <t>Correção de Pontos - Algar Tech (PPE).xlsx</t>
  </si>
  <si>
    <t>20191003 - Revisão meta AS IS_v1final.xlsx</t>
  </si>
  <si>
    <t>10.250.255.81</t>
  </si>
  <si>
    <t>raphael.tfcn3@gmail.com;</t>
  </si>
  <si>
    <t>ceasa</t>
  </si>
  <si>
    <t>ceasa.xlsx</t>
  </si>
  <si>
    <t>raphael.tfcn3@gmail.com</t>
  </si>
  <si>
    <t>/o=exchangelabs/ou=exchange administrative group (fydibohf23spdlt)/cn=recipients/cn=0addf5d63aa844c7a80c4c80b8d6351e-edson barbo;/o=exchangelabs/ou=exchange administrative group (fydibohf23spdlt)/cn=recipients/cn=b60c7f02b7944b639da5c2f90b0fe2f5-diogo soare;</t>
  </si>
  <si>
    <t>Farol</t>
  </si>
  <si>
    <t>Formulário farol 2019- ENGESET 03.10.xlsx</t>
  </si>
  <si>
    <t>/o=exchangelabs/ou=exchange administrative group (fydibohf23spdlt)/cn=recipients/cn=0addf5d63aa844c7a80c4c80b8d6351e-edson barbo,/o=exchangelabs/ou=exchange administrative group (fydibohf23spdlt)/cn=recipients/cn=b60c7f02b7944b639da5c2f90b0fe2f5-diogo soare</t>
  </si>
  <si>
    <t>Algar_Tech_-__DETALHAMENTO_DE_ITENS_DE_AQUISICOES_PARA_PROJETOS_(API Sensedia).xlsx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3231d815809d4256b0da40dff50c3bbc-thiago sora;/o=exchangelabs/ou=exchange administrative group (fydibohf23spdlt)/cn=recipients/cn=52684aee05874b27a5c249763c2fe008-andre mota;/o=exchangelabs/ou=exchange administrative group (fydibohf23spdlt)/cn=recipients/cn=a4725b7c782941fda1d1c00ae0ff9e26-camiller mo;/o=exchangelabs/ou=exchange administrative group (fydibohf23spdlt)/cn=recipients/cn=b5e7a2211614494a9fc8eb7b79562d93-thallita al;/o=exchangelabs/ou=exchange administrative group (fydibohf23spdlt)/cn=recipients/cn=b67cad4ecfa344baaa94d716e7554f49-bruno camel;/o=exchangelabs/ou=exchange administrative group (fydibohf23spdlt)/cn=recipients/cn=eeca26dd371249b5a5b2d7ff454baf74-user;</t>
  </si>
  <si>
    <t>ENC: [REUNIÃO DE RESULTADOS] Ata de Reunião</t>
  </si>
  <si>
    <t>ATA pendencias 19.08 reuniao de resultados V.7.xlsx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3231d815809d4256b0da40dff50c3bbc-thiago sora,/o=exchangelabs/ou=exchange administrative group (fydibohf23spdlt)/cn=recipients/cn=52684aee05874b27a5c249763c2fe008-andre mota,/o=exchangelabs/ou=exchange administrative group (fydibohf23spdlt)/cn=recipients/cn=a4725b7c782941fda1d1c00ae0ff9e26-camiller mo,/o=exchangelabs/ou=exchange administrative group (fydibohf23spdlt)/cn=recipients/cn=b5e7a2211614494a9fc8eb7b79562d93-thallita al,/o=exchangelabs/ou=exchange administrative group (fydibohf23spdlt)/cn=recipients/cn=b67cad4ecfa344baaa94d716e7554f49-bruno camel,/o=exchangelabs/ou=exchange administrative group (fydibohf23spdlt)/cn=recipients/cn=eeca26dd371249b5a5b2d7ff454baf74-user,</t>
  </si>
  <si>
    <t>10.211.2.115</t>
  </si>
  <si>
    <t>Última versão rampa de clientes PPE GAT</t>
  </si>
  <si>
    <t>Rampa de Receita - LP ISD E GIAT 02-10_v4.xlsx</t>
  </si>
  <si>
    <t>Sala de Guerra Avon_horas extras_ajuste staff_v2_2709.xlsx</t>
  </si>
  <si>
    <t>COMPONENTES E SUB</t>
  </si>
  <si>
    <t>BD 18.xlsx</t>
  </si>
  <si>
    <t>/o=exchangelabs/ou=exchange administrative group (fydibohf23spdlt)/cn=recipients/cn=0e26b6d690e2473bb587b60637488718-danieldoes_;/o=exchangelabs/ou=exchange administrative group (fydibohf23spdlt)/cn=recipients/cn=b50885f3bcb145f4867569878cd72e6c-anactp_alga;alexandresm@algartech.com.br;danielvmds@algartech.com.br;dayaneal@algartech.com.br;equipediegodiniz@algartech.com.br;leonardoamf@algartech.com.br;selmaasr@algartech.com.br;vanessacss@algartech.com.br;</t>
  </si>
  <si>
    <t>Layout - ERRATA</t>
  </si>
  <si>
    <t>/o=exchangelabs/ou=exchange administrative group (fydibohf23spdlt)/cn=recipients/cn=0e26b6d690e2473bb587b60637488718-danieldoes_,/o=exchangelabs/ou=exchange administrative group (fydibohf23spdlt)/cn=recipients/cn=b50885f3bcb145f4867569878cd72e6c-anactp_alga,alexandresm@algartech.com.br,danielvmds@algartech.com.br,dayaneal@algartech.com.br,equipediegodiniz@algartech.com.br,leonardoamf@algartech.com.br,selmaasr@algartech.com.br,vanessacss@algartech.com.br</t>
  </si>
  <si>
    <t>RES: Lançamento Indevido - Despesas Gerais - ALUGUEL DE IMPRESSORA</t>
  </si>
  <si>
    <t>DRE_ALUGUEL_IMPRESSORAS.xlsx</t>
  </si>
  <si>
    <t>andreldc@algartech.com;inacioaf@algartech.com;</t>
  </si>
  <si>
    <t>andreldc@algartech.com,inacioaf@algartech.com</t>
  </si>
  <si>
    <t>leonardo.calicchio@bradesco.com.br;wesleys.oliveira@bradesco.com.br;</t>
  </si>
  <si>
    <t>ENC: Processos Trabalhistas x Pagamentos Algar - Ano 2019</t>
  </si>
  <si>
    <t>leonardo.calicchio@bradesco.com.br,wesleys.oliveira@bradesco.com.br</t>
  </si>
  <si>
    <t>mail.google.com/_/upload?authuser=1&amp;dcp=asu-n&amp;upload_id=AEnB2UoBUh8WhZCiaBDfMNQl17kA2CCwDjmDW9oH3bHh6721wL3QYDZX6HfFjCrunCqa-vcl63mUdlLWzImHFFtQJKH9v9B0aw&amp;upload_protocol=resumable</t>
  </si>
  <si>
    <t>C:\Users\kaiohas\Documents\</t>
  </si>
  <si>
    <t>Discar desinst alto aging.xlsx</t>
  </si>
  <si>
    <t>elisabete.soares@cscalgar.com.br;</t>
  </si>
  <si>
    <t>C:\04.orçamento DAF e PRE\</t>
  </si>
  <si>
    <t>daf_relcustos _setembro.19.xlsx</t>
  </si>
  <si>
    <t>elisabete.soares@cscalgar.com.br</t>
  </si>
  <si>
    <t>mail.google.com/_/upload?authuser=1&amp;dcp=asu-n&amp;upload_id=AEnB2UpaRXy4whLOPmBPtnS8m1WZzybzyxGU7SlWBdDCuH87XBMX08WMFCfju-d8psq-yBW2pUfzKyQddrWls9xgG7FwtCmvZ9wSG28ahGttjIWQlzHA64o&amp;upload_protocol=resumable</t>
  </si>
  <si>
    <t>casos com 0 tentativas.xlsx</t>
  </si>
  <si>
    <t>C:\Users\raphaelapm\Desktop\MATERIAL DYNAMICS\DESORGANIZADOS\OPERACOES\PJ\TO273799 - Dynamics - IMPLANTACAO CORPORATE AEB\CARGAS.zip\CARGAS\</t>
  </si>
  <si>
    <t>C:\Users\raphaelapm\Desktop\MATERIAL DYNAMICS\DESORGANIZADOS\OPERACOES\PJ\TO273799 - Dynamics - IMPLANTACAO CORPORATE AEB\CARGAS.zip\CARGAS\ImportaÃ§Ãµes\</t>
  </si>
  <si>
    <t>C:\Users\raphaelapm\Desktop\MATERIAL DYNAMICS\DESORGANIZADOS\OPERACOES\PJ\TO273799 - Dynamics - IMPLANTACAO CORPORATE AEB\CARGAS.zip\CARGAS\Modelo Cargas\</t>
  </si>
  <si>
    <t>C:\Downloads\estella_corporativo\</t>
  </si>
  <si>
    <t>teste1.csv</t>
  </si>
  <si>
    <t>/o=exchangelabs/ou=exchange administrative group (fydibohf23spdlt)/cn=recipients/cn=6bc6ced03b1b4fafa41bb5c70c178940-antonio per;/o=exchangelabs/ou=exchange administrative group (fydibohf23spdlt)/cn=recipients/cn=9c71bc5f5a3648bbbb5f6bedb86e15a6-marcelo buz;/o=exchangelabs/ou=exchange administrative group (fydibohf23spdlt)/cn=recipients/cn=ee68a2a53024446789dc480aef9c7a7c-joao gabrie;</t>
  </si>
  <si>
    <t>RES: Orçamento 2020 - EPO</t>
  </si>
  <si>
    <t>/o=exchangelabs/ou=exchange administrative group (fydibohf23spdlt)/cn=recipients/cn=6bc6ced03b1b4fafa41bb5c70c178940-antonio per,/o=exchangelabs/ou=exchange administrative group (fydibohf23spdlt)/cn=recipients/cn=9c71bc5f5a3648bbbb5f6bedb86e15a6-marcelo buz,/o=exchangelabs/ou=exchange administrative group (fydibohf23spdlt)/cn=recipients/cn=ee68a2a53024446789dc480aef9c7a7c-joao gabrie</t>
  </si>
  <si>
    <t>ENC: Reunião</t>
  </si>
  <si>
    <t>mail.google.com/_/upload?authuser=0&amp;dcp=asu-n&amp;upload_id=AEnB2UqRXq1oFH_NIfzwtqKdPY0vaPE3etNL-pPmnPHzonlCFyToLlhxSlGIXBUduvFy7JR50pJ35tDmNJaIAt7hy9uJhF_8ImCvdUElap-hOWM-gZSCtoI&amp;upload_protocol=resumable</t>
  </si>
  <si>
    <t>pendencia recuperacao de custo.xls</t>
  </si>
  <si>
    <t>10.207.12.82</t>
  </si>
  <si>
    <t>/o=exchangelabs/ou=exchange administrative group (fydibohf23spdlt)/cn=recipients/cn=2c1aa4043c2c4bb3ada52ba81c03ebd9-camila ales;/o=exchangelabs/ou=exchange administrative group (fydibohf23spdlt)/cn=recipients/cn=fcc3d07951f5486d9a8e080319224b72-joyce de he;</t>
  </si>
  <si>
    <t>Carteira de Consultores</t>
  </si>
  <si>
    <t>Carteira Consultores (16).xlsx</t>
  </si>
  <si>
    <t>/o=exchangelabs/ou=exchange administrative group (fydibohf23spdlt)/cn=recipients/cn=2c1aa4043c2c4bb3ada52ba81c03ebd9-camila ales,/o=exchangelabs/ou=exchange administrative group (fydibohf23spdlt)/cn=recipients/cn=fcc3d07951f5486d9a8e080319224b72-joyce de he</t>
  </si>
  <si>
    <t xml:space="preserve">/o=exchangelabs/ou=exchange administrative group (fydibohf23spdlt)/cn=recipients/cn=094e5194d5c94cdf9d444ee50a911800-thalles hen;/o=exchangelabs/ou=exchange administrative group (fydibohf23spdlt)/cn=recipients/cn=1c3bae1d5aab4c72b84516e819cd16c9-wilton paim;/o=exchangelabs/ou=exchange administrative group (fydibohf23spdlt)/cn=recipients/cn=60b4785513d14bb7b75646999a47b247-carlos edua;/o=exchangelabs/ou=exchange administrative group (fydibohf23spdlt)/cn=recipients/cn=a35622ae1b534401a6dd99bd801d1f97-marcos paul;/o=exchangelabs/ou=exchange administrative group (fydibohf23spdlt)/cn=recipients/cn=abb5fd951af74c0e96c59bb1e7eca25e-kenia apare;/o=exchangelabs/ou=exchange administrative group (fydibohf23spdlt)/cn=recipients/cn=ca1f2dadbd0542a8ad075275acf52ff3-rondinele s;/o=exchangelabs/ou=exchange administrative group (fydibohf23spdlt)/cn=recipients/cn=d052f9c9a4404e849e00b751758229a8-carlos dos;/o=exchangelabs/ou=exchange administrative group (fydibohf23spdlt)/cn=recipients/cn=de309567271c4871b341e820d0b7364e-luiz </t>
  </si>
  <si>
    <t>Log - NAVEGAÇÃO URA - GENESYS</t>
  </si>
  <si>
    <t>Exercicios_Log.xlsx</t>
  </si>
  <si>
    <t xml:space="preserve">/o=exchangelabs/ou=exchange administrative group (fydibohf23spdlt)/cn=recipients/cn=094e5194d5c94cdf9d444ee50a911800-thalles hen,/o=exchangelabs/ou=exchange administrative group (fydibohf23spdlt)/cn=recipients/cn=1c3bae1d5aab4c72b84516e819cd16c9-wilton paim,/o=exchangelabs/ou=exchange administrative group (fydibohf23spdlt)/cn=recipients/cn=60b4785513d14bb7b75646999a47b247-carlos edua,/o=exchangelabs/ou=exchange administrative group (fydibohf23spdlt)/cn=recipients/cn=a35622ae1b534401a6dd99bd801d1f97-marcos paul,/o=exchangelabs/ou=exchange administrative group (fydibohf23spdlt)/cn=recipients/cn=abb5fd951af74c0e96c59bb1e7eca25e-kenia apare,/o=exchangelabs/ou=exchange administrative group (fydibohf23spdlt)/cn=recipients/cn=ca1f2dadbd0542a8ad075275acf52ff3-rondinele s,/o=exchangelabs/ou=exchange administrative group (fydibohf23spdlt)/cn=recipients/cn=d052f9c9a4404e849e00b751758229a8-carlos dos,/o=exchangelabs/ou=exchange administrative group (fydibohf23spdlt)/cn=recipients/cn=de309567271c4871b341e820d0b7364e-luiz </t>
  </si>
  <si>
    <t>10.207.12.66</t>
  </si>
  <si>
    <t>D8-9C-67-86-36-5B</t>
  </si>
  <si>
    <t>NB-SHERLEYCE</t>
  </si>
  <si>
    <t>sherleyce</t>
  </si>
  <si>
    <t>SHERLEY CRISTINA ESTETER</t>
  </si>
  <si>
    <t>/o=exchangelabs/ou=exchange administrative group (fydibohf23spdlt)/cn=recipients/cn=1e212ef08dab4f26b88cba944f2ab7cb-pmo.governa;/o=exchangelabs/ou=exchange administrative group (fydibohf23spdlt)/cn=recipients/cn=5676353c001f41558e00d4c7fa4fd023-aprova.vend;/o=exchangelabs/ou=exchange administrative group (fydibohf23spdlt)/cn=recipients/cn=9590810d44524cf49acee6103c18936a-denys guidi;/o=exchangelabs/ou=exchange administrative group (fydibohf23spdlt)/cn=recipients/cn=9a65d8734c444cbc8372a614d17d98e1-lucia maalo;</t>
  </si>
  <si>
    <t>RES: RES: Hub- ID 148219</t>
  </si>
  <si>
    <t>09-08-19 - PMO - COMITÊ DE INVESTIMENTOS - Informações.pptx\</t>
  </si>
  <si>
    <t>/o=exchangelabs/ou=exchange administrative group (fydibohf23spdlt)/cn=recipients/cn=1e212ef08dab4f26b88cba944f2ab7cb-pmo.governa,/o=exchangelabs/ou=exchange administrative group (fydibohf23spdlt)/cn=recipients/cn=5676353c001f41558e00d4c7fa4fd023-aprova.vend,/o=exchangelabs/ou=exchange administrative group (fydibohf23spdlt)/cn=recipients/cn=9590810d44524cf49acee6103c18936a-denys guidi,/o=exchangelabs/ou=exchange administrative group (fydibohf23spdlt)/cn=recipients/cn=9a65d8734c444cbc8372a614d17d98e1-lucia maalo</t>
  </si>
  <si>
    <t>C:\Users\simoneesm\OneDrive - Grupo Algar\Controle\ALGAR\FINANCEIRO\Orçamento Original\2020\1º semestre\Qlikview\24092019\</t>
  </si>
  <si>
    <t>340500088.xls</t>
  </si>
  <si>
    <t>ENC: Chamadas Longas - Set/19</t>
  </si>
  <si>
    <t>mail.google.com/_/upload?authuser=1&amp;dcp=asu-n&amp;upload_id=AEnB2UqqAg-4mlL9YEHzcpm3r-IEHWpyZpOHieOaDJjR_4Yp9Mfu_AG8QXHZYWW51UE3C3YorKn_ORpSFAzFZJoz4N-Vp8TWhw&amp;upload_protocol=resumable</t>
  </si>
  <si>
    <t>Verbas ponto.xlsx</t>
  </si>
  <si>
    <t>/o=exchangelabs/ou=exchange administrative group (fydibohf23spdlt)/cn=recipients/cn=8f6e1392c4f24f4faa8b69e41e9921dd-francisco m;/o=exchangelabs/ou=exchange administrative group (fydibohf23spdlt)/cn=recipients/cn=b24a1bfdc1aa45a2a190e0a7a66455b6-caio ferrei;/o=exchangelabs/ou=exchange administrative group (fydibohf23spdlt)/cn=recipients/cn=e7f427be7b584aea9e176d0d2ce382fd-bruno costa;</t>
  </si>
  <si>
    <t>DF1805</t>
  </si>
  <si>
    <t>DF1805.xlsx</t>
  </si>
  <si>
    <t>/o=exchangelabs/ou=exchange administrative group (fydibohf23spdlt)/cn=recipients/cn=8f6e1392c4f24f4faa8b69e41e9921dd-francisco m,/o=exchangelabs/ou=exchange administrative group (fydibohf23spdlt)/cn=recipients/cn=b24a1bfdc1aa45a2a190e0a7a66455b6-caio ferrei,/o=exchangelabs/ou=exchange administrative group (fydibohf23spdlt)/cn=recipients/cn=e7f427be7b584aea9e176d0d2ce382fd-bruno costa</t>
  </si>
  <si>
    <t>Classificação: SIGILOSO - Manifestação Ouvidoria Algar - Protocolo [#26167]</t>
  </si>
  <si>
    <t>ms_results_20191003093651_zimbra_Segreagada_03102019.xlsx</t>
  </si>
  <si>
    <t>09/18/2019 13:45:09</t>
  </si>
  <si>
    <t>10.200.61.74</t>
  </si>
  <si>
    <t>AC-7B-A1-A2-4E-91</t>
  </si>
  <si>
    <t>NB-T-OLIVAR</t>
  </si>
  <si>
    <t>t-olivar</t>
  </si>
  <si>
    <t>C:\Users\t-olivar\OneDrive - Grupo Algar\Documentos\Investimentos\Investimentos\</t>
  </si>
  <si>
    <t>Controle De Investimentos-Olivar&amp;Thais.xlsx</t>
  </si>
  <si>
    <t>09/18/2019 15:56:22</t>
  </si>
  <si>
    <t>Olivar Antonio Rodrigues</t>
  </si>
  <si>
    <t>/o=nt5/ou=00000000000000000000000000000000/cn=28ac926a352a234495e6f217c49f2135;</t>
  </si>
  <si>
    <t>NEGOCIAÇÕES COLETIVAS</t>
  </si>
  <si>
    <t>Reunião Comitê de Associados Algar Telecom.pptx\</t>
  </si>
  <si>
    <t>/o=nt5/ou=00000000000000000000000000000000/cn=28ac926a352a234495e6f217c49f2135</t>
  </si>
  <si>
    <t>09/18/2019 22:43:30</t>
  </si>
  <si>
    <t>/o=exchangelabs/ou=exchange administrative group (fydibohf23spdlt)/cn=recipients/cn=7c5de4224c224d95a2b36c65135102b2-carolina to;</t>
  </si>
  <si>
    <t>PLANILHA</t>
  </si>
  <si>
    <t>COTA PCD.xlsx</t>
  </si>
  <si>
    <t>/o=exchangelabs/ou=exchange administrative group (fydibohf23spdlt)/cn=recipients/cn=7c5de4224c224d95a2b36c65135102b2-carolina to</t>
  </si>
  <si>
    <t>09/20/2019 11:22:31</t>
  </si>
  <si>
    <t>negociacoes@sintetel.org.br;</t>
  </si>
  <si>
    <t>ENC: OFÍCIO E RELAÇÃO DE TRABALHADORES OPOSIÇÃO - ENGESET</t>
  </si>
  <si>
    <t>Cartas de Oposição Algar.xlsx</t>
  </si>
  <si>
    <t>negociacoes@sintetel.org.br</t>
  </si>
  <si>
    <t>09/20/2019 11:52:53</t>
  </si>
  <si>
    <t>C:\Users\t-olivar\OneDrive - Grupo Algar\Documentos\MPT\Algar Tecnologia\</t>
  </si>
  <si>
    <t>2019_Plano de Ação_Acordo Judicial_Algar Tech.xlsx</t>
  </si>
  <si>
    <t>09/20/2019 15:53:37</t>
  </si>
  <si>
    <t>C:\Users\t-olivar\OneDrive - Grupo Algar\Documentos\Sindicato\2019\PLR NOVO MODELO 2019-SETEMBRO\</t>
  </si>
  <si>
    <t>CONTROLE ENVIO DAS PLRs.xlsx</t>
  </si>
  <si>
    <t>09/24/2019 11:28:53</t>
  </si>
  <si>
    <t>eduarda@explend.com.br;</t>
  </si>
  <si>
    <t>Sistema PJ</t>
  </si>
  <si>
    <t>Explend.pptx\</t>
  </si>
  <si>
    <t>eduarda@explend.com.br</t>
  </si>
  <si>
    <t>09/24/2019 12:36:24</t>
  </si>
  <si>
    <t>C:\Users\t-olivar\OneDrive - Grupo Algar\Documentos\Relações Trabalhistas e Sindicais\Apresentações\Relações Trabalhistas e Sindicais Corporativa- DIRETRIZES 2019.V2.pptx\</t>
  </si>
  <si>
    <t>09/24/2019 12:36:25</t>
  </si>
  <si>
    <t>09/24/2019 12:36:28</t>
  </si>
  <si>
    <t>09/24/2019 12:56:49</t>
  </si>
  <si>
    <t>/o=exchangelabs/ou=exchange administrative group (fydibohf23spdlt)/cn=recipients/cn=a30d12803de94264a57a0656bab1cc89-jose mario;</t>
  </si>
  <si>
    <t>APRESENTAÇÃO DIA 02-10</t>
  </si>
  <si>
    <t>Encontro de TH - DRTS-02-10.pptx\</t>
  </si>
  <si>
    <t>/o=exchangelabs/ou=exchange administrative group (fydibohf23spdlt)/cn=recipients/cn=a30d12803de94264a57a0656bab1cc89-jose mario</t>
  </si>
  <si>
    <t>09/25/2019 15:38:17</t>
  </si>
  <si>
    <t>ACOMPANHAMENTO ORÇAMENTÁRIO DRTS</t>
  </si>
  <si>
    <t>Relações Trab e Sindicais.xlsx</t>
  </si>
  <si>
    <t>09/27/2019 17:34:54</t>
  </si>
  <si>
    <t>zeroberto@sintetel.org.br;</t>
  </si>
  <si>
    <t>Dados de vidas x Cidade local de trabalho x operadora</t>
  </si>
  <si>
    <t>Ativos Operadoras x Local de Trabalho.xls</t>
  </si>
  <si>
    <t>zeroberto@sintetel.org.br</t>
  </si>
  <si>
    <t>09/30/2019 08:19:23</t>
  </si>
  <si>
    <t>/o=exchangelabs/ou=exchange administrative group (fydibohf23spdlt)/cn=recipients/cn=4539d14cb76347b8bb6cfae578a6e0bf-juliana rib;</t>
  </si>
  <si>
    <t>ENC: Orçamento DRTS 2019</t>
  </si>
  <si>
    <t>Template apresent orçamentos corporativos 2020 - REDIR.xlsx</t>
  </si>
  <si>
    <t>/o=exchangelabs/ou=exchange administrative group (fydibohf23spdlt)/cn=recipients/cn=4539d14cb76347b8bb6cfae578a6e0bf-juliana rib</t>
  </si>
  <si>
    <t>09/30/2019 10:12:52</t>
  </si>
  <si>
    <t>ORÇAMENTO DRTS</t>
  </si>
  <si>
    <t>Apresentação Orçamento DRTS.pptx\</t>
  </si>
  <si>
    <t>09/30/2019 14:31:41</t>
  </si>
  <si>
    <t>C:\Users\t-olivar\OneDrive - Grupo Algar\Documentos\Diretores\Ana Paula Rodrigues\Apresentação DRTS.pptx\</t>
  </si>
  <si>
    <t>09/30/2019 16:40:25</t>
  </si>
  <si>
    <t>APRESENTAÇÃO</t>
  </si>
  <si>
    <t>Projeto PCD Uberlândia v7-Kick Off.pptx\</t>
  </si>
  <si>
    <t>Status - Negociações sindicais - Engeset</t>
  </si>
  <si>
    <t>Acordos e Convenções - Engeset.xlsx</t>
  </si>
  <si>
    <t>/o=exchangelabs/ou=exchange administrative group (fydibohf23spdlt)/cn=recipients/cn=user12c3790d;</t>
  </si>
  <si>
    <t>/o=exchangelabs/ou=exchange administrative group (fydibohf23spdlt)/cn=recipients/cn=user12c3790d</t>
  </si>
  <si>
    <t>/o=exchangelabs/ou=exchange administrative group (fydibohf23spdlt)/cn=recipients/cn=8c14a8697ac4423e91745faec15e4ed9-solange mar;/o=exchangelabs/ou=exchange administrative group (fydibohf23spdlt)/cn=recipients/cn=a30d12803de94264a57a0656bab1cc89-jose mario;mmizutani@algartelecom.com.br;negociacoes@sintetel.org.br;</t>
  </si>
  <si>
    <t>ENC: CARTAS DE OPOSIÇÃO ALGAR - REGIÃO CAMPINAS</t>
  </si>
  <si>
    <t>/o=exchangelabs/ou=exchange administrative group (fydibohf23spdlt)/cn=recipients/cn=8c14a8697ac4423e91745faec15e4ed9-solange mar,/o=exchangelabs/ou=exchange administrative group (fydibohf23spdlt)/cn=recipients/cn=a30d12803de94264a57a0656bab1cc89-jose mario,mmizutani@algartelecom.com.br,negociacoes@sintetel.org.br</t>
  </si>
  <si>
    <t>C:\Users\t-olivar\OneDrive - Grupo Algar\Documentos\Investimentos\PRÉDIO\</t>
  </si>
  <si>
    <t>Controle do Investimento.xlsx</t>
  </si>
  <si>
    <t>/o=exchangelabs/ou=exchange administrative group (fydibohf23spdlt)/cn=recipients/cn=e28767b36a0d4b3f8c60da2be9f483b7-ana paula r;</t>
  </si>
  <si>
    <t>NEGOCIAÇÕES SINDICAIS ALGAR TELECOM</t>
  </si>
  <si>
    <t>Apresentação DRTS.pptx\</t>
  </si>
  <si>
    <t>/o=exchangelabs/ou=exchange administrative group (fydibohf23spdlt)/cn=recipients/cn=e28767b36a0d4b3f8c60da2be9f483b7-ana paula r</t>
  </si>
  <si>
    <t>ENC: PROJETO RECALL TOYOTA</t>
  </si>
  <si>
    <t>Ocorrências 028</t>
  </si>
  <si>
    <t>OCORRENCIAS_028_0109a3009.csv</t>
  </si>
  <si>
    <t>10.200.57.62</t>
  </si>
  <si>
    <t>FC-01-7C-C0-95-DD</t>
  </si>
  <si>
    <t>NB-MARCELOA</t>
  </si>
  <si>
    <t>marceloaa</t>
  </si>
  <si>
    <t>C:\Users\marceloaa\Desktop\</t>
  </si>
  <si>
    <t>Indicadores de Automacoes.xlsx</t>
  </si>
  <si>
    <t>/o=exchangelabs/ou=exchange administrative group (fydibohf23spdlt)/cn=recipients/cn=0addf5d63aa844c7a80c4c80b8d6351e-edson barbo;/o=exchangelabs/ou=exchange administrative group (fydibohf23spdlt)/cn=recipients/cn=1698f5af44b14116ad2d0b751d584c7d-danilo rafa;/o=exchangelabs/ou=exchange administrative group (fydibohf23spdlt)/cn=recipients/cn=64181a18b9164d10956ec48be12b9a5d-gisele cris;diogosa@algartech.com;</t>
  </si>
  <si>
    <t>Indicadores Setembro</t>
  </si>
  <si>
    <t>Indicadores acidentes - Danilo Eng Rota Sul - SP - 2019.xlsx</t>
  </si>
  <si>
    <t>/o=exchangelabs/ou=exchange administrative group (fydibohf23spdlt)/cn=recipients/cn=0addf5d63aa844c7a80c4c80b8d6351e-edson barbo,/o=exchangelabs/ou=exchange administrative group (fydibohf23spdlt)/cn=recipients/cn=1698f5af44b14116ad2d0b751d584c7d-danilo rafa,/o=exchangelabs/ou=exchange administrative group (fydibohf23spdlt)/cn=recipients/cn=64181a18b9164d10956ec48be12b9a5d-gisele cris,diogosa@algartech.com</t>
  </si>
  <si>
    <t>mail.google.com/_/upload?authuser=0&amp;dcp=asu-n&amp;upload_id=AEnB2UqA1ltq06R3R1WcU6mN5sioj67MMtKRNptzr65PlA8kyPsBpnLBgrRSWOyHdxgHgpO15XJ1RHsEzkmwV1Gzrfg-X6hudrL9iE0RWen7XdT6z2ZBt-Y&amp;upload_protocol=resumable</t>
  </si>
  <si>
    <t>carmem.peres@bradesco.com.br;claudiac.machado@bradesco.com.br;cristiano.j.cortez@bradesco.com.br;daniela.sotti@bradesco.com.br;daniele.carvalho@bradesco.com.br;emerson.r.correia@bradesco.com.br;fernanda.l.pereira@bradesco.com.br;marina.yokogawa@bradesco.com.br;</t>
  </si>
  <si>
    <t>carmem.peres@bradesco.com.br,claudiac.machado@bradesco.com.br,cristiano.j.cortez@bradesco.com.br,daniela.sotti@bradesco.com.br,daniele.carvalho@bradesco.com.br,emerson.r.correia@bradesco.com.br,fernanda.l.pereira@bradesco.com.br,marina.yokogawa@bradesco.com.br</t>
  </si>
  <si>
    <t>/o=exchangelabs/ou=exchange administrative group (fydibohf23spdlt)/cn=recipients/cn=54861e79125f48cc952d00cf8160b9a8-jeferson fe;/o=exchangelabs/ou=exchange administrative group (fydibohf23spdlt)/cn=recipients/cn=a72a765de829420582b78941417073ac-karina rodr;/o=exchangelabs/ou=exchange administrative group (fydibohf23spdlt)/cn=recipients/cn=eeccfec6dd26453db576a7c3b3bc44ec-pablo perei;</t>
  </si>
  <si>
    <t>ENC: Dimensionamento: Volume e Estrutura Out/19 e Nov/19 | Avon Reativação</t>
  </si>
  <si>
    <t>Dimensionamento Volume e Estrutura Out19 e Nov19.xlsx</t>
  </si>
  <si>
    <t>/o=exchangelabs/ou=exchange administrative group (fydibohf23spdlt)/cn=recipients/cn=54861e79125f48cc952d00cf8160b9a8-jeferson fe,/o=exchangelabs/ou=exchange administrative group (fydibohf23spdlt)/cn=recipients/cn=a72a765de829420582b78941417073ac-karina rodr,/o=exchangelabs/ou=exchange administrative group (fydibohf23spdlt)/cn=recipients/cn=eeccfec6dd26453db576a7c3b3bc44ec-pablo perei</t>
  </si>
  <si>
    <t>RES: Teste</t>
  </si>
  <si>
    <t>Processos Trabalhistas x Pagamentos Algar - Ano 2019.msg\s1\</t>
  </si>
  <si>
    <t>10.250.254.63</t>
  </si>
  <si>
    <t>mail.google.com/_/upload?authuser=1&amp;dcp=asu-n&amp;upload_id=AEnB2UphYn8LhWrQrwIY7TUtyVY5bWEz_LZEZ9g8kNBZ_irv_isovFj70tlJv4IRFC6tGIV-yj_voQ1Ut2oclYALnEAuCEo-reZTvpNJ3NroBq2tr-atGnM&amp;upload_protocol=resumable</t>
  </si>
  <si>
    <t>FORMULARIO-DE-CADASTRO-DE-FORNECEDOR---R12-e-SOMAR---Socios-ATUALIZADO.xls</t>
  </si>
  <si>
    <t>Lanna Thereza Garcia</t>
  </si>
  <si>
    <t>/o=exchangelabs/ou=exchange administrative group (fydibohf23spdlt)/cn=recipients/cn=c1dc3447372c4dc9b25c273495f324b1-comunicado;comunicadoudiazimbra_1@algartech.com.br;comunicadoudiazimbra_2@algartech.com.br;comunicadoudiazimbra_3@algartech.com.br;</t>
  </si>
  <si>
    <t>A SIPATMA vem aí! Participe!</t>
  </si>
  <si>
    <t>Confira a programação completa da SIPTAMA aqui!.xlsx</t>
  </si>
  <si>
    <t>/o=exchangelabs/ou=exchange administrative group (fydibohf23spdlt)/cn=recipients/cn=c1dc3447372c4dc9b25c273495f324b1-comunicado,comunicadoudiazimbra_1@algartech.com.br,comunicadoudiazimbra_2@algartech.com.br,comunicadoudiazimbra_3@algartech.com.br</t>
  </si>
  <si>
    <t>Errata: A SIPATMA vem aí! Participe!</t>
  </si>
  <si>
    <t>mail.google.com/_/upload?authuser=1&amp;dcp=asu-n&amp;upload_id=AEnB2Ur7b3yoXj7dmYjsVoqVyD66JWv_QG-dmBZR0iL7CoQ7k5AJr7SyO3DXnAVp4mzcyMEaMMM5AKgeaBT10g0KE1fofDUG9zZt0yOiCcjZDsXC24A77hY&amp;upload_protocol=resumable</t>
  </si>
  <si>
    <t>C:\Users\Cristianecsa\Documents\Meus Arquivos Recebidos\</t>
  </si>
  <si>
    <t>106344.xlsx</t>
  </si>
  <si>
    <t>/o=exchangelabs/ou=exchange administrative group (fydibohf23spdlt)/cn=recipients/cn=559218d77a444365b0238f9008a3eb76-alessandra;/o=exchangelabs/ou=exchange administrative group (fydibohf23spdlt)/cn=recipients/cn=80fb880d4e904fd9990f1ffec561717a-avon - supe;/o=exchangelabs/ou=exchange administrative group (fydibohf23spdlt)/cn=recipients/cn=b4c27a00523743509c2a8673c01acf8b-emanuella g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RES: Fechamento Improdutividade - Set/19</t>
  </si>
  <si>
    <t>BI TOP SET.19.xlsx</t>
  </si>
  <si>
    <t>/o=exchangelabs/ou=exchange administrative group (fydibohf23spdlt)/cn=recipients/cn=559218d77a444365b0238f9008a3eb76-alessandra,/o=exchangelabs/ou=exchange administrative group (fydibohf23spdlt)/cn=recipients/cn=80fb880d4e904fd9990f1ffec561717a-avon - supe,/o=exchangelabs/ou=exchange administrative group (fydibohf23spdlt)/cn=recipients/cn=b4c27a00523743509c2a8673c01acf8b-emanuella g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ORC_2020_GILDA MIRANDA_v4.xlsx</t>
  </si>
  <si>
    <t>Análise de Impacto Megatrends - Base de dados</t>
  </si>
  <si>
    <t>1. ANÁLISE MEGASHIFTS v5.xlsx</t>
  </si>
  <si>
    <t>ENC: Volume Gerenciadas Amex e Visa - 03/10</t>
  </si>
  <si>
    <t>ENC: RA-72955.</t>
  </si>
  <si>
    <t>Formulário de compras.xls</t>
  </si>
  <si>
    <t>/o=exchangelabs/ou=exchange administrative group (fydibohf23spdlt)/cn=recipients/cn=32fe8a14424941da83c2bf35a8a5709e-fabiana car;/o=exchangelabs/ou=exchange administrative group (fydibohf23spdlt)/cn=recipients/cn=525b3060f0654996a4c2979efbfaed04-douglas sil;/o=exchangelabs/ou=exchange administrative group (fydibohf23spdlt)/cn=recipients/cn=545f738e0fe740ba856f4eb6ef0135e0-vinicius si;/o=exchangelabs/ou=exchange administrative group (fydibohf23spdlt)/cn=recipients/cn=5ab64dc5178e4d66aadc5f660807b2c3-andre gomes;/o=exchangelabs/ou=exchange administrative group (fydibohf23spdlt)/cn=recipients/cn=670d10f0276c47ba89a984b1a225496b-victor gala;/o=exchangelabs/ou=exchange administrative group (fydibohf23spdlt)/cn=recipients/cn=82e9af7034e542b3a622ab8e7d09ff5d-ricardo de;/o=exchangelabs/ou=exchange administrative group (fydibohf23spdlt)/cn=recipients/cn=a78f7dae304e472e9f75bd537683f6e5-hugo de oli;/o=exchangelabs/ou=exchange administrative group (fydibohf23spdlt)/cn=recipients/cn=b284454839e94314a90d49e7ec00864f-anton</t>
  </si>
  <si>
    <t>RES: Validação e preenchimento ESFORÇO</t>
  </si>
  <si>
    <t>Cópia de ESFORÇO VALIDAÇÃO Setembro.xlsm</t>
  </si>
  <si>
    <t>/o=exchangelabs/ou=exchange administrative group (fydibohf23spdlt)/cn=recipients/cn=32fe8a14424941da83c2bf35a8a5709e-fabiana car,/o=exchangelabs/ou=exchange administrative group (fydibohf23spdlt)/cn=recipients/cn=525b3060f0654996a4c2979efbfaed04-douglas sil,/o=exchangelabs/ou=exchange administrative group (fydibohf23spdlt)/cn=recipients/cn=545f738e0fe740ba856f4eb6ef0135e0-vinicius si,/o=exchangelabs/ou=exchange administrative group (fydibohf23spdlt)/cn=recipients/cn=5ab64dc5178e4d66aadc5f660807b2c3-andre gomes,/o=exchangelabs/ou=exchange administrative group (fydibohf23spdlt)/cn=recipients/cn=670d10f0276c47ba89a984b1a225496b-victor gala,/o=exchangelabs/ou=exchange administrative group (fydibohf23spdlt)/cn=recipients/cn=82e9af7034e542b3a622ab8e7d09ff5d-ricardo de,/o=exchangelabs/ou=exchange administrative group (fydibohf23spdlt)/cn=recipients/cn=a78f7dae304e472e9f75bd537683f6e5-hugo de oli,/o=exchangelabs/ou=exchange administrative group (fydibohf23spdlt)/cn=recipients/cn=b284454839e94314a90d49e7ec00864f-anton</t>
  </si>
  <si>
    <t>mail.google.com/_/upload?authuser=0&amp;dcp=asu-n&amp;upload_id=AEnB2UqybiKbLpAwIN6Hc_HVf06NKh4ZS-KqVSDH76XROITenFAPe62dE5RKliq79SAhh6aL8UgJB3tdxgd-w63xF6M4HeBPQX71hj2Vr2a2B7bzP1T6v2k&amp;upload_protocol=resumable</t>
  </si>
  <si>
    <t>Opids.xlsx</t>
  </si>
  <si>
    <t>10.200.36.31</t>
  </si>
  <si>
    <t>/o=exchangelabs/ou=exchange administrative group (fydibohf23spdlt)/cn=recipients/cn=a4d4dbc88c434f8ba2bceed730d83878-marcellus r;/o=exchangelabs/ou=exchange administrative group (fydibohf23spdlt)/cn=recipients/cn=c5057601f2364b0db7ea84dbec10baa4-matheus mor;</t>
  </si>
  <si>
    <t>ENC: Chamado: 3345206;</t>
  </si>
  <si>
    <t>Cópia de Fluxo_de_Caixa_Grupo_Tech_INSS_IRRF_FGTS_09 2019.xlsx</t>
  </si>
  <si>
    <t>/o=exchangelabs/ou=exchange administrative group (fydibohf23spdlt)/cn=recipients/cn=a4d4dbc88c434f8ba2bceed730d83878-marcellus r,/o=exchangelabs/ou=exchange administrative group (fydibohf23spdlt)/cn=recipients/cn=c5057601f2364b0db7ea84dbec10baa4-matheus mor</t>
  </si>
  <si>
    <t>/o=exchangelabs/ou=exchange administrative group (fydibohf23spdlt)/cn=recipients/cn=8f185d9b3bd9437bbda2e6edb3323202-natalia men;</t>
  </si>
  <si>
    <t>ENC: Formato dos mailings do Outbound</t>
  </si>
  <si>
    <t>/o=exchangelabs/ou=exchange administrative group (fydibohf23spdlt)/cn=recipients/cn=8f185d9b3bd9437bbda2e6edb3323202-natalia men</t>
  </si>
  <si>
    <t>/o=exchangelabs/ou=exchange administrative group (fydibohf23spdlt)/cn=recipients/cn=5dd03a66f797451390d7113259343399-aline da si;/o=exchangelabs/ou=exchange administrative group (fydibohf23spdlt)/cn=recipients/cn=a7e592821d864418bccf1424f02e2670-felipe alve;/o=exchangelabs/ou=exchange administrative group (fydibohf23spdlt)/cn=recipients/cn=b4af4243d22d4dfa8c6b1830b913b4d3-caio cesar;/o=exchangelabs/ou=exchange administrative group (fydibohf23spdlt)/cn=recipients/cn=ee443929f1b6407999ee7912624fe54f-sostenes co;/o=exchangelabs/ou=exchange administrative group (fydibohf23spdlt)/cn=recipients/cn=f4de30cd53104832ac10bc8c610e453e-gustavo pae;/o=exchangelabs/ou=exchange administrative group (fydibohf23spdlt)/cn=recipients/cn=thiago oliveira reis;/o=exchangelabs/ou=exchange administrative group (fydibohf23spdlt)/cn=recipients/cn=user05f2c55d;</t>
  </si>
  <si>
    <t>Novatos Retenção</t>
  </si>
  <si>
    <t>Solicitação de acesso SETEMBRO-03-10 atualizado.xlsx</t>
  </si>
  <si>
    <t>/o=exchangelabs/ou=exchange administrative group (fydibohf23spdlt)/cn=recipients/cn=5dd03a66f797451390d7113259343399-aline da si,/o=exchangelabs/ou=exchange administrative group (fydibohf23spdlt)/cn=recipients/cn=a7e592821d864418bccf1424f02e2670-felipe alve,/o=exchangelabs/ou=exchange administrative group (fydibohf23spdlt)/cn=recipients/cn=b4af4243d22d4dfa8c6b1830b913b4d3-caio cesar,/o=exchangelabs/ou=exchange administrative group (fydibohf23spdlt)/cn=recipients/cn=ee443929f1b6407999ee7912624fe54f-sostenes co,/o=exchangelabs/ou=exchange administrative group (fydibohf23spdlt)/cn=recipients/cn=f4de30cd53104832ac10bc8c610e453e-gustavo pae,/o=exchangelabs/ou=exchange administrative group (fydibohf23spdlt)/cn=recipients/cn=thiago oliveira reis,/o=exchangelabs/ou=exchange administrative group (fydibohf23spdlt)/cn=recipients/cn=user05f2c55d</t>
  </si>
  <si>
    <t>Relatórios URR</t>
  </si>
  <si>
    <t>LoginLogoutUrr_Fechamento_Setembro.xlsx</t>
  </si>
  <si>
    <t>isabelaaf@algartech.com.br;suzanasb@algartech.com.br;vivianega@algartech.com.br;</t>
  </si>
  <si>
    <t>ENC: Volumes Formalização PJ AMEX 03/10/2019</t>
  </si>
  <si>
    <t>Report Intradiário Formalização PJ AMEX _ v2.3 -D3.xlsb</t>
  </si>
  <si>
    <t>isabelaaf@algartech.com.br,suzanasb@algartech.com.br,vivianega@algartech.com.br</t>
  </si>
  <si>
    <t>mail.google.com/_/upload?authuser=1&amp;dcp=asu-n&amp;upload_id=AEnB2UpjMq5uUO6ycd79ptGB_KkhA0vst9kTBqPT9Mm7ReGeT5ZERkKc0NGY9EUyKVJNDT9zf85uCYp4xa82Ul9Ngc3Ype4atlhiHtKJnKVRy_zycTksNSc&amp;upload_protocol=resumable</t>
  </si>
  <si>
    <t>C:\Users\acaciors\Desktop\Tribanco\</t>
  </si>
  <si>
    <t>Lancamentos Tribanco V2.xlsx</t>
  </si>
  <si>
    <t>mail.google.com/_/upload?authuser=0&amp;dcp=asu-n&amp;upload_id=AEnB2UrJUngQuBDWGBEJHqWd8kRyxn8viBuEJ2yE3QW_h5OStjfSbxc8vBI7OVZkLxnYfUJdD163hMkRFBiQlWbQm0IlWzYbaxJecc52JVReDRjnWK2aGnA&amp;upload_protocol=resumable</t>
  </si>
  <si>
    <t>C:\Users\gustavoplo\Documents\</t>
  </si>
  <si>
    <t>2019_09_Quantidade_Monitorias_Telecom.xlsx</t>
  </si>
  <si>
    <t>mail.google.com/mail/u/0/#label/Problemas+de+Sincroniza%C3%A7%C3%A3o%2FConflitos</t>
  </si>
  <si>
    <t>C:\Users\Julianarcda\Desktop\</t>
  </si>
  <si>
    <t>Site 1.xlsx</t>
  </si>
  <si>
    <t>Site 2.xlsx</t>
  </si>
  <si>
    <t>/o=exchangelabs/ou=exchange administrative group (fydibohf23spdlt)/cn=recipients/cn=9e72be441e9e4b08a759859a5b3a336a-daniela de;/o=exchangelabs/ou=exchange administrative group (fydibohf23spdlt)/cn=recipients/cn=e894bfa401c848dc9e25ced4ad1f3dd7-luciana fer;erica@quilleconsultoria.com.br;</t>
  </si>
  <si>
    <t>RES: Projeto Customer Success - Criação de Usuários</t>
  </si>
  <si>
    <t>Usuarios para criar Sensedata.xlsx</t>
  </si>
  <si>
    <t>/o=exchangelabs/ou=exchange administrative group (fydibohf23spdlt)/cn=recipients/cn=9e72be441e9e4b08a759859a5b3a336a-daniela de,/o=exchangelabs/ou=exchange administrative group (fydibohf23spdlt)/cn=recipients/cn=e894bfa401c848dc9e25ced4ad1f3dd7-luciana fer,erica@quilleconsultoria.com.br</t>
  </si>
  <si>
    <t>/o=exchangelabs/ou=exchange administrative group (fydibohf23spdlt)/cn=recipients/cn=dc302903ac1a4151bcd049b90df4486f-ricardo soa;</t>
  </si>
  <si>
    <t>Cloud MSP</t>
  </si>
  <si>
    <t>/o=exchangelabs/ou=exchange administrative group (fydibohf23spdlt)/cn=recipients/cn=dc302903ac1a4151bcd049b90df4486f-ricardo soa</t>
  </si>
  <si>
    <t>ENC: Relatório de Vendas OUT.2019 - Financeira</t>
  </si>
  <si>
    <t>Relatório vendas Financeira - Out.19.zip\</t>
  </si>
  <si>
    <t>Relat¢rio vendas Financeira - Out.19.xlsm</t>
  </si>
  <si>
    <t>/o=exchangelabs/ou=exchange administrative group (fydibohf23spdlt)/cn=recipients/cn=1981433b28a2405b86112019a8b25d8f-rodinei per;/o=exchangelabs/ou=exchange administrative group (fydibohf23spdlt)/cn=recipients/cn=546d63420d554c4d858776a48a93ef0f-gustavo de;/o=exchangelabs/ou=exchange administrative group (fydibohf23spdlt)/cn=recipients/cn=cb5adfd7be5d42f39b6c2497336ba9d7-fernando gu;/o=exchangelabs/ou=exchange administrative group (fydibohf23spdlt)/cn=recipients/cn=usere11ed38c;</t>
  </si>
  <si>
    <t>/o=exchangelabs/ou=exchange administrative group (fydibohf23spdlt)/cn=recipients/cn=1981433b28a2405b86112019a8b25d8f-rodinei per,/o=exchangelabs/ou=exchange administrative group (fydibohf23spdlt)/cn=recipients/cn=546d63420d554c4d858776a48a93ef0f-gustavo de,/o=exchangelabs/ou=exchange administrative group (fydibohf23spdlt)/cn=recipients/cn=cb5adfd7be5d42f39b6c2497336ba9d7-fernando gu,/o=exchangelabs/ou=exchange administrative group (fydibohf23spdlt)/cn=recipients/cn=usere11ed38c</t>
  </si>
  <si>
    <t>/o=exchangelabs/ou=exchange administrative group (fydibohf23spdlt)/cn=recipients/cn=3987744268654fb0875912ccc32640ac-andre luis;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db59eaca92dc4389b5f6125984872aa3-elisangela;/o=exchangelabs/ou=exchange administrative group (fydibohf23spdlt)/cn=recipients/cn=e894bfa401c848dc9e25ced4ad1f3dd7-luciana fer;wesleymb@algartech.com.br;</t>
  </si>
  <si>
    <t>RES: Relatórios URR</t>
  </si>
  <si>
    <t>Performance - ALGAR URR_Outubro.xlsm</t>
  </si>
  <si>
    <t>/o=exchangelabs/ou=exchange administrative group (fydibohf23spdlt)/cn=recipients/cn=3987744268654fb0875912ccc32640ac-andre luis,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db59eaca92dc4389b5f6125984872aa3-elisangela,/o=exchangelabs/ou=exchange administrative group (fydibohf23spdlt)/cn=recipients/cn=e894bfa401c848dc9e25ced4ad1f3dd7-luciana fer,wesleymb@algartech.com.br</t>
  </si>
  <si>
    <t>rosangelas@algartech.com.br;</t>
  </si>
  <si>
    <t>Dados equipe</t>
  </si>
  <si>
    <t>rosangelas@algartech.com.br</t>
  </si>
  <si>
    <t>Disparo_03.10.csv</t>
  </si>
  <si>
    <t>https://caey.fa.us2.oraclecloud.com/crmui/faces/fusewelcome?_adf.ctrl-state=jere3x1s5_147</t>
  </si>
  <si>
    <t>C:\Users\sherleyce\Desktop\</t>
  </si>
  <si>
    <t>TRANSACIONAIS AGR OPP 205397.xlsx</t>
  </si>
  <si>
    <t>/o=exchangelabs/ou=exchange administrative group (fydibohf23spdlt)/cn=recipients/cn=f9f7ff8c593c4c869b053771ddd5846a-simone eloi;</t>
  </si>
  <si>
    <t>Outros custos</t>
  </si>
  <si>
    <t>341002421_DEPARTAMENTO POLICIA RODOVIARIA DPRF_V1.xlsb</t>
  </si>
  <si>
    <t>/o=exchangelabs/ou=exchange administrative group (fydibohf23spdlt)/cn=recipients/cn=f9f7ff8c593c4c869b053771ddd5846a-simone eloi</t>
  </si>
  <si>
    <t>C:\Users\simoneesm\OneDrive - Grupo Algar\Controle\ALGAR\FINANCEIRO\Orçamento Original\2020\1º semestre\Demais Pacotes\Antigos\</t>
  </si>
  <si>
    <t>C:\Users\simoneesm\OneDrive - Grupo Algar\Controle\ALGAR\FINANCEIRO\Orçamento Original\2020\1º semestre\Demais Pacotes\03102019\</t>
  </si>
  <si>
    <t>341133111_CNJ - P.S.xlsb</t>
  </si>
  <si>
    <t>340500089_CNJ - P.S.xlsb</t>
  </si>
  <si>
    <t>341004126_DPF - PS e SD.xlsb</t>
  </si>
  <si>
    <t>340500088_DPF - PS e SD_V3.xlsb</t>
  </si>
  <si>
    <t>/o=exchangelabs/ou=exchange administrative group (fydibohf23spdlt)/cn=recipients/cn=525b3060f0654996a4c2979efbfaed04-douglas sil;/o=exchangelabs/ou=exchange administrative group (fydibohf23spdlt)/cn=recipients/cn=c32cee7d339f4e7fab5beda7be171cc0-priscila ca;</t>
  </si>
  <si>
    <t>Necessidade de quadros_TOP.xlsx</t>
  </si>
  <si>
    <t>/o=exchangelabs/ou=exchange administrative group (fydibohf23spdlt)/cn=recipients/cn=525b3060f0654996a4c2979efbfaed04-douglas sil,/o=exchangelabs/ou=exchange administrative group (fydibohf23spdlt)/cn=recipients/cn=c32cee7d339f4e7fab5beda7be171cc0-priscila ca</t>
  </si>
  <si>
    <t>/o=exchangelabs/ou=exchange administrative group (fydibohf23spdlt)/cn=recipients/cn=a72a765de829420582b78941417073ac-karina rodr;/o=exchangelabs/ou=exchange administrative group (fydibohf23spdlt)/cn=recipients/cn=fe134ce6f7124ebfa00395a14326bd71-luciana ber;alexmarques.silva@avon.com;anderson.negrisoli@avon.com;raquel.moraes@avon.com;</t>
  </si>
  <si>
    <t>Demonstrativo de Faturamento_ Outubro 2019 ** Antecipação</t>
  </si>
  <si>
    <t>/o=exchangelabs/ou=exchange administrative group (fydibohf23spdlt)/cn=recipients/cn=a72a765de829420582b78941417073ac-karina rodr,/o=exchangelabs/ou=exchange administrative group (fydibohf23spdlt)/cn=recipients/cn=fe134ce6f7124ebfa00395a14326bd71-luciana ber,alexmarques.silva@avon.com,anderson.negrisoli@avon.com,raquel.moraes@avon.com</t>
  </si>
  <si>
    <t>/o=exchangelabs/ou=exchange administrative group (fydibohf23spdlt)/cn=recipients/cn=34a28d636a1b4c86b1ec79baed4b846a-marco anton;/o=exchangelabs/ou=exchange administrative group (fydibohf23spdlt)/cn=recipients/cn=704ce6c3da8c45c9a4fbd113173d101c-tatiane sil;ibba-token@itaubba.com;satyro.silva@itau-unibanco.com.br;</t>
  </si>
  <si>
    <t>RES: Horas Algar - REF Setembro/2019 - Itau Unibanco</t>
  </si>
  <si>
    <t>Controle de Horas Algar.xlsx</t>
  </si>
  <si>
    <t>/o=exchangelabs/ou=exchange administrative group (fydibohf23spdlt)/cn=recipients/cn=34a28d636a1b4c86b1ec79baed4b846a-marco anton,/o=exchangelabs/ou=exchange administrative group (fydibohf23spdlt)/cn=recipients/cn=704ce6c3da8c45c9a4fbd113173d101c-tatiane sil,ibba-token@itaubba.com,satyro.silva@itau-unibanco.com.br</t>
  </si>
  <si>
    <t>UPH_Dynamics_Fechamento_Setembro.xlsx</t>
  </si>
  <si>
    <t>ENC: Férias equipe Samara</t>
  </si>
  <si>
    <t>férias Samara.xlsx</t>
  </si>
  <si>
    <t>/o=exchangelabs/ou=exchange administrative group (fydibohf23spdlt)/cn=recipients/cn=54861e79125f48cc952d00cf8160b9a8-jeferson fe;/o=exchangelabs/ou=exchange administrative group (fydibohf23spdlt)/cn=recipients/cn=a72a765de829420582b78941417073ac-karina rodr;/o=exchangelabs/ou=exchange administrative group (fydibohf23spdlt)/cn=recipients/cn=ba307e7ec0fc4bdbb07006aa828c05f7-carina ferr;/o=exchangelabs/ou=exchange administrative group (fydibohf23spdlt)/cn=recipients/cn=fe134ce6f7124ebfa00395a14326bd71-luciana ber;</t>
  </si>
  <si>
    <t>Previa Outubro _ AVON</t>
  </si>
  <si>
    <t>/o=exchangelabs/ou=exchange administrative group (fydibohf23spdlt)/cn=recipients/cn=54861e79125f48cc952d00cf8160b9a8-jeferson fe,/o=exchangelabs/ou=exchange administrative group (fydibohf23spdlt)/cn=recipients/cn=a72a765de829420582b78941417073ac-karina rodr,/o=exchangelabs/ou=exchange administrative group (fydibohf23spdlt)/cn=recipients/cn=ba307e7ec0fc4bdbb07006aa828c05f7-carina ferr,/o=exchangelabs/ou=exchange administrative group (fydibohf23spdlt)/cn=recipients/cn=fe134ce6f7124ebfa00395a14326bd71-luciana ber</t>
  </si>
  <si>
    <t>C:\Users\simoneesm\OneDrive - Grupo Algar\Controle\ALGAR\FINANCEIRO\Orçamento Original\2020\1º semestre\Demais Pacotes\03102019 - simone\</t>
  </si>
  <si>
    <t>ENC: Pipe Latam</t>
  </si>
  <si>
    <t>Cópia de 092019_Forecast de Receita Oficial_2019_v9.xlsx</t>
  </si>
  <si>
    <t>RES: Organograma e Responsabilidades Estrutura Comercial ( novos Hunters)</t>
  </si>
  <si>
    <t>341004126_CNJ NOC.xlsb</t>
  </si>
  <si>
    <t>/o=exchangelabs/ou=exchange administrative group (fydibohf23spdlt)/cn=recipients/cn=34a28d636a1b4c86b1ec79baed4b846a-marco anton;/o=exchangelabs/ou=exchange administrative group (fydibohf23spdlt)/cn=recipients/cn=704ce6c3da8c45c9a4fbd113173d101c-tatiane sil;amanda.uzal@itau-unibanco.com.br;ibba-token@itaubba.com;</t>
  </si>
  <si>
    <t>/o=exchangelabs/ou=exchange administrative group (fydibohf23spdlt)/cn=recipients/cn=34a28d636a1b4c86b1ec79baed4b846a-marco anton,/o=exchangelabs/ou=exchange administrative group (fydibohf23spdlt)/cn=recipients/cn=704ce6c3da8c45c9a4fbd113173d101c-tatiane sil,amanda.uzal@itau-unibanco.com.br,ibba-token@itaubba.com</t>
  </si>
  <si>
    <t>RES: Lançamento Indevido - Despesas Gerais - LANCHES E REFEIÇÕES</t>
  </si>
  <si>
    <t>mail.google.com/mail/u/0/#sent</t>
  </si>
  <si>
    <t>itba.xlsx</t>
  </si>
  <si>
    <t>RES: PR199257 2019 - IBM 9819011324 - Serviços de SUGI no Santander - Quotation Number 9819011324</t>
  </si>
  <si>
    <t>199274_IBM_Questionario_Bodyshop_911903FA32.xlsx</t>
  </si>
  <si>
    <t>10.200.60.215</t>
  </si>
  <si>
    <t>54-BF-64-F5-81-98</t>
  </si>
  <si>
    <t>https://algar.facebook.com/work/group_file_upload/?__user=100014394903491&amp;__a=1&amp;__dyn=7azhj16byf8jgdxyhqzgomzfebeyggs8zxhec11xgdwihe98nyuduaoeppukbnyorxuf8vdkaxeuw3kfumwxz8s2svfegu9a5kuifzaxbxm3i3a4e9ohwou8usagegxw5o21wm9oowjdx6wxs68nxk48gjg12bzuvyug10zodoak5af3eny9gwhwczazku4ehwgz1w8xlwzag-fz9rbxefzpe2iazvu-6umyucdg2c69agm4ffxay8qzulxeaczu4ucyeuy8y1kxm6oj2utxxz8ixoby8ix22m585o2e8xy5qwcxe1ty9o9o-7eoxmmdw&amp;__csr=&amp;__req=7k&amp;__be=1&amp;__pc=phased:workplace_pkg&amp;dpr=1&amp;__rev=1001244291&amp;__s=:imvc63:3cesxc&amp;__hsi=6743566965414878387-0&amp;fb_dtsg=aqhb9o6zbu_5:aqe1glfemeio&amp;jazoest=21993&amp;__cid=972882742857598&amp;__spin_r=1001244291&amp;__spin_b=trunk&amp;__spin_t=1570024526</t>
  </si>
  <si>
    <t>C:\Users\lauanedjs\Desktop\</t>
  </si>
  <si>
    <t>/o=exchangelabs/ou=exchange administrative group (fydibohf23spdlt)/cn=recipients/cn=a72a765de829420582b78941417073ac-karina rodr;/o=exchangelabs/ou=exchange administrative group (fydibohf23spdlt)/cn=recipients/cn=ba307e7ec0fc4bdbb07006aa828c05f7-carina ferr;/o=exchangelabs/ou=exchange administrative group (fydibohf23spdlt)/cn=recipients/cn=d1d015f213f648abbf348b5ccdf8e9d9-senilda per;/o=exchangelabs/ou=exchange administrative group (fydibohf23spdlt)/cn=recipients/cn=fe134ce6f7124ebfa00395a14326bd71-luciana ber;</t>
  </si>
  <si>
    <t>RES: Previa Outubro _ AVON</t>
  </si>
  <si>
    <t>Cópia de Sala de Guerra Avon_horas extras_ajuste staff_v2_2709.xlsx</t>
  </si>
  <si>
    <t>/o=exchangelabs/ou=exchange administrative group (fydibohf23spdlt)/cn=recipients/cn=a72a765de829420582b78941417073ac-karina rodr,/o=exchangelabs/ou=exchange administrative group (fydibohf23spdlt)/cn=recipients/cn=ba307e7ec0fc4bdbb07006aa828c05f7-carina ferr,/o=exchangelabs/ou=exchange administrative group (fydibohf23spdlt)/cn=recipients/cn=d1d015f213f648abbf348b5ccdf8e9d9-senilda per,/o=exchangelabs/ou=exchange administrative group (fydibohf23spdlt)/cn=recipients/cn=fe134ce6f7124ebfa00395a14326bd71-luciana ber</t>
  </si>
  <si>
    <t>C:\OneDrive\OneDrive - Grupo Algar\ONEDRIVE_SegInfo\BRA\QRADAR\</t>
  </si>
  <si>
    <t>2019-10-03-data_export.csv.zip</t>
  </si>
  <si>
    <t>C:\OneDrive\OneDrive - Grupo Algar\ONEDRIVE_SegInfo\BRA\QRADAR\2019-10-03-data_export.csv.zip\</t>
  </si>
  <si>
    <t>2019-10-03-data_export.csv</t>
  </si>
  <si>
    <t>C:\Users\rodrigombu\OneDrive - Grupo Algar\Whirlpool\2019\09 - Setembro\Arquivo\N3\</t>
  </si>
  <si>
    <t>Acompanhamento - Segurança do Produto - 201908 - Fechamento.xlsx</t>
  </si>
  <si>
    <t>/o=exchangelabs/ou=exchange administrative group (fydibohf23spdlt)/cn=recipients/cn=545f738e0fe740ba856f4eb6ef0135e0-vinicius si;</t>
  </si>
  <si>
    <t>ENC: Proposta Televendas</t>
  </si>
  <si>
    <t>/o=exchangelabs/ou=exchange administrative group (fydibohf23spdlt)/cn=recipients/cn=545f738e0fe740ba856f4eb6ef0135e0-vinicius si</t>
  </si>
  <si>
    <t>ENC: RELATÓRIO DE CUSTOS SET/19</t>
  </si>
  <si>
    <t>RELATÓRIO DE CUSTOS SET19.xlsx</t>
  </si>
  <si>
    <t>/o=exchangelabs/ou=exchange administrative group (fydibohf23spdlt)/cn=recipients/cn=10d9bf2715304872bd0e6f8b03de50d1-projetos -;</t>
  </si>
  <si>
    <t>CLASSIFICAÇÃO DE ITENS</t>
  </si>
  <si>
    <t>ATEC-2017-0019-002 - TRANSFORMAÇÃO DIGITAL GRC.xlsx</t>
  </si>
  <si>
    <t>/o=exchangelabs/ou=exchange administrative group (fydibohf23spdlt)/cn=recipients/cn=10d9bf2715304872bd0e6f8b03de50d1-projetos -</t>
  </si>
  <si>
    <t>Inscrições - Campinas - Ticket.xlsx</t>
  </si>
  <si>
    <t>mail.google.com/_/upload?authuser=1&amp;dcp=asu-n&amp;upload_id=AEnB2UpnfcuKT7RfNN9kNRhEQwL8lVoVFI85azL0tMKw-cYTdKBBEHJbVLuACImaEpTVVr5ziPT6RVY5TLWMASfxOINI3sK_HTEzbY2mdcUbSX1wuKIOCKo&amp;upload_protocol=resumable</t>
  </si>
  <si>
    <t>ericsonns@algartech.com;flavia@iclicconsultoria.com.br;</t>
  </si>
  <si>
    <t>RES: Validação Páginas - Home Atendimento PJ</t>
  </si>
  <si>
    <t>Atendimento.7z\Atendimento\</t>
  </si>
  <si>
    <t>CaracterÃ­sticas dos Produtos.xlsx</t>
  </si>
  <si>
    <t>ericsonns@algartech.com,flavia@iclicconsultoria.com.br</t>
  </si>
  <si>
    <t>anacarolina.carvalho@bradesco.com.br;ericsonns@algartech.com;flavia@iclicconsultoria.com.br;iraide.neves@bradesco.com.br;wallacesf@algartech.com.br;</t>
  </si>
  <si>
    <t>anacarolina.carvalho@bradesco.com.br,ericsonns@algartech.com,flavia@iclicconsultoria.com.br,iraide.neves@bradesco.com.br,wallacesf@algartech.com.br</t>
  </si>
  <si>
    <t>fabianacscg@algartech.com</t>
  </si>
  <si>
    <t>andregc@algartech.com;antoniocoj@algartech.com;brunocss@algartech.com;douglassp@algartech.com;hugooc@algartech.com;joaogbma@algartech.com;marcotvo@algartech.com;ricardomi@algartech.com;tamaralg@algartech.com;victorvgar@algartech.com;viniciussg@algartech.com;</t>
  </si>
  <si>
    <t>ESFORÇO VALIDAÇÃO_FABI.xlsm</t>
  </si>
  <si>
    <t>andregc@algartech.com,antoniocoj@algartech.com,brunocss@algartech.com,douglassp@algartech.com,hugooc@algartech.com,joaogbma@algartech.com,marcotvo@algartech.com,ricardomi@algartech.com,tamaralg@algartech.com,victorvgar@algartech.com,viniciussg@algartech.com</t>
  </si>
  <si>
    <t>RES: Pipe Latam</t>
  </si>
  <si>
    <t>Cópia de Cópia de 092019_Forecast de Receita Oficial_2019_v9.xlsx</t>
  </si>
  <si>
    <t>consolidado_v1.csv</t>
  </si>
  <si>
    <t>10.200.60.15</t>
  </si>
  <si>
    <t>48-51-B7-89-8F-C8</t>
  </si>
  <si>
    <t>NB-GUILHERMEDSF</t>
  </si>
  <si>
    <t>guilhermedsf</t>
  </si>
  <si>
    <t>C:\Users\guilhermedsf\Documents\</t>
  </si>
  <si>
    <t>Template_-_Prorrogacao_de_Titulos---.xlsx</t>
  </si>
  <si>
    <t>c:\users\adrianamac\appdata\local\microsoft\windows\inetcache\content.outlook\09y5yo6l\</t>
  </si>
  <si>
    <t>inscrições - campinas - ticket.xlsx</t>
  </si>
  <si>
    <t>ENC: Urgente - Dia das Crianças</t>
  </si>
  <si>
    <t>5 stars 03.10.csv</t>
  </si>
  <si>
    <t>/o=exchangelabs/ou=exchange administrative group (fydibohf23spdlt)/cn=recipients/cn=0fe6fbf59e084c5fbc297e4579993283-cleverson c;/o=exchangelabs/ou=exchange administrative group (fydibohf23spdlt)/cn=recipients/cn=3604eabf59564dc8baa49b62a099a560-tatielly sa;</t>
  </si>
  <si>
    <t>RES: RESULTADOS MÊS 08</t>
  </si>
  <si>
    <t>Vendas Agosto TL2.xlsx</t>
  </si>
  <si>
    <t>/o=exchangelabs/ou=exchange administrative group (fydibohf23spdlt)/cn=recipients/cn=0fe6fbf59e084c5fbc297e4579993283-cleverson c,/o=exchangelabs/ou=exchange administrative group (fydibohf23spdlt)/cn=recipients/cn=3604eabf59564dc8baa49b62a099a560-tatielly sa</t>
  </si>
  <si>
    <t>ACOMPANHAMENTO DE CUSTOS 01102019 13H19.xlsx</t>
  </si>
  <si>
    <t>/o=exchangelabs/ou=exchange administrative group (fydibohf23spdlt)/cn=recipients/cn=93a9a0598b8d4b6ab10f3b1e2184d2e4-leonardo al;crce@algartech.com.br;</t>
  </si>
  <si>
    <t>RES: Faturas vencimento 12/10/2019</t>
  </si>
  <si>
    <t>Demonstrativo_CON MARQUISE_VCTO12102019.xlsx</t>
  </si>
  <si>
    <t>/o=exchangelabs/ou=exchange administrative group (fydibohf23spdlt)/cn=recipients/cn=93a9a0598b8d4b6ab10f3b1e2184d2e4-leonardo al,crce@algartech.com.br</t>
  </si>
  <si>
    <t>/o=exchangelabs/ou=exchange administrative group (fydibohf23spdlt)/cn=recipients/cn=b16974d7de334bfabfe3dee1e8e47e59-sherley cri;</t>
  </si>
  <si>
    <t>REAJUSTE</t>
  </si>
  <si>
    <t>REAJUSTE - DIONIZIO.xlsx</t>
  </si>
  <si>
    <t>/o=exchangelabs/ou=exchange administrative group (fydibohf23spdlt)/cn=recipients/cn=b16974d7de334bfabfe3dee1e8e47e59-sherley cri</t>
  </si>
  <si>
    <t>/o=exchangelabs/ou=exchange administrative group (fydibohf23spdlt)/cn=recipients/cn=109f6d628834480fabc1188cbdef64fa-antonia apa;/o=exchangelabs/ou=exchange administrative group (fydibohf23spdlt)/cn=recipients/cn=2f8300fc6f8b4714a77c0227cba72162-vinicius pi;</t>
  </si>
  <si>
    <t>Cadastro de conteúdo Jú</t>
  </si>
  <si>
    <t>Cadastrar na Jú.xlsx</t>
  </si>
  <si>
    <t>/o=exchangelabs/ou=exchange administrative group (fydibohf23spdlt)/cn=recipients/cn=109f6d628834480fabc1188cbdef64fa-antonia apa,/o=exchangelabs/ou=exchange administrative group (fydibohf23spdlt)/cn=recipients/cn=2f8300fc6f8b4714a77c0227cba72162-vinicius pi</t>
  </si>
  <si>
    <t>celsoadsj@algartech.com;</t>
  </si>
  <si>
    <t>PTH da Celma com hora extra lançada na aba evento</t>
  </si>
  <si>
    <t>celsoadsj@algartech.com</t>
  </si>
  <si>
    <t>\\acsfs\deptos\regionais\spo\talentos_humanos_spo\sesmt_spo\2015_organizaÇÃo dos diretÓrios\clientes\tim\pasta tim\</t>
  </si>
  <si>
    <t>controle de acesso tim_aes.xlsx</t>
  </si>
  <si>
    <t>/o=nt5/ou=00000000000000000000000000000000/cn=5ca83c4cd9f6e04c9f268b351a0a1535;</t>
  </si>
  <si>
    <t>Relatório Pipeline_Afonso_ 19_10_03.xlsx</t>
  </si>
  <si>
    <t>/o=nt5/ou=00000000000000000000000000000000/cn=5ca83c4cd9f6e04c9f268b351a0a1535</t>
  </si>
  <si>
    <t>Relatório Pipeline_Raul_ 03_10_19.xlsx</t>
  </si>
  <si>
    <t>/o=exchangelabs/ou=exchange administrative group (fydibohf23spdlt)/cn=recipients/cn=76d765d676864fe79b29c865fa21a2c7-leticia rez;</t>
  </si>
  <si>
    <t>ENC: Orçamento 2020 DENI</t>
  </si>
  <si>
    <t>/o=exchangelabs/ou=exchange administrative group (fydibohf23spdlt)/cn=recipients/cn=76d765d676864fe79b29c865fa21a2c7-leticia rez</t>
  </si>
  <si>
    <t>/o=exchangelabs/ou=exchange administrative group (fydibohf23spdlt)/cn=recipients/cn=504f2cfc403f495ebf675fe1e3d6931c-flavia ceci;</t>
  </si>
  <si>
    <t>Report_Programação de férias 0210 - Carlos M..Flaviaxlsm.xlsm</t>
  </si>
  <si>
    <t>/o=exchangelabs/ou=exchange administrative group (fydibohf23spdlt)/cn=recipients/cn=504f2cfc403f495ebf675fe1e3d6931c-flavia ceci</t>
  </si>
  <si>
    <t>copiadora@algartecnologia.com.br;</t>
  </si>
  <si>
    <t>Confira a programação completa da SIPTAMA aqui! Imprimir.xlsx</t>
  </si>
  <si>
    <t>copiadora@algartecnologia.com.br</t>
  </si>
  <si>
    <t>/o=exchangelabs/ou=exchange administrative group (fydibohf23spdlt)/cn=recipients/cn=2f1b08ea2f784157bec52a53b7e2d6d4-rafaela apa;/o=exchangelabs/ou=exchange administrative group (fydibohf23spdlt)/cn=recipients/cn=46e34a3dd66548f3b9bd29a71a9ad9be-iara santos;/o=exchangelabs/ou=exchange administrative group (fydibohf23spdlt)/cn=recipients/cn=67bd65dc87bd4106bc53a3fdb9bdc416-virginia ma;/o=exchangelabs/ou=exchange administrative group (fydibohf23spdlt)/cn=recipients/cn=ffac67121fe44ee99a9e20917aba08be-nubia fraga;</t>
  </si>
  <si>
    <t>RES: Participantes da reunião do dia 09/10</t>
  </si>
  <si>
    <t>Acessos Conexão Diretoria.xlsx</t>
  </si>
  <si>
    <t>/o=exchangelabs/ou=exchange administrative group (fydibohf23spdlt)/cn=recipients/cn=2f1b08ea2f784157bec52a53b7e2d6d4-rafaela apa,/o=exchangelabs/ou=exchange administrative group (fydibohf23spdlt)/cn=recipients/cn=46e34a3dd66548f3b9bd29a71a9ad9be-iara santos,/o=exchangelabs/ou=exchange administrative group (fydibohf23spdlt)/cn=recipients/cn=67bd65dc87bd4106bc53a3fdb9bdc416-virginia ma,/o=exchangelabs/ou=exchange administrative group (fydibohf23spdlt)/cn=recipients/cn=ffac67121fe44ee99a9e20917aba08be-nubia fraga</t>
  </si>
  <si>
    <t>thalita_y_cardoso@whirlpool.com;</t>
  </si>
  <si>
    <t>SAC D2C - BF 2017.xlsx</t>
  </si>
  <si>
    <t>thalita_y_cardoso@whirlpool.com</t>
  </si>
  <si>
    <t>/o=exchangelabs/ou=exchange administrative group (fydibohf23spdlt)/cn=recipients/cn=df6ea6cc78a840278b1e7acccac67692-thiago rodr;marcus.pellegrini@bv.com.br;mttechne.mpellegrini@bv.com.br;</t>
  </si>
  <si>
    <t>Relacionamento de Cartões BV: Planilha - 03/10/19</t>
  </si>
  <si>
    <t>/o=exchangelabs/ou=exchange administrative group (fydibohf23spdlt)/cn=recipients/cn=df6ea6cc78a840278b1e7acccac67692-thiago rodr,marcus.pellegrini@bv.com.br,mttechne.mpellegrini@bv.com.br</t>
  </si>
  <si>
    <t>ENC: Calculos desligamentos Voz Sicoob.xlsx</t>
  </si>
  <si>
    <t>ENC: Relatório base (Departamental) - Jan a Jul/19</t>
  </si>
  <si>
    <t>Relatório de Custo.xlsx</t>
  </si>
  <si>
    <t>/o=exchangelabs/ou=exchange administrative group (fydibohf23spdlt)/cn=recipients/cn=336c389d0315415fa23b83ecb070ae47-algar tech;/o=exchangelabs/ou=exchange administrative group (fydibohf23spdlt)/cn=recipients/cn=45f2f28946134d02983cdec2a4b45ab6-luan neves;/o=exchangelabs/ou=exchange administrative group (fydibohf23spdlt)/cn=recipients/cn=b88fbbe7feb5433885019feb0ecb000c-lilian beat;/o=exchangelabs/ou=exchange administrative group (fydibohf23spdlt)/cn=recipients/cn=cac18c5388b04f6d979d1bc87a08825a-marcopaulo;/o=exchangelabs/ou=exchange administrative group (fydibohf23spdlt)/cn=recipients/cn=fd4a47c4d251414eb48a57376a49e773-marco tulio;</t>
  </si>
  <si>
    <t>Avaliações - Qualidade</t>
  </si>
  <si>
    <t>Agosto - Avaliações.xls</t>
  </si>
  <si>
    <t>/o=exchangelabs/ou=exchange administrative group (fydibohf23spdlt)/cn=recipients/cn=336c389d0315415fa23b83ecb070ae47-algar tech,/o=exchangelabs/ou=exchange administrative group (fydibohf23spdlt)/cn=recipients/cn=45f2f28946134d02983cdec2a4b45ab6-luan neves,/o=exchangelabs/ou=exchange administrative group (fydibohf23spdlt)/cn=recipients/cn=b88fbbe7feb5433885019feb0ecb000c-lilian beat,/o=exchangelabs/ou=exchange administrative group (fydibohf23spdlt)/cn=recipients/cn=cac18c5388b04f6d979d1bc87a08825a-marcopaulo,/o=exchangelabs/ou=exchange administrative group (fydibohf23spdlt)/cn=recipients/cn=fd4a47c4d251414eb48a57376a49e773-marco tulio</t>
  </si>
  <si>
    <t>RES: Me enviar meus DECIL</t>
  </si>
  <si>
    <t>Faixas de metrica especifica - UDI - AMEX CERRADO - UCB - BTB - DEZEMBRO 2019.xlsm</t>
  </si>
  <si>
    <t>vivianega@algartech.com.br;</t>
  </si>
  <si>
    <t>Metas TOP</t>
  </si>
  <si>
    <t>Faixas de metrica especifica - UDI - AMEX CAPTURA DE DADOS - OUTUBRO 2019.xlsm</t>
  </si>
  <si>
    <t>vivianega@algartech.com.br</t>
  </si>
  <si>
    <t>leonardoamf@algartech.com.br;</t>
  </si>
  <si>
    <t>Meta TOP</t>
  </si>
  <si>
    <t>Faixas de metrica especifica - UDI - AMEX CERRADO - CANAL ESPECIAL PJ AMEX - OUTUBRO 2019.xlsm</t>
  </si>
  <si>
    <t>leonardoamf@algartech.com.br</t>
  </si>
  <si>
    <t>ueniargl@algartech.com.br;</t>
  </si>
  <si>
    <t>Faixas de metrica especifica - UDI - AMEX - ATENDIMENTO CORPORATIVO UNE MIGRAÇÃO - OUTUBRO 2019.xlsm</t>
  </si>
  <si>
    <t>ueniargl@algartech.com.br</t>
  </si>
  <si>
    <t>mail.google.com/_/upload?authuser=1&amp;dcp=asu-n&amp;upload_id=AEnB2UrHptZLyPaa2ZHdmRvnRM-84foLEw5Fqk9fV_suLgtTcuY69QO2uKy-cVmJX1LoOpxQzsggF7eLJTZoRvDBuRc4HbNvIFpsCQ5Be58apHR1ipld_X4&amp;upload_protocol=resumable</t>
  </si>
  <si>
    <t>Cadastro Cliente.xlsx</t>
  </si>
  <si>
    <t>Relatório Pipeline_Dionizio_ 19_10_03.xlsx</t>
  </si>
  <si>
    <t>luanaaoli@algartech.com</t>
  </si>
  <si>
    <t>C:\Users\luanaaoli\AppData\Local\Microsoft\Windows\INetCache\IE\53SWF6JT\</t>
  </si>
  <si>
    <t>Agências Ofensoras - Maio até Setembro-19.xlsx</t>
  </si>
  <si>
    <t>/o=exchangelabs/ou=exchange administrative group (fydibohf23spdlt)/cn=recipients/cn=453b61456320491dad510b65b310018f-kelen crist;/o=exchangelabs/ou=exchange administrative group (fydibohf23spdlt)/cn=recipients/cn=88e4fcbd3ea14730a81286cc0683fb42-manoel eloy;/o=exchangelabs/ou=exchange administrative group (fydibohf23spdlt)/cn=recipients/cn=b712c36eebee42428d3790abe2696417-romario gom;/o=exchangelabs/ou=exchange administrative group (fydibohf23spdlt)/cn=recipients/cn=c54bebbd63a1403e83787e59fcd1acdc-joao sergio;</t>
  </si>
  <si>
    <t>Usuário para liberação Power BI NEXT</t>
  </si>
  <si>
    <t>Usuario para liberação power bi NEXT.xlsx</t>
  </si>
  <si>
    <t>/o=exchangelabs/ou=exchange administrative group (fydibohf23spdlt)/cn=recipients/cn=453b61456320491dad510b65b310018f-kelen crist,/o=exchangelabs/ou=exchange administrative group (fydibohf23spdlt)/cn=recipients/cn=88e4fcbd3ea14730a81286cc0683fb42-manoel eloy,/o=exchangelabs/ou=exchange administrative group (fydibohf23spdlt)/cn=recipients/cn=b712c36eebee42428d3790abe2696417-romario gom,/o=exchangelabs/ou=exchange administrative group (fydibohf23spdlt)/cn=recipients/cn=c54bebbd63a1403e83787e59fcd1acdc-joao sergio</t>
  </si>
  <si>
    <t>C:\Users\elainemdlp\OD\_Projetos\Em andamento\Relacionamento Cartoes BV\02 - Planejamento\Compras\Nice\</t>
  </si>
  <si>
    <t>Historico Depositos Judiciais e Contingencias - Caixa 2019</t>
  </si>
  <si>
    <t>DJ_CTG.xlsx</t>
  </si>
  <si>
    <t>/o=exchangelabs/ou=exchange administrative group (fydibohf23spdlt)/cn=recipients/cn=54abac0a4fdc4ad1bec39bb51d85eab1-victor hugo;/o=exchangelabs/ou=exchange administrative group (fydibohf23spdlt)/cn=recipients/cn=9e7c445894a4474a86a42a5f271a0d12-viviane res;/o=exchangelabs/ou=exchange administrative group (fydibohf23spdlt)/cn=recipients/cn=userdc05fc7c;</t>
  </si>
  <si>
    <t>RES: Outros custos</t>
  </si>
  <si>
    <t>/o=exchangelabs/ou=exchange administrative group (fydibohf23spdlt)/cn=recipients/cn=54abac0a4fdc4ad1bec39bb51d85eab1-victor hugo,/o=exchangelabs/ou=exchange administrative group (fydibohf23spdlt)/cn=recipients/cn=9e7c445894a4474a86a42a5f271a0d12-viviane res,/o=exchangelabs/ou=exchange administrative group (fydibohf23spdlt)/cn=recipients/cn=userdc05fc7c</t>
  </si>
  <si>
    <t>/o=exchangelabs/ou=exchange administrative group (fydibohf23spdlt)/cn=recipients/cn=2be3fa2db03f4d399261f643401355ea-rafael pere;/o=exchangelabs/ou=exchange administrative group (fydibohf23spdlt)/cn=recipients/cn=66892ec7505c4d138347b8eda5fa01e7-tassiana ap;/o=exchangelabs/ou=exchange administrative group (fydibohf23spdlt)/cn=recipients/cn=userd3ef8196;</t>
  </si>
  <si>
    <t>TMA e TMIA - Meta_Out/2019</t>
  </si>
  <si>
    <t>TMA e TMIA_Metas - Out19.xlsx</t>
  </si>
  <si>
    <t>/o=exchangelabs/ou=exchange administrative group (fydibohf23spdlt)/cn=recipients/cn=2be3fa2db03f4d399261f643401355ea-rafael pere,/o=exchangelabs/ou=exchange administrative group (fydibohf23spdlt)/cn=recipients/cn=66892ec7505c4d138347b8eda5fa01e7-tassiana ap,/o=exchangelabs/ou=exchange administrative group (fydibohf23spdlt)/cn=recipients/cn=userd3ef8196</t>
  </si>
  <si>
    <t>RES: Demonstrativo de Faturamento_ Outubro 2019 ** Antecipação</t>
  </si>
  <si>
    <t>Acompanhamento - Segurança do Produto - 201909 - Fechamento.xlsx</t>
  </si>
  <si>
    <t>/o=exchangelabs/ou=exchange administrative group (fydibohf23spdlt)/cn=recipients/cn=0b6a994899de4cd3af0f6d1091e97ebf-arones abre;/o=exchangelabs/ou=exchange administrative group (fydibohf23spdlt)/cn=recipients/cn=8c89829ad534498fa4c85b5ac11174f1-suelen more;marcelom@algartech.com;</t>
  </si>
  <si>
    <t>RES: Urgente - Avaliação de BP - 193293 - Unimed RJ</t>
  </si>
  <si>
    <t>ID 193293 - Unimed RJ (To-Be -Cenário 1) - Plan Precificacao C017 B017 02_10_2019.xlsb</t>
  </si>
  <si>
    <t>/o=exchangelabs/ou=exchange administrative group (fydibohf23spdlt)/cn=recipients/cn=0b6a994899de4cd3af0f6d1091e97ebf-arones abre,/o=exchangelabs/ou=exchange administrative group (fydibohf23spdlt)/cn=recipients/cn=8c89829ad534498fa4c85b5ac11174f1-suelen more,marcelom@algartech.com</t>
  </si>
  <si>
    <t>mail.google.com/_/upload?authuser=1&amp;dcp=asu-n&amp;upload_id=AEnB2UrYLJtS_6MRupeRh2VcPwKPeHnsSU_ynMQshvsogcyCDG6bzz0N8qAXteCqXhYO40eL2HMVSU3KcXhyrnKI_bFe_mYpGJeY-EeFdrG8-9ZBFlyT5B8&amp;upload_protocol=resumable</t>
  </si>
  <si>
    <t>C:\Users\kaiohas\Documents\grades\distãncia\</t>
  </si>
  <si>
    <t>20191003-03241737_distancias_Campinas p_Base Sorocaba.csv</t>
  </si>
  <si>
    <t>mail.google.com/_/upload?authuser=1&amp;dcp=asu-n&amp;upload_id=AEnB2UoRxsmnw7U-T4PtoSAyqArkcDppBg5bKHqLr9bVd0B2xDG9EIz0PksO_jIp9L5rmn_k8C6I6LHOjNkrduOfNmAc4_2Nmy14vZi2LpZ-G6LQ3T_st50&amp;upload_protocol=resumable</t>
  </si>
  <si>
    <t>Campinas p_ Base Sorocaba - Página5.csv</t>
  </si>
  <si>
    <t>mail.google.com/_/upload?authuser=1&amp;dcp=asu-n&amp;upload_id=AEnB2UpZiF1N-L4-3ZKZJAeol-f-mblXeEO1S1DKoEx_WwrLeXBU01ONWFF9G4O9_c6B15rClDfaiOeIvIFM9gvCKdb9vKfGsmKfyJ498HLigeZKu6Xf2Q8&amp;upload_protocol=resumable</t>
  </si>
  <si>
    <t>Campinas p_Base Sorocaba.csv</t>
  </si>
  <si>
    <t>C:\Users\rodrigormc\Downloads\</t>
  </si>
  <si>
    <t>/o=exchangelabs/ou=exchange administrative group (fydibohf23spdlt)/cn=recipients/cn=55f846c335d7437f892f0b0d49c89e92-celma ribei;</t>
  </si>
  <si>
    <t>ENC: EBIT x Novos Negócios</t>
  </si>
  <si>
    <t>PLANILHA DAF_RECÁLCULO EBIT.xlsx</t>
  </si>
  <si>
    <t>/o=exchangelabs/ou=exchange administrative group (fydibohf23spdlt)/cn=recipients/cn=55f846c335d7437f892f0b0d49c89e92-celma ribei</t>
  </si>
  <si>
    <t>/o=exchangelabs/ou=exchange administrative group (fydibohf23spdlt)/cn=recipients/cn=0ca6cc8d100949a7866a928f62ef5778-rosilene de;/o=exchangelabs/ou=exchange administrative group (fydibohf23spdlt)/cn=recipients/cn=6189712535ea4b50a3625910837af2c9-larissa bra;/o=exchangelabs/ou=exchange administrative group (fydibohf23spdlt)/cn=recipients/cn=hugo cesar rodrigues dos santos;</t>
  </si>
  <si>
    <t>Fechamento Acompanhamento - Segurança do Produto - Set/2019</t>
  </si>
  <si>
    <t>/o=exchangelabs/ou=exchange administrative group (fydibohf23spdlt)/cn=recipients/cn=0ca6cc8d100949a7866a928f62ef5778-rosilene de,/o=exchangelabs/ou=exchange administrative group (fydibohf23spdlt)/cn=recipients/cn=6189712535ea4b50a3625910837af2c9-larissa bra,/o=exchangelabs/ou=exchange administrative group (fydibohf23spdlt)/cn=recipients/cn=hugo cesar rodrigues dos santos</t>
  </si>
  <si>
    <t>10.200.36.74</t>
  </si>
  <si>
    <t>D0-94-66-A2-5A-56</t>
  </si>
  <si>
    <t>ATDIRETORIA-01</t>
  </si>
  <si>
    <t>nubiafrsp</t>
  </si>
  <si>
    <t>Nubia Fraga da Silva Pereira</t>
  </si>
  <si>
    <t>/o=exchangelabs/ou=exchange administrative group (fydibohf23spdlt)/cn=recipients/cn=685a6c7fa4684b9ab51c683ec151a83c-kelly crist;/o=exchangelabs/ou=exchange administrative group (fydibohf23spdlt)/cn=recipients/cn=ab45243d601947128cfe3dec663408bf-pamela tava;/o=exchangelabs/ou=exchange administrative group (fydibohf23spdlt)/cn=recipients/cn=b72172958afd4864945ba220ebe46b7c-lanna there;</t>
  </si>
  <si>
    <t>RES: Lives Júlio</t>
  </si>
  <si>
    <t>Mailing Atualizado.msg\s1\</t>
  </si>
  <si>
    <t>Mailing Liderança - Algar Tech (Atualizado).xlsx</t>
  </si>
  <si>
    <t>/o=exchangelabs/ou=exchange administrative group (fydibohf23spdlt)/cn=recipients/cn=685a6c7fa4684b9ab51c683ec151a83c-kelly crist,/o=exchangelabs/ou=exchange administrative group (fydibohf23spdlt)/cn=recipients/cn=ab45243d601947128cfe3dec663408bf-pamela tava,/o=exchangelabs/ou=exchange administrative group (fydibohf23spdlt)/cn=recipients/cn=b72172958afd4864945ba220ebe46b7c-lanna there</t>
  </si>
  <si>
    <t>10.200.111.18</t>
  </si>
  <si>
    <t>/o=exchangelabs/ou=exchange administrative group (fydibohf23spdlt)/cn=recipients/cn=61af722dd06149089cf1c867d796b8bc-delso estre;/o=exchangelabs/ou=exchange administrative group (fydibohf23spdlt)/cn=recipients/cn=c9ea031fea1c4d28a37208d7515cef44-mara rubia;</t>
  </si>
  <si>
    <t>Pendências PLR (reunião de 03/out)</t>
  </si>
  <si>
    <t>Simula_PLR.xlsx</t>
  </si>
  <si>
    <t>/o=exchangelabs/ou=exchange administrative group (fydibohf23spdlt)/cn=recipients/cn=61af722dd06149089cf1c867d796b8bc-delso estre,/o=exchangelabs/ou=exchange administrative group (fydibohf23spdlt)/cn=recipients/cn=c9ea031fea1c4d28a37208d7515cef44-mara rubia</t>
  </si>
  <si>
    <t>https://assistant-us-south.watsonplatform.net/rest/v2/skills/6580cd03-1baf-4a56-9d82-37cf96647381/content</t>
  </si>
  <si>
    <t>consolidado_v2.csv</t>
  </si>
  <si>
    <t>cristinaandreza419@gmail.com;priscilakawane66@gmail.com;</t>
  </si>
  <si>
    <t>LISTA ASSOCIADOS - DC.xlsx</t>
  </si>
  <si>
    <t>cristinaandreza419@gmail.com,priscilakawane66@gmail.com</t>
  </si>
  <si>
    <t>/o=exchangelabs/ou=exchange administrative group (fydibohf23spdlt)/cn=recipients/cn=3dd2a19994fe4c34a2427058cc20314f-anderson ro;</t>
  </si>
  <si>
    <t>ENC: Novatos EDP!</t>
  </si>
  <si>
    <t>/o=exchangelabs/ou=exchange administrative group (fydibohf23spdlt)/cn=recipients/cn=3dd2a19994fe4c34a2427058cc20314f-anderson ro</t>
  </si>
  <si>
    <t>/o=exchangelabs/ou=exchange administrative group (fydibohf23spdlt)/cn=recipients/cn=33d249108a194f94ad1c0c445c411f81-sabrina vie;/o=exchangelabs/ou=exchange administrative group (fydibohf23spdlt)/cn=recipients/cn=fe134ce6f7124ebfa00395a14326bd71-luciana ber;</t>
  </si>
  <si>
    <t>Template recuperação de custo</t>
  </si>
  <si>
    <t>/o=exchangelabs/ou=exchange administrative group (fydibohf23spdlt)/cn=recipients/cn=33d249108a194f94ad1c0c445c411f81-sabrina vie,/o=exchangelabs/ou=exchange administrative group (fydibohf23spdlt)/cn=recipients/cn=fe134ce6f7124ebfa00395a14326bd71-luciana ber</t>
  </si>
  <si>
    <t>/o=exchangelabs/ou=exchange administrative group (fydibohf23spdlt)/cn=recipients/cn=372a4aee70df4061aed129651510b96b-raul montei;/o=exchangelabs/ou=exchange administrative group (fydibohf23spdlt)/cn=recipients/cn=b16974d7de334bfabfe3dee1e8e47e59-sherley cri;/o=exchangelabs/ou=exchange administrative group (fydibohf23spdlt)/cn=recipients/cn=b79663656cc44aa3bf06617d1695ae51-carlos faci;</t>
  </si>
  <si>
    <t>Pipeline Latam</t>
  </si>
  <si>
    <t>Pipeline Detalhado Latam 2019_10_03.xlsx</t>
  </si>
  <si>
    <t>/o=exchangelabs/ou=exchange administrative group (fydibohf23spdlt)/cn=recipients/cn=372a4aee70df4061aed129651510b96b-raul montei,/o=exchangelabs/ou=exchange administrative group (fydibohf23spdlt)/cn=recipients/cn=b16974d7de334bfabfe3dee1e8e47e59-sherley cri,/o=exchangelabs/ou=exchange administrative group (fydibohf23spdlt)/cn=recipients/cn=b79663656cc44aa3bf06617d1695ae51-carlos faci</t>
  </si>
  <si>
    <t>C:\Users\marcopaulolr\OneDrive - Grupo Algar\Pessoal\Projeto Casa\</t>
  </si>
  <si>
    <t>Planilha-construcao casa splendido atualizada.xlsx</t>
  </si>
  <si>
    <t>natalia.toma@bradesco.com.br;suporte.vmc@bradescocartoes.com.br;</t>
  </si>
  <si>
    <t>RES: Emissão Cartões - COOP CRM:004070000527</t>
  </si>
  <si>
    <t>COOP - COOPERATIVA DE CONSUMO.xlsx</t>
  </si>
  <si>
    <t>natalia.toma@bradesco.com.br,suporte.vmc@bradescocartoes.com.br</t>
  </si>
  <si>
    <t>RES: mtb</t>
  </si>
  <si>
    <t>Template Orçamentário Pessoal - 2020_Wesley.xlsx</t>
  </si>
  <si>
    <t>10.200.61.134</t>
  </si>
  <si>
    <t>5C-EA-1D-CF-BE-F9</t>
  </si>
  <si>
    <t>Plano de trabalho.xlsx</t>
  </si>
  <si>
    <t>\\acsfs\DEPTOS\Controladoria\3. CSC\CONTROLES CSC\7-Orçamento 2020\DRE para subir qlikview\</t>
  </si>
  <si>
    <t>CSC - Resumo revisão orçamento 2019 - atualizado em 25.09.2019.xlsx</t>
  </si>
  <si>
    <t>C:\Users\elainemdlp\OD\_Projetos\Em andamento\Relacionamento Cartoes BV\</t>
  </si>
  <si>
    <t>Dados do Projeto.xlsx</t>
  </si>
  <si>
    <t>/o=exchangelabs/ou=exchange administrative group (fydibohf23spdlt)/cn=recipients/cn=c514dbe8b91547adb4618232d1a650ba-afonso domi;/o=exchangelabs/ou=exchange administrative group (fydibohf23spdlt)/cn=recipients/cn=c82d742f5f1e4122a86db0495b71e095-nilton j. g;</t>
  </si>
  <si>
    <t>RES: Rate Card Algar Tech-IBM México</t>
  </si>
  <si>
    <t>BRAZIL 19903-2017 - (Computa Center - Partner Pricing_ Confidential) v06_Fev18 (002).xlsx</t>
  </si>
  <si>
    <t>/o=exchangelabs/ou=exchange administrative group (fydibohf23spdlt)/cn=recipients/cn=c514dbe8b91547adb4618232d1a650ba-afonso domi,/o=exchangelabs/ou=exchange administrative group (fydibohf23spdlt)/cn=recipients/cn=c82d742f5f1e4122a86db0495b71e095-nilton j. g</t>
  </si>
  <si>
    <t>/o=exchangelabs/ou=exchange administrative group (fydibohf23spdlt)/cn=recipients/cn=287c26b08a0f48578479a15a452f025d-edilson rod;/o=exchangelabs/ou=exchange administrative group (fydibohf23spdlt)/cn=recipients/cn=8c89829ad534498fa4c85b5ac11174f1-suelen more;/o=exchangelabs/ou=exchange administrative group (fydibohf23spdlt)/cn=recipients/cn=fe8fdec9c88140d18f5303035fad45f0-ricardo bor;</t>
  </si>
  <si>
    <t>Projeto Banco BMG - SOLICITAÇÃO DE APROVAÇÃO DA BP</t>
  </si>
  <si>
    <t>/o=exchangelabs/ou=exchange administrative group (fydibohf23spdlt)/cn=recipients/cn=287c26b08a0f48578479a15a452f025d-edilson rod,/o=exchangelabs/ou=exchange administrative group (fydibohf23spdlt)/cn=recipients/cn=8c89829ad534498fa4c85b5ac11174f1-suelen more,/o=exchangelabs/ou=exchange administrative group (fydibohf23spdlt)/cn=recipients/cn=fe8fdec9c88140d18f5303035fad45f0-ricardo bor</t>
  </si>
  <si>
    <t>\\acsfs\ACS\Suporte à Operações\02 - Faturamento\2019\09 - Setembro\ALGAR TELECOM\TLV MPE - EXPANSÃO CONCESSÃO\</t>
  </si>
  <si>
    <t>SL XXXX MPE CONCESSÃO ago.19.xlsx</t>
  </si>
  <si>
    <t>\\acsfs\ACS\Suporte à Operações\02 - Faturamento\2019\08 - Agosto\ALGAR TELECOM\TLV MPE - EXPANSÃO E CONCESSÃO\</t>
  </si>
  <si>
    <t>SL XXXX MPE CONCESSÃO JUL.19.xlsx</t>
  </si>
  <si>
    <t>\\acsfs\ACS\Suporte à Operações\02 - Faturamento\2019\07 - Julho\ALGAR TELECOM\TLV MPE - EXPANSÃO E CONCESSÃO\</t>
  </si>
  <si>
    <t>SL 18481 MPE CONCESSÃO JUN.19.xlsx</t>
  </si>
  <si>
    <t>C:\Users\fabriciovs\Downloads\</t>
  </si>
  <si>
    <t>SUBSTITUICAO DESKTOPS E NOTEBOOKS - ALGAR TECH - (UBERLANDIA E CAMPINAS) (1).xlsx</t>
  </si>
  <si>
    <t>SUBSTITUICAO DESKTOPS BRADESCO - (UBERLANDIA) (1).xlsx</t>
  </si>
  <si>
    <t>/o=exchangelabs/ou=exchange administrative group (fydibohf23spdlt)/cn=recipients/cn=685a6c7fa4684b9ab51c683ec151a83c-kelly crist;</t>
  </si>
  <si>
    <t>Remuneração Diretores</t>
  </si>
  <si>
    <t>Remuneração Total Diretos Presidência_out2019.xlsx</t>
  </si>
  <si>
    <t>/o=exchangelabs/ou=exchange administrative group (fydibohf23spdlt)/cn=recipients/cn=685a6c7fa4684b9ab51c683ec151a83c-kelly crist</t>
  </si>
  <si>
    <t>Pipeline Argentina</t>
  </si>
  <si>
    <t>Pipeline Detalhado Argentina 2019_10_03.xlsx</t>
  </si>
  <si>
    <t>/o=exchangelabs/ou=exchange administrative group (fydibohf23spdlt)/cn=recipients/cn=0a343ab60c904ee9b25c54f941bc50a2-elincon pis;/o=exchangelabs/ou=exchange administrative group (fydibohf23spdlt)/cn=recipients/cn=0addf5d63aa844c7a80c4c80b8d6351e-edson barbo;/o=exchangelabs/ou=exchange administrative group (fydibohf23spdlt)/cn=recipients/cn=1698f5af44b14116ad2d0b751d584c7d-danilo rafa;/o=exchangelabs/ou=exchange administrative group (fydibohf23spdlt)/cn=recipients/cn=4f38c46ac30340feabdfe89784ecd392-jose dos sa;</t>
  </si>
  <si>
    <t>RES: ACESSO AS ETD's DA ENEL</t>
  </si>
  <si>
    <t>Levantamento_Prestadores de serviço_Integração_2019_Mod (003).xlsx</t>
  </si>
  <si>
    <t>/o=exchangelabs/ou=exchange administrative group (fydibohf23spdlt)/cn=recipients/cn=0a343ab60c904ee9b25c54f941bc50a2-elincon pis,/o=exchangelabs/ou=exchange administrative group (fydibohf23spdlt)/cn=recipients/cn=0addf5d63aa844c7a80c4c80b8d6351e-edson barbo,/o=exchangelabs/ou=exchange administrative group (fydibohf23spdlt)/cn=recipients/cn=1698f5af44b14116ad2d0b751d584c7d-danilo rafa,/o=exchangelabs/ou=exchange administrative group (fydibohf23spdlt)/cn=recipients/cn=4f38c46ac30340feabdfe89784ecd392-jose dos sa</t>
  </si>
  <si>
    <t>C:\Users\elainemdlp\OD\_Projetos\Em andamento\Relacionamento Cartoes BV\03 - Execucao\Centro Logistico\</t>
  </si>
  <si>
    <t>/o=exchangelabs/ou=exchange administrative group (fydibohf23spdlt)/cn=recipients/cn=603ada399f684d8cbb7c2653efa30e6a-andre luiz;/o=exchangelabs/ou=exchange administrative group (fydibohf23spdlt)/cn=recipients/cn=user07db2088;/o=exchangelabs/ou=exchange administrative group (fydibohf23spdlt)/cn=recipients/cn=userd3ef8196;</t>
  </si>
  <si>
    <t>Produtividade MKT e Ativo - Incentivo Setembro</t>
  </si>
  <si>
    <t>TRABALHADOS MKT PLAC3.xlsx</t>
  </si>
  <si>
    <t>/o=exchangelabs/ou=exchange administrative group (fydibohf23spdlt)/cn=recipients/cn=603ada399f684d8cbb7c2653efa30e6a-andre luiz,/o=exchangelabs/ou=exchange administrative group (fydibohf23spdlt)/cn=recipients/cn=user07db2088,/o=exchangelabs/ou=exchange administrative group (fydibohf23spdlt)/cn=recipients/cn=userd3ef8196</t>
  </si>
  <si>
    <t>\\acsfs\ACS\Suporte à Operações\02 - Faturamento\2019\06 - Junho\ALGAR TELECOM\MPE CONCESSÃO e EXPANSÃO - 340003018\</t>
  </si>
  <si>
    <t>SL 18269 MPE CONCESSÃO MAIO.19.xlsx</t>
  </si>
  <si>
    <t>10.200.99.188</t>
  </si>
  <si>
    <t>/o=exchangelabs/ou=exchange administrative group (fydibohf23spdlt)/cn=recipients/cn=4b453b7f02914710b3e94bcf7b311ad4-fernando po;/o=exchangelabs/ou=exchange administrative group (fydibohf23spdlt)/cn=recipients/cn=68e6aa2e3fef4ccaba997d98294c9ed5-cristina he;/o=exchangelabs/ou=exchange administrative group (fydibohf23spdlt)/cn=recipients/cn=a4ba92cba10f4fe498074594f937f3b6-leandro lop;/o=exchangelabs/ou=exchange administrative group (fydibohf23spdlt)/cn=recipients/cn=d3d28899a5be4c2c8b5b9e55717f7da7-fabio ribei;/o=exchangelabs/ou=exchange administrative group (fydibohf23spdlt)/cn=recipients/cn=f45617401bdf436baf70c45766699413-frederico b;</t>
  </si>
  <si>
    <t>ENC: Projeto avos de férias - IMPORTANTE</t>
  </si>
  <si>
    <t>Report_Programação de férias 0210 - Polati.xlsx</t>
  </si>
  <si>
    <t>/o=exchangelabs/ou=exchange administrative group (fydibohf23spdlt)/cn=recipients/cn=4b453b7f02914710b3e94bcf7b311ad4-fernando po,/o=exchangelabs/ou=exchange administrative group (fydibohf23spdlt)/cn=recipients/cn=68e6aa2e3fef4ccaba997d98294c9ed5-cristina he,/o=exchangelabs/ou=exchange administrative group (fydibohf23spdlt)/cn=recipients/cn=a4ba92cba10f4fe498074594f937f3b6-leandro lop,/o=exchangelabs/ou=exchange administrative group (fydibohf23spdlt)/cn=recipients/cn=d3d28899a5be4c2c8b5b9e55717f7da7-fabio ribei,/o=exchangelabs/ou=exchange administrative group (fydibohf23spdlt)/cn=recipients/cn=f45617401bdf436baf70c45766699413-frederico b</t>
  </si>
  <si>
    <t>Liberacao_BV_01.xlsx</t>
  </si>
  <si>
    <t>Pipeline Detalhado Colombia 2019_10_03.xlsx</t>
  </si>
  <si>
    <t>/o=exchangelabs/ou=exchange administrative group (fydibohf23spdlt)/cn=recipients/cn=2f002ba966e74543a383a969ab11be23-laura karin;/o=exchangelabs/ou=exchange administrative group (fydibohf23spdlt)/cn=recipients/cn=372a4aee70df4061aed129651510b96b-raul montei;/o=exchangelabs/ou=exchange administrative group (fydibohf23spdlt)/cn=recipients/cn=7b70aa18debb49fb8da0f7282594e513-ricardo ale;/o=exchangelabs/ou=exchange administrative group (fydibohf23spdlt)/cn=recipients/cn=909e770c97ed4b8fa033c30357f65607-juan carlos;/o=exchangelabs/ou=exchange administrative group (fydibohf23spdlt)/cn=recipients/cn=cd3b5b481f524fe68902e02768910038-koldo alcal;/o=exchangelabs/ou=exchange administrative group (fydibohf23spdlt)/cn=recipients/cn=ec75236071b94f8daccab087f036e1c7-maria guada;</t>
  </si>
  <si>
    <t>Pipeline Detalhado Mexico 2019_10_03.xlsx</t>
  </si>
  <si>
    <t>/o=exchangelabs/ou=exchange administrative group (fydibohf23spdlt)/cn=recipients/cn=2f002ba966e74543a383a969ab11be23-laura karin,/o=exchangelabs/ou=exchange administrative group (fydibohf23spdlt)/cn=recipients/cn=372a4aee70df4061aed129651510b96b-raul montei,/o=exchangelabs/ou=exchange administrative group (fydibohf23spdlt)/cn=recipients/cn=7b70aa18debb49fb8da0f7282594e513-ricardo ale,/o=exchangelabs/ou=exchange administrative group (fydibohf23spdlt)/cn=recipients/cn=909e770c97ed4b8fa033c30357f65607-juan carlos,/o=exchangelabs/ou=exchange administrative group (fydibohf23spdlt)/cn=recipients/cn=cd3b5b481f524fe68902e02768910038-koldo alcal,/o=exchangelabs/ou=exchange administrative group (fydibohf23spdlt)/cn=recipients/cn=ec75236071b94f8daccab087f036e1c7-maria guada</t>
  </si>
  <si>
    <t>Fechamento Setembro_ UNE e Casos Especiais</t>
  </si>
  <si>
    <t>/o=exchangelabs/ou=exchange administrative group (fydibohf23spdlt)/cn=recipients/cn=7c632836e43449a2a6ed070b9ecc4bf0-jeneffer fe;/o=exchangelabs/ou=exchange administrative group (fydibohf23spdlt)/cn=recipients/cn=953d0b5cb08e4147ab387438ebcc9fb6-leandro rei;/o=exchangelabs/ou=exchange administrative group (fydibohf23spdlt)/cn=recipients/cn=d8541cfaa44f4aa6a8421fccd6aa2d4a-joao edson;/o=exchangelabs/ou=exchange administrative group (fydibohf23spdlt)/cn=recipients/cn=f8583aae88d4485dac542c395d25e6fc-diego dos r;rafaelsmel@algartech.com;</t>
  </si>
  <si>
    <t>RES: O.C 43934 DELL --- Ticket 782045</t>
  </si>
  <si>
    <t>/o=exchangelabs/ou=exchange administrative group (fydibohf23spdlt)/cn=recipients/cn=7c632836e43449a2a6ed070b9ecc4bf0-jeneffer fe,/o=exchangelabs/ou=exchange administrative group (fydibohf23spdlt)/cn=recipients/cn=953d0b5cb08e4147ab387438ebcc9fb6-leandro rei,/o=exchangelabs/ou=exchange administrative group (fydibohf23spdlt)/cn=recipients/cn=d8541cfaa44f4aa6a8421fccd6aa2d4a-joao edson,/o=exchangelabs/ou=exchange administrative group (fydibohf23spdlt)/cn=recipients/cn=f8583aae88d4485dac542c395d25e6fc-diego dos r,rafaelsmel@algartech.com</t>
  </si>
  <si>
    <t>RES: Informações Proposta Comercial - Evolução Digital</t>
  </si>
  <si>
    <t>Usuarios.xls</t>
  </si>
  <si>
    <t>mail.google.com/_/upload?authuser=0&amp;dcp=asu-n&amp;upload_id=AEnB2UoJYHs8NIs0-4HknhijmEui3lwnmvASW8qsI_iD2CxV0FmTbEWPaLRlh2jqClndRtEnJ8a6FbQ3RNFQwfRybx0L8VX0yg&amp;upload_protocol=resumable</t>
  </si>
  <si>
    <t>D:\AlgarTech\Planejamento_Engenharia\Opex\Solicitações\Compra 200 Etiquetas BPO 03-10-2019\</t>
  </si>
  <si>
    <t>Formulário Compra 200 Barcodes Fitas BPO.xlsx</t>
  </si>
  <si>
    <t>mail.google.com/_/upload?authuser=0&amp;dcp=asu-n&amp;upload_id=AEnB2UoA-3YLxg3m8WzBIRDecJH1AAXG038eawx-pHmfekgMMkay5T036isWiGNBp26eq9GUcUo7eWZNF6JDztRmkjPT_CFyMypW2yvl-MT-52TZWZQhvRM&amp;upload_protocol=resumable</t>
  </si>
  <si>
    <t>Recuperações set2019.csv</t>
  </si>
  <si>
    <t>/o=exchangelabs/ou=exchange administrative group (fydibohf23spdlt)/cn=recipients/cn=0cbce90bdb1a497884c650ccf6bb3f11-denise marq;/o=exchangelabs/ou=exchange administrative group (fydibohf23spdlt)/cn=recipients/cn=a75579a499254c2291e852b70c4d70d1-eunice apar;claudia.siqueira@bradesco.com.br;jacqueline.mariano@bradesco.com.br;valdemir.j.silva@bradesco.com.br;viviane.virgilio@bradesco.com.br;</t>
  </si>
  <si>
    <t>RES: Solicitação acesso REC - PAULA BARBOSA SILVA</t>
  </si>
  <si>
    <t>Fwd Funcionário sem acesso ao sistema.msg\s1\</t>
  </si>
  <si>
    <t>/o=exchangelabs/ou=exchange administrative group (fydibohf23spdlt)/cn=recipients/cn=0cbce90bdb1a497884c650ccf6bb3f11-denise marq,/o=exchangelabs/ou=exchange administrative group (fydibohf23spdlt)/cn=recipients/cn=a75579a499254c2291e852b70c4d70d1-eunice apar,claudia.siqueira@bradesco.com.br,jacqueline.mariano@bradesco.com.br,valdemir.j.silva@bradesco.com.br,viviane.virgilio@bradesco.com.br</t>
  </si>
  <si>
    <t>C:\Users\ricardobal\OneDrive - Grupo Algar\Algar Tecnologia\01 - CLIENTES\ALGAR TELECOM\SERVIÇOS DE TELECOM\OPERAÇÃO B2B\206360 - AMPLIAÇÃO OPERAÇÃO B2B\</t>
  </si>
  <si>
    <t>206360 - Pedido Transacional.xls</t>
  </si>
  <si>
    <t>C:\Users\ricardobal\OneDrive - Grupo Algar\Algar Tecnologia\01 - CLIENTES\ALGAR TELECOM\SERVIÇOS DE TELECOM\GPON\2019\187282 AMPLIAÇÃO OPERAÇÃO B2B\</t>
  </si>
  <si>
    <t>187282 - Pedido Transacional.xls</t>
  </si>
  <si>
    <t>/o=exchangelabs/ou=exchange administrative group (fydibohf23spdlt)/cn=recipients/cn=0cbce90bdb1a497884c650ccf6bb3f11-denise marq;anapscl@algartech.com;crislaine.cassimiro@temposervicos.com.br;cristinahe@algartech.com;eunice.pimenta@algartech.com;julianatem@algartech.com;micheless@algartech.com;rafaelaas@algartech.com;</t>
  </si>
  <si>
    <t>MIS Análise do Bacen Entrante</t>
  </si>
  <si>
    <t>MIS - ANALISE CASOS BACEN ENTRANTE - ENVIO.xlsx</t>
  </si>
  <si>
    <t>/o=exchangelabs/ou=exchange administrative group (fydibohf23spdlt)/cn=recipients/cn=0cbce90bdb1a497884c650ccf6bb3f11-denise marq,anapscl@algartech.com,crislaine.cassimiro@temposervicos.com.br,cristinahe@algartech.com,eunice.pimenta@algartech.com,julianatem@algartech.com,micheless@algartech.com,rafaelaas@algartech.com</t>
  </si>
  <si>
    <t>ENC: 4a. Reunião Gerencial 2019 - Template</t>
  </si>
  <si>
    <t>Algar Tech_4a REUGER 2019.pptx\</t>
  </si>
  <si>
    <t>Capex TI 2020 - Valores e CRs.xlsx</t>
  </si>
  <si>
    <t>/o=exchangelabs/ou=exchange administrative group (fydibohf23spdlt)/cn=recipients/cn=1635ed1077024674b65c52767dacde9a-jullian pac;/o=exchangelabs/ou=exchange administrative group (fydibohf23spdlt)/cn=recipients/cn=8c89829ad534498fa4c85b5ac11174f1-suelen more;/o=exchangelabs/ou=exchange administrative group (fydibohf23spdlt)/cn=recipients/cn=userdc05fc7c;danieldom@algartech.com;</t>
  </si>
  <si>
    <t>214269_Bradesco_SD_Cenário_01_JR_(C017_B017).xlsb</t>
  </si>
  <si>
    <t>/o=exchangelabs/ou=exchange administrative group (fydibohf23spdlt)/cn=recipients/cn=1635ed1077024674b65c52767dacde9a-jullian pac,/o=exchangelabs/ou=exchange administrative group (fydibohf23spdlt)/cn=recipients/cn=8c89829ad534498fa4c85b5ac11174f1-suelen more,/o=exchangelabs/ou=exchange administrative group (fydibohf23spdlt)/cn=recipients/cn=userdc05fc7c,danieldom@algartech.com</t>
  </si>
  <si>
    <t>mail.google.com/_/upload?authuser=1&amp;dcp=asu-n&amp;upload_id=AEnB2UqjW1aZGkS7WuZOWZ2nLNV9d0doRipgcd3XZ08Gkpr4nxMHRYQ4F9xTX5HCY3UbfULVgjXKPglwzWPrQeKIe2r1tcK8Thruu3cF-J_9gTtIIKH5Hfc&amp;upload_protocol=resumable</t>
  </si>
  <si>
    <t>Comunicação - Partiu Google.xlsx</t>
  </si>
  <si>
    <t>D:\OneDrive\AlgarTech\Pré-Vendas\Cliente\2019\A100\213391 - Amazon - Ajustes Escritório A100\</t>
  </si>
  <si>
    <t>Preco_193369_V3.xlsb</t>
  </si>
  <si>
    <t>/o=exchangelabs/ou=exchange administrative group (fydibohf23spdlt)/cn=recipients/cn=2361e4251bf74fc4a50ab766b8d95847-algar tech;/o=exchangelabs/ou=exchange administrative group (fydibohf23spdlt)/cn=recipients/cn=287c26b08a0f48578479a15a452f025d-edilson rod;/o=exchangelabs/ou=exchange administrative group (fydibohf23spdlt)/cn=recipients/cn=372a4aee70df4061aed129651510b96b-raul montei;/o=exchangelabs/ou=exchange administrative group (fydibohf23spdlt)/cn=recipients/cn=49457acaa5584c6d8daec8f0ad186be2-carlos maur;/o=exchangelabs/ou=exchange administrative group (fydibohf23spdlt)/cn=recipients/cn=89e58c8da071492dbdcb4fee4156b705-gustavo alm;/o=exchangelabs/ou=exchange administrative group (fydibohf23spdlt)/cn=recipients/cn=a67b870d47244fa19f0fe0fbb7458d8d-igo henriqu;/o=exchangelabs/ou=exchange administrative group (fydibohf23spdlt)/cn=recipients/cn=fabio martins sampaio - 004327;</t>
  </si>
  <si>
    <t>RES: Brazil/Algar Tech: SAP Opportunity - Data Center Support</t>
  </si>
  <si>
    <t>RES RES Brazil SAP Opportunity - Data Center Support.msg\s1\</t>
  </si>
  <si>
    <t>Venda.xlsx</t>
  </si>
  <si>
    <t>/o=exchangelabs/ou=exchange administrative group (fydibohf23spdlt)/cn=recipients/cn=2361e4251bf74fc4a50ab766b8d95847-algar tech,/o=exchangelabs/ou=exchange administrative group (fydibohf23spdlt)/cn=recipients/cn=287c26b08a0f48578479a15a452f025d-edilson rod,/o=exchangelabs/ou=exchange administrative group (fydibohf23spdlt)/cn=recipients/cn=372a4aee70df4061aed129651510b96b-raul montei,/o=exchangelabs/ou=exchange administrative group (fydibohf23spdlt)/cn=recipients/cn=49457acaa5584c6d8daec8f0ad186be2-carlos maur,/o=exchangelabs/ou=exchange administrative group (fydibohf23spdlt)/cn=recipients/cn=89e58c8da071492dbdcb4fee4156b705-gustavo alm,/o=exchangelabs/ou=exchange administrative group (fydibohf23spdlt)/cn=recipients/cn=a67b870d47244fa19f0fe0fbb7458d8d-igo henriqu,/o=exchangelabs/ou=exchange administrative group (fydibohf23spdlt)/cn=recipients/cn=fabio martins sampaio - 004327</t>
  </si>
  <si>
    <t>/o=exchangelabs/ou=exchange administrative group (fydibohf23spdlt)/cn=recipients/cn=03a1bc99308a456db7c0105407689b39-gilda elain;/o=exchangelabs/ou=exchange administrative group (fydibohf23spdlt)/cn=recipients/cn=782d75ab3cda4cfa88d22b405cd49ea0-sueleide al;/o=exchangelabs/ou=exchange administrative group (fydibohf23spdlt)/cn=recipients/cn=e09a2f3206d84bde8e1d60233f807a11-caique anto;</t>
  </si>
  <si>
    <t>Indiretos e despesas Atualizado Set/2019</t>
  </si>
  <si>
    <t>092019_Relatorio_Indiretos.xlsb</t>
  </si>
  <si>
    <t>/o=exchangelabs/ou=exchange administrative group (fydibohf23spdlt)/cn=recipients/cn=03a1bc99308a456db7c0105407689b39-gilda elain,/o=exchangelabs/ou=exchange administrative group (fydibohf23spdlt)/cn=recipients/cn=782d75ab3cda4cfa88d22b405cd49ea0-sueleide al,/o=exchangelabs/ou=exchange administrative group (fydibohf23spdlt)/cn=recipients/cn=e09a2f3206d84bde8e1d60233f807a11-caique anto</t>
  </si>
  <si>
    <t>cipaalgartechet.i@algarnet.onmicrosoft.com;</t>
  </si>
  <si>
    <t>C:\Users\lauanedjs\Desktop\SIPATMA 2019\</t>
  </si>
  <si>
    <t>Cópia de Cópia de Cronograma - SIPATMA (version 1).xlsx</t>
  </si>
  <si>
    <t>cipaalgartechet.i@algarnet.onmicrosoft.com</t>
  </si>
  <si>
    <t>/o=exchangelabs/ou=exchange administrative group (fydibohf23spdlt)/cn=recipients/cn=002ec1cd4de64cd68f3e33ca3518cc0b-fernando ro;/o=exchangelabs/ou=exchange administrative group (fydibohf23spdlt)/cn=recipients/cn=518109802f95454588121e2ff09bd792-marcio roge;/o=exchangelabs/ou=exchange administrative group (fydibohf23spdlt)/cn=recipients/cn=e716265113464d42959c665918ae1b54-bianca nefa;</t>
  </si>
  <si>
    <t>ENC: Mensagem Automática [FMT Transmitter]: Penalidade FMT: TCO_Setembro.2019</t>
  </si>
  <si>
    <t>FMT_TCO_Setembro.2019.xlsx</t>
  </si>
  <si>
    <t>/o=exchangelabs/ou=exchange administrative group (fydibohf23spdlt)/cn=recipients/cn=002ec1cd4de64cd68f3e33ca3518cc0b-fernando ro,/o=exchangelabs/ou=exchange administrative group (fydibohf23spdlt)/cn=recipients/cn=518109802f95454588121e2ff09bd792-marcio roge,/o=exchangelabs/ou=exchange administrative group (fydibohf23spdlt)/cn=recipients/cn=e716265113464d42959c665918ae1b54-bianca nefa</t>
  </si>
  <si>
    <t>Revisão das Alavancas Xperience - OFICIAL.xlsx</t>
  </si>
  <si>
    <t>Orçamento 2020 novo BP_.xls</t>
  </si>
  <si>
    <t>ericsonns@algartech.com;</t>
  </si>
  <si>
    <t>cipaalgartechet.i@algarnet.onmicrosoft.com;ericsonns@algartech.com;</t>
  </si>
  <si>
    <t>Cópia de Escala stand CIPA.xlsx</t>
  </si>
  <si>
    <t>cipaalgartechet.i@algarnet.onmicrosoft.com,ericsonns@algartech.com</t>
  </si>
  <si>
    <t>cristinahe@algartech.com;micheless@algartech.com;</t>
  </si>
  <si>
    <t>RES: MIS Análise do Bacen Entrante</t>
  </si>
  <si>
    <t>cristinahe@algartech.com,micheless@algartech.com</t>
  </si>
  <si>
    <t>/o=exchangelabs/ou=exchange administrative group (fydibohf23spdlt)/cn=recipients/cn=23e3be28ac6a4bbf8335736c953c7732-patrick luh;/o=exchangelabs/ou=exchange administrative group (fydibohf23spdlt)/cn=recipients/cn=52684aee05874b27a5c249763c2fe008-andre mota;/o=exchangelabs/ou=exchange administrative group (fydibohf23spdlt)/cn=recipients/cn=7d8ac9bc7bbc4c14a4465df244f19041-lauane cris;/o=exchangelabs/ou=exchange administrative group (fydibohf23spdlt)/cn=recipients/cn=a4725b7c782941fda1d1c00ae0ff9e26-camiller mo;</t>
  </si>
  <si>
    <t>ENC: Atualização dos acessos - Algar - URGENTE</t>
  </si>
  <si>
    <t>Colaboradores_Algar_v1.xlsx</t>
  </si>
  <si>
    <t>/o=exchangelabs/ou=exchange administrative group (fydibohf23spdlt)/cn=recipients/cn=23e3be28ac6a4bbf8335736c953c7732-patrick luh,/o=exchangelabs/ou=exchange administrative group (fydibohf23spdlt)/cn=recipients/cn=52684aee05874b27a5c249763c2fe008-andre mota,/o=exchangelabs/ou=exchange administrative group (fydibohf23spdlt)/cn=recipients/cn=7d8ac9bc7bbc4c14a4465df244f19041-lauane cris,/o=exchangelabs/ou=exchange administrative group (fydibohf23spdlt)/cn=recipients/cn=a4725b7c782941fda1d1c00ae0ff9e26-camiller mo</t>
  </si>
  <si>
    <t>alessandroam@algartech.com;mauricio@algartech.com;polati@algartech.com;reginaldort@algartech.com;thiagopre@algartech.com;</t>
  </si>
  <si>
    <t>\\acsfs\Deptos\Restrito\Projeto INTER\TI\CAPEX_OPEX\Fase 4\</t>
  </si>
  <si>
    <t>CAPEX OPEX RFP BRADESCO - ESCOPO B 4ª Fase_v07.xlsx</t>
  </si>
  <si>
    <t>alessandroam@algartech.com,mauricio@algartech.com,polati@algartech.com,reginaldort@algartech.com,thiagopre@algartech.com</t>
  </si>
  <si>
    <t>Tb atualizado 03/10</t>
  </si>
  <si>
    <t>TB_CONSOLIDACAO.xlsx</t>
  </si>
  <si>
    <t>Base Alelo 0310.csv</t>
  </si>
  <si>
    <t>/o=exchangelabs/ou=exchange administrative group (fydibohf23spdlt)/cn=recipients/cn=1698f5af44b14116ad2d0b751d584c7d-danilo rafa;/o=exchangelabs/ou=exchange administrative group (fydibohf23spdlt)/cn=recipients/cn=3bff4ffb267e4ea2a4a3347f6a4c5cf8-tatiane mag;</t>
  </si>
  <si>
    <t>ACESSO AS ETD's DA ENEL</t>
  </si>
  <si>
    <t>/o=exchangelabs/ou=exchange administrative group (fydibohf23spdlt)/cn=recipients/cn=1698f5af44b14116ad2d0b751d584c7d-danilo rafa,/o=exchangelabs/ou=exchange administrative group (fydibohf23spdlt)/cn=recipients/cn=3bff4ffb267e4ea2a4a3347f6a4c5cf8-tatiane mag</t>
  </si>
  <si>
    <t>Cálculo de Rateio Consolidado - Cópia.xlsx</t>
  </si>
  <si>
    <t>\\acsfs\DEPTOS\TH\15. Rescisão\15.16 Fernandes e Magalhaes\Faturamento\2019\09-Setembro\faturamentohomologaessetembro2019\</t>
  </si>
  <si>
    <t>PLANILHA DE FATURAMENTO SETEMBRO 2019.xlsx</t>
  </si>
  <si>
    <t>mail.google.com/_/upload?authuser=0&amp;dcp=asu-n&amp;upload_id=AEnB2UoDgEVidvd8Y83XBq7ZDguf7IP-Yq4jR-ZSyt0yXlVf-xFzxJT7w2OU3d6isEuE0KAEpd1PzHvLlmVyWNFD4EAlLgvPf38N1rGKXzMDygF0JxORUnA&amp;upload_protocol=resumable</t>
  </si>
  <si>
    <t>amarildoreis@hotmail.com;jecienegs@algartech.com;wanessabds@algartech.com;</t>
  </si>
  <si>
    <t>D:\Projetos\ACS\One_drive\OneDrive - Grupo Algar\Projetos\2019 Algar_-_Precificação\</t>
  </si>
  <si>
    <t>Oportunidades BP excel.xlsx</t>
  </si>
  <si>
    <t>amarildoreis@hotmail.com,jecienegs@algartech.com,wanessabds@algartech.com</t>
  </si>
  <si>
    <t>Hierarquia Tech_Portal da Gente.xlsx</t>
  </si>
  <si>
    <t>mail.google.com/_/upload?authuser=1&amp;dcp=asu-n&amp;upload_id=AEnB2UrTwhDZIPoE2G8qX9yuPGwHZx5RGF50hIIhIXaodFqqXmBiUafcGlDLHuPY5MZWZf4pXBQ9ZGOM__ABnG-gI0mAWJVf2w&amp;upload_protocol=resumable</t>
  </si>
  <si>
    <t>robertomb@algartech.com.br;</t>
  </si>
  <si>
    <t>ENC: Migração das Contas da UCB *URGENTE*</t>
  </si>
  <si>
    <t>robertomb@algartech.com.br</t>
  </si>
  <si>
    <t>/o=exchangelabs/ou=exchange administrative group (fydibohf23spdlt)/cn=recipients/cn=65d35bc38c6743d7a55b3ae9726a5893-diego ribei;/o=nt5/ou=00000000000000000000000000000000/cn=8238ba40e570944eaef10b47426f9b72;</t>
  </si>
  <si>
    <t>Rateio compras</t>
  </si>
  <si>
    <t>/o=exchangelabs/ou=exchange administrative group (fydibohf23spdlt)/cn=recipients/cn=65d35bc38c6743d7a55b3ae9726a5893-diego ribei,/o=nt5/ou=00000000000000000000000000000000/cn=8238ba40e570944eaef10b47426f9b72</t>
  </si>
  <si>
    <t>/o=exchangelabs/ou=exchange administrative group (fydibohf23spdlt)/cn=recipients/cn=2504d5028b6b4fb89d14a5df6031358d-jane carla;/o=exchangelabs/ou=exchange administrative group (fydibohf23spdlt)/cn=recipients/cn=f67f0409c7ae4580b53b07ea98cce4c6-talita pele;</t>
  </si>
  <si>
    <t>RV - Resumo das informações</t>
  </si>
  <si>
    <t>Relatorio Codigo de Analise.xlsx</t>
  </si>
  <si>
    <t>/o=exchangelabs/ou=exchange administrative group (fydibohf23spdlt)/cn=recipients/cn=2504d5028b6b4fb89d14a5df6031358d-jane carla,/o=exchangelabs/ou=exchange administrative group (fydibohf23spdlt)/cn=recipients/cn=f67f0409c7ae4580b53b07ea98cce4c6-talita pele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5694f7d2b5fa4976af2d1dc576e3b544-louany barb;/o=exchangelabs/ou=exchange administrative group (fydibohf23spdlt)/cn=recipients/cn=ee443929f1b6407999ee7912624fe54f-sostenes co;/o=exchangelabs/ou=exchange administrative group (fydibohf23spdlt)/cn=recipients/cn=matheus ferreira santos;/o=exchangelabs/ou=exchange administrative group (fydibohf23spdlt)/cn=recipients/cn=thiago oliveira reis;</t>
  </si>
  <si>
    <t>ENC: Rampa de 50%</t>
  </si>
  <si>
    <t>Ativação Of 50% Móvel_Retenção_230919 (1).xlsx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5694f7d2b5fa4976af2d1dc576e3b544-louany barb,/o=exchangelabs/ou=exchange administrative group (fydibohf23spdlt)/cn=recipients/cn=ee443929f1b6407999ee7912624fe54f-sostenes co,/o=exchangelabs/ou=exchange administrative group (fydibohf23spdlt)/cn=recipients/cn=matheus ferreira santos,/o=exchangelabs/ou=exchange administrative group (fydibohf23spdlt)/cn=recipients/cn=thiago oliveira reis</t>
  </si>
  <si>
    <t>rcalarezo@algartech.com</t>
  </si>
  <si>
    <t>CNPJ ALGAR - MATRIZ e FILIAL .xlsx</t>
  </si>
  <si>
    <t>waleskamms@algartech.com;</t>
  </si>
  <si>
    <t>C:\Users\leonardoefo\Grupo Algar\Waleska Maria Miranda Storti - Gestão área\</t>
  </si>
  <si>
    <t>Cópia de PROCESSOS JUDICIAIS - 03-10-19.pptx.xlsx</t>
  </si>
  <si>
    <t>waleskamms@algartech.com</t>
  </si>
  <si>
    <t>/o=exchangelabs/ou=exchange administrative group (fydibohf23spdlt)/cn=recipients/cn=2361e4251bf74fc4a50ab766b8d95847-algar tech;/o=exchangelabs/ou=exchange administrative group (fydibohf23spdlt)/cn=recipients/cn=c514dbe8b91547adb4618232d1a650ba-afonso domi;/o=exchangelabs/ou=exchange administrative group (fydibohf23spdlt)/cn=recipients/cn=c82d742f5f1e4122a86db0495b71e095-nilton j. g;/o=exchangelabs/ou=exchange administrative group (fydibohf23spdlt)/cn=recipients/cn=e5dfe65308934e02acfffcb2185133f4-daniel bier;</t>
  </si>
  <si>
    <t>RES: PR205385 2019 - IBM 6819095C1A - Field LASA -Quotation Number 6819095C1A</t>
  </si>
  <si>
    <t>PR205385 2019 - IBM 6819095C1A - Field LASA -Quotation Number 6819095C1A.msg\s1\</t>
  </si>
  <si>
    <t>Racional Fornecedor_Horarios.xlsx</t>
  </si>
  <si>
    <t>/o=exchangelabs/ou=exchange administrative group (fydibohf23spdlt)/cn=recipients/cn=2361e4251bf74fc4a50ab766b8d95847-algar tech,/o=exchangelabs/ou=exchange administrative group (fydibohf23spdlt)/cn=recipients/cn=c514dbe8b91547adb4618232d1a650ba-afonso domi,/o=exchangelabs/ou=exchange administrative group (fydibohf23spdlt)/cn=recipients/cn=c82d742f5f1e4122a86db0495b71e095-nilton j. g,/o=exchangelabs/ou=exchange administrative group (fydibohf23spdlt)/cn=recipients/cn=e5dfe65308934e02acfffcb2185133f4-daniel bier</t>
  </si>
  <si>
    <t>/o=exchangelabs/ou=exchange administrative group (fydibohf23spdlt)/cn=recipients/cn=2361e4251bf74fc4a50ab766b8d95847-algar tech;/o=exchangelabs/ou=exchange administrative group (fydibohf23spdlt)/cn=recipients/cn=43a054bacf514a8a9cdcb240b072cd47-cecilia mul;/o=exchangelabs/ou=exchange administrative group (fydibohf23spdlt)/cn=recipients/cn=891c08f4f04f4527be9bc1b3d75f6378-luiz fernan;/o=exchangelabs/ou=exchange administrative group (fydibohf23spdlt)/cn=recipients/cn=e5dfe65308934e02acfffcb2185133f4-daniel bier;</t>
  </si>
  <si>
    <t>RES: 214387 - GAT - RENAULT - BS ANALISTA PL ITSM &amp; DATA ANALYST</t>
  </si>
  <si>
    <t>Cópia de ALGAR _Jul_Prop_Renault_BS_VF.xlsx</t>
  </si>
  <si>
    <t>/o=exchangelabs/ou=exchange administrative group (fydibohf23spdlt)/cn=recipients/cn=2361e4251bf74fc4a50ab766b8d95847-algar tech,/o=exchangelabs/ou=exchange administrative group (fydibohf23spdlt)/cn=recipients/cn=43a054bacf514a8a9cdcb240b072cd47-cecilia mul,/o=exchangelabs/ou=exchange administrative group (fydibohf23spdlt)/cn=recipients/cn=891c08f4f04f4527be9bc1b3d75f6378-luiz fernan,/o=exchangelabs/ou=exchange administrative group (fydibohf23spdlt)/cn=recipients/cn=e5dfe65308934e02acfffcb2185133f4-daniel bier</t>
  </si>
  <si>
    <t>VALIDAÇÃO ESCALA DE TRABALH2.xlsx</t>
  </si>
  <si>
    <t>ENC: Pesquisa de satisfação - Dia da Revendedora 27.08</t>
  </si>
  <si>
    <t>Lista oficial.xlsx</t>
  </si>
  <si>
    <t>ENC: Pesquisa de satisfação - Dia da Revendedora 19.09</t>
  </si>
  <si>
    <t>Lista oficial - 1909.xls</t>
  </si>
  <si>
    <t>/o=exchangelabs/ou=exchange administrative group (fydibohf23spdlt)/cn=recipients/cn=664567c81e2c4e9f9de1f7830ee164f0-octavio car;/o=exchangelabs/ou=exchange administrative group (fydibohf23spdlt)/cn=recipients/cn=fbce7bdb4f0842fe9ae90e7d2c75f8a3-camila vasc;</t>
  </si>
  <si>
    <t>RES: Alteração orçamento</t>
  </si>
  <si>
    <t>341002126_ DUPONT OP 0031.xlsb</t>
  </si>
  <si>
    <t>/o=exchangelabs/ou=exchange administrative group (fydibohf23spdlt)/cn=recipients/cn=664567c81e2c4e9f9de1f7830ee164f0-octavio car,/o=exchangelabs/ou=exchange administrative group (fydibohf23spdlt)/cn=recipients/cn=fbce7bdb4f0842fe9ae90e7d2c75f8a3-camila vasc</t>
  </si>
  <si>
    <t>Template Orçamentário Pessoal - 2020_Simone Eloi.xlsx</t>
  </si>
  <si>
    <t>/o=exchangelabs/ou=exchange administrative group (fydibohf23spdlt)/cn=recipients/cn=067d1ea266fb4f35946ec136606237ec-lucia helen;rogerio@algar.com.br;</t>
  </si>
  <si>
    <t>RES: Preclosing 2019 e Orçamento 2020 - pendências e próximos passos</t>
  </si>
  <si>
    <t>/o=exchangelabs/ou=exchange administrative group (fydibohf23spdlt)/cn=recipients/cn=067d1ea266fb4f35946ec136606237ec-lucia helen,rogerio@algar.com.br</t>
  </si>
  <si>
    <t>OUVIDORIA - Orcamento 2019_2020AlgarTech.xlsm</t>
  </si>
  <si>
    <t>ENC: Alteração orçamento</t>
  </si>
  <si>
    <t>/o=exchangelabs/ou=exchange administrative group (fydibohf23spdlt)/cn=recipients/cn=52684aee05874b27a5c249763c2fe008-andre mota;acessos_gener@caixaseguradora.com.br;</t>
  </si>
  <si>
    <t>RES: Atualização dos acessos - Algar - URGENTE</t>
  </si>
  <si>
    <t>/o=exchangelabs/ou=exchange administrative group (fydibohf23spdlt)/cn=recipients/cn=52684aee05874b27a5c249763c2fe008-andre mota,acessos_gener@caixaseguradora.com.br</t>
  </si>
  <si>
    <t>ENC: Calculo Debentures Grupo Tech</t>
  </si>
  <si>
    <t>Simulação_Orçamento Debentures_ Algar Tech_Set19.xlsx</t>
  </si>
  <si>
    <t>/o=exchangelabs/ou=exchange administrative group (fydibohf23spdlt)/cn=recipients/cn=0a343ab60c904ee9b25c54f941bc50a2-elincon pis;/o=exchangelabs/ou=exchange administrative group (fydibohf23spdlt)/cn=recipients/cn=3bff4ffb267e4ea2a4a3347f6a4c5cf8-tatiane mag;/o=exchangelabs/ou=exchange administrative group (fydibohf23spdlt)/cn=recipients/cn=4f38c46ac30340feabdfe89784ecd392-jose dos sa;/o=exchangelabs/ou=exchange administrative group (fydibohf23spdlt)/cn=recipients/cn=93fb0281dec746d88aaddd801df99138-rodrigo alv;/o=exchangelabs/ou=exchange administrative group (fydibohf23spdlt)/cn=recipients/cn=eea27db2efac4c00b111a6ef74a37080-francinaldo;douglas.soares@tlpservicos.com.br;ersantana@timbrasil.com.br;eulalia@techx.eng.br;hborges_alpitel@timbrasil.com.br;j.araujo@alpitelbrasil.com.br;janalio_tele@timbrasil.com.br;jbezerra_engeset@timbrasil.com.br;jbilecki_alpitel@timbrasil.com.br;nimachado@timbrasil.com.br;rbertassoli@timbrasil.com.br;silas.castro@tlpservicos.com.br;ssantana_logictel@timbrasil.com.br;tibana@techx.</t>
  </si>
  <si>
    <t>Levantamento_Prestadores de serviço_Integração_2019_Mod (003) Engeset.xlsx</t>
  </si>
  <si>
    <t>/o=exchangelabs/ou=exchange administrative group (fydibohf23spdlt)/cn=recipients/cn=0a343ab60c904ee9b25c54f941bc50a2-elincon pis,/o=exchangelabs/ou=exchange administrative group (fydibohf23spdlt)/cn=recipients/cn=3bff4ffb267e4ea2a4a3347f6a4c5cf8-tatiane mag,/o=exchangelabs/ou=exchange administrative group (fydibohf23spdlt)/cn=recipients/cn=4f38c46ac30340feabdfe89784ecd392-jose dos sa,/o=exchangelabs/ou=exchange administrative group (fydibohf23spdlt)/cn=recipients/cn=93fb0281dec746d88aaddd801df99138-rodrigo alv,/o=exchangelabs/ou=exchange administrative group (fydibohf23spdlt)/cn=recipients/cn=eea27db2efac4c00b111a6ef74a37080-francinaldo,douglas.soares@tlpservicos.com.br,ersantana@timbrasil.com.br,eulalia@techx.eng.br,hborges_alpitel@timbrasil.com.br,j.araujo@alpitelbrasil.com.br,janalio_tele@timbrasil.com.br,jbezerra_engeset@timbrasil.com.br,jbilecki_alpitel@timbrasil.com.br,nimachado@timbrasil.com.br,rbertassoli@timbrasil.com.br,silas.castro@tlpservicos.com.br,ssantana_logictel@timbrasil.com.br,tibana@techx.</t>
  </si>
  <si>
    <t>Controle Givago V1.xlsb</t>
  </si>
  <si>
    <t>/o=exchangelabs/ou=exchange administrative group (fydibohf23spdlt)/cn=recipients/cn=54abac0a4fdc4ad1bec39bb51d85eab1-victor hugo;/o=exchangelabs/ou=exchange administrative group (fydibohf23spdlt)/cn=recipients/cn=f9f7ff8c593c4c869b053771ddd5846a-simone eloi;/o=exchangelabs/ou=exchange administrative group (fydibohf23spdlt)/cn=recipients/cn=userdc05fc7c;</t>
  </si>
  <si>
    <t>/o=exchangelabs/ou=exchange administrative group (fydibohf23spdlt)/cn=recipients/cn=54abac0a4fdc4ad1bec39bb51d85eab1-victor hugo,/o=exchangelabs/ou=exchange administrative group (fydibohf23spdlt)/cn=recipients/cn=f9f7ff8c593c4c869b053771ddd5846a-simone eloi,/o=exchangelabs/ou=exchange administrative group (fydibohf23spdlt)/cn=recipients/cn=userdc05fc7c</t>
  </si>
  <si>
    <t>/o=exchangelabs/ou=exchange administrative group (fydibohf23spdlt)/cn=recipients/cn=3fb6ab7b213844aaa9f4b7b177d40270-diogo rober;/o=exchangelabs/ou=exchange administrative group (fydibohf23spdlt)/cn=recipients/cn=wilson achilles alves pereira neto - 004255;</t>
  </si>
  <si>
    <t>Projeto Tracbel</t>
  </si>
  <si>
    <t>Cópia de Levantamento_inicial_Tracbel.xlsx</t>
  </si>
  <si>
    <t>/o=exchangelabs/ou=exchange administrative group (fydibohf23spdlt)/cn=recipients/cn=3fb6ab7b213844aaa9f4b7b177d40270-diogo rober,/o=exchangelabs/ou=exchange administrative group (fydibohf23spdlt)/cn=recipients/cn=wilson achilles alves pereira neto - 004255</t>
  </si>
  <si>
    <t>/o=exchangelabs/ou=exchange administrative group (fydibohf23spdlt)/cn=recipients/cn=55f846c335d7437f892f0b0d49c89e92-celma ribei;/o=exchangelabs/ou=exchange administrative group (fydibohf23spdlt)/cn=recipients/cn=a7d54e15e3a94d53b0b5014d75c8d080-wanessa bor;/o=exchangelabs/ou=exchange administrative group (fydibohf23spdlt)/cn=recipients/cn=carlos henrique vilarinho_db6c0fb3df;/o=exchangelabs/ou=exchange administrative group (fydibohf23spdlt)/cn=recipients/cn=d5130784dc81436d9511788de4df376c-jeciene gom;</t>
  </si>
  <si>
    <t>PROJETO PRECIFICAÇÃO - SESSÃO DE GOVERNANÇA</t>
  </si>
  <si>
    <t>Status Report Semanal - Projeto Precificação - 20191003.pptx\</t>
  </si>
  <si>
    <t>/o=exchangelabs/ou=exchange administrative group (fydibohf23spdlt)/cn=recipients/cn=55f846c335d7437f892f0b0d49c89e92-celma ribei,/o=exchangelabs/ou=exchange administrative group (fydibohf23spdlt)/cn=recipients/cn=a7d54e15e3a94d53b0b5014d75c8d080-wanessa bor,/o=exchangelabs/ou=exchange administrative group (fydibohf23spdlt)/cn=recipients/cn=carlos henrique vilarinho_db6c0fb3df,/o=exchangelabs/ou=exchange administrative group (fydibohf23spdlt)/cn=recipients/cn=d5130784dc81436d9511788de4df376c-jeciene gom</t>
  </si>
  <si>
    <t>10.200.60.141</t>
  </si>
  <si>
    <t>9C-30-5B-FC-0F-D1</t>
  </si>
  <si>
    <t>NB-LUCIAHF</t>
  </si>
  <si>
    <t>t-luciahf</t>
  </si>
  <si>
    <t>alessandrar@algartech.com;marcoabm@algartech.com;marcotb@algartech.com;ouvidoria@algar.com.br;tatiane@algartech.com;</t>
  </si>
  <si>
    <t>C:\Users\t-luciahf\Desktop\2019 Relatórios Consolidados\Diretoria Algar Tech\Algar Tech - Sumário Executivo Ouvidoria Jun-Ago 2019V2 - Presidência.pptx\</t>
  </si>
  <si>
    <t>alessandrar@algartech.com,marcoabm@algartech.com,marcotb@algartech.com,ouvidoria@algar.com.br,tatiane@algartech.com</t>
  </si>
  <si>
    <t>/o=exchangelabs/ou=exchange administrative group (fydibohf23spdlt)/cn=recipients/cn=48b9d80b3de74b6889aab1a91d02512b-ivanete da;/o=exchangelabs/ou=exchange administrative group (fydibohf23spdlt)/cn=recipients/cn=cd357e63731b4983b100b1a5028f9649-william car;</t>
  </si>
  <si>
    <t>/o=exchangelabs/ou=exchange administrative group (fydibohf23spdlt)/cn=recipients/cn=48b9d80b3de74b6889aab1a91d02512b-ivanete da,/o=exchangelabs/ou=exchange administrative group (fydibohf23spdlt)/cn=recipients/cn=cd357e63731b4983b100b1a5028f9649-william car</t>
  </si>
  <si>
    <t>Projeto Banco BMG</t>
  </si>
  <si>
    <t>171232 Plan Precificacao C017 B017_v11.xlsb</t>
  </si>
  <si>
    <t>https://caey.fa.us2.oraclecloud.com/crmui/faces/fusewelcome?_adf.ctrl-state=hxj9fn70i_5</t>
  </si>
  <si>
    <t>\\acsfs\Deptos\CAS - Coordenação de Arquitetura de Soluções\Projetos\2019\BANCO BMG\171232-Banco BMG-Gestão de Ativos e Monitoramento\1. Precificação\171232 Plan Precificacao C017 B017_v11.xlsb\</t>
  </si>
  <si>
    <t>/o=exchangelabs/ou=exchange administrative group (fydibohf23spdlt)/cn=recipients/cn=1ef1d5b65a414ccea16527d004fcca4f-renan tavar;/o=exchangelabs/ou=exchange administrative group (fydibohf23spdlt)/cn=recipients/cn=48b9d80b3de74b6889aab1a91d02512b-ivanete da;/o=exchangelabs/ou=exchange administrative group (fydibohf23spdlt)/cn=recipients/cn=cd357e63731b4983b100b1a5028f9649-william car;kassiacps@algartech.com.br;</t>
  </si>
  <si>
    <t>Treinamentos programados PJ</t>
  </si>
  <si>
    <t>/o=exchangelabs/ou=exchange administrative group (fydibohf23spdlt)/cn=recipients/cn=1ef1d5b65a414ccea16527d004fcca4f-renan tavar,/o=exchangelabs/ou=exchange administrative group (fydibohf23spdlt)/cn=recipients/cn=48b9d80b3de74b6889aab1a91d02512b-ivanete da,/o=exchangelabs/ou=exchange administrative group (fydibohf23spdlt)/cn=recipients/cn=cd357e63731b4983b100b1a5028f9649-william car,kassiacps@algartech.com.br</t>
  </si>
  <si>
    <t>rv consolidada 1°S.xls</t>
  </si>
  <si>
    <t>RES: Usuários A100 ROW</t>
  </si>
  <si>
    <t>2019.10.3.Alterações A100 ROW.xlsx</t>
  </si>
  <si>
    <t>Roberta Cristina Morais Ferreira</t>
  </si>
  <si>
    <t>Previa NEXT</t>
  </si>
  <si>
    <t>NEXT Setembro.xls</t>
  </si>
  <si>
    <t>c:\users\jairdpof\documents\jair\carmen steffens\</t>
  </si>
  <si>
    <t>02 fluxo de caixa resumo.xlsx</t>
  </si>
  <si>
    <t>C:\Users\fabiorb\OneDrive - Grupo Algar\Local Finaneiro\</t>
  </si>
  <si>
    <t>Custos Local_novo-NB-FABIO2.xlsx</t>
  </si>
  <si>
    <t>mail.google.com/_/upload?authuser=2&amp;dcp=asu-n&amp;upload_id=AEnB2UruvD2b4hfDJoMXJv6_JVIz6QgncJ2v7KKKYuC22V-XeWCLIjt98dUBH7nY1QwcEnppGsz3ZORV-HZnq1m26UNsrm3lpsRWCC4sbSuhY11gA_t9Rlg&amp;upload_protocol=resumable</t>
  </si>
  <si>
    <t>C:\Users\fabiorb\Desktop\</t>
  </si>
  <si>
    <t>Tribanco.xls</t>
  </si>
  <si>
    <t>/o=exchangelabs/ou=exchange administrative group (fydibohf23spdlt)/cn=recipients/cn=7903c13fa0504ff0bc7dd2644020b0e8-mirna prado;/o=exchangelabs/ou=exchange administrative group (fydibohf23spdlt)/cn=recipients/cn=81f72ed6e9d042e3bed0cec08d488854-vinicius go;/o=exchangelabs/ou=exchange administrative group (fydibohf23spdlt)/cn=recipients/cn=98e18f75c1d448d18c2b385d101db11f-luiz alfred;/o=exchangelabs/ou=exchange administrative group (fydibohf23spdlt)/cn=recipients/cn=c22b2d8de1594760baec681322c0933f-fernanda ma;viniciussg@algartech.com;</t>
  </si>
  <si>
    <t>RES: Formato dos mailings do Outbound.</t>
  </si>
  <si>
    <t>Formato dos mailings do Outbound.msg\s1\</t>
  </si>
  <si>
    <t>Mailing UDI - WHIRLPOOL - NPS DETRATORES - Track Sales.csv</t>
  </si>
  <si>
    <t>/o=exchangelabs/ou=exchange administrative group (fydibohf23spdlt)/cn=recipients/cn=7903c13fa0504ff0bc7dd2644020b0e8-mirna prado,/o=exchangelabs/ou=exchange administrative group (fydibohf23spdlt)/cn=recipients/cn=81f72ed6e9d042e3bed0cec08d488854-vinicius go,/o=exchangelabs/ou=exchange administrative group (fydibohf23spdlt)/cn=recipients/cn=98e18f75c1d448d18c2b385d101db11f-luiz alfred,/o=exchangelabs/ou=exchange administrative group (fydibohf23spdlt)/cn=recipients/cn=c22b2d8de1594760baec681322c0933f-fernanda ma,viniciussg@algartech.com</t>
  </si>
  <si>
    <t>RES: Orçado e não Orçado / GAT</t>
  </si>
  <si>
    <t>https://caey.fa.us2.oraclecloud.com/crmui/faces/fuseoverview?_adf.ctrl-state=3g2ow2n8y_5&amp;fnd=;;;;false;256;;;&amp;fndglobalitemnodeid=moo_opptymgmtopportunities_crm_card</t>
  </si>
  <si>
    <t>RES: Programa Staff Digital</t>
  </si>
  <si>
    <t>PMO - STAFF DIGITAL 04-10.pptx\</t>
  </si>
  <si>
    <t>Fechados de JAN -SET-19 - Copia.xlsx</t>
  </si>
  <si>
    <t>/o=exchangelabs/ou=exchange administrative group (fydibohf23spdlt)/cn=recipients/cn=56f1ed18d0b4438e8484a989403b0f53-ana paula c;/o=exchangelabs/ou=exchange administrative group (fydibohf23spdlt)/cn=recipients/cn=65d35bc38c6743d7a55b3ae9726a5893-diego ribei;/o=exchangelabs/ou=exchange administrative group (fydibohf23spdlt)/cn=recipients/cn=b79663656cc44aa3bf06617d1695ae51-carlos faci;/o=exchangelabs/ou=exchange administrative group (fydibohf23spdlt)/cn=recipients/cn=f7a4290a46314a3cbb0d392508a7b5c5-luciana sil;</t>
  </si>
  <si>
    <t>Clientes Aprovados x Faturados - Reajustes Contratuais</t>
  </si>
  <si>
    <t>/o=exchangelabs/ou=exchange administrative group (fydibohf23spdlt)/cn=recipients/cn=56f1ed18d0b4438e8484a989403b0f53-ana paula c,/o=exchangelabs/ou=exchange administrative group (fydibohf23spdlt)/cn=recipients/cn=65d35bc38c6743d7a55b3ae9726a5893-diego ribei,/o=exchangelabs/ou=exchange administrative group (fydibohf23spdlt)/cn=recipients/cn=b79663656cc44aa3bf06617d1695ae51-carlos faci,/o=exchangelabs/ou=exchange administrative group (fydibohf23spdlt)/cn=recipients/cn=f7a4290a46314a3cbb0d392508a7b5c5-luciana sil</t>
  </si>
  <si>
    <t>Revisão 19-20 - Gartner Panato SI.xlsx</t>
  </si>
  <si>
    <t>Revisão 19-20 - Gartner Panato SI V2.xlsx</t>
  </si>
  <si>
    <t>C:\Users\alessandroam\OneDrive\OneDrive - Grupo Algar\01 - Historico\02 - Seg Informação\02 - Entregas e Desafios\CSI - Macedo - Copia.pptx\</t>
  </si>
  <si>
    <t>RES: Crédito CAP Bradesco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97bf0b4d6b424f9fbf91192510276150-renata de o;</t>
  </si>
  <si>
    <t>341002176_ToyotaSD_v1.xlsb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97bf0b4d6b424f9fbf91192510276150-renata de o</t>
  </si>
  <si>
    <t>H:\Gestão de Projetos\3 - Projetos\10 - Projetos 2019\GENTE_GESTÃO\PMO - STATUS DE GOVERNANÇA - G&amp;G 01_10.pptx\</t>
  </si>
  <si>
    <t>c:\users\andressatal\desktop\</t>
  </si>
  <si>
    <t>catalogo new.xlsx</t>
  </si>
  <si>
    <t>ENC: Atualização: Catálogo de Produtos 3 Níveis</t>
  </si>
  <si>
    <t>Product Catalog (3 níveis) 08-07-19.xlsx</t>
  </si>
  <si>
    <t>/o=exchangelabs/ou=exchange administrative group (fydibohf23spdlt)/cn=recipients/cn=2504d5028b6b4fb89d14a5df6031358d-jane carla;/o=exchangelabs/ou=exchange administrative group (fydibohf23spdlt)/cn=recipients/cn=65f2464c9a2e4d2981cae7124572133d-cristiane c;</t>
  </si>
  <si>
    <t>Depreciação e Baixas</t>
  </si>
  <si>
    <t>Justificativa Depreciação e Baixas Setembro.xlsx</t>
  </si>
  <si>
    <t>/o=exchangelabs/ou=exchange administrative group (fydibohf23spdlt)/cn=recipients/cn=2504d5028b6b4fb89d14a5df6031358d-jane carla,/o=exchangelabs/ou=exchange administrative group (fydibohf23spdlt)/cn=recipients/cn=65f2464c9a2e4d2981cae7124572133d-cristiane c</t>
  </si>
  <si>
    <t>https://algarnet-my.sharepoint.com/personal/yuriifd_algartech_com/_layouts/15/upload.aspx?isajax=1&amp;list={75bc35a4-6a42-459f-a68b-05df76acab59}&amp;rootfolder=/personal/yuriifd_algartech_com/documents</t>
  </si>
  <si>
    <t>C:\Users\yuriifd\Desktop\</t>
  </si>
  <si>
    <t>Gestão de Demandas - Yuri Ian.xlsx</t>
  </si>
  <si>
    <t>Pontos Diretores</t>
  </si>
  <si>
    <t>C:\Users\filemoncmj\OneDrive - Grupo Algar\Documentos\Meus Arquivos Recebidos\</t>
  </si>
  <si>
    <t>Detalhamento_de_Itens_-_Projeto_Munchen_(2).xlsx</t>
  </si>
  <si>
    <t>CAPEX_2020_Oficial - Info_Caixa_Depreciação_v3.xlsx</t>
  </si>
  <si>
    <t>\\acsfs\DEPTOS\Controladoria\3. CSC\CONTROLES CSC\Drivers de custo - 2019\07.2019\Cost Driver Algar Tech (07_19)\</t>
  </si>
  <si>
    <t>07 - Jurídico.xlsx</t>
  </si>
  <si>
    <t>ENC: Coaching - Rotinas TOP</t>
  </si>
  <si>
    <t>Coaching Set.19.xlsx</t>
  </si>
  <si>
    <t>rogeria.campos@hdi.com.br;</t>
  </si>
  <si>
    <t>RES: ajuda</t>
  </si>
  <si>
    <t>MODELO DE FATURA BTB - B2B.xlsx</t>
  </si>
  <si>
    <t>rogeria.campos@hdi.com.br</t>
  </si>
  <si>
    <t>/o=exchangelabs/ou=exchange administrative group (fydibohf23spdlt)/cn=recipients/cn=0b6a994899de4cd3af0f6d1091e97ebf-arones abre;/o=exchangelabs/ou=exchange administrative group (fydibohf23spdlt)/cn=recipients/cn=1e2e97da71ef410ba6f7bc3d1bfa9175-antonio car;/o=exchangelabs/ou=exchange administrative group (fydibohf23spdlt)/cn=recipients/cn=372a4aee70df4061aed129651510b96b-raul montei;</t>
  </si>
  <si>
    <t>ENC: Solicitação de cotação lançada</t>
  </si>
  <si>
    <t>anexos.zip\</t>
  </si>
  <si>
    <t>1. Anexos - RFP Call Center - CaptaÃ§Ã£o.xlsb</t>
  </si>
  <si>
    <t>/o=exchangelabs/ou=exchange administrative group (fydibohf23spdlt)/cn=recipients/cn=0b6a994899de4cd3af0f6d1091e97ebf-arones abre,/o=exchangelabs/ou=exchange administrative group (fydibohf23spdlt)/cn=recipients/cn=1e2e97da71ef410ba6f7bc3d1bfa9175-antonio car,/o=exchangelabs/ou=exchange administrative group (fydibohf23spdlt)/cn=recipients/cn=372a4aee70df4061aed129651510b96b-raul montei</t>
  </si>
  <si>
    <t>higorbp</t>
  </si>
  <si>
    <t>HIGOR BARCELOS PEREIRA</t>
  </si>
  <si>
    <t>/o=exchangelabs/ou=exchange administrative group (fydibohf23spdlt)/cn=recipients/cn=db59eaca92dc4389b5f6125984872aa3-elisangela;</t>
  </si>
  <si>
    <t>ENC: Ajustes de escalas</t>
  </si>
  <si>
    <t>/o=exchangelabs/ou=exchange administrative group (fydibohf23spdlt)/cn=recipients/cn=db59eaca92dc4389b5f6125984872aa3-elisangela</t>
  </si>
  <si>
    <t>10.200.58.165</t>
  </si>
  <si>
    <t>/o=exchangelabs/ou=exchange administrative group (fydibohf23spdlt)/cn=recipients/cn=b16974d7de334bfabfe3dee1e8e47e59-sherley cri;/o=exchangelabs/ou=exchange administrative group (fydibohf23spdlt)/cn=recipients/cn=userd5d32f69;</t>
  </si>
  <si>
    <t>RES: Acompanhamento Inadimplência - Set/2019</t>
  </si>
  <si>
    <t>Carteira Consultores_10Outubro.xlsx</t>
  </si>
  <si>
    <t>/o=exchangelabs/ou=exchange administrative group (fydibohf23spdlt)/cn=recipients/cn=b16974d7de334bfabfe3dee1e8e47e59-sherley cri,/o=exchangelabs/ou=exchange administrative group (fydibohf23spdlt)/cn=recipients/cn=userd5d32f69</t>
  </si>
  <si>
    <t>\\acsfs\dsti\CIT- Coordenação de Inteligência de Tecnologia\35 - Gerenciamento de Disponibilidade e Continuidade\02 - INDICADORES - PROCESSO\01 - INDICADORES CONSOLIDADO\2019\Set-19\</t>
  </si>
  <si>
    <t>r1-p1set-19.xls</t>
  </si>
  <si>
    <t>ENC: Departamental CAIXA - Set. 2019</t>
  </si>
  <si>
    <t>Caixa CAP.xlsx</t>
  </si>
  <si>
    <t>Cálculo de RV</t>
  </si>
  <si>
    <t>Consolidado_Analíticos Comparação 03-10-2019.xlsx</t>
  </si>
  <si>
    <t>c:\users\virginiamb\desktop\virginia\</t>
  </si>
  <si>
    <t>supermercado outubro.xlsx</t>
  </si>
  <si>
    <t>mail.google.com/_/upload?authuser=0&amp;dcp=asu-n&amp;upload_id=AEnB2UrPbwz40RXGl3aD69ZkZoyY8jI0ttmb3sFuUSy1t7CAHsozSOlqOl-P2JplCMwxKLn1L_udfIWRj59_1qSgFs4VwqDT_itteStu4J_XTA__jXd7n2M&amp;upload_protocol=resumable</t>
  </si>
  <si>
    <t>Aligera - Planilha de Preços Algar - 260219 rev01.xlsx</t>
  </si>
  <si>
    <t>Categorizações BBlend N1 - Out19.xlsx</t>
  </si>
  <si>
    <t>/o=exchangelabs/ou=exchange administrative group (fydibohf23spdlt)/cn=recipients/cn=cac18c5388b04f6d979d1bc87a08825a-marcopaulo;diogo@quilleconsultoria.com.br;gustavohs@algartech.com;</t>
  </si>
  <si>
    <t>/o=exchangelabs/ou=exchange administrative group (fydibohf23spdlt)/cn=recipients/cn=cac18c5388b04f6d979d1bc87a08825a-marcopaulo,diogo@quilleconsultoria.com.br,gustavohs@algartech.com</t>
  </si>
  <si>
    <t>RES: RV - Resumo das informações</t>
  </si>
  <si>
    <t>Estatística de Abertura de CAT</t>
  </si>
  <si>
    <t>Planilha de Estatística de Abertura de CAT .xlsx</t>
  </si>
  <si>
    <t>/o=exchangelabs/ou=exchange administrative group (fydibohf23spdlt)/cn=recipients/cn=cd93dacc38404a95a829585c2e317a9f-dionizio ri;/o=exchangelabs/ou=exchange administrative group (fydibohf23spdlt)/cn=recipients/cn=dc302903ac1a4151bcd049b90df4486f-ricardo soa;gcasilva@amazon.com;ghigonm@amazon.com;</t>
  </si>
  <si>
    <t>ENC: RFP - Move To Cloud - CSC</t>
  </si>
  <si>
    <t>Modelo_Move To Cloud_fornecedor.xlsx</t>
  </si>
  <si>
    <t>/o=exchangelabs/ou=exchange administrative group (fydibohf23spdlt)/cn=recipients/cn=cd93dacc38404a95a829585c2e317a9f-dionizio ri,/o=exchangelabs/ou=exchange administrative group (fydibohf23spdlt)/cn=recipients/cn=dc302903ac1a4151bcd049b90df4486f-ricardo soa,gcasilva@amazon.com,ghigonm@amazon.com</t>
  </si>
  <si>
    <t>/o=exchangelabs/ou=exchange administrative group (fydibohf23spdlt)/cn=recipients/cn=240fafdb21074ab9a87c95d3265e411c-rodrigo rod;</t>
  </si>
  <si>
    <t>Indicador - Desvio (TOP Performance)</t>
  </si>
  <si>
    <t>Desvio Rodrigo.xls</t>
  </si>
  <si>
    <t>/o=exchangelabs/ou=exchange administrative group (fydibohf23spdlt)/cn=recipients/cn=240fafdb21074ab9a87c95d3265e411c-rodrigo rod</t>
  </si>
  <si>
    <t>Desvio Luciene.xls</t>
  </si>
  <si>
    <t>/o=exchangelabs/ou=exchange administrative group (fydibohf23spdlt)/cn=recipients/cn=2946605dcf554cb389220dec598b84fa-adriano mon;</t>
  </si>
  <si>
    <t>ENC: Acompanhamento semanal Customer Success - GRC</t>
  </si>
  <si>
    <t>/o=exchangelabs/ou=exchange administrative group (fydibohf23spdlt)/cn=recipients/cn=2946605dcf554cb389220dec598b84fa-adriano mon</t>
  </si>
  <si>
    <t>Devolutiva Ana Rugai_projetos_aprovados.xlsx</t>
  </si>
  <si>
    <t>10.200.58.131</t>
  </si>
  <si>
    <t>D8-9C-67-6F-27-1B</t>
  </si>
  <si>
    <t>/o=exchangelabs/ou=exchange administrative group (fydibohf23spdlt)/cn=recipients/cn=168e05cabbf14ae289464a0c09955b31-sara ferrei;/o=exchangelabs/ou=exchange administrative group (fydibohf23spdlt)/cn=recipients/cn=664567c81e2c4e9f9de1f7830ee164f0-octavio car;/o=exchangelabs/ou=exchange administrative group (fydibohf23spdlt)/cn=recipients/cn=c6f5c50e91244036872327464dc6624a-cinthia mar;/o=exchangelabs/ou=exchange administrative group (fydibohf23spdlt)/cn=recipients/cn=fbce7bdb4f0842fe9ae90e7d2c75f8a3-camila vasc;</t>
  </si>
  <si>
    <t>RES: alteração orçamento CR 341002401</t>
  </si>
  <si>
    <t>341002401_T SYSTEMS - IGUATEMI OP 124899_v1.xlsb</t>
  </si>
  <si>
    <t>/o=exchangelabs/ou=exchange administrative group (fydibohf23spdlt)/cn=recipients/cn=168e05cabbf14ae289464a0c09955b31-sara ferrei,/o=exchangelabs/ou=exchange administrative group (fydibohf23spdlt)/cn=recipients/cn=664567c81e2c4e9f9de1f7830ee164f0-octavio car,/o=exchangelabs/ou=exchange administrative group (fydibohf23spdlt)/cn=recipients/cn=c6f5c50e91244036872327464dc6624a-cinthia mar,/o=exchangelabs/ou=exchange administrative group (fydibohf23spdlt)/cn=recipients/cn=fbce7bdb4f0842fe9ae90e7d2c75f8a3-camila vasc</t>
  </si>
  <si>
    <t>Prestação de contas do mês de março à julho 2019 Murer x Algar</t>
  </si>
  <si>
    <t>mail.google.com/_/upload?authuser=0&amp;dcp=asu-n&amp;upload_id=AEnB2UriN6qFajGY8XxNCOYQHSMol2nnaKkbrraSUQ6PeiKF9j8VzRPVixfGPrh0vwh9QPc3QRFIP2phDRE7Pn-HuTyRXvGAG_evHfrctkNcmub4TBNYpXk&amp;upload_protocol=resumable</t>
  </si>
  <si>
    <t>/o=exchangelabs/ou=exchange administrative group (fydibohf23spdlt)/cn=recipients/cn=21643221b0fc41d49cfbd8aa6e6f3aa4-rodrigo fer;/o=exchangelabs/ou=exchange administrative group (fydibohf23spdlt)/cn=recipients/cn=287c26b08a0f48578479a15a452f025d-edilson rod;/o=exchangelabs/ou=exchange administrative group (fydibohf23spdlt)/cn=recipients/cn=49457acaa5584c6d8daec8f0ad186be2-carlos maur;/o=exchangelabs/ou=exchange administrative group (fydibohf23spdlt)/cn=recipients/cn=8c89829ad534498fa4c85b5ac11174f1-suelen more;/o=exchangelabs/ou=exchange administrative group (fydibohf23spdlt)/cn=recipients/cn=cd93dacc38404a95a829585c2e317a9f-dionizio ri;/o=exchangelabs/ou=exchange administrative group (fydibohf23spdlt)/cn=recipients/cn=dc302903ac1a4151bcd049b90df4486f-ricardo soa;</t>
  </si>
  <si>
    <t>ENC: RFP - Move To Cloud - CSC - REVISÃO DE PREÇOS URGENTE.</t>
  </si>
  <si>
    <t>Modelo_Move To Cloud_fornecedor_partner - only services.xlsx</t>
  </si>
  <si>
    <t>/o=exchangelabs/ou=exchange administrative group (fydibohf23spdlt)/cn=recipients/cn=21643221b0fc41d49cfbd8aa6e6f3aa4-rodrigo fer,/o=exchangelabs/ou=exchange administrative group (fydibohf23spdlt)/cn=recipients/cn=287c26b08a0f48578479a15a452f025d-edilson rod,/o=exchangelabs/ou=exchange administrative group (fydibohf23spdlt)/cn=recipients/cn=49457acaa5584c6d8daec8f0ad186be2-carlos maur,/o=exchangelabs/ou=exchange administrative group (fydibohf23spdlt)/cn=recipients/cn=8c89829ad534498fa4c85b5ac11174f1-suelen more,/o=exchangelabs/ou=exchange administrative group (fydibohf23spdlt)/cn=recipients/cn=cd93dacc38404a95a829585c2e317a9f-dionizio ri,/o=exchangelabs/ou=exchange administrative group (fydibohf23spdlt)/cn=recipients/cn=dc302903ac1a4151bcd049b90df4486f-ricardo soa</t>
  </si>
  <si>
    <t>10.200.58.85</t>
  </si>
  <si>
    <t>andre.silva@cscalgar.com.br;andressa_bernal@jltbrasil.com;isabela.silveira@temposervicos.com.br;victoria@damaceno.com.br;</t>
  </si>
  <si>
    <t>andre.silva@cscalgar.com.br,andressa_bernal@jltbrasil.com,isabela.silveira@temposervicos.com.br,victoria@damaceno.com.br</t>
  </si>
  <si>
    <t>C:\Users\rodrigodcp\Downloads\</t>
  </si>
  <si>
    <t>[DEEP_BRADESCO] Anexo I - Layout de Dados_Bradesco_v2 (2).xlsx</t>
  </si>
  <si>
    <t>/o=exchangelabs/ou=exchange administrative group (fydibohf23spdlt)/cn=recipients/cn=d66a262ea1e040adaf711e9b38c488e7-adine paula;andreals@algartech.com;elton.costa@quilleconsultoria.com.br;fabriciodfl@algartech.com;</t>
  </si>
  <si>
    <t>ENC: Mapeamento assistentes</t>
  </si>
  <si>
    <t>Assistentes - Consolidado.xlsx</t>
  </si>
  <si>
    <t>/o=exchangelabs/ou=exchange administrative group (fydibohf23spdlt)/cn=recipients/cn=d66a262ea1e040adaf711e9b38c488e7-adine paula,andreals@algartech.com,elton.costa@quilleconsultoria.com.br,fabriciodfl@algartech.com</t>
  </si>
  <si>
    <t>C:\Users\rodrigombu\OneDrive - Grupo Algar\Whirlpool\2019\08 - Agosto\Arquivo\</t>
  </si>
  <si>
    <t>Análise Vol. Whats - Máscara Dash URA Digital Ago-2019.xlsx</t>
  </si>
  <si>
    <t>C:\Users\rodrigombu\OneDrive - Grupo Algar\Whirlpool\2019\07 - Julho\Arquivo\URA\</t>
  </si>
  <si>
    <t>Acompanhamento Intradiário Unificado PF + Pjotinha - Julho.xlsm</t>
  </si>
  <si>
    <t>C:\Users\rodrigombu\OneDrive - Grupo Algar\Whirlpool\2019\08 - Agosto\Arquivo\URA\</t>
  </si>
  <si>
    <t>Acompanhamento Intradiário Unificado PF + Pjotinha - Agosto - Fechamento.xlsm</t>
  </si>
  <si>
    <t>/o=exchangelabs/ou=exchange administrative group (fydibohf23spdlt)/cn=recipients/cn=240fafdb21074ab9a87c95d3265e411c-rodrigo rod;/o=exchangelabs/ou=exchange administrative group (fydibohf23spdlt)/cn=recipients/cn=2f13f6d577d947158c5f81c08b0e5faf-tatiane dor;/o=exchangelabs/ou=exchange administrative group (fydibohf23spdlt)/cn=recipients/cn=aef94c0f98b44279a41d719230c27333-sabrina dan;</t>
  </si>
  <si>
    <t>/o=exchangelabs/ou=exchange administrative group (fydibohf23spdlt)/cn=recipients/cn=240fafdb21074ab9a87c95d3265e411c-rodrigo rod,/o=exchangelabs/ou=exchange administrative group (fydibohf23spdlt)/cn=recipients/cn=2f13f6d577d947158c5f81c08b0e5faf-tatiane dor,/o=exchangelabs/ou=exchange administrative group (fydibohf23spdlt)/cn=recipients/cn=aef94c0f98b44279a41d719230c27333-sabrina dan</t>
  </si>
  <si>
    <t>/o=exchangelabs/ou=exchange administrative group (fydibohf23spdlt)/cn=recipients/cn=cd357e63731b4983b100b1a5028f9649-william car;</t>
  </si>
  <si>
    <t>ENC: Escala Aulão B2k e Sou Dono.</t>
  </si>
  <si>
    <t>/o=exchangelabs/ou=exchange administrative group (fydibohf23spdlt)/cn=recipients/cn=cd357e63731b4983b100b1a5028f9649-william car</t>
  </si>
  <si>
    <t>Ocorrências 01 a 30/09</t>
  </si>
  <si>
    <t>OCORRENCIAS_028_0109a3009_emissao0410.csv</t>
  </si>
  <si>
    <t>/o=exchangelabs/ou=exchange administrative group (fydibohf23spdlt)/cn=recipients/cn=b16974d7de334bfabfe3dee1e8e47e59-sherley cri;/o=exchangelabs/ou=exchange administrative group (fydibohf23spdlt)/cn=recipients/cn=cd93dacc38404a95a829585c2e317a9f-dionizio ri;</t>
  </si>
  <si>
    <t>Planilha - Big Deals 2020</t>
  </si>
  <si>
    <t>BIG DEALS 2020.xlsx</t>
  </si>
  <si>
    <t>/o=exchangelabs/ou=exchange administrative group (fydibohf23spdlt)/cn=recipients/cn=b16974d7de334bfabfe3dee1e8e47e59-sherley cri,/o=exchangelabs/ou=exchange administrative group (fydibohf23spdlt)/cn=recipients/cn=cd93dacc38404a95a829585c2e317a9f-dionizio ri</t>
  </si>
  <si>
    <t>C:\Users\rodrigombu\OneDrive - Grupo Algar\Whirlpool\2019\07 - Julho\Arquivo\NPS\</t>
  </si>
  <si>
    <t>Acompanhamento NPS - Jul-2019 - Fechamento.xlsm</t>
  </si>
  <si>
    <t>/o=exchangelabs/ou=exchange administrative group (fydibohf23spdlt)/cn=recipients/cn=782d75ab3cda4cfa88d22b405cd49ea0-sueleide al;/o=exchangelabs/ou=exchange administrative group (fydibohf23spdlt)/cn=recipients/cn=e09a2f3206d84bde8e1d60233f807a11-caique anto;</t>
  </si>
  <si>
    <t>Indiretos e despesas Atualizado 10:00</t>
  </si>
  <si>
    <t>092019_Relatorio_Despesa.xlsb</t>
  </si>
  <si>
    <t>/o=exchangelabs/ou=exchange administrative group (fydibohf23spdlt)/cn=recipients/cn=782d75ab3cda4cfa88d22b405cd49ea0-sueleide al,/o=exchangelabs/ou=exchange administrative group (fydibohf23spdlt)/cn=recipients/cn=e09a2f3206d84bde8e1d60233f807a11-caique anto</t>
  </si>
  <si>
    <t>/o=exchangelabs/ou=exchange administrative group (fydibohf23spdlt)/cn=recipients/cn=2361e4251bf74fc4a50ab766b8d95847-algar tech;/o=exchangelabs/ou=exchange administrative group (fydibohf23spdlt)/cn=recipients/cn=43a054bacf514a8a9cdcb240b072cd47-cecilia mul;/o=exchangelabs/ou=exchange administrative group (fydibohf23spdlt)/cn=recipients/cn=891c08f4f04f4527be9bc1b3d75f6378-luiz fernan;/o=exchangelabs/ou=exchange administrative group (fydibohf23spdlt)/cn=recipients/cn=8c89829ad534498fa4c85b5ac11174f1-suelen more;</t>
  </si>
  <si>
    <t>ALGAR _Jul_Prop_Renault_BS_VF.xlsx</t>
  </si>
  <si>
    <t>/o=exchangelabs/ou=exchange administrative group (fydibohf23spdlt)/cn=recipients/cn=2361e4251bf74fc4a50ab766b8d95847-algar tech,/o=exchangelabs/ou=exchange administrative group (fydibohf23spdlt)/cn=recipients/cn=43a054bacf514a8a9cdcb240b072cd47-cecilia mul,/o=exchangelabs/ou=exchange administrative group (fydibohf23spdlt)/cn=recipients/cn=891c08f4f04f4527be9bc1b3d75f6378-luiz fernan,/o=exchangelabs/ou=exchange administrative group (fydibohf23spdlt)/cn=recipients/cn=8c89829ad534498fa4c85b5ac11174f1-suelen more</t>
  </si>
  <si>
    <t>/o=exchangelabs/ou=exchange administrative group (fydibohf23spdlt)/cn=recipients/cn=71d61cf74988455d8586a88b31233851-pablo mathe;</t>
  </si>
  <si>
    <t>ENC: Ocorrências 01 a 30/09</t>
  </si>
  <si>
    <t>/o=exchangelabs/ou=exchange administrative group (fydibohf23spdlt)/cn=recipients/cn=71d61cf74988455d8586a88b31233851-pablo mathe</t>
  </si>
  <si>
    <t>Status Ebit 04/10 - Revisão e Atualização das informações</t>
  </si>
  <si>
    <t>STATUS EBIT.xlsx</t>
  </si>
  <si>
    <t>/o=exchangelabs/ou=exchange administrative group (fydibohf23spdlt)/cn=recipients/cn=5dd03a66f797451390d7113259343399-aline da si;/o=exchangelabs/ou=exchange administrative group (fydibohf23spdlt)/cn=recipients/cn=6bc6ced03b1b4fafa41bb5c70c178940-antonio per;/o=exchangelabs/ou=exchange administrative group (fydibohf23spdlt)/cn=recipients/cn=92f840270c3143f3a4d11a96cbe1c928-marcela car;/o=exchangelabs/ou=exchange administrative group (fydibohf23spdlt)/cn=recipients/cn=d73c2a72ee8e45cfac0a50efc708425b-marissa amo;</t>
  </si>
  <si>
    <t>Orçamento TLV Varejo - 340003005</t>
  </si>
  <si>
    <t>Cópia de 149591 - Telecom - Televendas - 281k s Gen v4.xlsb</t>
  </si>
  <si>
    <t>/o=exchangelabs/ou=exchange administrative group (fydibohf23spdlt)/cn=recipients/cn=5dd03a66f797451390d7113259343399-aline da si,/o=exchangelabs/ou=exchange administrative group (fydibohf23spdlt)/cn=recipients/cn=6bc6ced03b1b4fafa41bb5c70c178940-antonio per,/o=exchangelabs/ou=exchange administrative group (fydibohf23spdlt)/cn=recipients/cn=92f840270c3143f3a4d11a96cbe1c928-marcela car,/o=exchangelabs/ou=exchange administrative group (fydibohf23spdlt)/cn=recipients/cn=d73c2a72ee8e45cfac0a50efc708425b-marissa amo</t>
  </si>
  <si>
    <t>/o=exchangelabs/ou=exchange administrative group (fydibohf23spdlt)/cn=recipients/cn=user0043920d;</t>
  </si>
  <si>
    <t>ENC: RES: Cancelamento/Reemissão de CHA - Ternium - macro</t>
  </si>
  <si>
    <t>Solicitação de Macros UPC.XLSX</t>
  </si>
  <si>
    <t>/o=exchangelabs/ou=exchange administrative group (fydibohf23spdlt)/cn=recipients/cn=user0043920d</t>
  </si>
  <si>
    <t>RES: Aceito: Revisão BP LP PPE GAT - sex 4 out 2019 10am - 11am (BRT) (Gustavo Almeida Santarem)</t>
  </si>
  <si>
    <t>Rampa de Receita - LP ISD E GIAT 02-10_v5_Redução_Clientes_v2.xlsx</t>
  </si>
  <si>
    <t>mail.google.com/_/upload?authuser=0&amp;dcp=asu-n&amp;upload_id=AEnB2Uq9FhQzixZdveMHjLLYcL4H6NdIGGsfusKKalVLNB7LNMRccEx0rav40_hOya_HXi6W5tC3fcCbDcOM25Dv5akXDV9cKA&amp;upload_protocol=resumable</t>
  </si>
  <si>
    <t>\\acsfs\dsti\CITIM - Coordenação de Infra TI Implantação\Projetos\EM IMPLANTAÇÃO\COMFRIO\</t>
  </si>
  <si>
    <t>Relatorio COMFRIO - Agosto - Previa - completa_v1.xlsx</t>
  </si>
  <si>
    <t>C:\Users\rodrigombu\OneDrive - Grupo Algar\Whirlpool\2019\07 - Julho\Arquivo\BO\</t>
  </si>
  <si>
    <t>Acompanhamento Produtividade BKO - Fechamento - Jul-2019.xlsx</t>
  </si>
  <si>
    <t>BASE BRADESCO Set19.xlsx</t>
  </si>
  <si>
    <t>C:\Users\ricardobal\OneDrive - Grupo Algar\Algar Tecnologia\01 - CLIENTES\ALGAR TELECOM\SERVIÇOS DE TELECOM\GPON\2019\187282 AMPLIAÇÃO OPERAÇÃO B2B - Copia\</t>
  </si>
  <si>
    <t>187282 - PLANILHA TRANSACIONAL.xlsx</t>
  </si>
  <si>
    <t>C:\Users\ricardobal\OneDrive - Grupo Algar\Algar Tecnologia\01 - CLIENTES\ALGAR TELECOM\SERVIÇOS DE TELECOM\ALOCAÇÕES\206360 - AMPLIAÇÃO OPERAÇÃO B2B\</t>
  </si>
  <si>
    <t>/o=exchangelabs/ou=exchange administrative group (fydibohf23spdlt)/cn=recipients/cn=49457acaa5584c6d8daec8f0ad186be2-carlos maur;/o=exchangelabs/ou=exchange administrative group (fydibohf23spdlt)/cn=recipients/cn=891c08f4f04f4527be9bc1b3d75f6378-luiz fernan;/o=exchangelabs/ou=exchange administrative group (fydibohf23spdlt)/cn=recipients/cn=8c89829ad534498fa4c85b5ac11174f1-suelen more;</t>
  </si>
  <si>
    <t>ENC: 214387 - GAT - RENAULT - BS ANALISTA PL ITSM &amp; DATA ANALYST</t>
  </si>
  <si>
    <t>/o=exchangelabs/ou=exchange administrative group (fydibohf23spdlt)/cn=recipients/cn=49457acaa5584c6d8daec8f0ad186be2-carlos maur,/o=exchangelabs/ou=exchange administrative group (fydibohf23spdlt)/cn=recipients/cn=891c08f4f04f4527be9bc1b3d75f6378-luiz fernan,/o=exchangelabs/ou=exchange administrative group (fydibohf23spdlt)/cn=recipients/cn=8c89829ad534498fa4c85b5ac11174f1-suelen more</t>
  </si>
  <si>
    <t>206360 - PLANILHA TRANSACIONAL.xlsx</t>
  </si>
  <si>
    <t>https://caey.fa.us2.oraclecloud.com/crmui/faces/fusewelcome?_adf.ctrl-state=ysmapeqij_5</t>
  </si>
  <si>
    <t>/o=exchangelabs/ou=exchange administrative group (fydibohf23spdlt)/cn=recipients/cn=34a28d636a1b4c86b1ec79baed4b846a-marco anton;/o=exchangelabs/ou=exchange administrative group (fydibohf23spdlt)/cn=recipients/cn=ac14f936975d483982d35c3bef5e7dfb-vivian carl;/o=exchangelabs/ou=exchange administrative group (fydibohf23spdlt)/cn=recipients/cn=c6f5c50e91244036872327464dc6624a-cinthia mar;</t>
  </si>
  <si>
    <t>RES: [Orçamento 2020] - Acrescimo de Custo SCC - FUNDACENTRO</t>
  </si>
  <si>
    <t>RES TEMPLATES ORÇ 2020.msg\s1\</t>
  </si>
  <si>
    <t>Recuperação de Custo_2020_CG_ComplementoOficial.xlsx</t>
  </si>
  <si>
    <t>/o=exchangelabs/ou=exchange administrative group (fydibohf23spdlt)/cn=recipients/cn=34a28d636a1b4c86b1ec79baed4b846a-marco anton,/o=exchangelabs/ou=exchange administrative group (fydibohf23spdlt)/cn=recipients/cn=ac14f936975d483982d35c3bef5e7dfb-vivian carl,/o=exchangelabs/ou=exchange administrative group (fydibohf23spdlt)/cn=recipients/cn=c6f5c50e91244036872327464dc6624a-cinthia mar</t>
  </si>
  <si>
    <t>/o=exchangelabs/ou=exchange administrative group (fydibohf23spdlt)/cn=recipients/cn=98e18f75c1d448d18c2b385d101db11f-luiz alfred;/o=exchangelabs/ou=exchange administrative group (fydibohf23spdlt)/cn=recipients/cn=e174366906884bd1b4d4c5ddfc8c9433-rodrigo men;/o=exchangelabs/ou=exchange administrative group (fydibohf23spdlt)/cn=recipients/cn=usere11ed38c;</t>
  </si>
  <si>
    <t>Dados Revisados</t>
  </si>
  <si>
    <t>Comparativo_Cenários Whirlpool_ano 2V4(1) - OK.xlsx</t>
  </si>
  <si>
    <t>/o=exchangelabs/ou=exchange administrative group (fydibohf23spdlt)/cn=recipients/cn=98e18f75c1d448d18c2b385d101db11f-luiz alfred,/o=exchangelabs/ou=exchange administrative group (fydibohf23spdlt)/cn=recipients/cn=e174366906884bd1b4d4c5ddfc8c9433-rodrigo men,/o=exchangelabs/ou=exchange administrative group (fydibohf23spdlt)/cn=recipients/cn=usere11ed38c</t>
  </si>
  <si>
    <t>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746f10dd924a4e7dbfe2f813f74b1f2c-gilmar pres;/o=exchangelabs/ou=exchange administrative group (fydibohf23spdlt)/cn=recipients/cn=80fb880d4e904fd9990f1ffec561717a-avon - supe;/o=exchangelabs/ou=exchange administrative group (fydibohf23spdlt)/cn=recipients/cn=b284454839e94314a90d49e7ec00864f-antonio car;/o=exchangelabs/ou=exchange administrative group (fydibohf23spdlt)/cn=recipients/cn=ba307e7ec0fc4bdbb07006aa828c05f7-carina ferr;/o=exchangelabs/ou=exchange administrative group (fydibohf23spdlt)/cn=recipients/cn=d1d015f213f648abbf348b5ccdf8e9d9-senilda per;</t>
  </si>
  <si>
    <t>RES: Coaching - Rotinas TOP</t>
  </si>
  <si>
    <t>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746f10dd924a4e7dbfe2f813f74b1f2c-gilmar pres,/o=exchangelabs/ou=exchange administrative group (fydibohf23spdlt)/cn=recipients/cn=80fb880d4e904fd9990f1ffec561717a-avon - supe,/o=exchangelabs/ou=exchange administrative group (fydibohf23spdlt)/cn=recipients/cn=b284454839e94314a90d49e7ec00864f-antonio car,/o=exchangelabs/ou=exchange administrative group (fydibohf23spdlt)/cn=recipients/cn=ba307e7ec0fc4bdbb07006aa828c05f7-carina ferr,/o=exchangelabs/ou=exchange administrative group (fydibohf23spdlt)/cn=recipients/cn=d1d015f213f648abbf348b5ccdf8e9d9-senilda per</t>
  </si>
  <si>
    <t>RES: Formato dos mailings do Outbound</t>
  </si>
  <si>
    <t>FORMALIZAÇÃO VISA_AMEX_ SETEMBRO - 04-10-2019.xlsm</t>
  </si>
  <si>
    <t>Manifestação Camila.xlsx</t>
  </si>
  <si>
    <t>C:\Users\ricardobal\OneDrive - Grupo Algar\Algar Tecnologia\01 - CLIENTES\ALGAR TELECOM\SERVIÇOS DE TELECOM\OPERAÇÃO B2B\214402 - RENOVAÇÃO OPERAÇÃO B2B - ATIVAÇÃO DE OSs\</t>
  </si>
  <si>
    <t>214402 - PLANILHA TRANSACIONAL.xlsx</t>
  </si>
  <si>
    <t>/o=exchangelabs/ou=exchange administrative group (fydibohf23spdlt)/cn=recipients/cn=5dc660c055e14f5ab5647ab38237cbdc-eduardo aug;</t>
  </si>
  <si>
    <t>ENC: 213381 - BR DISTRIBUIDORA.</t>
  </si>
  <si>
    <t>/o=exchangelabs/ou=exchange administrative group (fydibohf23spdlt)/cn=recipients/cn=5dc660c055e14f5ab5647ab38237cbdc-eduardo aug</t>
  </si>
  <si>
    <t>/o=exchangelabs/ou=exchange administrative group (fydibohf23spdlt)/cn=recipients/cn=220eab2784814ada972ad8cbae088aa3-camila de o;/o=exchangelabs/ou=exchange administrative group (fydibohf23spdlt)/cn=recipients/cn=3fb6ab7b213844aaa9f4b7b177d40270-diogo rober;/o=exchangelabs/ou=exchange administrative group (fydibohf23spdlt)/cn=recipients/cn=9a65d8734c444cbc8372a614d17d98e1-lucia maalo;/o=exchangelabs/ou=exchange administrative group (fydibohf23spdlt)/cn=recipients/cn=wilson achilles alves pereira neto - 004255;</t>
  </si>
  <si>
    <t>RES: Pro rata Hubfintech - Set 2019</t>
  </si>
  <si>
    <t>Hub_Prorata_Set_2019.xlsx</t>
  </si>
  <si>
    <t>/o=exchangelabs/ou=exchange administrative group (fydibohf23spdlt)/cn=recipients/cn=220eab2784814ada972ad8cbae088aa3-camila de o,/o=exchangelabs/ou=exchange administrative group (fydibohf23spdlt)/cn=recipients/cn=3fb6ab7b213844aaa9f4b7b177d40270-diogo rober,/o=exchangelabs/ou=exchange administrative group (fydibohf23spdlt)/cn=recipients/cn=9a65d8734c444cbc8372a614d17d98e1-lucia maalo,/o=exchangelabs/ou=exchange administrative group (fydibohf23spdlt)/cn=recipients/cn=wilson achilles alves pereira neto - 004255</t>
  </si>
  <si>
    <t>/o=exchangelabs/ou=exchange administrative group (fydibohf23spdlt)/cn=recipients/cn=1ef1d5b65a414ccea16527d004fcca4f-renan tavar;/o=exchangelabs/ou=exchange administrative group (fydibohf23spdlt)/cn=recipients/cn=48b9d80b3de74b6889aab1a91d02512b-ivanete da;/o=exchangelabs/ou=exchange administrative group (fydibohf23spdlt)/cn=recipients/cn=b70d138991f94ab89bdba9ce054a0773-mayara teix;/o=exchangelabs/ou=exchange administrative group (fydibohf23spdlt)/cn=recipients/cn=cd357e63731b4983b100b1a5028f9649-william car;kassiacps@algartech.com.br;</t>
  </si>
  <si>
    <t>/o=exchangelabs/ou=exchange administrative group (fydibohf23spdlt)/cn=recipients/cn=1ef1d5b65a414ccea16527d004fcca4f-renan tavar,/o=exchangelabs/ou=exchange administrative group (fydibohf23spdlt)/cn=recipients/cn=48b9d80b3de74b6889aab1a91d02512b-ivanete da,/o=exchangelabs/ou=exchange administrative group (fydibohf23spdlt)/cn=recipients/cn=b70d138991f94ab89bdba9ce054a0773-mayara teix,/o=exchangelabs/ou=exchange administrative group (fydibohf23spdlt)/cn=recipients/cn=cd357e63731b4983b100b1a5028f9649-william car,kassiacps@algartech.com.br</t>
  </si>
  <si>
    <t>/o=exchangelabs/ou=exchange administrative group (fydibohf23spdlt)/cn=recipients/cn=e09a2f3206d84bde8e1d60233f807a11-caique anto;</t>
  </si>
  <si>
    <t>DRE Set19</t>
  </si>
  <si>
    <t>CH516_20191004_105908.xls</t>
  </si>
  <si>
    <t>/o=exchangelabs/ou=exchange administrative group (fydibohf23spdlt)/cn=recipients/cn=e09a2f3206d84bde8e1d60233f807a11-caique anto</t>
  </si>
  <si>
    <t>itens negociais CCC Compras Capex 2019</t>
  </si>
  <si>
    <t>Cópia de CAPEX 2019 - Algar Tech - itens negociáveis - compras_final_revAna e Cristiano3.xlsx</t>
  </si>
  <si>
    <t>/o=exchangelabs/ou=exchange administrative group (fydibohf23spdlt)/cn=recipients/cn=3a10c1d788234688b257ab253389ec06-mateus mala;/o=exchangelabs/ou=exchange administrative group (fydibohf23spdlt)/cn=recipients/cn=usere11ed38c;</t>
  </si>
  <si>
    <t>Dimens N2 Service</t>
  </si>
  <si>
    <t>DIMENS_SERV KAID N2_2019.xlsx</t>
  </si>
  <si>
    <t>/o=exchangelabs/ou=exchange administrative group (fydibohf23spdlt)/cn=recipients/cn=3a10c1d788234688b257ab253389ec06-mateus mala,/o=exchangelabs/ou=exchange administrative group (fydibohf23spdlt)/cn=recipients/cn=usere11ed38c</t>
  </si>
  <si>
    <t>Daily Unificado Correntista_201910.xlsx</t>
  </si>
  <si>
    <t>diogo@quileconsultoria.com.br;marcopaulolr@algartech.com;</t>
  </si>
  <si>
    <t>C:\Users\robertacmf\Desktop\DADOSORCAMENTO\</t>
  </si>
  <si>
    <t>Simulação de para.xlsx</t>
  </si>
  <si>
    <t>diogo@quileconsultoria.com.br,marcopaulolr@algartech.com</t>
  </si>
  <si>
    <t>juan.lopes@avon.com;mayza.costa@avon.com;</t>
  </si>
  <si>
    <t>RES: Reunir Agora: Matheus Vinicius da Silva</t>
  </si>
  <si>
    <t>Melhorias - Setembro.xlsx</t>
  </si>
  <si>
    <t>juan.lopes@avon.com,mayza.costa@avon.com</t>
  </si>
  <si>
    <t>/o=exchangelabs/ou=exchange administrative group (fydibohf23spdlt)/cn=recipients/cn=2361e4251bf74fc4a50ab766b8d95847-algar tech;</t>
  </si>
  <si>
    <t>/o=exchangelabs/ou=exchange administrative group (fydibohf23spdlt)/cn=recipients/cn=2361e4251bf74fc4a50ab766b8d95847-algar tech</t>
  </si>
  <si>
    <t>RL NEXT.xlsx</t>
  </si>
  <si>
    <t>/o=exchangelabs/ou=exchange administrative group (fydibohf23spdlt)/cn=recipients/cn=3987744268654fb0875912ccc32640ac-andre luis;/o=exchangelabs/ou=exchange administrative group (fydibohf23spdlt)/cn=recipients/cn=72cf7e0bd1fe499886b9c12b4b5b52b6-inacio anto;/o=exchangelabs/ou=exchange administrative group (fydibohf23spdlt)/cn=recipients/cn=db59eaca92dc4389b5f6125984872aa3-elisangela;</t>
  </si>
  <si>
    <t>Relatório Receptivo</t>
  </si>
  <si>
    <t>RelatórioReceptivoURR_Outubro.xlsx</t>
  </si>
  <si>
    <t>/o=exchangelabs/ou=exchange administrative group (fydibohf23spdlt)/cn=recipients/cn=3987744268654fb0875912ccc32640ac-andre luis,/o=exchangelabs/ou=exchange administrative group (fydibohf23spdlt)/cn=recipients/cn=72cf7e0bd1fe499886b9c12b4b5b52b6-inacio anto,/o=exchangelabs/ou=exchange administrative group (fydibohf23spdlt)/cn=recipients/cn=db59eaca92dc4389b5f6125984872aa3-elisangela</t>
  </si>
  <si>
    <t>mail.google.com/_/upload?authuser=0&amp;dcp=asu-n&amp;upload_id=AEnB2UpQu2uVBW6gVFGdI1p02W8TGdE7VNafqJu9pIkBhrCJLJhJMhSSAfAN3QxnLqGpO5BZw7GLAVZxsLaQYT6WjHxusv067v2i129chQXrvt2AnGYDn2Q&amp;upload_protocol=resumable</t>
  </si>
  <si>
    <t>cinthia.guimaraes@algartech.com;csavino@algartech.com;edsonnsj@algartech.com;</t>
  </si>
  <si>
    <t>Report_INVENTARIO_-_MONITORAMENTO_ORION (1).xls</t>
  </si>
  <si>
    <t>cinthia.guimaraes@algartech.com,csavino@algartech.com,edsonnsj@algartech.com</t>
  </si>
  <si>
    <t>http://shareit.global.avon.com/sites/arrmcm/forca-de-vendas/_layouts/upload.aspx?list={bfd161db-750f-4cbd-9e74-a6fb6ee0a6de}&amp;rootfolder=/sites/arrmcm/forca-de-vendas/revendedora/incentivos/apoio a produtos/apoio a produto 2019&amp;source=http://shareit.global.avon.com/sites/arrmcm/forca-de-vendas/revendedora/forms/allitems.aspx?rootfolder=%2fsites%2farrmcm%2fforca%2dde%2dvendas%2frevendedora%2fincentivos%2fapoio%20a%20produtos%2fapoio%20a%20produto%202019&amp;folderctid=&amp;view=%7b993eba10%2d8cf7%2d4fbc%2dbe91%2de4ca00ce3956%7d</t>
  </si>
  <si>
    <t>ERRATA - Incentivo Maquiagem CP 14 a 16-2019.xls</t>
  </si>
  <si>
    <t>patriciaac@algartech.com;</t>
  </si>
  <si>
    <t>C:\Users\rodrigormc\AppData\Local\Temp\</t>
  </si>
  <si>
    <t>Daily URA Ativa 102019.xlsx</t>
  </si>
  <si>
    <t>patriciaac@algartech.com</t>
  </si>
  <si>
    <t>C:\Users\anaedsp\Desktop\</t>
  </si>
  <si>
    <t>Cópia de Template_folha_retificadora_(1).xlsx</t>
  </si>
  <si>
    <t>Ata e Relatório - Reunião Comercial de 04/10</t>
  </si>
  <si>
    <t>Relatório Pipeline_Dionizio_ 19_10_04.xlsx</t>
  </si>
  <si>
    <t>Planilha Recuperação de Gastos _ Flavia TRN_02102019.xlsb</t>
  </si>
  <si>
    <t>ENC: DE PARA</t>
  </si>
  <si>
    <t>Mapao_Qlik_Tech_092019.xlsx</t>
  </si>
  <si>
    <t>/o=exchangelabs/ou=exchange administrative group (fydibohf23spdlt)/cn=recipients/cn=23e3be28ac6a4bbf8335736c953c7732-patrick luh;/o=exchangelabs/ou=exchange administrative group (fydibohf23spdlt)/cn=recipients/cn=52684aee05874b27a5c249763c2fe008-andre mota;/o=exchangelabs/ou=exchange administrative group (fydibohf23spdlt)/cn=recipients/cn=a4725b7c782941fda1d1c00ae0ff9e26-camiller mo;/o=exchangelabs/ou=exchange administrative group (fydibohf23spdlt)/cn=recipients/cn=f87f494a8d1d405d8a7b42a51dd5ab84-iris eugeni;</t>
  </si>
  <si>
    <t>/o=exchangelabs/ou=exchange administrative group (fydibohf23spdlt)/cn=recipients/cn=23e3be28ac6a4bbf8335736c953c7732-patrick luh,/o=exchangelabs/ou=exchange administrative group (fydibohf23spdlt)/cn=recipients/cn=52684aee05874b27a5c249763c2fe008-andre mota,/o=exchangelabs/ou=exchange administrative group (fydibohf23spdlt)/cn=recipients/cn=a4725b7c782941fda1d1c00ae0ff9e26-camiller mo,/o=exchangelabs/ou=exchange administrative group (fydibohf23spdlt)/cn=recipients/cn=f87f494a8d1d405d8a7b42a51dd5ab84-iris eugeni</t>
  </si>
  <si>
    <t>Baixas e Aceites Outubro/19</t>
  </si>
  <si>
    <t>Relatório de Bancada.xlsx</t>
  </si>
  <si>
    <t>10.200.61.130</t>
  </si>
  <si>
    <t xml:space="preserve">/o=exchangelabs/ou=exchange administrative group (fydibohf23spdlt)/cn=recipients/cn=01dd947fa5e64c6cb9bbbb6c6ff21082-amanda silv;/o=exchangelabs/ou=exchange administrative group (fydibohf23spdlt)/cn=recipients/cn=0cbce90bdb1a497884c650ccf6bb3f11-denise marq;/o=exchangelabs/ou=exchange administrative group (fydibohf23spdlt)/cn=recipients/cn=210abf7d16694040807a431d92f85430-erikabfs_al;/o=exchangelabs/ou=exchange administrative group (fydibohf23spdlt)/cn=recipients/cn=2fd40d5105804de1a0e7ae1dc8497af5-kelly arauj;/o=exchangelabs/ou=exchange administrative group (fydibohf23spdlt)/cn=recipients/cn=3f81420aa09a45308e82efb501d64cad-rafaela alv;/o=exchangelabs/ou=exchange administrative group (fydibohf23spdlt)/cn=recipients/cn=4a29c060c8444e279ff4ecf9856f6b41-denisemso_a;/o=exchangelabs/ou=exchange administrative group (fydibohf23spdlt)/cn=recipients/cn=50eedf76e32e41a79c5edfcd053f994f-diogo luiz;/o=exchangelabs/ou=exchange administrative group (fydibohf23spdlt)/cn=recipients/cn=9236cfebb4bb4299ab330dc280dfc8c7-igor </t>
  </si>
  <si>
    <t>RES: ACOMPANHAMENTO BLOQUEIO GERAL ILHA PF - OUTUBRO 2019</t>
  </si>
  <si>
    <t xml:space="preserve">/o=exchangelabs/ou=exchange administrative group (fydibohf23spdlt)/cn=recipients/cn=01dd947fa5e64c6cb9bbbb6c6ff21082-amanda silv,/o=exchangelabs/ou=exchange administrative group (fydibohf23spdlt)/cn=recipients/cn=0cbce90bdb1a497884c650ccf6bb3f11-denise marq,/o=exchangelabs/ou=exchange administrative group (fydibohf23spdlt)/cn=recipients/cn=210abf7d16694040807a431d92f85430-erikabfs_al,/o=exchangelabs/ou=exchange administrative group (fydibohf23spdlt)/cn=recipients/cn=2fd40d5105804de1a0e7ae1dc8497af5-kelly arauj,/o=exchangelabs/ou=exchange administrative group (fydibohf23spdlt)/cn=recipients/cn=3f81420aa09a45308e82efb501d64cad-rafaela alv,/o=exchangelabs/ou=exchange administrative group (fydibohf23spdlt)/cn=recipients/cn=4a29c060c8444e279ff4ecf9856f6b41-denisemso_a,/o=exchangelabs/ou=exchange administrative group (fydibohf23spdlt)/cn=recipients/cn=50eedf76e32e41a79c5edfcd053f994f-diogo luiz,/o=exchangelabs/ou=exchange administrative group (fydibohf23spdlt)/cn=recipients/cn=9236cfebb4bb4299ab330dc280dfc8c7-igor </t>
  </si>
  <si>
    <t>Ocorrências - 1 semana de Outubro</t>
  </si>
  <si>
    <t>OCORRENCIAS_028_01a0310_emissao0410.csv</t>
  </si>
  <si>
    <t>/o=exchangelabs/ou=exchange administrative group (fydibohf23spdlt)/cn=recipients/cn=b033d620f1154cb8be89325f89766ea7-laura celia;/o=exchangelabs/ou=exchange administrative group (fydibohf23spdlt)/cn=recipients/cn=dd3fe7bcac2641dea6394a8de77d1eef-elma maria;</t>
  </si>
  <si>
    <t>RES: cr</t>
  </si>
  <si>
    <t>DIVISÃO CRS X ESTRUTURAS WHP.xlsx</t>
  </si>
  <si>
    <t>/o=exchangelabs/ou=exchange administrative group (fydibohf23spdlt)/cn=recipients/cn=b033d620f1154cb8be89325f89766ea7-laura celia,/o=exchangelabs/ou=exchange administrative group (fydibohf23spdlt)/cn=recipients/cn=dd3fe7bcac2641dea6394a8de77d1eef-elma maria</t>
  </si>
  <si>
    <t>Endereço com erro.xlsx</t>
  </si>
  <si>
    <t>lucasldsa@algartech.com.br;</t>
  </si>
  <si>
    <t>lucasldsa@algartech.com.br</t>
  </si>
  <si>
    <t>/o=exchangelabs/ou=exchange administrative group (fydibohf23spdlt)/cn=recipients/cn=1635ed1077024674b65c52767dacde9a-jullian pac;/o=exchangelabs/ou=exchange administrative group (fydibohf23spdlt)/cn=recipients/cn=db90dbcc571e4592b95f83004215799e-eduardo san;</t>
  </si>
  <si>
    <t>ENC: orc 2020</t>
  </si>
  <si>
    <t>extrato variação.xlsx</t>
  </si>
  <si>
    <t>/o=exchangelabs/ou=exchange administrative group (fydibohf23spdlt)/cn=recipients/cn=1635ed1077024674b65c52767dacde9a-jullian pac,/o=exchangelabs/ou=exchange administrative group (fydibohf23spdlt)/cn=recipients/cn=db90dbcc571e4592b95f83004215799e-eduardo san</t>
  </si>
  <si>
    <t>C:\Users\lucianafaa\OneDrive - Grupo Algar\2019\PROJETOS\WFM\EXECUCAO\FASE 01 - RECEPTIVO\GMO\Plano de GMO - WFM-22-05.msg\s1\</t>
  </si>
  <si>
    <t>ADKAR - WFM.xlsx</t>
  </si>
  <si>
    <t>Plano de GMO_WFM_vfinal.xlsx</t>
  </si>
  <si>
    <t>/o=exchangelabs/ou=exchange administrative group (fydibohf23spdlt)/cn=recipients/cn=1ef1d5b65a414ccea16527d004fcca4f-renan tavar;/o=exchangelabs/ou=exchange administrative group (fydibohf23spdlt)/cn=recipients/cn=48b9d80b3de74b6889aab1a91d02512b-ivanete da;/o=exchangelabs/ou=exchange administrative group (fydibohf23spdlt)/cn=recipients/cn=517c2573d8404a9fb024aa1beeba3f8d-margareth c;/o=exchangelabs/ou=exchange administrative group (fydibohf23spdlt)/cn=recipients/cn=b70d138991f94ab89bdba9ce054a0773-mayara teix;/o=exchangelabs/ou=exchange administrative group (fydibohf23spdlt)/cn=recipients/cn=cd357e63731b4983b100b1a5028f9649-william car;kassiacps@algartech.com.br;</t>
  </si>
  <si>
    <t>ENC: ::: Nova PLR 2019 :::</t>
  </si>
  <si>
    <t>Exemplo de cálculo.xlsx</t>
  </si>
  <si>
    <t>/o=exchangelabs/ou=exchange administrative group (fydibohf23spdlt)/cn=recipients/cn=1ef1d5b65a414ccea16527d004fcca4f-renan tavar,/o=exchangelabs/ou=exchange administrative group (fydibohf23spdlt)/cn=recipients/cn=48b9d80b3de74b6889aab1a91d02512b-ivanete da,/o=exchangelabs/ou=exchange administrative group (fydibohf23spdlt)/cn=recipients/cn=517c2573d8404a9fb024aa1beeba3f8d-margareth c,/o=exchangelabs/ou=exchange administrative group (fydibohf23spdlt)/cn=recipients/cn=b70d138991f94ab89bdba9ce054a0773-mayara teix,/o=exchangelabs/ou=exchange administrative group (fydibohf23spdlt)/cn=recipients/cn=cd357e63731b4983b100b1a5028f9649-william car,kassiacps@algartech.com.br</t>
  </si>
  <si>
    <t>Disparo_04.10.csv</t>
  </si>
  <si>
    <t>C:\Users\vilarinho\OneDrive - Grupo Algar\Algar Tech\Financeiro\Captação 2019 - Algar TI\</t>
  </si>
  <si>
    <t>Debêntures Algar TI - Cálculo all in - Comparativo das propostas.xlsx</t>
  </si>
  <si>
    <t>C:\Users\lucianafaa\OneDrive - Grupo Algar\2019\PROJETOS\PROGRAMA\CUSTOMER SUCCESS- LUIS\APRESENTACAO\APRESENTACAO LU.msg\s1\Projeto Customer Success_2019 - Tati 18-03.pptx\</t>
  </si>
  <si>
    <t>C:\Users\lucianafaa\OneDrive - Grupo Algar\2019\PROJETOS\PROGRAMA\CRM\EXECUCAO\PROPOSTA\propostas03-06.msg\s1\</t>
  </si>
  <si>
    <t>PROPOSTAS - v4.xlsx</t>
  </si>
  <si>
    <t>C:\Users\lucianafaa\OneDrive - Grupo Algar\2019\PROJETOS\PROGRAMA\CRM\EXECUCAO\PROPOSTA\respostas POC.msg\s1\</t>
  </si>
  <si>
    <t>Resultados.xlsx</t>
  </si>
  <si>
    <t>C:\Users\lucianafaa\OneDrive - Grupo Algar\2019\PROJETOS\PROGRAMA\CRM\EXECUCAO\CONTRATO\PROPOSTAS ZOHO E SALESFORCE.msg\s1\</t>
  </si>
  <si>
    <t>COT-AlgarTech-04-06-19 v3.xlsx</t>
  </si>
  <si>
    <t>C:\Users\lucianafaa\OneDrive - Grupo Algar\2019\PROJETOS\PROGRAMA\CRM\EXECUCAO\PROPOSTA\resultado dos formularios.msg\s1\</t>
  </si>
  <si>
    <t>ResultadoAvaliacaoPOC-2.xlsx</t>
  </si>
  <si>
    <t>C:\Users\lucianafaa\OneDrive - Grupo Algar\2019\PROJETOS\PROGRAMA\CRM\EXECUCAO\POC\RES resultado dos formularios.msg\s1\</t>
  </si>
  <si>
    <t>ENC: Company - 078682 - Carvalho Hosken - Hilton Barra</t>
  </si>
  <si>
    <t>Novo PE_1.2. Sem Billing_ALGAR.xlsb</t>
  </si>
  <si>
    <t>C:\Users\lucianafaa\OneDrive - Grupo Algar\2019\PROJETOS\PROGRAMA\CRM\EXECUCAO\PROPOSTA\propostas players .msg\s1\</t>
  </si>
  <si>
    <t>C:\Users\lucianafaa\OneDrive - Grupo Algar\2019\PROJETOS\WFM\EXECUCAO\FASE 01 - RECEPTIVO\ID TELEFONICO\RES COPRORATEGTH - AUMENTO CAMPO ID TELEFONIA .msg\s1\</t>
  </si>
  <si>
    <t>Analistas.xlsx</t>
  </si>
  <si>
    <t>C:\Users\lucianafaa\OneDrive - Grupo Algar\2019\PROJETOS\REAJUSTE DE CONTRATO\PLANILHA REAJUSTES\DADOS REDIR\Validações de Informações Redir.msg\s1\</t>
  </si>
  <si>
    <t>Reajuste de Contrato V2.xlsb</t>
  </si>
  <si>
    <t>/o=exchangelabs/ou=exchange administrative group (fydibohf23spdlt)/cn=recipients/cn=ba307e7ec0fc4bdbb07006aa828c05f7-carina ferr;erika.machado@avon.com;fabiana.silva@avon.com;marcia.lopes.asserth@avon.com;rosana.scalabrin@avon.com;vivian.furtuoso@avon.com;</t>
  </si>
  <si>
    <t>RES: Relatório Mensal Referente ao mês SETEMBRO/2019 - Gestão de Terceiros</t>
  </si>
  <si>
    <t>09.Relatório Mensal Setembro19.xlsx</t>
  </si>
  <si>
    <t>/o=exchangelabs/ou=exchange administrative group (fydibohf23spdlt)/cn=recipients/cn=ba307e7ec0fc4bdbb07006aa828c05f7-carina ferr,erika.machado@avon.com,fabiana.silva@avon.com,marcia.lopes.asserth@avon.com,rosana.scalabrin@avon.com,vivian.furtuoso@avon.com</t>
  </si>
  <si>
    <t>ENC: Volume Gerenciadas Amex e Visa - 04/10</t>
  </si>
  <si>
    <t>C:\Users\brunop\Desktop\</t>
  </si>
  <si>
    <t>DW Algar - Planejamento Intradiario Yahsat.xlsm</t>
  </si>
  <si>
    <t>mail.google.com/_/upload?authuser=0&amp;dcp=asu-n&amp;upload_id=AEnB2Urt5rtOK1mLa52AtlJH99BVWVuxolNMY-P3nC87LVDyWM5pWPgJ6WE7a8DFlVJCXDynKIQ_jheno2l3f3c1A38POGpAdJpaXiMqn4SzkRtoxLdspy4&amp;upload_protocol=resumable</t>
  </si>
  <si>
    <t>alinedsdi@algartech.com;brunocss@algartech.com;camilaammm@algartech.com;</t>
  </si>
  <si>
    <t>C:\Users\gustavoplo\Documents\Telecom\2- RETENÇÃO\7- Book de Qualidade\</t>
  </si>
  <si>
    <t>2019_09_Gerencial_Qualidade_Retenção.xlsx</t>
  </si>
  <si>
    <t>alinedsdi@algartech.com,brunocss@algartech.com,camilaammm@algartech.com</t>
  </si>
  <si>
    <t>CH516_20191004_125657.xls</t>
  </si>
  <si>
    <t>/o=exchangelabs/ou=exchange administrative group (fydibohf23spdlt)/cn=recipients/cn=545f738e0fe740ba856f4eb6ef0135e0-vinicius si;/o=exchangelabs/ou=exchange administrative group (fydibohf23spdlt)/cn=recipients/cn=ba307e7ec0fc4bdbb07006aa828c05f7-carina ferr;alexmarques.silva@avon.com;anderson.negrisoli@avon.com;rosana.scalabrin@avon.com;</t>
  </si>
  <si>
    <t>Raio x - Set/19</t>
  </si>
  <si>
    <t>09.Raio X Avon_Setembro.xlsx</t>
  </si>
  <si>
    <t>/o=exchangelabs/ou=exchange administrative group (fydibohf23spdlt)/cn=recipients/cn=545f738e0fe740ba856f4eb6ef0135e0-vinicius si,/o=exchangelabs/ou=exchange administrative group (fydibohf23spdlt)/cn=recipients/cn=ba307e7ec0fc4bdbb07006aa828c05f7-carina ferr,alexmarques.silva@avon.com,anderson.negrisoli@avon.com,rosana.scalabrin@avon.com</t>
  </si>
  <si>
    <t>/o=exchangelabs/ou=exchange administrative group (fydibohf23spdlt)/cn=recipients/cn=1c3bae1d5aab4c72b84516e819cd16c9-wilton paim;/o=exchangelabs/ou=exchange administrative group (fydibohf23spdlt)/cn=recipients/cn=e602fe975e9346f78626c2947e4d3cb0-mayoral_cod;eduardo.machado@codeploy.com.br;</t>
  </si>
  <si>
    <t>ENC: Planejamento Operação Toyota</t>
  </si>
  <si>
    <t>DW Algar - Planejamento Intradiario - Toyota CRC Outubro.xlsm</t>
  </si>
  <si>
    <t>/o=exchangelabs/ou=exchange administrative group (fydibohf23spdlt)/cn=recipients/cn=1c3bae1d5aab4c72b84516e819cd16c9-wilton paim,/o=exchangelabs/ou=exchange administrative group (fydibohf23spdlt)/cn=recipients/cn=e602fe975e9346f78626c2947e4d3cb0-mayoral_cod,eduardo.machado@codeploy.com.br</t>
  </si>
  <si>
    <t>Projeto Weg BP</t>
  </si>
  <si>
    <t>209379 Weg GIAT C017 B017_v1.xlsb</t>
  </si>
  <si>
    <t>/o=exchangelabs/ou=exchange administrative group (fydibohf23spdlt)/cn=recipients/cn=3987744268654fb0875912ccc32640ac-andre luis;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90878932db2a45bb924c0e3aac6d5da2-jonatas lem;/o=exchangelabs/ou=exchange administrative group (fydibohf23spdlt)/cn=recipients/cn=a4ba92cba10f4fe498074594f937f3b6-leandro lop;/o=exchangelabs/ou=exchange administrative group (fydibohf23spdlt)/cn=recipients/cn=db59eaca92dc4389b5f6125984872aa3-elisangela;/o=exchangelabs/ou=exchange administrative group (fydibohf23spdlt)/cn=recipients/cn=e894bfa401c848dc9e25ced4ad1f3dd7-luciana fer;patricia.brito@bradesco.com.br;rafaelabsz@algartech.com.br;wesleymb@algartech.com.br;</t>
  </si>
  <si>
    <t>RES: Relatório de Performance URR</t>
  </si>
  <si>
    <t>/o=exchangelabs/ou=exchange administrative group (fydibohf23spdlt)/cn=recipients/cn=3987744268654fb0875912ccc32640ac-andre luis,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90878932db2a45bb924c0e3aac6d5da2-jonatas lem,/o=exchangelabs/ou=exchange administrative group (fydibohf23spdlt)/cn=recipients/cn=a4ba92cba10f4fe498074594f937f3b6-leandro lop,/o=exchangelabs/ou=exchange administrative group (fydibohf23spdlt)/cn=recipients/cn=db59eaca92dc4389b5f6125984872aa3-elisangela,/o=exchangelabs/ou=exchange administrative group (fydibohf23spdlt)/cn=recipients/cn=e894bfa401c848dc9e25ced4ad1f3dd7-luciana fer,patricia.brito@bradesco.com.br,rafaelabsz@algartech.com.br,wesleymb@algartech.com.br</t>
  </si>
  <si>
    <t>mail.google.com/_/upload?authuser=0&amp;dcp=asu-n&amp;upload_id=AEnB2Ur5dgP9bcORnI-xHW6ILU4PGx_v8WAcw_MA_HDSYPHRD0aqXkpFog8orq-BpyMbu1tyTs9nXl4OlwfYQudNYP9E_LsUMA&amp;upload_protocol=resumable</t>
  </si>
  <si>
    <t>edsonnsj@algartech.com;jaquelinedlfds@algartech.com;monitoramentonoc@algartech.com;rafaelbdt@algartech.com;</t>
  </si>
  <si>
    <t>Servidores_UAG_Usina_Guaira.xlsx</t>
  </si>
  <si>
    <t>edsonnsj@algartech.com,jaquelinedlfds@algartech.com,monitoramentonoc@algartech.com,rafaelbdt@algartech.com</t>
  </si>
  <si>
    <t>mail.google.com/_/upload?authuser=0&amp;dcp=asu-n&amp;upload_id=AEnB2UpafLsD-M3VttL3_WQABGG6PT1WUQUbDmeX190l2u9F9LdYflgx2AKGfJPaGIIeuGrZZSFDz1OpPfZKL-itIRojReDsKuWe0kPPY4nWoIopDr4SWVA&amp;upload_protocol=resumable</t>
  </si>
  <si>
    <t>RV v 13.xls</t>
  </si>
  <si>
    <t>Daily Algar Correntista_03outubro.xlsm</t>
  </si>
  <si>
    <t>Manifestação Camila - 2.xlsx</t>
  </si>
  <si>
    <t>/o=exchangelabs/ou=exchange administrative group (fydibohf23spdlt)/cn=recipients/cn=2f8300fc6f8b4714a77c0227cba72162-vinicius pi;/o=exchangelabs/ou=exchange administrative group (fydibohf23spdlt)/cn=recipients/cn=430b7fc0ccfe4728933af1b3039c7e24-marcus gome;/o=exchangelabs/ou=exchange administrative group (fydibohf23spdlt)/cn=recipients/cn=f878ae58590e41cbabba2fa1ee2ae905-izadora nas;</t>
  </si>
  <si>
    <t>Pasta12345.xlsx</t>
  </si>
  <si>
    <t>/o=exchangelabs/ou=exchange administrative group (fydibohf23spdlt)/cn=recipients/cn=2f8300fc6f8b4714a77c0227cba72162-vinicius pi,/o=exchangelabs/ou=exchange administrative group (fydibohf23spdlt)/cn=recipients/cn=430b7fc0ccfe4728933af1b3039c7e24-marcus gome,/o=exchangelabs/ou=exchange administrative group (fydibohf23spdlt)/cn=recipients/cn=f878ae58590e41cbabba2fa1ee2ae905-izadora nas</t>
  </si>
  <si>
    <t>Cópia de Cópia de volume e retenção ura e bot.xlsx</t>
  </si>
  <si>
    <t>\\acsfs\DEPTOS\Controladoria\Planejamento\Reuniões Mensais\2019\Acompanhamento DAF\</t>
  </si>
  <si>
    <t>08-Fechamento DAF - Set.2019.xlsx</t>
  </si>
  <si>
    <t>Status Report Semanal - Projeto Precificação - 20191001.pptx\</t>
  </si>
  <si>
    <t>/o=exchangelabs/ou=exchange administrative group (fydibohf23spdlt)/cn=recipients/cn=1e212ef08dab4f26b88cba944f2ab7cb-pmo.governa;/o=exchangelabs/ou=exchange administrative group (fydibohf23spdlt)/cn=recipients/cn=55f846c335d7437f892f0b0d49c89e92-celma ribei;/o=exchangelabs/ou=exchange administrative group (fydibohf23spdlt)/cn=recipients/cn=d5130784dc81436d9511788de4df376c-jeciene gom;</t>
  </si>
  <si>
    <t>RES: PROJETO PRECIFICAÇÃO - SESSÃO DE GOVERNANÇA</t>
  </si>
  <si>
    <t>Status Report Semanal - Projeto Precificação - 20191004.pptx\</t>
  </si>
  <si>
    <t>/o=exchangelabs/ou=exchange administrative group (fydibohf23spdlt)/cn=recipients/cn=1e212ef08dab4f26b88cba944f2ab7cb-pmo.governa,/o=exchangelabs/ou=exchange administrative group (fydibohf23spdlt)/cn=recipients/cn=55f846c335d7437f892f0b0d49c89e92-celma ribei,/o=exchangelabs/ou=exchange administrative group (fydibohf23spdlt)/cn=recipients/cn=d5130784dc81436d9511788de4df376c-jeciene gom</t>
  </si>
  <si>
    <t>/o=exchangelabs/ou=exchange administrative group (fydibohf23spdlt)/cn=recipients/cn=2504d5028b6b4fb89d14a5df6031358d-jane carla;/o=exchangelabs/ou=exchange administrative group (fydibohf23spdlt)/cn=recipients/cn=55f846c335d7437f892f0b0d49c89e92-celma ribei;/o=exchangelabs/ou=exchange administrative group (fydibohf23spdlt)/cn=recipients/cn=cee041e3afc5419faa2273808d5b57ff-priscila de;</t>
  </si>
  <si>
    <t>Dados para apuração de RV</t>
  </si>
  <si>
    <t>RV Para apuracao - Priscila.xlsx</t>
  </si>
  <si>
    <t>/o=exchangelabs/ou=exchange administrative group (fydibohf23spdlt)/cn=recipients/cn=2504d5028b6b4fb89d14a5df6031358d-jane carla,/o=exchangelabs/ou=exchange administrative group (fydibohf23spdlt)/cn=recipients/cn=55f846c335d7437f892f0b0d49c89e92-celma ribei,/o=exchangelabs/ou=exchange administrative group (fydibohf23spdlt)/cn=recipients/cn=cee041e3afc5419faa2273808d5b57ff-priscila de</t>
  </si>
  <si>
    <t>/o=exchangelabs/ou=exchange administrative group (fydibohf23spdlt)/cn=recipients/cn=b712c36eebee42428d3790abe2696417-romario gom;</t>
  </si>
  <si>
    <t>ENC: Criação de uma pasta para problemas de acesso</t>
  </si>
  <si>
    <t>ACOMPANHAMENTO DE ACESSOS NEXT.xlsx</t>
  </si>
  <si>
    <t>/o=exchangelabs/ou=exchange administrative group (fydibohf23spdlt)/cn=recipients/cn=b712c36eebee42428d3790abe2696417-romario gom</t>
  </si>
  <si>
    <t>/o=exchangelabs/ou=exchange administrative group (fydibohf23spdlt)/cn=recipients/cn=2361e4251bf74fc4a50ab766b8d95847-algar tech;/o=exchangelabs/ou=exchange administrative group (fydibohf23spdlt)/cn=recipients/cn=c82d742f5f1e4122a86db0495b71e095-nilton j. g;/o=exchangelabs/ou=exchange administrative group (fydibohf23spdlt)/cn=recipients/cn=e5dfe65308934e02acfffcb2185133f4-daniel bier;</t>
  </si>
  <si>
    <t>RES: PR214400 2019 - IBM 881903A608 - Rollout Drogasil - Quotation Number 881903A608</t>
  </si>
  <si>
    <t>Base IBM.xlsx</t>
  </si>
  <si>
    <t>/o=exchangelabs/ou=exchange administrative group (fydibohf23spdlt)/cn=recipients/cn=2361e4251bf74fc4a50ab766b8d95847-algar tech,/o=exchangelabs/ou=exchange administrative group (fydibohf23spdlt)/cn=recipients/cn=c82d742f5f1e4122a86db0495b71e095-nilton j. g,/o=exchangelabs/ou=exchange administrative group (fydibohf23spdlt)/cn=recipients/cn=e5dfe65308934e02acfffcb2185133f4-daniel bier</t>
  </si>
  <si>
    <t>/o=exchangelabs/ou=exchange administrative group (fydibohf23spdlt)/cn=recipients/cn=9b52022a6e624c30a92f50cf4538a4bf-talmaia rod;/o=exchangelabs/ou=exchange administrative group (fydibohf23spdlt)/cn=recipients/cn=c492b691dff246198e997a7bfe50c15a-joao pedro;/o=exchangelabs/ou=exchange administrative group (fydibohf23spdlt)/cn=recipients/cn=e47f7192d7b143e286620292e5ce82f2-mirian pris;/o=exchangelabs/ou=exchange administrative group (fydibohf23spdlt)/cn=recipients/cn=user8e89d2d7;gabrielsma@bv.algartech.com;</t>
  </si>
  <si>
    <t>RES: BV - Plano de Reestruturação de Vendas</t>
  </si>
  <si>
    <t>Dados vendas - BV FINANCEIRA.msg\s1\</t>
  </si>
  <si>
    <t>SET - DADOS DE VENDAS.xlsb</t>
  </si>
  <si>
    <t>/o=exchangelabs/ou=exchange administrative group (fydibohf23spdlt)/cn=recipients/cn=9b52022a6e624c30a92f50cf4538a4bf-talmaia rod,/o=exchangelabs/ou=exchange administrative group (fydibohf23spdlt)/cn=recipients/cn=c492b691dff246198e997a7bfe50c15a-joao pedro,/o=exchangelabs/ou=exchange administrative group (fydibohf23spdlt)/cn=recipients/cn=e47f7192d7b143e286620292e5ce82f2-mirian pris,/o=exchangelabs/ou=exchange administrative group (fydibohf23spdlt)/cn=recipients/cn=user8e89d2d7,gabrielsma@bv.algartech.com</t>
  </si>
  <si>
    <t>/o=exchangelabs/ou=exchange administrative group (fydibohf23spdlt)/cn=recipients/cn=4a12565b1fd641949c422bae61f78467-antonia jaq;/o=exchangelabs/ou=exchange administrative group (fydibohf23spdlt)/cn=recipients/cn=aac3e825e7b24e62aa9146c1926f4033-taina de ol;</t>
  </si>
  <si>
    <t>Rollout de PDVs farmacias</t>
  </si>
  <si>
    <t>/o=exchangelabs/ou=exchange administrative group (fydibohf23spdlt)/cn=recipients/cn=4a12565b1fd641949c422bae61f78467-antonia jaq,/o=exchangelabs/ou=exchange administrative group (fydibohf23spdlt)/cn=recipients/cn=aac3e825e7b24e62aa9146c1926f4033-taina de ol</t>
  </si>
  <si>
    <t>/o=exchangelabs/ou=exchange administrative group (fydibohf23spdlt)/cn=recipients/cn=5e7b5884d6234fe8b67942b52cc723ea-jean michae;</t>
  </si>
  <si>
    <t>/o=exchangelabs/ou=exchange administrative group (fydibohf23spdlt)/cn=recipients/cn=5e7b5884d6234fe8b67942b52cc723ea-jean michae</t>
  </si>
  <si>
    <t>/o=exchangelabs/ou=exchange administrative group (fydibohf23spdlt)/cn=recipients/cn=1c3bae1d5aab4c72b84516e819cd16c9-wilton paim;/o=exchangelabs/ou=exchange administrative group (fydibohf23spdlt)/cn=recipients/cn=d052f9c9a4404e849e00b751758229a8-carlos dos;diogo@quilleconsultoria.com.br;</t>
  </si>
  <si>
    <t>RES: Lista de Skill Bradesco</t>
  </si>
  <si>
    <t>SKILLS DAC1.csv</t>
  </si>
  <si>
    <t>/o=exchangelabs/ou=exchange administrative group (fydibohf23spdlt)/cn=recipients/cn=1c3bae1d5aab4c72b84516e819cd16c9-wilton paim,/o=exchangelabs/ou=exchange administrative group (fydibohf23spdlt)/cn=recipients/cn=d052f9c9a4404e849e00b751758229a8-carlos dos,diogo@quilleconsultoria.com.br</t>
  </si>
  <si>
    <t>C:\Users\leonardoefo\Downloads\</t>
  </si>
  <si>
    <t>Orçamento de Contingência 2020 VFinal.xlsb</t>
  </si>
  <si>
    <t>mail.google.com/_/upload?authuser=0&amp;dcp=asu-n&amp;upload_id=AEnB2Uqy6AR5VZ2ok0GEo-BLf0QW6CEKguahkvwPbQTbkH3VwQdKPd7ARHArFlw3RY2fg00QCZfyRK2YOprxqZG4bMd3VNCuOdIBtlozBVapldteDnF49TU&amp;upload_protocol=resumable</t>
  </si>
  <si>
    <t>C:\Users\leonardoefo\Grupo Algar\Waleska Maria Miranda Storti - Orçamento 2019\</t>
  </si>
  <si>
    <t>/o=exchangelabs/ou=exchange administrative group (fydibohf23spdlt)/cn=recipients/cn=02b715e2a3c744dbab0f4054efc9d2d2-raquel corr;/o=exchangelabs/ou=exchange administrative group (fydibohf23spdlt)/cn=recipients/cn=2361e4251bf74fc4a50ab766b8d95847-algar tech;/o=exchangelabs/ou=exchange administrative group (fydibohf23spdlt)/cn=recipients/cn=651324bc204a42f6bbcdf62273ebdc5c-aluisio ant;/o=exchangelabs/ou=exchange administrative group (fydibohf23spdlt)/cn=recipients/cn=80a7fcb64979407494064f31427e5974-helder ribe;/o=exchangelabs/ou=exchange administrative group (fydibohf23spdlt)/cn=recipients/cn=cd93dacc38404a95a829585c2e317a9f-dionizio ri;</t>
  </si>
  <si>
    <t>RES: Enviando email: TIM - RFQ_A3174_RFQ_50434 - 2202_OPERAÇÕES DE TI</t>
  </si>
  <si>
    <t>TIM - RFQ_A3174_RFQ_50434 - 2202_OPERAÇÕES DE TI.zip\TIM - RFQ_A3174_RFQ_50434 - 2202_OPERAÃ‡Ã•ES DE TI\1Âª Rodada\</t>
  </si>
  <si>
    <t>Anexo D - Planilha de preÃ§os.xls</t>
  </si>
  <si>
    <t>/o=exchangelabs/ou=exchange administrative group (fydibohf23spdlt)/cn=recipients/cn=02b715e2a3c744dbab0f4054efc9d2d2-raquel corr,/o=exchangelabs/ou=exchange administrative group (fydibohf23spdlt)/cn=recipients/cn=2361e4251bf74fc4a50ab766b8d95847-algar tech,/o=exchangelabs/ou=exchange administrative group (fydibohf23spdlt)/cn=recipients/cn=651324bc204a42f6bbcdf62273ebdc5c-aluisio ant,/o=exchangelabs/ou=exchange administrative group (fydibohf23spdlt)/cn=recipients/cn=80a7fcb64979407494064f31427e5974-helder ribe,/o=exchangelabs/ou=exchange administrative group (fydibohf23spdlt)/cn=recipients/cn=cd93dacc38404a95a829585c2e317a9f-dionizio ri</t>
  </si>
  <si>
    <t>/o=nt5/ou=00000000000000000000000000000000/cn=c8b082d2a9f2c645b7f1f2f1c117dd51;</t>
  </si>
  <si>
    <t>ENC: Pasta2.xlsx</t>
  </si>
  <si>
    <t>/o=nt5/ou=00000000000000000000000000000000/cn=c8b082d2a9f2c645b7f1f2f1c117dd51</t>
  </si>
  <si>
    <t>mail.google.com/_/upload?authuser=1&amp;dcp=asu-n&amp;upload_id=AEnB2UruEWimNaIUuL_h-s30Uq-PVBC9IYw7E0BKd8ILalwEDBLAyI__T860XpR6eXjIwzY3-ZEThzUqYHzMuVm5USueyvPiALnQ-aIUoBZd-Gc3HG2MvFc&amp;upload_protocol=resumable</t>
  </si>
  <si>
    <t>\\acsfs\engeset\ASA_ULA\NUCLEO_SUPRIMENTOS\Check List para BP\Análise Cláusulas de Seguro Contratos Clientes - Cópia\</t>
  </si>
  <si>
    <t>Simulador Prêmio Riscos Operacionais_2018_2019.xlsx</t>
  </si>
  <si>
    <t>/o=exchangelabs/ou=exchange administrative group (fydibohf23spdlt)/cn=recipients/cn=ea256770748c47aebb733d587d4c0a71-maria vitor;</t>
  </si>
  <si>
    <t>ENC: Intradiário</t>
  </si>
  <si>
    <t>Vol Unica.xlsx</t>
  </si>
  <si>
    <t>/o=exchangelabs/ou=exchange administrative group (fydibohf23spdlt)/cn=recipients/cn=ea256770748c47aebb733d587d4c0a71-maria vitor</t>
  </si>
  <si>
    <t>5 stars 04.10.csv</t>
  </si>
  <si>
    <t>mail.google.com/_/upload?authuser=2&amp;dcp=asu-n&amp;upload_id=AEnB2UrpVn0yKQAjRC89zWvapvkReUvqFsnuDBuhhLvTD4ovZTYUk9Y8m1WRiVpGvVIvv1Hq3TJUVc6NBXN6trw0VqTDMuB3NQ&amp;upload_protocol=resumable</t>
  </si>
  <si>
    <t>C:\Users\renatofol\Documents\</t>
  </si>
  <si>
    <t>Algar Metadado - Exemplo.csv</t>
  </si>
  <si>
    <t>/o=exchangelabs/ou=exchange administrative group (fydibohf23spdlt)/cn=recipients/cn=1e2e97da71ef410ba6f7bc3d1bfa9175-antonio car;/o=exchangelabs/ou=exchange administrative group (fydibohf23spdlt)/cn=recipients/cn=b284454839e94314a90d49e7ec00864f-antonio car;/o=exchangelabs/ou=exchange administrative group (fydibohf23spdlt)/cn=recipients/cn=c29ec9dae022497281c840087cccddec-patricia ar;/o=exchangelabs/ou=exchange administrative group (fydibohf23spdlt)/cn=recipients/cn=f87f494a8d1d405d8a7b42a51dd5ab84-iris eugeni;</t>
  </si>
  <si>
    <t>Dimensionamentos_ Menu.com</t>
  </si>
  <si>
    <t>Estudo_Menu_com.xlsx</t>
  </si>
  <si>
    <t>/o=exchangelabs/ou=exchange administrative group (fydibohf23spdlt)/cn=recipients/cn=1e2e97da71ef410ba6f7bc3d1bfa9175-antonio car,/o=exchangelabs/ou=exchange administrative group (fydibohf23spdlt)/cn=recipients/cn=b284454839e94314a90d49e7ec00864f-antonio car,/o=exchangelabs/ou=exchange administrative group (fydibohf23spdlt)/cn=recipients/cn=c29ec9dae022497281c840087cccddec-patricia ar,/o=exchangelabs/ou=exchange administrative group (fydibohf23spdlt)/cn=recipients/cn=f87f494a8d1d405d8a7b42a51dd5ab84-iris eugeni</t>
  </si>
  <si>
    <t>ENC: Base de dados GTH</t>
  </si>
  <si>
    <t>Detalhado GTH 20190916.xlsm</t>
  </si>
  <si>
    <t>Meta GAT Precificação</t>
  </si>
  <si>
    <t>/o=exchangelabs/ou=exchange administrative group (fydibohf23spdlt)/cn=recipients/cn=3415fc6de1734fcdbc342cacddc4ffc6-felicia rab;/o=exchangelabs/ou=exchange administrative group (fydibohf23spdlt)/cn=recipients/cn=497aee30007d40fe964ceb2b9b9df4d5-elaine cris;/o=exchangelabs/ou=exchange administrative group (fydibohf23spdlt)/cn=recipients/cn=6c04cd19127442a4ad2efe2faf8b7e86-ludyelen di;/o=exchangelabs/ou=exchange administrative group (fydibohf23spdlt)/cn=recipients/cn=abd2e85c38c24a0b8285c88d97809d7e-tulio novae;/o=exchangelabs/ou=exchange administrative group (fydibohf23spdlt)/cn=recipients/cn=eb7ce931e6474d7f89320c852712eb42-paloma rosa;</t>
  </si>
  <si>
    <t>RES: Pedido de demissão ausente</t>
  </si>
  <si>
    <t>Desligados.xlsx</t>
  </si>
  <si>
    <t>/o=exchangelabs/ou=exchange administrative group (fydibohf23spdlt)/cn=recipients/cn=3415fc6de1734fcdbc342cacddc4ffc6-felicia rab,/o=exchangelabs/ou=exchange administrative group (fydibohf23spdlt)/cn=recipients/cn=497aee30007d40fe964ceb2b9b9df4d5-elaine cris,/o=exchangelabs/ou=exchange administrative group (fydibohf23spdlt)/cn=recipients/cn=6c04cd19127442a4ad2efe2faf8b7e86-ludyelen di,/o=exchangelabs/ou=exchange administrative group (fydibohf23spdlt)/cn=recipients/cn=abd2e85c38c24a0b8285c88d97809d7e-tulio novae,/o=exchangelabs/ou=exchange administrative group (fydibohf23spdlt)/cn=recipients/cn=eb7ce931e6474d7f89320c852712eb42-paloma rosa</t>
  </si>
  <si>
    <t>/o=exchangelabs/ou=exchange administrative group (fydibohf23spdlt)/cn=recipients/cn=5e7b5884d6234fe8b67942b52cc723ea-jean michae;/o=nt5/ou=00000000000000000000000000000000/cn=c8b082d2a9f2c645b7f1f2f1c117dd51;</t>
  </si>
  <si>
    <t>/o=exchangelabs/ou=exchange administrative group (fydibohf23spdlt)/cn=recipients/cn=5e7b5884d6234fe8b67942b52cc723ea-jean michae,/o=nt5/ou=00000000000000000000000000000000/cn=c8b082d2a9f2c645b7f1f2f1c117dd51</t>
  </si>
  <si>
    <t>169.254.14.201</t>
  </si>
  <si>
    <t>02-00-4C-4F-4F-50</t>
  </si>
  <si>
    <t>C:\Users\fabriciovs\Desktop\desktop\</t>
  </si>
  <si>
    <t>SUBSTITUICAO DESKTOPS BRADESCO - (UBERLANDIA) 2019.xlsx</t>
  </si>
  <si>
    <t>/o=exchangelabs/ou=exchange administrative group (fydibohf23spdlt)/cn=recipients/cn=e70cc16764ef4e4fac6e4581f29c2881-valeria bet;/o=nt5/ou=00000000000000000000000000000000/cn=5a7a1abfd000f84fb4f8373d8c1b95eb;</t>
  </si>
  <si>
    <t>ENC: ENC: Ambiente Genesys - me ajuda ---e os dados dos supervisores ???</t>
  </si>
  <si>
    <t>BD- EMAIL E USUARIO.xlsx</t>
  </si>
  <si>
    <t>/o=exchangelabs/ou=exchange administrative group (fydibohf23spdlt)/cn=recipients/cn=e70cc16764ef4e4fac6e4581f29c2881-valeria bet,/o=nt5/ou=00000000000000000000000000000000/cn=5a7a1abfd000f84fb4f8373d8c1b95eb</t>
  </si>
  <si>
    <t>/o=exchangelabs/ou=exchange administrative group (fydibohf23spdlt)/cn=recipients/cn=651324bc204a42f6bbcdf62273ebdc5c-aluisio ant;/o=exchangelabs/ou=exchange administrative group (fydibohf23spdlt)/cn=recipients/cn=89e58c8da071492dbdcb4fee4156b705-gustavo alm;</t>
  </si>
  <si>
    <t>/o=exchangelabs/ou=exchange administrative group (fydibohf23spdlt)/cn=recipients/cn=651324bc204a42f6bbcdf62273ebdc5c-aluisio ant,/o=exchangelabs/ou=exchange administrative group (fydibohf23spdlt)/cn=recipients/cn=89e58c8da071492dbdcb4fee4156b705-gustavo alm</t>
  </si>
  <si>
    <t>ENC: Arquivo de retorno Reenvio - Algar- Setembro/19 27.09</t>
  </si>
  <si>
    <t>ENC: Analise Base Ativos - Cartões Custodia</t>
  </si>
  <si>
    <t>/o=exchangelabs/ou=exchange administrative group (fydibohf23spdlt)/cn=recipients/cn=68f0b0e85da24da0bef3b6b109ed099e-daliane soa;/o=exchangelabs/ou=exchange administrative group (fydibohf23spdlt)/cn=recipients/cn=741ddf52d7254566b58abdfaef6b9055-geison jose;</t>
  </si>
  <si>
    <t>ENC: DESLIGAMENTO - ALINHAMENTO</t>
  </si>
  <si>
    <t>CDI_MANUAL_(2).xlsx</t>
  </si>
  <si>
    <t>/o=exchangelabs/ou=exchange administrative group (fydibohf23spdlt)/cn=recipients/cn=68f0b0e85da24da0bef3b6b109ed099e-daliane soa,/o=exchangelabs/ou=exchange administrative group (fydibohf23spdlt)/cn=recipients/cn=741ddf52d7254566b58abdfaef6b9055-geison jose</t>
  </si>
  <si>
    <t>Forecast Setembro 2019 (2019 e 2020).xlsx</t>
  </si>
  <si>
    <t>mail.google.com/_/upload?authuser=1&amp;dcp=asu-n&amp;upload_id=AEnB2UpUbSUPI0l9fQXVSlaVLYrLIn6UjYKeVj8RmXp2DH8JPiItnBcYXNMZiViQUpQYsqQiTpdsiHZNxA8WYND_w-neic5F1b4HDXkw5ZLeq6EbZrVdA-I&amp;upload_protocol=resumable</t>
  </si>
  <si>
    <t>\\acsfs\engeset\ASA_ULA\SUPERVISÃO\Orçamento\2019\</t>
  </si>
  <si>
    <t>Recuperação de custo_1220.xls</t>
  </si>
  <si>
    <t>Estruturação - 1ª Projeção v2.xlsx</t>
  </si>
  <si>
    <t>/o=exchangelabs/ou=exchange administrative group (fydibohf23spdlt)/cn=recipients/cn=2f25493a7e37433d8dafca90f527b173-danubia cri;/o=exchangelabs/ou=exchange administrative group (fydibohf23spdlt)/cn=recipients/cn=db245edd2ac24a05a9b7571fb8468a4f-robert brun;</t>
  </si>
  <si>
    <t>/o=exchangelabs/ou=exchange administrative group (fydibohf23spdlt)/cn=recipients/cn=2f25493a7e37433d8dafca90f527b173-danubia cri,/o=exchangelabs/ou=exchange administrative group (fydibohf23spdlt)/cn=recipients/cn=db245edd2ac24a05a9b7571fb8468a4f-robert brun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2f4bb3276da2464096fd9ebe23e1d908-marla jorda;/o=exchangelabs/ou=exchange administrative group (fydibohf23spdlt)/cn=recipients/cn=8448bc0d964c4200bf3bd8bd54310da1-kesley isai;/o=exchangelabs/ou=exchange administrative group (fydibohf23spdlt)/cn=recipients/cn=a4725b7c782941fda1d1c00ae0ff9e26-camiller mo;/o=exchangelabs/ou=exchange administrative group (fydibohf23spdlt)/cn=recipients/cn=ac27634bb2ba4092a4bb28b0811ce15a-alessandra;/o=exchangelabs/ou=exchange administrative group (fydibohf23spdlt)/cn=recipients/cn=b00eb05119d14bbeac53a3bf5979e6c2-elena crist;/o=exchangelabs/ou=exchange administrative group (fydibohf23spdlt)/cn=recipients/cn=f0e6b231679d41b89fbbc682e6e3a6ca-daian</t>
  </si>
  <si>
    <t>ENC: Estudo Ocupação de 1.8 - Novas Ações</t>
  </si>
  <si>
    <t>58 - Estudo RD_VD 1,8.xlsx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2f4bb3276da2464096fd9ebe23e1d908-marla jorda,/o=exchangelabs/ou=exchange administrative group (fydibohf23spdlt)/cn=recipients/cn=8448bc0d964c4200bf3bd8bd54310da1-kesley isai,/o=exchangelabs/ou=exchange administrative group (fydibohf23spdlt)/cn=recipients/cn=a4725b7c782941fda1d1c00ae0ff9e26-camiller mo,/o=exchangelabs/ou=exchange administrative group (fydibohf23spdlt)/cn=recipients/cn=ac27634bb2ba4092a4bb28b0811ce15a-alessandra,/o=exchangelabs/ou=exchange administrative group (fydibohf23spdlt)/cn=recipients/cn=b00eb05119d14bbeac53a3bf5979e6c2-elena crist,/o=exchangelabs/ou=exchange administrative group (fydibohf23spdlt)/cn=recipients/cn=f0e6b231679d41b89fbbc682e6e3a6ca-daian</t>
  </si>
  <si>
    <t>/o=exchangelabs/ou=exchange administrative group (fydibohf23spdlt)/cn=recipients/cn=3231d815809d4256b0da40dff50c3bbc-thiago sora;/o=exchangelabs/ou=exchange administrative group (fydibohf23spdlt)/cn=recipients/cn=52684aee05874b27a5c249763c2fe008-andre mota;</t>
  </si>
  <si>
    <t>/o=exchangelabs/ou=exchange administrative group (fydibohf23spdlt)/cn=recipients/cn=3231d815809d4256b0da40dff50c3bbc-thiago sora,/o=exchangelabs/ou=exchange administrative group (fydibohf23spdlt)/cn=recipients/cn=52684aee05874b27a5c249763c2fe008-andre mota</t>
  </si>
  <si>
    <t>mail.google.com/_/upload?authuser=0&amp;dcp=asu-n&amp;upload_id=AEnB2Uq1nEXQTcUMx-LU7UWQL90iAZLqQ5W66NQCIZW1I_-JBLIEzi9cEkz_kLH6m7jJeAj_veren-CduLJNz02l8WBNCYhM_w&amp;upload_protocol=resumable</t>
  </si>
  <si>
    <t>C:\Users\raphaelapm\Desktop\MATERIAL DYNAMICS\DESORGANIZADOS\1-Modelos de importação\1-Modelos de importação.zip\PJ_URR_BNDES\</t>
  </si>
  <si>
    <t>BNDES URR Agosto.csv</t>
  </si>
  <si>
    <t>Campanha Alelo Agosto.csv</t>
  </si>
  <si>
    <t>teste import BNDES.csv</t>
  </si>
  <si>
    <t>TESTETETETETE.csv</t>
  </si>
  <si>
    <t>C:\Users\raphaelapm\Desktop\MATERIAL DYNAMICS\DESORGANIZADOS\1-Modelos de importação\1-Modelos de importação.zip\PJ_URR_AGÃŠNCIAS\</t>
  </si>
  <si>
    <t>ImportaÃ§Ã£o AGENCIAS Julho 2019.xlsx</t>
  </si>
  <si>
    <t>Mascara para Importar__Carga de AGENCIAS.xlsx</t>
  </si>
  <si>
    <t>MASCARA importaÃ§Ã£o URR - BNDES.xlsx</t>
  </si>
  <si>
    <t>C:\Users\raphaelapm\Desktop\MATERIAL DYNAMICS\DESORGANIZADOS\1-Modelos de importação\1-Modelos de importação.zip\PJ_URR_ENRIQUECIMENTO TELEFONES\</t>
  </si>
  <si>
    <t>MASCARA importaÃ§Ã£o ENRIQUECIMENTO TELEFONES.xlsx</t>
  </si>
  <si>
    <t>C:\Users\raphaelapm\Desktop\MATERIAL DYNAMICS\DESORGANIZADOS\1-Modelos de importação\1-Modelos de importação.zip\PJ_URR_GERENCIAMENTO\</t>
  </si>
  <si>
    <t>MODELO ImportaÃ§Ã£o GERENCIAMENTO URR.xlsx</t>
  </si>
  <si>
    <t>C:\Users\raphaelapm\Desktop\MATERIAL DYNAMICS\DESORGANIZADOS\1-Modelos de importação\1-Modelos de importação.zip\PJ_URR_IGEST\</t>
  </si>
  <si>
    <t>MASCARA IGEST URR _ IGEST ALELO.xlsx</t>
  </si>
  <si>
    <t>Rampa Escopo B - Início JAN/20</t>
  </si>
  <si>
    <t>Resumo Executivo_Escopo B_JAN_03OUT.xlsx</t>
  </si>
  <si>
    <t>\\acsfs\dsti\CES - Coordenacao de Entrega de Serviços\02 - Comum\01 - Gestao da Area\SUPERFRIO\2019\10. Outubro\</t>
  </si>
  <si>
    <t>Fat_SuperFrio_Out_19.xlsx</t>
  </si>
  <si>
    <t>/o=exchangelabs/ou=exchange administrative group (fydibohf23spdlt)/cn=recipients/cn=0ca6cc8d100949a7866a928f62ef5778-rosilene de;/o=exchangelabs/ou=exchange administrative group (fydibohf23spdlt)/cn=recipients/cn=a35622ae1b534401a6dd99bd801d1f97-marcos paul;/o=exchangelabs/ou=exchange administrative group (fydibohf23spdlt)/cn=recipients/cn=ca1f2dadbd0542a8ad075275acf52ff3-rondinele s;francisco_cardoso@whirlpool.com;kaio_h_siqueira_contractor@whirlpool.com;</t>
  </si>
  <si>
    <t>RES: Hora/Homem - Desenvolvimento de Relatórios</t>
  </si>
  <si>
    <t>RES HoraHomem - Desenvolvimento de Relatórios.msg\s271\</t>
  </si>
  <si>
    <t>Acompanhamento Desinstalação.xlsx</t>
  </si>
  <si>
    <t>/o=exchangelabs/ou=exchange administrative group (fydibohf23spdlt)/cn=recipients/cn=0ca6cc8d100949a7866a928f62ef5778-rosilene de,/o=exchangelabs/ou=exchange administrative group (fydibohf23spdlt)/cn=recipients/cn=a35622ae1b534401a6dd99bd801d1f97-marcos paul,/o=exchangelabs/ou=exchange administrative group (fydibohf23spdlt)/cn=recipients/cn=ca1f2dadbd0542a8ad075275acf52ff3-rondinele s,francisco_cardoso@whirlpool.com,kaio_h_siqueira_contractor@whirlpool.com</t>
  </si>
  <si>
    <t>Tamanho - Camiseta e Chinelo Vendas.xlsx</t>
  </si>
  <si>
    <t>/o=exchangelabs/ou=exchange administrative group (fydibohf23spdlt)/cn=recipients/cn=4b453b7f02914710b3e94bcf7b311ad4-fernando po;/o=exchangelabs/ou=exchange administrative group (fydibohf23spdlt)/cn=recipients/cn=55f846c335d7437f892f0b0d49c89e92-celma ribei;/o=exchangelabs/ou=exchange administrative group (fydibohf23spdlt)/cn=recipients/cn=b1a72fc2d0234efca84c7771ea70c7ee-roberta cri;/o=exchangelabs/ou=exchange administrative group (fydibohf23spdlt)/cn=recipients/cn=bcc9538754d3496ea31a487e560f8214-silvio mart;</t>
  </si>
  <si>
    <t>Abertura do BP_ESCOPO B com início em JAN/2020</t>
  </si>
  <si>
    <t>Abertura do BP_ESCOPO B_JAN_01Out_Sem Vínculo.xlsx</t>
  </si>
  <si>
    <t>/o=exchangelabs/ou=exchange administrative group (fydibohf23spdlt)/cn=recipients/cn=4b453b7f02914710b3e94bcf7b311ad4-fernando po,/o=exchangelabs/ou=exchange administrative group (fydibohf23spdlt)/cn=recipients/cn=55f846c335d7437f892f0b0d49c89e92-celma ribei,/o=exchangelabs/ou=exchange administrative group (fydibohf23spdlt)/cn=recipients/cn=b1a72fc2d0234efca84c7771ea70c7ee-roberta cri,/o=exchangelabs/ou=exchange administrative group (fydibohf23spdlt)/cn=recipients/cn=bcc9538754d3496ea31a487e560f8214-silvio mart</t>
  </si>
  <si>
    <t>RES: Dados para apuração de RV</t>
  </si>
  <si>
    <t>RV Para apuracao - Priscila v2.xlsx</t>
  </si>
  <si>
    <t>/o=nt5/ou=00000000000000000000000000000000/cn=69332d219ec29e48b10c579a8e760d74;</t>
  </si>
  <si>
    <t>ENC: Dashboard PA Digital N1 Services - ASC - Consolidado até 03/10</t>
  </si>
  <si>
    <t>Dashboard PA Digital - Services.xlsb</t>
  </si>
  <si>
    <t>/o=nt5/ou=00000000000000000000000000000000/cn=69332d219ec29e48b10c579a8e760d74</t>
  </si>
  <si>
    <t>10.201.30.71</t>
  </si>
  <si>
    <t>FC-01-7C-B3-D1-B3</t>
  </si>
  <si>
    <t>NB-ANDREMG</t>
  </si>
  <si>
    <t>andremg</t>
  </si>
  <si>
    <t>helberpt@algartech.com;helderrds@algartech.com;hewersong@algartech.com;karlosgc@algartech.com;leonardoil@algartech.com;</t>
  </si>
  <si>
    <t>C:\Users\andremg\Desktop\Relatórios BKO - Yahsat.zip\Relat¢rios BKO - Yahsat\Bases\</t>
  </si>
  <si>
    <t>Relat¢rio YahCenter.xlsx</t>
  </si>
  <si>
    <t>helberpt@algartech.com,helderrds@algartech.com,hewersong@algartech.com,karlosgc@algartech.com,leonardoil@algartech.com</t>
  </si>
  <si>
    <t>Tasks - Billing and Backoffice.xlsx</t>
  </si>
  <si>
    <t>C:\Users\andremg\Desktop\Relatórios BKO - Yahsat.zip\Relat¢rios BKO - Yahsat\Relat¢rios\</t>
  </si>
  <si>
    <t>Relat¢rio BackOffice.xlsx</t>
  </si>
  <si>
    <t>Relat¢rio Tasks.xlsx</t>
  </si>
  <si>
    <t>09 - Faturamento Toyota CRC.xlsx</t>
  </si>
  <si>
    <t>/o=exchangelabs/ou=exchange administrative group (fydibohf23spdlt)/cn=recipients/cn=3dd2a19994fe4c34a2427058cc20314f-anderson ro;/o=exchangelabs/ou=exchange administrative group (fydibohf23spdlt)/cn=recipients/cn=559c046856a541e781b58916784cdb17-mariana cus;/o=exchangelabs/ou=exchange administrative group (fydibohf23spdlt)/cn=recipients/cn=df6ea6cc78a840278b1e7acccac67692-thiago rodr;</t>
  </si>
  <si>
    <t>ENC: criação ZIMBRA - BV CARTOES</t>
  </si>
  <si>
    <t>Criação ZIMBRA BV CARTOES.xlsx</t>
  </si>
  <si>
    <t>/o=exchangelabs/ou=exchange administrative group (fydibohf23spdlt)/cn=recipients/cn=3dd2a19994fe4c34a2427058cc20314f-anderson ro,/o=exchangelabs/ou=exchange administrative group (fydibohf23spdlt)/cn=recipients/cn=559c046856a541e781b58916784cdb17-mariana cus,/o=exchangelabs/ou=exchange administrative group (fydibohf23spdlt)/cn=recipients/cn=df6ea6cc78a840278b1e7acccac67692-thiago rodr</t>
  </si>
  <si>
    <t>IPS.xlsx</t>
  </si>
  <si>
    <t>/o=exchangelabs/ou=exchange administrative group (fydibohf23spdlt)/cn=recipients/cn=0ca6cc8d100949a7866a928f62ef5778-rosilene de;/o=exchangelabs/ou=exchange administrative group (fydibohf23spdlt)/cn=recipients/cn=1c3bae1d5aab4c72b84516e819cd16c9-wilton paim;/o=exchangelabs/ou=exchange administrative group (fydibohf23spdlt)/cn=recipients/cn=56dc126fba5b4a5f8fb1cd7e4f10477d-thais olive;/o=exchangelabs/ou=exchange administrative group (fydibohf23spdlt)/cn=recipients/cn=a35622ae1b534401a6dd99bd801d1f97-marcos paul;/o=exchangelabs/ou=exchange administrative group (fydibohf23spdlt)/cn=recipients/cn=c22b2d8de1594760baec681322c0933f-fernanda ma;/o=exchangelabs/ou=exchange administrative group (fydibohf23spdlt)/cn=recipients/cn=ca1f2dadbd0542a8ad075275acf52ff3-rondinele s;/o=exchangelabs/ou=exchange administrative group (fydibohf23spdlt)/cn=recipients/cn=ff07a8bacc8946dda73cdb81f8820316-humberto eu;</t>
  </si>
  <si>
    <t>ENC Cruzamento Base de OS Desinstalação Whirlpool x Base E-center Ecohouse.msg\s1\</t>
  </si>
  <si>
    <t>/o=exchangelabs/ou=exchange administrative group (fydibohf23spdlt)/cn=recipients/cn=0ca6cc8d100949a7866a928f62ef5778-rosilene de,/o=exchangelabs/ou=exchange administrative group (fydibohf23spdlt)/cn=recipients/cn=1c3bae1d5aab4c72b84516e819cd16c9-wilton paim,/o=exchangelabs/ou=exchange administrative group (fydibohf23spdlt)/cn=recipients/cn=56dc126fba5b4a5f8fb1cd7e4f10477d-thais olive,/o=exchangelabs/ou=exchange administrative group (fydibohf23spdlt)/cn=recipients/cn=a35622ae1b534401a6dd99bd801d1f97-marcos paul,/o=exchangelabs/ou=exchange administrative group (fydibohf23spdlt)/cn=recipients/cn=c22b2d8de1594760baec681322c0933f-fernanda ma,/o=exchangelabs/ou=exchange administrative group (fydibohf23spdlt)/cn=recipients/cn=ca1f2dadbd0542a8ad075275acf52ff3-rondinele s,/o=exchangelabs/ou=exchange administrative group (fydibohf23spdlt)/cn=recipients/cn=ff07a8bacc8946dda73cdb81f8820316-humberto eu</t>
  </si>
  <si>
    <t>mail.google.com/_/upload?authuser=1&amp;dcp=asu-n&amp;upload_id=AEnB2Upwt3eyiK3VE9xSSQY5RFImi9LOEN_YbkVMyMSrhb7ni6EU0kPo03aeaxyW0cdiIcSz_pCIN068pmR6Xzn4gS9o4ZM335YL3P1-OFOM89qNJsw6g7M&amp;upload_protocol=resumable</t>
  </si>
  <si>
    <t>Pendentes WKF.xlsx</t>
  </si>
  <si>
    <t>/o=exchangelabs/ou=exchange administrative group (fydibohf23spdlt)/cn=recipients/cn=0cbce90bdb1a497884c650ccf6bb3f11-denise marq;</t>
  </si>
  <si>
    <t>ENC: Auditoria Interna Plano de Ação</t>
  </si>
  <si>
    <t>Plano de trabalho_Auditoria Interna.xlsx</t>
  </si>
  <si>
    <t>/o=exchangelabs/ou=exchange administrative group (fydibohf23spdlt)/cn=recipients/cn=0cbce90bdb1a497884c650ccf6bb3f11-denise marq</t>
  </si>
  <si>
    <t>/o=exchangelabs/ou=exchange administrative group (fydibohf23spdlt)/cn=recipients/cn=be0b59caa4dc43e39afaa089f44ef778-leonardo al;/o=exchangelabs/ou=exchange administrative group (fydibohf23spdlt)/cn=recipients/cn=df6ea6cc78a840278b1e7acccac67692-thiago rodr;</t>
  </si>
  <si>
    <t>Quebra volume BV - Outubro</t>
  </si>
  <si>
    <t>Volume Outubro_BV_Relacionamento Cartões.xlsx</t>
  </si>
  <si>
    <t>/o=exchangelabs/ou=exchange administrative group (fydibohf23spdlt)/cn=recipients/cn=be0b59caa4dc43e39afaa089f44ef778-leonardo al,/o=exchangelabs/ou=exchange administrative group (fydibohf23spdlt)/cn=recipients/cn=df6ea6cc78a840278b1e7acccac67692-thiago rodr</t>
  </si>
  <si>
    <t>/o=exchangelabs/ou=exchange administrative group (fydibohf23spdlt)/cn=recipients/cn=01bff1b3197a494b89a4bc8714fe13c7-cristiano c;/o=exchangelabs/ou=exchange administrative group (fydibohf23spdlt)/cn=recipients/cn=433c44314b25411787c58f7b0b761a9c-augusto afo;/o=exchangelabs/ou=exchange administrative group (fydibohf23spdlt)/cn=recipients/cn=65d35bc38c6743d7a55b3ae9726a5893-diego ribei;/o=exchangelabs/ou=exchange administrative group (fydibohf23spdlt)/cn=recipients/cn=66edf19ebc2742d0aad16b8a34a09b10-andre luiz;/o=exchangelabs/ou=exchange administrative group (fydibohf23spdlt)/cn=recipients/cn=7233cf4ed7da446d863f8c068ff05414-luciano fra;/o=exchangelabs/ou=exchange administrative group (fydibohf23spdlt)/cn=recipients/cn=7a5ceaeaef9041b49ad4d0d90f19ee70-marianna co;/o=exchangelabs/ou=exchange administrative group (fydibohf23spdlt)/cn=recipients/cn=a208dc8cbe6e49ba9e1a5ae0804f17ec-ana.rugai;/o=exchangelabs/ou=exchange administrative group (fydibohf23spdlt)/cn=recipients/cn=a8c8b1161bf84918bc40507cbb20e044-luiz ed</t>
  </si>
  <si>
    <t>/o=exchangelabs/ou=exchange administrative group (fydibohf23spdlt)/cn=recipients/cn=01bff1b3197a494b89a4bc8714fe13c7-cristiano c,/o=exchangelabs/ou=exchange administrative group (fydibohf23spdlt)/cn=recipients/cn=433c44314b25411787c58f7b0b761a9c-augusto afo,/o=exchangelabs/ou=exchange administrative group (fydibohf23spdlt)/cn=recipients/cn=65d35bc38c6743d7a55b3ae9726a5893-diego ribei,/o=exchangelabs/ou=exchange administrative group (fydibohf23spdlt)/cn=recipients/cn=66edf19ebc2742d0aad16b8a34a09b10-andre luiz,/o=exchangelabs/ou=exchange administrative group (fydibohf23spdlt)/cn=recipients/cn=7233cf4ed7da446d863f8c068ff05414-luciano fra,/o=exchangelabs/ou=exchange administrative group (fydibohf23spdlt)/cn=recipients/cn=7a5ceaeaef9041b49ad4d0d90f19ee70-marianna co,/o=exchangelabs/ou=exchange administrative group (fydibohf23spdlt)/cn=recipients/cn=a208dc8cbe6e49ba9e1a5ae0804f17ec-ana.rugai,/o=exchangelabs/ou=exchange administrative group (fydibohf23spdlt)/cn=recipients/cn=a8c8b1161bf84918bc40507cbb20e044-luiz ed</t>
  </si>
  <si>
    <t>CGAP - COORDENACAO GERAL DE APLICACOES</t>
  </si>
  <si>
    <t>10.250.255.52</t>
  </si>
  <si>
    <t>NB-DOUGLASXM</t>
  </si>
  <si>
    <t>douglasxm</t>
  </si>
  <si>
    <t>C:\Users\douglasxm\Documents\</t>
  </si>
  <si>
    <t>Template_folha_retificadora_ISAURA.xlsx</t>
  </si>
  <si>
    <t>Template_folha_retificadora_DANILO.xlsx</t>
  </si>
  <si>
    <t>Template_folha_retificadora_LUCAS.xlsx</t>
  </si>
  <si>
    <t>Template_folha_retificadora_DANUBIA.xlsx</t>
  </si>
  <si>
    <t>C:\Users\ederleirdr\Grupo Algar\Henrique Augusto Conceicao - Compartilhado CSC\Detalhamento de Itens\2020-12. SUBSTITUICAO FIREWALL BORDA ALGAR TECH - (CAMPINAS)\</t>
  </si>
  <si>
    <t>SUBSTITUICAO FIREWALL BORDA ALGAR TECH - (CAMPINAS).xlsx</t>
  </si>
  <si>
    <t>RES: PR214405 2019 - IBM 9319040E02 - Projeto Field BR - Quotation Number 9319040E02</t>
  </si>
  <si>
    <t>Cotações - FS_v1_03102019.xlsx</t>
  </si>
  <si>
    <t>mail.google.com/_/upload?authuser=0&amp;dcp=asu-n&amp;upload_id=AEnB2UpfvKkb3bbP1wuNt7-AkKrI2XxDv_suN8cgZpi0xzzrVDnRPJNwiR4iShJNm1-yGSrzDm9Vh7t_YHpdov0j4xDxNMjcSA&amp;upload_protocol=resumable</t>
  </si>
  <si>
    <t>lilianda@algartech.com;marceloaa@algartech.com;marcelodsd@algartech.com;marcussp@algartech.com;thacyoedv@algartech.com;thaisat@algartech.com;</t>
  </si>
  <si>
    <t>lilianda@algartech.com,marceloaa@algartech.com,marcelodsd@algartech.com,marcussp@algartech.com,thacyoedv@algartech.com,thaisat@algartech.com</t>
  </si>
  <si>
    <t>mail.google.com/_/upload?authuser=0&amp;dcp=asu-n&amp;upload_id=AEnB2UqNFvTAIQeyIg1wPVHBr-k_4nkJbMuav6ELLDWhChN7KD-3u7KLk-MU9tRRAM1bYNdAK0ceNQV-YgUC9x6tE7kNHt2Dksp0yfmNWYsJZdCJK1-2meg&amp;upload_protocol=resumable</t>
  </si>
  <si>
    <t>/o=exchangelabs/ou=exchange administrative group (fydibohf23spdlt)/cn=recipients/cn=453b61456320491dad510b65b310018f-kelen crist;/o=exchangelabs/ou=exchange administrative group (fydibohf23spdlt)/cn=recipients/cn=88e4fcbd3ea14730a81286cc0683fb42-manoel eloy;/o=exchangelabs/ou=exchange administrative group (fydibohf23spdlt)/cn=recipients/cn=b712c36eebee42428d3790abe2696417-romario gom;</t>
  </si>
  <si>
    <t>/o=exchangelabs/ou=exchange administrative group (fydibohf23spdlt)/cn=recipients/cn=453b61456320491dad510b65b310018f-kelen crist,/o=exchangelabs/ou=exchange administrative group (fydibohf23spdlt)/cn=recipients/cn=88e4fcbd3ea14730a81286cc0683fb42-manoel eloy,/o=exchangelabs/ou=exchange administrative group (fydibohf23spdlt)/cn=recipients/cn=b712c36eebee42428d3790abe2696417-romario gom</t>
  </si>
  <si>
    <t>/o=exchangelabs/ou=exchange administrative group (fydibohf23spdlt)/cn=recipients/cn=56c2af2d07fd48c0aebfc00ddc006494-alessio rod;/o=exchangelabs/ou=exchange administrative group (fydibohf23spdlt)/cn=recipients/cn=78e530b5e3244cc1a89eba7f7b0af42f-marco tulio;/o=exchangelabs/ou=exchange administrative group (fydibohf23spdlt)/cn=recipients/cn=8ab5e44d485043d59eb4f21463e63e6a-tays dos sa;/o=exchangelabs/ou=exchange administrative group (fydibohf23spdlt)/cn=recipients/cn=93fbfc821dab48cf91184b5c6c1bf60c-ianny raiss;/o=exchangelabs/ou=exchange administrative group (fydibohf23spdlt)/cn=recipients/cn=c32cee7d339f4e7fab5beda7be171cc0-priscila ca;/o=exchangelabs/ou=exchange administrative group (fydibohf23spdlt)/cn=recipients/cn=e3778f57d65f4c17a6287602f9eb0cdc-alessandra;/o=exchangelabs/ou=exchange administrative group (fydibohf23spdlt)/cn=recipients/cn=f87f494a8d1d405d8a7b42a51dd5ab84-iris eugeni;</t>
  </si>
  <si>
    <t>RES: Lista de férias (Pendências)</t>
  </si>
  <si>
    <t>Cópia de Report_Programação de férias 0210 - Alessandra- Atualizado.xlsx</t>
  </si>
  <si>
    <t>/o=exchangelabs/ou=exchange administrative group (fydibohf23spdlt)/cn=recipients/cn=56c2af2d07fd48c0aebfc00ddc006494-alessio rod,/o=exchangelabs/ou=exchange administrative group (fydibohf23spdlt)/cn=recipients/cn=78e530b5e3244cc1a89eba7f7b0af42f-marco tulio,/o=exchangelabs/ou=exchange administrative group (fydibohf23spdlt)/cn=recipients/cn=8ab5e44d485043d59eb4f21463e63e6a-tays dos sa,/o=exchangelabs/ou=exchange administrative group (fydibohf23spdlt)/cn=recipients/cn=93fbfc821dab48cf91184b5c6c1bf60c-ianny raiss,/o=exchangelabs/ou=exchange administrative group (fydibohf23spdlt)/cn=recipients/cn=c32cee7d339f4e7fab5beda7be171cc0-priscila ca,/o=exchangelabs/ou=exchange administrative group (fydibohf23spdlt)/cn=recipients/cn=e3778f57d65f4c17a6287602f9eb0cdc-alessandra,/o=exchangelabs/ou=exchange administrative group (fydibohf23spdlt)/cn=recipients/cn=f87f494a8d1d405d8a7b42a51dd5ab84-iris eugeni</t>
  </si>
  <si>
    <t>guilherme.felipe@gmail.com;</t>
  </si>
  <si>
    <t>guilherme.felipe@gmail.com</t>
  </si>
  <si>
    <t>C:\Users\leonoraat\OneDrive - Grupo Algar\AREA DE TRABALHO\</t>
  </si>
  <si>
    <t>Formulário TTV - Lançamento de Hora Extra.xlsx</t>
  </si>
  <si>
    <t>reag_04.10.csv</t>
  </si>
  <si>
    <t>C:\Users\lucasfbr\OneDrive - Grupo Algar\LUCAS\2 - Outros\Pessoais\Controle acionamentos\</t>
  </si>
  <si>
    <t>Correções de Ponto.xlsx</t>
  </si>
  <si>
    <t>C:\Users\fabianacscg\Desktop\Apresentação Ecohouse.pptx\</t>
  </si>
  <si>
    <t>mail.google.com/_/upload?authuser=0&amp;dcp=asu-n&amp;upload_id=AEnB2Uo0Yo70kzmnyfwnCaiiaYZinX-HNPVKGVQ5cuiEgNV5fK5oM5dIwHuilvBMiqnPvb0ansh6xqBPH5KEDtW4Y8EnqI9FEpbseMgYAPVZE92etx1klsQ&amp;upload_protocol=resumable</t>
  </si>
  <si>
    <t>C:\Users\ederleirdr\Grupo Algar\Henrique Augusto Conceicao - Compartilhado CSC\Detalhamento de Itens\2020-31. Estrategia de Migração Plataformas de Telecom DAC 2 e DAC 3\</t>
  </si>
  <si>
    <t>2020-29. Estrategia de Migração Plataformas de Telecom DAC 2 e DAC 3.xlsx</t>
  </si>
  <si>
    <t>/o=exchangelabs/ou=exchange administrative group (fydibohf23spdlt)/cn=recipients/cn=168e05cabbf14ae289464a0c09955b31-sara ferrei;/o=exchangelabs/ou=exchange administrative group (fydibohf23spdlt)/cn=recipients/cn=287c26b08a0f48578479a15a452f025d-edilson rod;/o=exchangelabs/ou=exchange administrative group (fydibohf23spdlt)/cn=recipients/cn=54abac0a4fdc4ad1bec39bb51d85eab1-victor hugo;/o=exchangelabs/ou=exchange administrative group (fydibohf23spdlt)/cn=recipients/cn=76d765d676864fe79b29c865fa21a2c7-leticia rez;</t>
  </si>
  <si>
    <t>ENC: Forecast - MRC Amazon 2020_2019.9.30</t>
  </si>
  <si>
    <t>Forecast - MRC Amazon 2020_2019.10.04_407 racks.xlsx</t>
  </si>
  <si>
    <t>/o=exchangelabs/ou=exchange administrative group (fydibohf23spdlt)/cn=recipients/cn=168e05cabbf14ae289464a0c09955b31-sara ferrei,/o=exchangelabs/ou=exchange administrative group (fydibohf23spdlt)/cn=recipients/cn=287c26b08a0f48578479a15a452f025d-edilson rod,/o=exchangelabs/ou=exchange administrative group (fydibohf23spdlt)/cn=recipients/cn=54abac0a4fdc4ad1bec39bb51d85eab1-victor hugo,/o=exchangelabs/ou=exchange administrative group (fydibohf23spdlt)/cn=recipients/cn=76d765d676864fe79b29c865fa21a2c7-leticia rez</t>
  </si>
  <si>
    <t>837f4118-9662-4033-895d-dd780bddcd0d;</t>
  </si>
  <si>
    <t>mail.google.com/_/upload?authuser=1&amp;dcp=asu-n&amp;upload_id=AEnB2UpuqWht_g93K8U9h1ED9D5T12qpZ3nS4MXLggSkvDsqs4Q-bIhf8QUkQJMVLVxvfpw3yxu79yRF-1mZ9YFsDlw5Dv4F2g&amp;upload_protocol=resumable</t>
  </si>
  <si>
    <t>andremg@algartecnologia.com.br</t>
  </si>
  <si>
    <t>helberpt@algartech.com;helderrds@algartech.com;hewersong@algartech.com;karlosgc@algartech.com;leonardoil@algartech.com;wanderff@algartech.com;</t>
  </si>
  <si>
    <t>helberpt@algartech.com,helderrds@algartech.com,hewersong@algartech.com,karlosgc@algartech.com,leonardoil@algartech.com,wanderff@algartech.com</t>
  </si>
  <si>
    <t>Relat¢rio Demandas.xlsx</t>
  </si>
  <si>
    <t>TRABALHADOS - SLA BK1.xlsx</t>
  </si>
  <si>
    <t>http://sdmweb.algartech.com/caisd/uploadservlet</t>
  </si>
  <si>
    <t>C:\Users\gabrieljst\Desktop\</t>
  </si>
  <si>
    <t>Cronograma de Manutencao 2019- INFRA FACILITIES - rev 02.xlsx</t>
  </si>
  <si>
    <t>/o=exchangelabs/ou=exchange administrative group (fydibohf23spdlt)/cn=recipients/cn=8d66bf0fd9334a81b7c67eda8652a948-guilherme c;</t>
  </si>
  <si>
    <t>RES: Whirlpool - Acompanhamento de OAs</t>
  </si>
  <si>
    <t>/o=exchangelabs/ou=exchange administrative group (fydibohf23spdlt)/cn=recipients/cn=8d66bf0fd9334a81b7c67eda8652a948-guilherme c</t>
  </si>
  <si>
    <t>/o=exchangelabs/ou=exchange administrative group (fydibohf23spdlt)/cn=recipients/cn=c29ec9dae022497281c840087cccddec-patricia ar;/o=exchangelabs/ou=exchange administrative group (fydibohf23spdlt)/cn=recipients/cn=ca1f2dadbd0542a8ad075275acf52ff3-rondinele s;</t>
  </si>
  <si>
    <t>Soluções e Processos - Status de demandas</t>
  </si>
  <si>
    <t>/o=exchangelabs/ou=exchange administrative group (fydibohf23spdlt)/cn=recipients/cn=c29ec9dae022497281c840087cccddec-patricia ar,/o=exchangelabs/ou=exchange administrative group (fydibohf23spdlt)/cn=recipients/cn=ca1f2dadbd0542a8ad075275acf52ff3-rondinele s</t>
  </si>
  <si>
    <t>ENC: 214397 - SICOOB Maringá - Host Gerenciavel</t>
  </si>
  <si>
    <t>Datacenter_Maringá e Curitiba - BANCO SICOOB BRASIL - Move para Cloud.xlsx</t>
  </si>
  <si>
    <t>eliane.martins@bv.com.br;</t>
  </si>
  <si>
    <t>BV - Status Demandas Setembro</t>
  </si>
  <si>
    <t>Gestão de Demandas - BV.xlsx</t>
  </si>
  <si>
    <t>eliane.martins@bv.com.br</t>
  </si>
  <si>
    <t>ENC: FERIAS_REVISAO</t>
  </si>
  <si>
    <t>Programação férias_GAT 220719_REVISÃO.xlsx</t>
  </si>
  <si>
    <t>Erro no relatório de variáveis</t>
  </si>
  <si>
    <t>relatorio_de_variaveis_do_atendimento_5d8e9cff4ef9c.csv</t>
  </si>
  <si>
    <t>/o=exchangelabs/ou=exchange administrative group (fydibohf23spdlt)/cn=recipients/cn=df6ea6cc78a840278b1e7acccac67692-thiago rodr;eduardo.santana@bv.com.br;marcus.pellegrini@bv.com.br;mttechne.mpellegrini@bv.com.br;samantha.cheque@bv.com.br;</t>
  </si>
  <si>
    <t>RES: Relacionamento de Cartões BV: Planilha - 03/10/19</t>
  </si>
  <si>
    <t>/o=exchangelabs/ou=exchange administrative group (fydibohf23spdlt)/cn=recipients/cn=df6ea6cc78a840278b1e7acccac67692-thiago rodr,eduardo.santana@bv.com.br,marcus.pellegrini@bv.com.br,mttechne.mpellegrini@bv.com.br,samantha.cheque@bv.com.br</t>
  </si>
  <si>
    <t>C:\Users\ederleirdr\Grupo Algar\Henrique Augusto Conceicao - Compartilhado CSC\</t>
  </si>
  <si>
    <t>Projetos TI 2020-2024.xlsx</t>
  </si>
  <si>
    <t>C:\Users\ederleirdr\Grupo Algar\Henrique Augusto Conceicao - Compartilhado CSC\Detalhamento de Itens\2020-11. Substituição balanceador + WAF + Ddos Algar Tech (Cps)\</t>
  </si>
  <si>
    <t>SUBSTITUICAO BALANCEADOR+WAF+DDOS ALGAR TECH - (CAMPINAS).xlsx</t>
  </si>
  <si>
    <t>10.200.57.189</t>
  </si>
  <si>
    <t>D8-9C-67-6F-2A-EF</t>
  </si>
  <si>
    <t>NFAT OUTUBRO.xlsx</t>
  </si>
  <si>
    <t>/o=exchangelabs/ou=exchange administrative group (fydibohf23spdlt)/cn=recipients/cn=9428ea9f19cb440f96f14b84f7846858-ludimilafd_;alandsfj@algartech.com.br;andreacs@algartech.com.br;danields@algartech.com.br;fernandass@algartech.com.br;gabrielaog@algartech.com.br;</t>
  </si>
  <si>
    <t>ENC: RELATÓRIO DE VOLUMES Bruno.xlsx</t>
  </si>
  <si>
    <t>RELATÓRIO DE VOLUMES Bruno.xlsx</t>
  </si>
  <si>
    <t>/o=exchangelabs/ou=exchange administrative group (fydibohf23spdlt)/cn=recipients/cn=9428ea9f19cb440f96f14b84f7846858-ludimilafd_,alandsfj@algartech.com.br,andreacs@algartech.com.br,danields@algartech.com.br,fernandass@algartech.com.br,gabrielaog@algartech.com.br</t>
  </si>
  <si>
    <t>/o=exchangelabs/ou=exchange administrative group (fydibohf23spdlt)/cn=recipients/cn=0b12aab521944ecb8b32eb8c0929be5c-rafael gonz;/o=exchangelabs/ou=exchange administrative group (fydibohf23spdlt)/cn=recipients/cn=8ab5e44d485043d59eb4f21463e63e6a-tays dos sa;/o=exchangelabs/ou=exchange administrative group (fydibohf23spdlt)/cn=recipients/cn=df6ea6cc78a840278b1e7acccac67692-thiago rodr;/o=exchangelabs/ou=exchange administrative group (fydibohf23spdlt)/cn=recipients/cn=user8e89d2d7;amanda.poucheira@bv.com.br;eliane.martins@bv.com.br;jose.gomes@bv.com.br;regis.costa@bv.com.br;</t>
  </si>
  <si>
    <t>RES: BV - Análise Desktop - MVP Telas 2</t>
  </si>
  <si>
    <t>Análise MVP 2 Telas v2.1.xlsx</t>
  </si>
  <si>
    <t>/o=exchangelabs/ou=exchange administrative group (fydibohf23spdlt)/cn=recipients/cn=0b12aab521944ecb8b32eb8c0929be5c-rafael gonz,/o=exchangelabs/ou=exchange administrative group (fydibohf23spdlt)/cn=recipients/cn=8ab5e44d485043d59eb4f21463e63e6a-tays dos sa,/o=exchangelabs/ou=exchange administrative group (fydibohf23spdlt)/cn=recipients/cn=df6ea6cc78a840278b1e7acccac67692-thiago rodr,/o=exchangelabs/ou=exchange administrative group (fydibohf23spdlt)/cn=recipients/cn=user8e89d2d7,amanda.poucheira@bv.com.br,eliane.martins@bv.com.br,jose.gomes@bv.com.br,regis.costa@bv.com.br</t>
  </si>
  <si>
    <t>https://algarnet-my.sharepoint.com/personal/yuriifd_algartech_com/_layouts/15/upload.aspx?isajax=1&amp;list={75bc35a4-6a42-459f-a68b-05df76acab59}&amp;rootfolder=/personal/yuriifd_algartech_com/documents/bv financeira</t>
  </si>
  <si>
    <t>C:\Users\yuriifd\Desktop\BV\Estudos e base de dados\</t>
  </si>
  <si>
    <t>/o=exchangelabs/ou=exchange administrative group (fydibohf23spdlt)/cn=recipients/cn=603ada399f684d8cbb7c2653efa30e6a-andre luiz;</t>
  </si>
  <si>
    <t>RES: Produtividade MKT e Ativo - Incentivo Setembro</t>
  </si>
  <si>
    <t>TRABALHADOS MKT PLAC4.xlsx</t>
  </si>
  <si>
    <t>/o=exchangelabs/ou=exchange administrative group (fydibohf23spdlt)/cn=recipients/cn=603ada399f684d8cbb7c2653efa30e6a-andre luiz</t>
  </si>
  <si>
    <t>R:\OneDrive - Grupo Algar\Advanced Collection\0 - Cliente\99 - RFP\Estacio\anexos.zip\</t>
  </si>
  <si>
    <t>1. Anexos - RFP Call center - CaptaÃ§Ã£o_v4.xlsx</t>
  </si>
  <si>
    <t>3. RFP Call center - CaptaÃ§Ã£o 09Maio2018.xlsx</t>
  </si>
  <si>
    <t>R:\OneDrive - Grupo Algar\Advanced Collection\0 - Cliente\99 - RFP\Estacio\</t>
  </si>
  <si>
    <t>1. Anexos - RFP Call Center - Captação.xlsb</t>
  </si>
  <si>
    <t>3. RFP Call center - Captação 09Maio2018.xlsx</t>
  </si>
  <si>
    <t>1. Anexos - RFP Call center - Captação_v4.xlsx</t>
  </si>
  <si>
    <t>/o=exchangelabs/ou=exchange administrative group (fydibohf23spdlt)/cn=recipients/cn=546d63420d554c4d858776a48a93ef0f-gustavo de;/o=exchangelabs/ou=exchange administrative group (fydibohf23spdlt)/cn=recipients/cn=5dd03a66f797451390d7113259343399-aline da si;/o=exchangelabs/ou=exchange administrative group (fydibohf23spdlt)/cn=recipients/cn=6bc6ced03b1b4fafa41bb5c70c178940-antonio per;</t>
  </si>
  <si>
    <t>Orçamento Retenção - 340003017</t>
  </si>
  <si>
    <t>BP - Telecom - Televendas - Aj span - Feriados.xlsb</t>
  </si>
  <si>
    <t>/o=exchangelabs/ou=exchange administrative group (fydibohf23spdlt)/cn=recipients/cn=546d63420d554c4d858776a48a93ef0f-gustavo de,/o=exchangelabs/ou=exchange administrative group (fydibohf23spdlt)/cn=recipients/cn=5dd03a66f797451390d7113259343399-aline da si,/o=exchangelabs/ou=exchange administrative group (fydibohf23spdlt)/cn=recipients/cn=6bc6ced03b1b4fafa41bb5c70c178940-antonio per</t>
  </si>
  <si>
    <t>RES: Orçamento Retenção - 340003017</t>
  </si>
  <si>
    <t>BP - Telecom - Retenção - Aj span - Feriados.xlsb</t>
  </si>
  <si>
    <t>09 - Faturamento Toyota Mobility.xlsx</t>
  </si>
  <si>
    <t>ENC: ENC: Ambiente Genesys</t>
  </si>
  <si>
    <t>BD ROSI.xlsx</t>
  </si>
  <si>
    <t>\\acsfs\DEPTOS\Controladoria\3. CSC\CONTROLES CSC\7-Orçamento 2020\Recebidos CSC\RECEBIDO EM 04.10.19\</t>
  </si>
  <si>
    <t>Tech - CR 017 CSC Unialgar_Custos Fixos 2020.xlsx</t>
  </si>
  <si>
    <t>mail.google.com/_/upload?authuser=0&amp;dcp=asu-n&amp;upload_id=AEnB2UoxALIua_ewPvSjirklVKQr8wSr51wKKyFBTQ3mE-NH-MEUJY-0ajKHM6kmmRsP9F4VaJ4U61y0dQOwR6B9qRrKRDXzz47irJVZi7dXr6TiBUuZNe8&amp;upload_protocol=resumable</t>
  </si>
  <si>
    <t>Tech- CR 048 CSC Unialgar_Custos Variável 2020.xlsx</t>
  </si>
  <si>
    <t>09 - Faturamento Toyota CRADA.xlsx</t>
  </si>
  <si>
    <t>/o=exchangelabs/ou=exchange administrative group (fydibohf23spdlt)/cn=recipients/cn=309572221fe14ce3af445b3983aaac9f-alizenete m;/o=exchangelabs/ou=exchange administrative group (fydibohf23spdlt)/cn=recipients/cn=3a10c1d788234688b257ab253389ec06-mateus mala;/o=exchangelabs/ou=exchange administrative group (fydibohf23spdlt)/cn=recipients/cn=e6c4f322af524fd6a099890518f034e7-marciel mal;celsoadsj@algartech.com;</t>
  </si>
  <si>
    <t>Ticket 783420</t>
  </si>
  <si>
    <t>Formulário de Inserção de Skills.xlsx</t>
  </si>
  <si>
    <t>/o=exchangelabs/ou=exchange administrative group (fydibohf23spdlt)/cn=recipients/cn=309572221fe14ce3af445b3983aaac9f-alizenete m,/o=exchangelabs/ou=exchange administrative group (fydibohf23spdlt)/cn=recipients/cn=3a10c1d788234688b257ab253389ec06-mateus mala,/o=exchangelabs/ou=exchange administrative group (fydibohf23spdlt)/cn=recipients/cn=e6c4f322af524fd6a099890518f034e7-marciel mal,celsoadsj@algartech.com</t>
  </si>
  <si>
    <t>C:\Users\vilarinho\OneDrive - Grupo Algar\Algar Tech\Controladoria\Fechamento Contábil\2019\Sete.19\</t>
  </si>
  <si>
    <t>Recuperacao custo-setembro.xls</t>
  </si>
  <si>
    <t>C:\Users\simoneesm\OneDrive - Grupo Algar\Controle\CLIENTES\DPRF\Concepçãp\Desenho\</t>
  </si>
  <si>
    <t>GERENCIAL - STH X BP.xlsx</t>
  </si>
  <si>
    <t>C:\Users\simoneesm\OneDrive - Grupo Algar\Controle\ALGAR\FINANCEIRO\Orçamento Original\2020\1º semestre\Qlikview\03102019\</t>
  </si>
  <si>
    <t>Analise consolidado.xlsx</t>
  </si>
  <si>
    <t>C:\Users\simoneesm\OneDrive - Grupo Algar\Controle\ALGAR\FINANCEIRO\Orçamento Original\2020\1º semestre\PTH\03102019 - vivi\</t>
  </si>
  <si>
    <t>/o=exchangelabs/ou=exchange administrative group (fydibohf23spdlt)/cn=recipients/cn=0ca6cc8d100949a7866a928f62ef5778-rosilene de;/o=exchangelabs/ou=exchange administrative group (fydibohf23spdlt)/cn=recipients/cn=545f738e0fe740ba856f4eb6ef0135e0-vinicius si;/o=exchangelabs/ou=exchange administrative group (fydibohf23spdlt)/cn=recipients/cn=7903c13fa0504ff0bc7dd2644020b0e8-mirna prado;/o=exchangelabs/ou=exchange administrative group (fydibohf23spdlt)/cn=recipients/cn=81f72ed6e9d042e3bed0cec08d488854-vinicius go;/o=exchangelabs/ou=exchange administrative group (fydibohf23spdlt)/cn=recipients/cn=8da96f497b5c46ee81c2775857a1df84-pedro henri;/o=exchangelabs/ou=exchange administrative group (fydibohf23spdlt)/cn=recipients/cn=98e18f75c1d448d18c2b385d101db11f-luiz alfred;/o=exchangelabs/ou=exchange administrative group (fydibohf23spdlt)/cn=recipients/cn=a72a765de829420582b78941417073ac-karina rodr;/o=exchangelabs/ou=exchange administrative group (fydibohf23spdlt)/cn=recipients/cn=c22b2d8de1594760baec681322c0933f-fern</t>
  </si>
  <si>
    <t>Planejamento Whirlpool - Novembro/2019</t>
  </si>
  <si>
    <t>Novembro_2019.xlsx</t>
  </si>
  <si>
    <t>/o=exchangelabs/ou=exchange administrative group (fydibohf23spdlt)/cn=recipients/cn=0ca6cc8d100949a7866a928f62ef5778-rosilene de,/o=exchangelabs/ou=exchange administrative group (fydibohf23spdlt)/cn=recipients/cn=545f738e0fe740ba856f4eb6ef0135e0-vinicius si,/o=exchangelabs/ou=exchange administrative group (fydibohf23spdlt)/cn=recipients/cn=7903c13fa0504ff0bc7dd2644020b0e8-mirna prado,/o=exchangelabs/ou=exchange administrative group (fydibohf23spdlt)/cn=recipients/cn=81f72ed6e9d042e3bed0cec08d488854-vinicius go,/o=exchangelabs/ou=exchange administrative group (fydibohf23spdlt)/cn=recipients/cn=8da96f497b5c46ee81c2775857a1df84-pedro henri,/o=exchangelabs/ou=exchange administrative group (fydibohf23spdlt)/cn=recipients/cn=98e18f75c1d448d18c2b385d101db11f-luiz alfred,/o=exchangelabs/ou=exchange administrative group (fydibohf23spdlt)/cn=recipients/cn=a72a765de829420582b78941417073ac-karina rodr,/o=exchangelabs/ou=exchange administrative group (fydibohf23spdlt)/cn=recipients/cn=c22b2d8de1594760baec681322c0933f-fern</t>
  </si>
  <si>
    <t>10.200.111.22</t>
  </si>
  <si>
    <t>/o=exchangelabs/ou=exchange administrative group (fydibohf23spdlt)/cn=recipients/cn=61af722dd06149089cf1c867d796b8bc-delso estre;/o=exchangelabs/ou=exchange administrative group (fydibohf23spdlt)/cn=recipients/cn=8c253c95243a40aa99c9416b7eb70a2a-julio cesar;/o=exchangelabs/ou=exchange administrative group (fydibohf23spdlt)/cn=recipients/cn=e46cd96e8e9e452c8cc8ba65a6c4ec57-gustavo hen;</t>
  </si>
  <si>
    <t>PLR - recálculo com possibilidades + análise de consistência</t>
  </si>
  <si>
    <t>Resultado Consolidado EBIT_1ºsem2019_V10_Nova revisão.xlsx</t>
  </si>
  <si>
    <t>/o=exchangelabs/ou=exchange administrative group (fydibohf23spdlt)/cn=recipients/cn=61af722dd06149089cf1c867d796b8bc-delso estre,/o=exchangelabs/ou=exchange administrative group (fydibohf23spdlt)/cn=recipients/cn=8c253c95243a40aa99c9416b7eb70a2a-julio cesar,/o=exchangelabs/ou=exchange administrative group (fydibohf23spdlt)/cn=recipients/cn=e46cd96e8e9e452c8cc8ba65a6c4ec57-gustavo hen</t>
  </si>
  <si>
    <t>Apresentação</t>
  </si>
  <si>
    <t>Base Apresentação.xlsx</t>
  </si>
  <si>
    <t>Acessos AKASSIA BEZERRA LOIOLA CAVALCANTE.xls</t>
  </si>
  <si>
    <t>/o=exchangelabs/ou=exchange administrative group (fydibohf23spdlt)/cn=recipients/cn=8e4869266a924042a8d9b8e9156c0081-gilson da s;/o=exchangelabs/ou=exchange administrative group (fydibohf23spdlt)/cn=recipients/cn=c08089b92f0643f18c949cb099a06593-tamara luis;/o=exchangelabs/ou=exchange administrative group (fydibohf23spdlt)/cn=recipients/cn=c29ec9dae022497281c840087cccddec-patricia ar;</t>
  </si>
  <si>
    <t>RES: * Algar Tech - Informações para Proposta Banco Renault</t>
  </si>
  <si>
    <t>Resumo dimensionamentos_Banco Renault.xlsx</t>
  </si>
  <si>
    <t>/o=exchangelabs/ou=exchange administrative group (fydibohf23spdlt)/cn=recipients/cn=8e4869266a924042a8d9b8e9156c0081-gilson da s,/o=exchangelabs/ou=exchange administrative group (fydibohf23spdlt)/cn=recipients/cn=c08089b92f0643f18c949cb099a06593-tamara luis,/o=exchangelabs/ou=exchange administrative group (fydibohf23spdlt)/cn=recipients/cn=c29ec9dae022497281c840087cccddec-patricia ar</t>
  </si>
  <si>
    <t>/o=exchangelabs/ou=exchange administrative group (fydibohf23spdlt)/cn=recipients/cn=35869a39927a432c8d0daeede3b9e512-joyce virgi;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80fb880d4e904fd9990f1ffec561717a-avon - supe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RES: Hora extra</t>
  </si>
  <si>
    <t>Resultado Motivacional.xlsx</t>
  </si>
  <si>
    <t>/o=exchangelabs/ou=exchange administrative group (fydibohf23spdlt)/cn=recipients/cn=35869a39927a432c8d0daeede3b9e512-joyce virgi,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80fb880d4e904fd9990f1ffec561717a-avon - supe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/o=exchangelabs/ou=exchange administrative group (fydibohf23spdlt)/cn=recipients/cn=2abd653b249741f0aaab575ad2f855a3-tayse ianda;/o=exchangelabs/ou=exchange administrative group (fydibohf23spdlt)/cn=recipients/cn=d1d015f213f648abbf348b5ccdf8e9d9-senilda per;/o=exchangelabs/ou=exchange administrative group (fydibohf23spdlt)/cn=recipients/cn=e6e28e2646d74f638943c02afdaa6d1e-luciana rod;carinafr@algartech.com;</t>
  </si>
  <si>
    <t>RES: Planilha Fechamento Incentivo</t>
  </si>
  <si>
    <t>Máscara Fechamento Incentivo - Supervisão.xlsx</t>
  </si>
  <si>
    <t>/o=exchangelabs/ou=exchange administrative group (fydibohf23spdlt)/cn=recipients/cn=2abd653b249741f0aaab575ad2f855a3-tayse ianda,/o=exchangelabs/ou=exchange administrative group (fydibohf23spdlt)/cn=recipients/cn=d1d015f213f648abbf348b5ccdf8e9d9-senilda per,/o=exchangelabs/ou=exchange administrative group (fydibohf23spdlt)/cn=recipients/cn=e6e28e2646d74f638943c02afdaa6d1e-luciana rod,carinafr@algartech.com</t>
  </si>
  <si>
    <t>/o=exchangelabs/ou=exchange administrative group (fydibohf23spdlt)/cn=recipients/cn=15f616a4e6744bd78ffee4185371e965-cristiane d;/o=exchangelabs/ou=exchange administrative group (fydibohf23spdlt)/cn=recipients/cn=1e212ef08dab4f26b88cba944f2ab7cb-pmo.governa;/o=exchangelabs/ou=exchange administrative group (fydibohf23spdlt)/cn=recipients/cn=2504d5028b6b4fb89d14a5df6031358d-jane carla;/o=exchangelabs/ou=exchange administrative group (fydibohf23spdlt)/cn=recipients/cn=55f846c335d7437f892f0b0d49c89e92-celma ribei;/o=exchangelabs/ou=exchange administrative group (fydibohf23spdlt)/cn=recipients/cn=65d35bc38c6743d7a55b3ae9726a5893-diego ribei;/o=exchangelabs/ou=exchange administrative group (fydibohf23spdlt)/cn=recipients/cn=65f2464c9a2e4d2981cae7124572133d-cristiane c;/o=exchangelabs/ou=exchange administrative group (fydibohf23spdlt)/cn=recipients/cn=8bab2e9eaf824d2d93602784a48ac5f9-ronan salus;/o=exchangelabs/ou=exchange administrative group (fydibohf23spdlt)/cn=recipients/cn=c5057601f2364b0db7ea84dbec10baa4-mathe</t>
  </si>
  <si>
    <t>CAPEX peça 2020 - Aberto por Empresa e Centro de Resultado</t>
  </si>
  <si>
    <t>CAPEX_2020_Oficial - Info_Caixa_Depreciação_v5.xlsx</t>
  </si>
  <si>
    <t>/o=exchangelabs/ou=exchange administrative group (fydibohf23spdlt)/cn=recipients/cn=15f616a4e6744bd78ffee4185371e965-cristiane d,/o=exchangelabs/ou=exchange administrative group (fydibohf23spdlt)/cn=recipients/cn=1e212ef08dab4f26b88cba944f2ab7cb-pmo.governa,/o=exchangelabs/ou=exchange administrative group (fydibohf23spdlt)/cn=recipients/cn=2504d5028b6b4fb89d14a5df6031358d-jane carla,/o=exchangelabs/ou=exchange administrative group (fydibohf23spdlt)/cn=recipients/cn=55f846c335d7437f892f0b0d49c89e92-celma ribei,/o=exchangelabs/ou=exchange administrative group (fydibohf23spdlt)/cn=recipients/cn=65d35bc38c6743d7a55b3ae9726a5893-diego ribei,/o=exchangelabs/ou=exchange administrative group (fydibohf23spdlt)/cn=recipients/cn=65f2464c9a2e4d2981cae7124572133d-cristiane c,/o=exchangelabs/ou=exchange administrative group (fydibohf23spdlt)/cn=recipients/cn=8bab2e9eaf824d2d93602784a48ac5f9-ronan salus,/o=exchangelabs/ou=exchange administrative group (fydibohf23spdlt)/cn=recipients/cn=c5057601f2364b0db7ea84dbec10baa4-mathe</t>
  </si>
  <si>
    <t>/o=exchangelabs/ou=exchange administrative group (fydibohf23spdlt)/cn=recipients/cn=545f738e0fe740ba856f4eb6ef0135e0-vinicius si;/o=exchangelabs/ou=exchange administrative group (fydibohf23spdlt)/cn=recipients/cn=matheus vinicius da silva;carinafr@algartech.com;</t>
  </si>
  <si>
    <t>RES: Pesquisa_Satisfacao_RA_20190831.xlsx</t>
  </si>
  <si>
    <t>Cópia de Pesquisa_Satisfacao_RA_20190831.xlsx</t>
  </si>
  <si>
    <t>/o=exchangelabs/ou=exchange administrative group (fydibohf23spdlt)/cn=recipients/cn=545f738e0fe740ba856f4eb6ef0135e0-vinicius si,/o=exchangelabs/ou=exchange administrative group (fydibohf23spdlt)/cn=recipients/cn=matheus vinicius da silva,carinafr@algartech.com</t>
  </si>
  <si>
    <t>danielhdm@algartech.com;lucieneili@algartech.com;patriciaac@algartech.com;sabrinadtdmc@algartech.com;tatianedc@algartech.com;thiagopre@algartech.com;</t>
  </si>
  <si>
    <t>C:\Users\rodrigormc\Desktop\Parcial\Boletim Semanal_04-10 - Comercial Algar.pptx\</t>
  </si>
  <si>
    <t>danielhdm@algartech.com,lucieneili@algartech.com,patriciaac@algartech.com,sabrinadtdmc@algartech.com,tatianedc@algartech.com,thiagopre@algartech.com</t>
  </si>
  <si>
    <t>Relatório Pipeline_Raul_ 2019_10_03.xlsx</t>
  </si>
  <si>
    <t>10.200.68.126</t>
  </si>
  <si>
    <t>/o=exchangelabs/ou=exchange administrative group (fydibohf23spdlt)/cn=recipients/cn=f681a87682ec4eb3b3dfa2503f9869d3-filipe rese;</t>
  </si>
  <si>
    <t>ENC: VALIDAÇÃO DE CASOS (BKO TECH) - SETEMBRO-19</t>
  </si>
  <si>
    <t>ERRO OPERACIONAL RCV - SETEMBRO - 2019.xlsx</t>
  </si>
  <si>
    <t>/o=exchangelabs/ou=exchange administrative group (fydibohf23spdlt)/cn=recipients/cn=f681a87682ec4eb3b3dfa2503f9869d3-filipe rese</t>
  </si>
  <si>
    <t>containsunsubscribedchildren,displ,displa,displayname,domain,emailaddress,explicitlytrashed,file(kind,fileid,filesize,hasthumbnail,hasvisitorpermissions,id,id),items(deleted,ken,kind,lastmodifyinguser(kind,lastviewedbymedate,mimetype,modifiedbymedate,modifieddate,ontainsunsubscribedchildren,owners(kind,permissionid,picture,quotabytesused,shar,share,shared,sharedwithmedate,thumbnailversion,title,userpermission(role)</t>
  </si>
  <si>
    <t>C:\Users\waleskamms\OneDrive - Grupo Algar\Projetos\LGPD\</t>
  </si>
  <si>
    <t>LGPD _ Orçamento 2020.xlsx</t>
  </si>
  <si>
    <t>alteração orçamento LGPD 2019.xlsx</t>
  </si>
  <si>
    <t>/o=exchangelabs/ou=exchange administrative group (fydibohf23spdlt)/cn=recipients/cn=ab45243d601947128cfe3dec663408bf-pamela tava;</t>
  </si>
  <si>
    <t>ENC: Portal da Gente - Informações Importantes</t>
  </si>
  <si>
    <t>Estrutura Hierarquica_Algar Tech.xlsx</t>
  </si>
  <si>
    <t>/o=exchangelabs/ou=exchange administrative group (fydibohf23spdlt)/cn=recipients/cn=ab45243d601947128cfe3dec663408bf-pamela tava</t>
  </si>
  <si>
    <t>/o=exchangelabs/ou=exchange administrative group (fydibohf23spdlt)/cn=recipients/cn=430b7fc0ccfe4728933af1b3039c7e24-marcus gome;/o=exchangelabs/ou=exchange administrative group (fydibohf23spdlt)/cn=recipients/cn=5dd03a66f797451390d7113259343399-aline da si;/o=exchangelabs/ou=exchange administrative group (fydibohf23spdlt)/cn=recipients/cn=b1a4eb0e68a245b8b02aa780c1415694-rodrigo ara;/o=exchangelabs/ou=exchange administrative group (fydibohf23spdlt)/cn=recipients/cn=d3551c048b84429b8d372231b321e6f4-ramon elias;/o=exchangelabs/ou=exchange administrative group (fydibohf23spdlt)/cn=recipients/cn=f681a87682ec4eb3b3dfa2503f9869d3-filipe rese;</t>
  </si>
  <si>
    <t>/o=exchangelabs/ou=exchange administrative group (fydibohf23spdlt)/cn=recipients/cn=430b7fc0ccfe4728933af1b3039c7e24-marcus gome,/o=exchangelabs/ou=exchange administrative group (fydibohf23spdlt)/cn=recipients/cn=5dd03a66f797451390d7113259343399-aline da si,/o=exchangelabs/ou=exchange administrative group (fydibohf23spdlt)/cn=recipients/cn=b1a4eb0e68a245b8b02aa780c1415694-rodrigo ara,/o=exchangelabs/ou=exchange administrative group (fydibohf23spdlt)/cn=recipients/cn=d3551c048b84429b8d372231b321e6f4-ramon elias,/o=exchangelabs/ou=exchange administrative group (fydibohf23spdlt)/cn=recipients/cn=f681a87682ec4eb3b3dfa2503f9869d3-filipe rese</t>
  </si>
  <si>
    <t>C:\Users\alineam\Desktop\Nova pasta\Análise de Cenário - Megatendência\</t>
  </si>
  <si>
    <t>8gpl7g-adlurguwze16dswpw6lb"}]}�(�r�</t>
  </si>
  <si>
    <t>michelro@algartech.com;</t>
  </si>
  <si>
    <t>Fraseologia URA Genesys 04_10.xlsx</t>
  </si>
  <si>
    <t>michelro@algartech.com</t>
  </si>
  <si>
    <t>/o=exchangelabs/ou=exchange administrative group (fydibohf23spdlt)/cn=recipients/cn=fe8fdec9c88140d18f5303035fad45f0-ricardo bor;</t>
  </si>
  <si>
    <t>ENC: Revisão das Alavancas Xperience - OFICIAL.xlsx</t>
  </si>
  <si>
    <t>/o=exchangelabs/ou=exchange administrative group (fydibohf23spdlt)/cn=recipients/cn=fe8fdec9c88140d18f5303035fad45f0-ricardo bor</t>
  </si>
  <si>
    <t>RES: Localiza Hertz: Faturamento Eletrônico</t>
  </si>
  <si>
    <t>/o=exchangelabs/ou=exchange administrative group (fydibohf23spdlt)/cn=recipients/cn=01bff1b3197a494b89a4bc8714fe13c7-cristiano c;/o=exchangelabs/ou=exchange administrative group (fydibohf23spdlt)/cn=recipients/cn=65d35bc38c6743d7a55b3ae9726a5893-diego ribei;/o=exchangelabs/ou=exchange administrative group (fydibohf23spdlt)/cn=recipients/cn=a208dc8cbe6e49ba9e1a5ae0804f17ec-ana.rugai;</t>
  </si>
  <si>
    <t>Bases Análise Saving de Compras</t>
  </si>
  <si>
    <t>/o=exchangelabs/ou=exchange administrative group (fydibohf23spdlt)/cn=recipients/cn=01bff1b3197a494b89a4bc8714fe13c7-cristiano c,/o=exchangelabs/ou=exchange administrative group (fydibohf23spdlt)/cn=recipients/cn=65d35bc38c6743d7a55b3ae9726a5893-diego ribei,/o=exchangelabs/ou=exchange administrative group (fydibohf23spdlt)/cn=recipients/cn=a208dc8cbe6e49ba9e1a5ae0804f17ec-ana.rugai</t>
  </si>
  <si>
    <t>av republica do chile 230.xls</t>
  </si>
  <si>
    <t>av republica do chile 330.xls</t>
  </si>
  <si>
    <t>10.200.60.218</t>
  </si>
  <si>
    <t>64-1C-67-A0-2C-1A</t>
  </si>
  <si>
    <t>NB-EDUARDOST</t>
  </si>
  <si>
    <t>eduardost</t>
  </si>
  <si>
    <t>C:\Users\eduardost\Downloads\Pessoal\</t>
  </si>
  <si>
    <t>despesas_familiaTheo.xlsx</t>
  </si>
  <si>
    <t>marianart@algartech.com</t>
  </si>
  <si>
    <t>secretariasdiretoria@algartech.com;</t>
  </si>
  <si>
    <t>\\acsfs\DEPTOS\Governança da Estratégia\Governança\Interno\2019\REDIR\Outubro\REDIR temas administrativos 07-10 v1.pptx\</t>
  </si>
  <si>
    <t>secretariasdiretoria@algartech.com</t>
  </si>
  <si>
    <t>10.200.60.48</t>
  </si>
  <si>
    <t>FC-01-7C-B3-59-47</t>
  </si>
  <si>
    <t>C:\Users\acaciors\Desktop\</t>
  </si>
  <si>
    <t>Formulário de Liberação de Ativos CLU_.xlsx</t>
  </si>
  <si>
    <t>c:\gisele (todos os arquivos)\1 gisele\</t>
  </si>
  <si>
    <t>av republica do chile 500.xls</t>
  </si>
  <si>
    <t>praça floriano 19.xls</t>
  </si>
  <si>
    <t>Check List Long Haul-Nodos - Cidade Nova.xls</t>
  </si>
  <si>
    <t>/o=exchangelabs/ou=exchange administrative group (fydibohf23spdlt)/cn=recipients/cn=a9a1fe1d51ef4ee29617a1c11aa10050-marinalva i;/o=exchangelabs/ou=exchange administrative group (fydibohf23spdlt)/cn=recipients/cn=cbea44aca4fb41a1aba289a0475041a1-daiane cris;/o=exchangelabs/ou=exchange administrative group (fydibohf23spdlt)/cn=recipients/cn=group19021abd;</t>
  </si>
  <si>
    <t>ENC: Dashboard PA Digital N1 Ecohouse - ASC - Consolidado até 03/10</t>
  </si>
  <si>
    <t>Dashboard PA Digital - Ecohouse.xlsb</t>
  </si>
  <si>
    <t>/o=exchangelabs/ou=exchange administrative group (fydibohf23spdlt)/cn=recipients/cn=a9a1fe1d51ef4ee29617a1c11aa10050-marinalva i,/o=exchangelabs/ou=exchange administrative group (fydibohf23spdlt)/cn=recipients/cn=cbea44aca4fb41a1aba289a0475041a1-daiane cris,/o=exchangelabs/ou=exchange administrative group (fydibohf23spdlt)/cn=recipients/cn=group19021abd</t>
  </si>
  <si>
    <t>/o=exchangelabs/ou=exchange administrative group (fydibohf23spdlt)/cn=recipients/cn=394721a68b3e435a9a70c1ea8a4fd176-eduardo hen;/o=exchangelabs/ou=exchange administrative group (fydibohf23spdlt)/cn=recipients/cn=545f738e0fe740ba856f4eb6ef0135e0-vinicius si;/o=exchangelabs/ou=exchange administrative group (fydibohf23spdlt)/cn=recipients/cn=746f10dd924a4e7dbfe2f813f74b1f2c-gilmar pres;/o=exchangelabs/ou=exchange administrative group (fydibohf23spdlt)/cn=recipients/cn=81f72ed6e9d042e3bed0cec08d488854-vinicius go;/o=exchangelabs/ou=exchange administrative group (fydibohf23spdlt)/cn=recipients/cn=8da96f497b5c46ee81c2775857a1df84-pedro henri;/o=exchangelabs/ou=exchange administrative group (fydibohf23spdlt)/cn=recipients/cn=98e18f75c1d448d18c2b385d101db11f-luiz alfred;/o=exchangelabs/ou=exchange administrative group (fydibohf23spdlt)/cn=recipients/cn=b284454839e94314a90d49e7ec00864f-antonio car;/o=exchangelabs/ou=exchange administrative group (fydibohf23spdlt)/cn=recipients/cn=userd3ef8196;</t>
  </si>
  <si>
    <t>RES: Simulações - SAC CC _ Novembro // Retirada BF</t>
  </si>
  <si>
    <t>Análise - Service x Televendas.xlsx</t>
  </si>
  <si>
    <t>/o=exchangelabs/ou=exchange administrative group (fydibohf23spdlt)/cn=recipients/cn=394721a68b3e435a9a70c1ea8a4fd176-eduardo hen,/o=exchangelabs/ou=exchange administrative group (fydibohf23spdlt)/cn=recipients/cn=545f738e0fe740ba856f4eb6ef0135e0-vinicius si,/o=exchangelabs/ou=exchange administrative group (fydibohf23spdlt)/cn=recipients/cn=746f10dd924a4e7dbfe2f813f74b1f2c-gilmar pres,/o=exchangelabs/ou=exchange administrative group (fydibohf23spdlt)/cn=recipients/cn=81f72ed6e9d042e3bed0cec08d488854-vinicius go,/o=exchangelabs/ou=exchange administrative group (fydibohf23spdlt)/cn=recipients/cn=8da96f497b5c46ee81c2775857a1df84-pedro henri,/o=exchangelabs/ou=exchange administrative group (fydibohf23spdlt)/cn=recipients/cn=98e18f75c1d448d18c2b385d101db11f-luiz alfred,/o=exchangelabs/ou=exchange administrative group (fydibohf23spdlt)/cn=recipients/cn=b284454839e94314a90d49e7ec00864f-antonio car,/o=exchangelabs/ou=exchange administrative group (fydibohf23spdlt)/cn=recipients/cn=userd3ef8196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891c08f4f04f4527be9bc1b3d75f6378-luiz fernan;</t>
  </si>
  <si>
    <t>RES: PANCO - Ajuste Orçamento</t>
  </si>
  <si>
    <t>341002410_PANCO_V1.xlsb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891c08f4f04f4527be9bc1b3d75f6378-luiz fernan</t>
  </si>
  <si>
    <t>candelaria 65.xls</t>
  </si>
  <si>
    <t>isabelaaf@algartech.com.br;ligiagb@algartech.com.br;suzanasb@algartech.com.br;</t>
  </si>
  <si>
    <t>ENC: Volumes Formalização PJ AMEX 04/10/2019</t>
  </si>
  <si>
    <t>isabelaaf@algartech.com.br,ligiagb@algartech.com.br,suzanasb@algartech.com.br</t>
  </si>
  <si>
    <t>BANCO ENGESET.CSV</t>
  </si>
  <si>
    <t>BANCO DE HORAS TI 1.CSV</t>
  </si>
  <si>
    <t>BANCO DE HORAS TI 2.CSV</t>
  </si>
  <si>
    <t>BANCO DE HORAS TECH.CSV</t>
  </si>
  <si>
    <t>Resumo Cenários - Rampa Escopo B</t>
  </si>
  <si>
    <t>01 Resumo GERAL.xlsx</t>
  </si>
  <si>
    <t>RES: Indicadores para Incentivo</t>
  </si>
  <si>
    <t>Incentivos Supervisão Set19.xlsx</t>
  </si>
  <si>
    <t>/o=exchangelabs/ou=exchange administrative group (fydibohf23spdlt)/cn=recipients/cn=15c80c9b083f4281ab32995a83d93290-renato juni;/o=exchangelabs/ou=exchange administrative group (fydibohf23spdlt)/cn=recipients/cn=5cdf7c02d3784fda99b7b159b2a127b2-rudney leme;/o=exchangelabs/ou=exchange administrative group (fydibohf23spdlt)/cn=recipients/cn=782d75ab3cda4cfa88d22b405cd49ea0-sueleide al;/o=exchangelabs/ou=exchange administrative group (fydibohf23spdlt)/cn=recipients/cn=a4d4dbc88c434f8ba2bceed730d83878-marcellus r;/o=exchangelabs/ou=exchange administrative group (fydibohf23spdlt)/cn=recipients/cn=c5057601f2364b0db7ea84dbec10baa4-matheus mor;</t>
  </si>
  <si>
    <t>/o=exchangelabs/ou=exchange administrative group (fydibohf23spdlt)/cn=recipients/cn=15c80c9b083f4281ab32995a83d93290-renato juni,/o=exchangelabs/ou=exchange administrative group (fydibohf23spdlt)/cn=recipients/cn=5cdf7c02d3784fda99b7b159b2a127b2-rudney leme,/o=exchangelabs/ou=exchange administrative group (fydibohf23spdlt)/cn=recipients/cn=782d75ab3cda4cfa88d22b405cd49ea0-sueleide al,/o=exchangelabs/ou=exchange administrative group (fydibohf23spdlt)/cn=recipients/cn=a4d4dbc88c434f8ba2bceed730d83878-marcellus r,/o=exchangelabs/ou=exchange administrative group (fydibohf23spdlt)/cn=recipients/cn=c5057601f2364b0db7ea84dbec10baa4-matheus mor</t>
  </si>
  <si>
    <t>/o=exchangelabs/ou=exchange administrative group (fydibohf23spdlt)/cn=recipients/cn=5cdf7c02d3784fda99b7b159b2a127b2-rudney leme;/o=exchangelabs/ou=exchange administrative group (fydibohf23spdlt)/cn=recipients/cn=a4d4dbc88c434f8ba2bceed730d83878-marcellus r;</t>
  </si>
  <si>
    <t>ENC: Preparação Material Reunião com Bancos - Debentures</t>
  </si>
  <si>
    <t>Reunião Captação 2018_Holding 3.1.18.pptx\</t>
  </si>
  <si>
    <t>oleObject10.xlsx</t>
  </si>
  <si>
    <t>/o=exchangelabs/ou=exchange administrative group (fydibohf23spdlt)/cn=recipients/cn=5cdf7c02d3784fda99b7b159b2a127b2-rudney leme,/o=exchangelabs/ou=exchange administrative group (fydibohf23spdlt)/cn=recipients/cn=a4d4dbc88c434f8ba2bceed730d83878-marcellus r</t>
  </si>
  <si>
    <t>C:\Users\lucianafaa\OneDrive - Grupo Algar\2019\PROJETOS\WFM\CONTROLE\ACTION\OUTUBRO\</t>
  </si>
  <si>
    <t>Action 03-10.xlsx</t>
  </si>
  <si>
    <t>Dimensionamento do Serviço GIAT v05 - Dezembro 2018.xlsm</t>
  </si>
  <si>
    <t>214360_Preco_rev02.xlsb</t>
  </si>
  <si>
    <t>10.200.35.192</t>
  </si>
  <si>
    <t>20-04-0F-FD-B4-68</t>
  </si>
  <si>
    <t>/o=exchangelabs/ou=exchange administrative group (fydibohf23spdlt)/cn=recipients/cn=109f6d628834480fabc1188cbdef64fa-antonia apa;/o=exchangelabs/ou=exchange administrative group (fydibohf23spdlt)/cn=recipients/cn=3188323005a04a70962871b2b980355d-humberto pi;/o=exchangelabs/ou=exchange administrative group (fydibohf23spdlt)/cn=recipients/cn=43a054bacf514a8a9cdcb240b072cd47-cecilia mul;/o=exchangelabs/ou=exchange administrative group (fydibohf23spdlt)/cn=recipients/cn=56c2af2d07fd48c0aebfc00ddc006494-alessio rod;/o=exchangelabs/ou=exchange administrative group (fydibohf23spdlt)/cn=recipients/cn=69cc68072bd74472a6fed235e590fc65-cassia alve;/o=exchangelabs/ou=exchange administrative group (fydibohf23spdlt)/cn=recipients/cn=7f100576a0d642769861fae5d58c2022-diego barda;/o=exchangelabs/ou=exchange administrative group (fydibohf23spdlt)/cn=recipients/cn=8ab5e44d485043d59eb4f21463e63e6a-tays dos sa;/o=exchangelabs/ou=exchange administrative group (fydibohf23spdlt)/cn=recipients/cn=e3778f57d65f4c17a6287602f9eb0cdc-ales</t>
  </si>
  <si>
    <t>RES: * Chat Cognição Toyota</t>
  </si>
  <si>
    <t>APIs Toyota.msg\s1\</t>
  </si>
  <si>
    <t>Toyota.xlsx</t>
  </si>
  <si>
    <t>/o=exchangelabs/ou=exchange administrative group (fydibohf23spdlt)/cn=recipients/cn=109f6d628834480fabc1188cbdef64fa-antonia apa,/o=exchangelabs/ou=exchange administrative group (fydibohf23spdlt)/cn=recipients/cn=3188323005a04a70962871b2b980355d-humberto pi,/o=exchangelabs/ou=exchange administrative group (fydibohf23spdlt)/cn=recipients/cn=43a054bacf514a8a9cdcb240b072cd47-cecilia mul,/o=exchangelabs/ou=exchange administrative group (fydibohf23spdlt)/cn=recipients/cn=56c2af2d07fd48c0aebfc00ddc006494-alessio rod,/o=exchangelabs/ou=exchange administrative group (fydibohf23spdlt)/cn=recipients/cn=69cc68072bd74472a6fed235e590fc65-cassia alve,/o=exchangelabs/ou=exchange administrative group (fydibohf23spdlt)/cn=recipients/cn=7f100576a0d642769861fae5d58c2022-diego barda,/o=exchangelabs/ou=exchange administrative group (fydibohf23spdlt)/cn=recipients/cn=8ab5e44d485043d59eb4f21463e63e6a-tays dos sa,/o=exchangelabs/ou=exchange administrative group (fydibohf23spdlt)/cn=recipients/cn=e3778f57d65f4c17a6287602f9eb0cdc-ales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76d765d676864fe79b29c865fa21a2c7-leticia rez;/o=exchangelabs/ou=exchange administrative group (fydibohf23spdlt)/cn=recipients/cn=891c08f4f04f4527be9bc1b3d75f6378-luiz fernan;/o=exchangelabs/ou=exchange administrative group (fydibohf23spdlt)/cn=recipients/cn=c6f5c50e91244036872327464dc6624a-cinthia mar;</t>
  </si>
  <si>
    <t>RES: LDC - Ajuste Orçamento</t>
  </si>
  <si>
    <t>341002153_LDC_V2.xlsb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76d765d676864fe79b29c865fa21a2c7-leticia rez,/o=exchangelabs/ou=exchange administrative group (fydibohf23spdlt)/cn=recipients/cn=891c08f4f04f4527be9bc1b3d75f6378-luiz fernan,/o=exchangelabs/ou=exchange administrative group (fydibohf23spdlt)/cn=recipients/cn=c6f5c50e91244036872327464dc6624a-cinthia mar</t>
  </si>
  <si>
    <t>/o=exchangelabs/ou=exchange administrative group (fydibohf23spdlt)/cn=recipients/cn=49af12246d2746008617ced5a3abafc3-daniel de s;/o=exchangelabs/ou=exchange administrative group (fydibohf23spdlt)/cn=recipients/cn=8c89829ad534498fa4c85b5ac11174f1-suelen more;</t>
  </si>
  <si>
    <t>RES: BP MJ</t>
  </si>
  <si>
    <t>Plan Precificacao C017 B017_V7_60_meses.xlsb</t>
  </si>
  <si>
    <t>/o=exchangelabs/ou=exchange administrative group (fydibohf23spdlt)/cn=recipients/cn=49af12246d2746008617ced5a3abafc3-daniel de s,/o=exchangelabs/ou=exchange administrative group (fydibohf23spdlt)/cn=recipients/cn=8c89829ad534498fa4c85b5ac11174f1-suelen more</t>
  </si>
  <si>
    <t>mail.google.com/_/upload?authuser=0&amp;dcp=asu-n&amp;upload_id=AEnB2UoufK2dNSemIUJ2yH0Igj4zB-HDrL2D2g_fVhRIXhl-ap58MrFUs0C0JTjlotG8Qx0AstDU3QXUJMgwlqhQFlbjNTTOUZaVTMEo8xjeRN1Zp5-tL-g&amp;upload_protocol=resumable</t>
  </si>
  <si>
    <t>/o=exchangelabs/ou=exchange administrative group (fydibohf23spdlt)/cn=recipients/cn=356687541e6d4dba87a6d07b3c4b9c4a-paulinia av;/o=exchangelabs/ou=exchange administrative group (fydibohf23spdlt)/cn=recipients/cn=60c79fa1bc994449ac17a5e2109f7abd-claudio fer;</t>
  </si>
  <si>
    <t>Painel Outubro</t>
  </si>
  <si>
    <t>Outubro _ UNE.xlsm</t>
  </si>
  <si>
    <t>/o=exchangelabs/ou=exchange administrative group (fydibohf23spdlt)/cn=recipients/cn=356687541e6d4dba87a6d07b3c4b9c4a-paulinia av,/o=exchangelabs/ou=exchange administrative group (fydibohf23spdlt)/cn=recipients/cn=60c79fa1bc994449ac17a5e2109f7abd-claudio fer</t>
  </si>
  <si>
    <t>Ajuste de Ponto - Iramilda.xlsx</t>
  </si>
  <si>
    <t>/o=exchangelabs/ou=exchange administrative group (fydibohf23spdlt)/cn=recipients/cn=8ab5e44d485043d59eb4f21463e63e6a-tays dos sa;/o=exchangelabs/ou=exchange administrative group (fydibohf23spdlt)/cn=recipients/cn=f50351055a2944cebcbdc18a918945d6-gustavo res;gvieira@toyota.com.br;lsousa@toyota.com.br;rutiyama@toyota.com.br;</t>
  </si>
  <si>
    <t>Fechamento Toyota CRC - Setembro</t>
  </si>
  <si>
    <t>09 - Faturamento Toyota CR1.xlsx</t>
  </si>
  <si>
    <t>/o=exchangelabs/ou=exchange administrative group (fydibohf23spdlt)/cn=recipients/cn=8ab5e44d485043d59eb4f21463e63e6a-tays dos sa,/o=exchangelabs/ou=exchange administrative group (fydibohf23spdlt)/cn=recipients/cn=f50351055a2944cebcbdc18a918945d6-gustavo res,gvieira@toyota.com.br,lsousa@toyota.com.br,rutiyama@toyota.com.br</t>
  </si>
  <si>
    <t>10.12.243.111</t>
  </si>
  <si>
    <t>CARGOS_x_CAMPOSADICIONAIS_ATUALIZAR_URGENTE.xlsx</t>
  </si>
  <si>
    <t>10.203.31.102</t>
  </si>
  <si>
    <t>/o=exchangelabs/ou=exchange administrative group (fydibohf23spdlt)/cn=recipients/cn=5dd03a66f797451390d7113259343399-aline da si;/o=exchangelabs/ou=exchange administrative group (fydibohf23spdlt)/cn=recipients/cn=a7e592821d864418bccf1424f02e2670-felipe alve;/o=exchangelabs/ou=exchange administrative group (fydibohf23spdlt)/cn=recipients/cn=b4af4243d22d4dfa8c6b1830b913b4d3-caio cesar;/o=exchangelabs/ou=exchange administrative group (fydibohf23spdlt)/cn=recipients/cn=ee443929f1b6407999ee7912624fe54f-sostenes co;/o=exchangelabs/ou=exchange administrative group (fydibohf23spdlt)/cn=recipients/cn=thiago oliveira reis;/o=exchangelabs/ou=exchange administrative group (fydibohf23spdlt)/cn=recipients/cn=user05f2c55d;</t>
  </si>
  <si>
    <t>RES: Horários provisórios</t>
  </si>
  <si>
    <t>Formulário TTV - Criação de Agentes retenção.xlsx</t>
  </si>
  <si>
    <t>/o=exchangelabs/ou=exchange administrative group (fydibohf23spdlt)/cn=recipients/cn=5dd03a66f797451390d7113259343399-aline da si,/o=exchangelabs/ou=exchange administrative group (fydibohf23spdlt)/cn=recipients/cn=a7e592821d864418bccf1424f02e2670-felipe alve,/o=exchangelabs/ou=exchange administrative group (fydibohf23spdlt)/cn=recipients/cn=b4af4243d22d4dfa8c6b1830b913b4d3-caio cesar,/o=exchangelabs/ou=exchange administrative group (fydibohf23spdlt)/cn=recipients/cn=ee443929f1b6407999ee7912624fe54f-sostenes co,/o=exchangelabs/ou=exchange administrative group (fydibohf23spdlt)/cn=recipients/cn=thiago oliveira reis,/o=exchangelabs/ou=exchange administrative group (fydibohf23spdlt)/cn=recipients/cn=user05f2c55d</t>
  </si>
  <si>
    <t>/o=exchangelabs/ou=exchange administrative group (fydibohf23spdlt)/cn=recipients/cn=ca1f2dadbd0542a8ad075275acf52ff3-rondinele s;/o=exchangelabs/ou=exchange administrative group (fydibohf23spdlt)/cn=recipients/cn=d1d015f213f648abbf348b5ccdf8e9d9-senilda per;/o=exchangelabs/ou=exchange administrative group (fydibohf23spdlt)/cn=recipients/cn=f0ff087361a245daa16e71ac77ecc3f0-ivan costa;/o=exchangelabs/ou=exchange administrative group (fydibohf23spdlt)/cn=recipients/cn=matheus vinicius da silva;adriana.oliveira@avon.com;juan.lopes@avon.com;mayza.costa@avon.com;</t>
  </si>
  <si>
    <t>Melhoria de Processos</t>
  </si>
  <si>
    <t>/o=exchangelabs/ou=exchange administrative group (fydibohf23spdlt)/cn=recipients/cn=ca1f2dadbd0542a8ad075275acf52ff3-rondinele s,/o=exchangelabs/ou=exchange administrative group (fydibohf23spdlt)/cn=recipients/cn=d1d015f213f648abbf348b5ccdf8e9d9-senilda per,/o=exchangelabs/ou=exchange administrative group (fydibohf23spdlt)/cn=recipients/cn=f0ff087361a245daa16e71ac77ecc3f0-ivan costa,/o=exchangelabs/ou=exchange administrative group (fydibohf23spdlt)/cn=recipients/cn=matheus vinicius da silva,adriana.oliveira@avon.com,juan.lopes@avon.com,mayza.costa@avon.com</t>
  </si>
  <si>
    <t>C:\Users\elainemdlp\OD\Home Office\</t>
  </si>
  <si>
    <t>0ANALYSIS_PATTERN (88).csv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891c08f4f04f4527be9bc1b3d75f6378-luiz fernan;/o=exchangelabs/ou=exchange administrative group (fydibohf23spdlt)/cn=recipients/cn=c6f5c50e91244036872327464dc6624a-cinthia mar;</t>
  </si>
  <si>
    <t>RES: CAMARGO - Ajuste Orçamento</t>
  </si>
  <si>
    <t>341002142_CAMARGO_v1.xlsb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891c08f4f04f4527be9bc1b3d75f6378-luiz fernan,/o=exchangelabs/ou=exchange administrative group (fydibohf23spdlt)/cn=recipients/cn=c6f5c50e91244036872327464dc6624a-cinthia mar</t>
  </si>
  <si>
    <t>C:\Users\elainemdlp\OD\_Projetos\Em andamento\Relacionamento Cartoes BV\03 - Execucao\Zimbra\</t>
  </si>
  <si>
    <t>/o=exchangelabs/ou=exchange administrative group (fydibohf23spdlt)/cn=recipients/cn=d66a262ea1e040adaf711e9b38c488e7-adine paula;</t>
  </si>
  <si>
    <t>Matriz de Responsabilidades (RACI) Geral (2).xlsx</t>
  </si>
  <si>
    <t>/o=exchangelabs/ou=exchange administrative group (fydibohf23spdlt)/cn=recipients/cn=d66a262ea1e040adaf711e9b38c488e7-adine paula</t>
  </si>
  <si>
    <t>Projeto Transformação Clientes da Base GAT</t>
  </si>
  <si>
    <t>Escala de treinamento supervisores PPE GAT_v4.xlsx</t>
  </si>
  <si>
    <t>C:\Users\simoneesm\OneDrive - Grupo Algar\Controle\ALGAR\FINANCEIRO\Orçamento Original\2020\1º semestre\Qlikview\07102019\</t>
  </si>
  <si>
    <t>ENC: Volume Gerenciadas Amex e Visa - 07/10</t>
  </si>
  <si>
    <t>ENC: Simulações - SAC CC _ Novembro // Retirada BF</t>
  </si>
  <si>
    <t>/o=exchangelabs/ou=exchange administrative group (fydibohf23spdlt)/cn=recipients/cn=109f6d628834480fabc1188cbdef64fa-antonia apa;/o=exchangelabs/ou=exchange administrative group (fydibohf23spdlt)/cn=recipients/cn=69cc68072bd74472a6fed235e590fc65-cassia alve;/o=exchangelabs/ou=exchange administrative group (fydibohf23spdlt)/cn=recipients/cn=8ab5e44d485043d59eb4f21463e63e6a-tays dos sa;/o=exchangelabs/ou=exchange administrative group (fydibohf23spdlt)/cn=recipients/cn=92f840270c3143f3a4d11a96cbe1c928-marcela car;gvieira@toyota.com.br;rutiyama@toyota.com.br;</t>
  </si>
  <si>
    <t>ENC: APIs Toyota</t>
  </si>
  <si>
    <t>/o=exchangelabs/ou=exchange administrative group (fydibohf23spdlt)/cn=recipients/cn=109f6d628834480fabc1188cbdef64fa-antonia apa,/o=exchangelabs/ou=exchange administrative group (fydibohf23spdlt)/cn=recipients/cn=69cc68072bd74472a6fed235e590fc65-cassia alve,/o=exchangelabs/ou=exchange administrative group (fydibohf23spdlt)/cn=recipients/cn=8ab5e44d485043d59eb4f21463e63e6a-tays dos sa,/o=exchangelabs/ou=exchange administrative group (fydibohf23spdlt)/cn=recipients/cn=92f840270c3143f3a4d11a96cbe1c928-marcela car,gvieira@toyota.com.br,rutiyama@toyota.com.br</t>
  </si>
  <si>
    <t>c:\users\marinasf\desktop\</t>
  </si>
  <si>
    <t>lista associados - dc.xlsx</t>
  </si>
  <si>
    <t>Check List Long Haul-Nodos - Nodo Centro.xls</t>
  </si>
  <si>
    <t>check list long haul nodo barra.xls</t>
  </si>
  <si>
    <t>/o=exchangelabs/ou=exchange administrative group (fydibohf23spdlt)/cn=recipients/cn=603ada399f684d8cbb7c2653efa30e6a-andre luiz;/o=exchangelabs/ou=exchange administrative group (fydibohf23spdlt)/cn=recipients/cn=userd3ef8196;</t>
  </si>
  <si>
    <t>RES: Planejamento Whirlpool - Novembro/2019</t>
  </si>
  <si>
    <t>/o=exchangelabs/ou=exchange administrative group (fydibohf23spdlt)/cn=recipients/cn=603ada399f684d8cbb7c2653efa30e6a-andre luiz,/o=exchangelabs/ou=exchange administrative group (fydibohf23spdlt)/cn=recipients/cn=userd3ef8196</t>
  </si>
  <si>
    <t>Ficha do Risco - Segurança da Informação - set19.xlsx</t>
  </si>
  <si>
    <t>Associados_sem_GH_0710.xlsx</t>
  </si>
  <si>
    <t>/o=exchangelabs/ou=exchange administrative group (fydibohf23spdlt)/cn=recipients/cn=746f10dd924a4e7dbfe2f813f74b1f2c-gilmar pres;/o=exchangelabs/ou=exchange administrative group (fydibohf23spdlt)/cn=recipients/cn=78e530b5e3244cc1a89eba7f7b0af42f-marco tulio;</t>
  </si>
  <si>
    <t>/o=exchangelabs/ou=exchange administrative group (fydibohf23spdlt)/cn=recipients/cn=746f10dd924a4e7dbfe2f813f74b1f2c-gilmar pres,/o=exchangelabs/ou=exchange administrative group (fydibohf23spdlt)/cn=recipients/cn=78e530b5e3244cc1a89eba7f7b0af42f-marco tulio</t>
  </si>
  <si>
    <t>Estudo NOC</t>
  </si>
  <si>
    <t>Analise Custo NOC_Setembro_2019.xlsx</t>
  </si>
  <si>
    <t>C:\Users\joaobab\OneDrive - Grupo Algar\temp\Avon\Proposta\</t>
  </si>
  <si>
    <t>Investimento Front Apartado_Joao_Aquino.xlsx</t>
  </si>
  <si>
    <t>Incentivo Ativo Conferir</t>
  </si>
  <si>
    <t>Incentivo Operação Credenciamento Ativo Unica Ref SETEMBRO 2019.xlsx</t>
  </si>
  <si>
    <t>/o=exchangelabs/ou=exchange administrative group (fydibohf23spdlt)/cn=recipients/cn=8ab5e44d485043d59eb4f21463e63e6a-tays dos sa;/o=exchangelabs/ou=exchange administrative group (fydibohf23spdlt)/cn=recipients/cn=a2a95176ec8b4e558f3d0f3c2d9d370b-pablo dos s;/o=exchangelabs/ou=exchange administrative group (fydibohf23spdlt)/cn=recipients/cn=f50351055a2944cebcbdc18a918945d6-gustavo res;gvieira@toyota.com.br;lsousa@toyota.com.br;rutiyama@toyota.com.br;</t>
  </si>
  <si>
    <t>Fechamento Toyota Mobility - Setembro</t>
  </si>
  <si>
    <t>/o=exchangelabs/ou=exchange administrative group (fydibohf23spdlt)/cn=recipients/cn=8ab5e44d485043d59eb4f21463e63e6a-tays dos sa,/o=exchangelabs/ou=exchange administrative group (fydibohf23spdlt)/cn=recipients/cn=a2a95176ec8b4e558f3d0f3c2d9d370b-pablo dos s,/o=exchangelabs/ou=exchange administrative group (fydibohf23spdlt)/cn=recipients/cn=f50351055a2944cebcbdc18a918945d6-gustavo res,gvieira@toyota.com.br,lsousa@toyota.com.br,rutiyama@toyota.com.br</t>
  </si>
  <si>
    <t>Nova receita Bradesco.xlsx</t>
  </si>
  <si>
    <t>C:\Users\rodrigombu\OneDrive - Grupo Algar\Whirlpool\2019\10 - Outubro\Arquivo\RAF\</t>
  </si>
  <si>
    <t>10.207.12.71</t>
  </si>
  <si>
    <t>C:\Users\rafaelbdt\Downloads\</t>
  </si>
  <si>
    <t>10. COTY- SAVOY ( FATURAMENTO SETEMBRO).xlsx</t>
  </si>
  <si>
    <t>Cópia de MS-Licenciamento-2020-Tech_3.xlsx</t>
  </si>
  <si>
    <t>/o=exchangelabs/ou=exchange administrative group (fydibohf23spdlt)/cn=recipients/cn=00dbcea0702d4358b7c66d1d0dd7b863-juliana tei;/o=exchangelabs/ou=exchange administrative group (fydibohf23spdlt)/cn=recipients/cn=56dc126fba5b4a5f8fb1cd7e4f10477d-thais olive;/o=exchangelabs/ou=exchange administrative group (fydibohf23spdlt)/cn=recipients/cn=9b3c029cc2ba4212bb4247e9ef6df7f1-andressa cr;/o=exchangelabs/ou=exchange administrative group (fydibohf23spdlt)/cn=recipients/cn=ca7d1b1aa98d482ca2c948b11f486f8b-cynnara pim;/o=exchangelabs/ou=exchange administrative group (fydibohf23spdlt)/cn=recipients/cn=dd910368577c476fa125a61033b7deb1-gean carlos;/o=exchangelabs/ou=exchange administrative group (fydibohf23spdlt)/cn=recipients/cn=e10723a684514e929321a0a802ffc75f-cpc manifes;/o=exchangelabs/ou=exchange administrative group (fydibohf23spdlt)/cn=recipients/cn=f34f0f8b632a4aaa9dc5211574750aca-debora oliv;</t>
  </si>
  <si>
    <t>KPI P2 - 1ª instância</t>
  </si>
  <si>
    <t>10.2019 - KPI P2_1ª instância completo.rar\</t>
  </si>
  <si>
    <t>10.2019 - KPI P2_1Âª instÃ¢ncia completo.xlsx</t>
  </si>
  <si>
    <t>/o=exchangelabs/ou=exchange administrative group (fydibohf23spdlt)/cn=recipients/cn=00dbcea0702d4358b7c66d1d0dd7b863-juliana tei,/o=exchangelabs/ou=exchange administrative group (fydibohf23spdlt)/cn=recipients/cn=56dc126fba5b4a5f8fb1cd7e4f10477d-thais olive,/o=exchangelabs/ou=exchange administrative group (fydibohf23spdlt)/cn=recipients/cn=9b3c029cc2ba4212bb4247e9ef6df7f1-andressa cr,/o=exchangelabs/ou=exchange administrative group (fydibohf23spdlt)/cn=recipients/cn=ca7d1b1aa98d482ca2c948b11f486f8b-cynnara pim,/o=exchangelabs/ou=exchange administrative group (fydibohf23spdlt)/cn=recipients/cn=dd910368577c476fa125a61033b7deb1-gean carlos,/o=exchangelabs/ou=exchange administrative group (fydibohf23spdlt)/cn=recipients/cn=e10723a684514e929321a0a802ffc75f-cpc manifes,/o=exchangelabs/ou=exchange administrative group (fydibohf23spdlt)/cn=recipients/cn=f34f0f8b632a4aaa9dc5211574750aca-debora oliv</t>
  </si>
  <si>
    <t>KPI P2 - 1ª instância / 10.2019</t>
  </si>
  <si>
    <t>10.2019 - KPI P2_1ª instância mês.xlsx</t>
  </si>
  <si>
    <t>'ariana.ribeiro@bradesco.com.br;'gmanifestacoes@temposervicos.com.br;'julio.goncalves@temposervicos.com.br;/o=exchangelabs/ou=exchange administrative group (fydibohf23spdlt)/cn=recipients/cn=00dbcea0702d4358b7c66d1d0dd7b863-juliana tei;/o=exchangelabs/ou=exchange administrative group (fydibohf23spdlt)/cn=recipients/cn=16a29ec14a2c4cceae5d6ba9fc205b24-jaqueline a;/o=exchangelabs/ou=exchange administrative group (fydibohf23spdlt)/cn=recipients/cn=1e7f0957c5bf4da1b70dc13dc9d810b1-gabriel per;/o=exchangelabs/ou=exchange administrative group (fydibohf23spdlt)/cn=recipients/cn=56dc126fba5b4a5f8fb1cd7e4f10477d-thais olive;/o=exchangelabs/ou=exchange administrative group (fydibohf23spdlt)/cn=recipients/cn=8da96f497b5c46ee81c2775857a1df84-pedro henri;/o=exchangelabs/ou=exchange administrative group (fydibohf23spdlt)/cn=recipients/cn=9b3c029cc2ba4212bb4247e9ef6df7f1-andressa cr;/o=exchangelabs/ou=exchange administrative group (fydibohf23spdlt)/cn=recipients/cn=d3d28899a5be4c2c8b5b9e55717f7da7-fabio ribei;/o=exchangelab</t>
  </si>
  <si>
    <t>Cenário P2 - 1ª instância</t>
  </si>
  <si>
    <t>10.2019 - Cenário P2 - 1ª instância.xlsb</t>
  </si>
  <si>
    <t>'ariana.ribeiro@bradesco.com.br,'gmanifestacoes@temposervicos.com.br,'julio.goncalves@temposervicos.com.br,/o=exchangelabs/ou=exchange administrative group (fydibohf23spdlt)/cn=recipients/cn=00dbcea0702d4358b7c66d1d0dd7b863-juliana tei,/o=exchangelabs/ou=exchange administrative group (fydibohf23spdlt)/cn=recipients/cn=16a29ec14a2c4cceae5d6ba9fc205b24-jaqueline a,/o=exchangelabs/ou=exchange administrative group (fydibohf23spdlt)/cn=recipients/cn=1e7f0957c5bf4da1b70dc13dc9d810b1-gabriel per,/o=exchangelabs/ou=exchange administrative group (fydibohf23spdlt)/cn=recipients/cn=56dc126fba5b4a5f8fb1cd7e4f10477d-thais olive,/o=exchangelabs/ou=exchange administrative group (fydibohf23spdlt)/cn=recipients/cn=8da96f497b5c46ee81c2775857a1df84-pedro henri,/o=exchangelabs/ou=exchange administrative group (fydibohf23spdlt)/cn=recipients/cn=9b3c029cc2ba4212bb4247e9ef6df7f1-andressa cr,/o=exchangelabs/ou=exchange administrative group (fydibohf23spdlt)/cn=recipients/cn=d3d28899a5be4c2c8b5b9e55717f7da7-fabio ribei,/o=exchangelab</t>
  </si>
  <si>
    <t>ENC: Baixas e Aceites Outubro/19</t>
  </si>
  <si>
    <t>C:\Users\alessandroam\OneDrive\OneDrive - Grupo Algar\01 - Historico\02 - Seg Informação\04 - ISO - Normas\LGPD - KPMG\</t>
  </si>
  <si>
    <t>LGPD _ Orçamento.xlsx</t>
  </si>
  <si>
    <t>C:\Users\rodrigombu\OneDrive - Grupo Algar\Whirlpool\2019\10 - Outubro\Arquivo\Farol Churn\</t>
  </si>
  <si>
    <t>/o=exchangelabs/ou=exchange administrative group (fydibohf23spdlt)/cn=recipients/cn=00dbcea0702d4358b7c66d1d0dd7b863-juliana tei;/o=exchangelabs/ou=exchange administrative group (fydibohf23spdlt)/cn=recipients/cn=56dc126fba5b4a5f8fb1cd7e4f10477d-thais olive;/o=exchangelabs/ou=exchange administrative group (fydibohf23spdlt)/cn=recipients/cn=9b3c029cc2ba4212bb4247e9ef6df7f1-andressa cr;/o=exchangelabs/ou=exchange administrative group (fydibohf23spdlt)/cn=recipients/cn=a452776c1b39477c8b59d497dfc8890e-graziella r;/o=exchangelabs/ou=exchange administrative group (fydibohf23spdlt)/cn=recipients/cn=ab46a8675a184bef8d8f2440330cff44-daise jesus;/o=exchangelabs/ou=exchange administrative group (fydibohf23spdlt)/cn=recipients/cn=bf199ff35f614510934984644d129602-jhonatha ca;/o=exchangelabs/ou=exchange administrative group (fydibohf23spdlt)/cn=recipients/cn=ca7d1b1aa98d482ca2c948b11f486f8b-cynnara pim;/o=exchangelabs/ou=exchange administrative group (fydibohf23spdlt)/cn=recipients/cn=dd910368577c476fa125a61033b7deb1-gean</t>
  </si>
  <si>
    <t>KPI P2 - 2ª instância</t>
  </si>
  <si>
    <t>10.2019 - KPI P2_2ª instância Completo.rar\</t>
  </si>
  <si>
    <t>10.2019 - KPI P2_2Âª instÃ¢ncia Completo.xlsx</t>
  </si>
  <si>
    <t>/o=exchangelabs/ou=exchange administrative group (fydibohf23spdlt)/cn=recipients/cn=00dbcea0702d4358b7c66d1d0dd7b863-juliana tei,/o=exchangelabs/ou=exchange administrative group (fydibohf23spdlt)/cn=recipients/cn=56dc126fba5b4a5f8fb1cd7e4f10477d-thais olive,/o=exchangelabs/ou=exchange administrative group (fydibohf23spdlt)/cn=recipients/cn=9b3c029cc2ba4212bb4247e9ef6df7f1-andressa cr,/o=exchangelabs/ou=exchange administrative group (fydibohf23spdlt)/cn=recipients/cn=a452776c1b39477c8b59d497dfc8890e-graziella r,/o=exchangelabs/ou=exchange administrative group (fydibohf23spdlt)/cn=recipients/cn=ab46a8675a184bef8d8f2440330cff44-daise jesus,/o=exchangelabs/ou=exchange administrative group (fydibohf23spdlt)/cn=recipients/cn=bf199ff35f614510934984644d129602-jhonatha ca,/o=exchangelabs/ou=exchange administrative group (fydibohf23spdlt)/cn=recipients/cn=ca7d1b1aa98d482ca2c948b11f486f8b-cynnara pim,/o=exchangelabs/ou=exchange administrative group (fydibohf23spdlt)/cn=recipients/cn=dd910368577c476fa125a61033b7deb1-gean</t>
  </si>
  <si>
    <t>KPI P2 - 2ª instância / 10.2019</t>
  </si>
  <si>
    <t>10.2019 - KPI P2_2ª instância Mês.xlsx</t>
  </si>
  <si>
    <t>mariajcb@algartech.com;micheless@algartech.com;</t>
  </si>
  <si>
    <t>Controle de Tempo Trabalhado - Controles</t>
  </si>
  <si>
    <t>Controle de Tempo Trabalhado - Controles.xlsx</t>
  </si>
  <si>
    <t>mariajcb@algartech.com,micheless@algartech.com</t>
  </si>
  <si>
    <t>ALGAR _Jul_Prop_Renault_BS_C2_VF.xlsx</t>
  </si>
  <si>
    <t>alexsandrodmju@algartech.com;alinerg@algartech.com;antoniaama@algartech.com;danielavg@algartech.com;flaviaff@algartech.com;marianagso@algartech.com;rondinelesa@algartech.com;rosilenedlf@algartech.com;</t>
  </si>
  <si>
    <t>C:\Users\nataliamam\Downloads\</t>
  </si>
  <si>
    <t>alexsandrodmju@algartech.com,alinerg@algartech.com,antoniaama@algartech.com,danielavg@algartech.com,flaviaff@algartech.com,marianagso@algartech.com,rondinelesa@algartech.com,rosilenedlf@algartech.com</t>
  </si>
  <si>
    <t>/o=exchangelabs/ou=exchange administrative group (fydibohf23spdlt)/cn=recipients/cn=00dbcea0702d4358b7c66d1d0dd7b863-juliana tei;/o=exchangelabs/ou=exchange administrative group (fydibohf23spdlt)/cn=recipients/cn=16a29ec14a2c4cceae5d6ba9fc205b24-jaqueline a;/o=exchangelabs/ou=exchange administrative group (fydibohf23spdlt)/cn=recipients/cn=1e7f0957c5bf4da1b70dc13dc9d810b1-gabriel per;/o=exchangelabs/ou=exchange administrative group (fydibohf23spdlt)/cn=recipients/cn=56dc126fba5b4a5f8fb1cd7e4f10477d-thais olive;/o=exchangelabs/ou=exchange administrative group (fydibohf23spdlt)/cn=recipients/cn=8da96f497b5c46ee81c2775857a1df84-pedro henri;/o=exchangelabs/ou=exchange administrative group (fydibohf23spdlt)/cn=recipients/cn=9b3c029cc2ba4212bb4247e9ef6df7f1-andressa cr;/o=exchangelabs/ou=exchange administrative group (fydibohf23spdlt)/cn=recipients/cn=ca7d1b1aa98d482ca2c948b11f486f8b-cynnara pim;/o=exchangelabs/ou=exchange administrative group (fydibohf23spdlt)/cn=recipients/cn=daea76c116d14ba69bf57b6e77a4327e-luan</t>
  </si>
  <si>
    <t>Cenário P2 - 2ª instância</t>
  </si>
  <si>
    <t>10.2019 - Cenário P2 - 2ª instância.xlsb</t>
  </si>
  <si>
    <t>/o=exchangelabs/ou=exchange administrative group (fydibohf23spdlt)/cn=recipients/cn=00dbcea0702d4358b7c66d1d0dd7b863-juliana tei,/o=exchangelabs/ou=exchange administrative group (fydibohf23spdlt)/cn=recipients/cn=16a29ec14a2c4cceae5d6ba9fc205b24-jaqueline a,/o=exchangelabs/ou=exchange administrative group (fydibohf23spdlt)/cn=recipients/cn=1e7f0957c5bf4da1b70dc13dc9d810b1-gabriel per,/o=exchangelabs/ou=exchange administrative group (fydibohf23spdlt)/cn=recipients/cn=56dc126fba5b4a5f8fb1cd7e4f10477d-thais olive,/o=exchangelabs/ou=exchange administrative group (fydibohf23spdlt)/cn=recipients/cn=8da96f497b5c46ee81c2775857a1df84-pedro henri,/o=exchangelabs/ou=exchange administrative group (fydibohf23spdlt)/cn=recipients/cn=9b3c029cc2ba4212bb4247e9ef6df7f1-andressa cr,/o=exchangelabs/ou=exchange administrative group (fydibohf23spdlt)/cn=recipients/cn=ca7d1b1aa98d482ca2c948b11f486f8b-cynnara pim,/o=exchangelabs/ou=exchange administrative group (fydibohf23spdlt)/cn=recipients/cn=daea76c116d14ba69bf57b6e77a4327e-luan</t>
  </si>
  <si>
    <t>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5cdf7c02d3784fda99b7b159b2a127b2-rudney leme;/o=exchangelabs/ou=exchange administrative group (fydibohf23spdlt)/cn=recipients/cn=a4d4dbc88c434f8ba2bceed730d83878-marcellus r;/o=exchangelabs/ou=exchange administrative group (fydibohf23spdlt)/cn=recipients/cn=ed2578a7fad746b59b0f586e2ee82bbd-heliel de f;</t>
  </si>
  <si>
    <t>Status Preclosing - 2019</t>
  </si>
  <si>
    <t>Apresentacao Preclosing.xlsx</t>
  </si>
  <si>
    <t>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5cdf7c02d3784fda99b7b159b2a127b2-rudney leme,/o=exchangelabs/ou=exchange administrative group (fydibohf23spdlt)/cn=recipients/cn=a4d4dbc88c434f8ba2bceed730d83878-marcellus r,/o=exchangelabs/ou=exchange administrative group (fydibohf23spdlt)/cn=recipients/cn=ed2578a7fad746b59b0f586e2ee82bbd-heliel de f</t>
  </si>
  <si>
    <t>antoniocoj@algartech.com;corebusiness@algartech.com;paulohm@algartech.com;vivianeppe@algartech.com;</t>
  </si>
  <si>
    <t>antoniocoj@algartech.com,corebusiness@algartech.com,paulohm@algartech.com,vivianeppe@algartech.com</t>
  </si>
  <si>
    <t>R:\OneDrive - Grupo Algar\Advanced Collection\Revisão da Oferta\</t>
  </si>
  <si>
    <t>Racional Ticket Médio.xlsx</t>
  </si>
  <si>
    <t>/o=exchangelabs/ou=exchange administrative group (fydibohf23spdlt)/cn=recipients/cn=8a9fe860e53144b2b136d2fead3ac642-aline alves;/o=exchangelabs/ou=exchange administrative group (fydibohf23spdlt)/cn=recipients/cn=fedd0b8e2dbf442f837981a40559d630-viviane bar;/o=exchangelabs/ou=exchange administrative group (fydibohf23spdlt)/cn=recipients/cn=user3949317b;</t>
  </si>
  <si>
    <t>Macro Cronograma LP</t>
  </si>
  <si>
    <t>/o=exchangelabs/ou=exchange administrative group (fydibohf23spdlt)/cn=recipients/cn=8a9fe860e53144b2b136d2fead3ac642-aline alves,/o=exchangelabs/ou=exchange administrative group (fydibohf23spdlt)/cn=recipients/cn=fedd0b8e2dbf442f837981a40559d630-viviane bar,/o=exchangelabs/ou=exchange administrative group (fydibohf23spdlt)/cn=recipients/cn=user3949317b</t>
  </si>
  <si>
    <t>/o=exchangelabs/ou=exchange administrative group (fydibohf23spdlt)/cn=recipients/cn=372a4aee70df4061aed129651510b96b-raul montei;/o=exchangelabs/ou=exchange administrative group (fydibohf23spdlt)/cn=recipients/cn=valeria de mello lima;</t>
  </si>
  <si>
    <t>Conarec - Ação Pós Evento - Marco Belissimo</t>
  </si>
  <si>
    <t>Conarec - Ação pós evento - Marco Belissimo.xlsx</t>
  </si>
  <si>
    <t>/o=exchangelabs/ou=exchange administrative group (fydibohf23spdlt)/cn=recipients/cn=372a4aee70df4061aed129651510b96b-raul montei,/o=exchangelabs/ou=exchange administrative group (fydibohf23spdlt)/cn=recipients/cn=valeria de mello lima</t>
  </si>
  <si>
    <t>/o=exchangelabs/ou=exchange administrative group (fydibohf23spdlt)/cn=recipients/cn=83fb33716c6e47ae8614af52c6e12385-fernanda ma;</t>
  </si>
  <si>
    <t>Documento repasse</t>
  </si>
  <si>
    <t>REPASSE_BASE_ALGAR_DEEPCENTER.docx\</t>
  </si>
  <si>
    <t>/o=exchangelabs/ou=exchange administrative group (fydibohf23spdlt)/cn=recipients/cn=83fb33716c6e47ae8614af52c6e12385-fernanda ma</t>
  </si>
  <si>
    <t>Resultado parcial Outubro</t>
  </si>
  <si>
    <t>/o=exchangelabs/ou=exchange administrative group (fydibohf23spdlt)/cn=recipients/cn=545f738e0fe740ba856f4eb6ef0135e0-vinicius si;/o=exchangelabs/ou=exchange administrative group (fydibohf23spdlt)/cn=recipients/cn=8ab5e44d485043d59eb4f21463e63e6a-tays dos sa;/o=exchangelabs/ou=exchange administrative group (fydibohf23spdlt)/cn=recipients/cn=b284454839e94314a90d49e7ec00864f-antonio car;/o=exchangelabs/ou=exchange administrative group (fydibohf23spdlt)/cn=recipients/cn=b36412a54b154c07b0a876537a78fce8-jheniffer g;</t>
  </si>
  <si>
    <t>ENC: Rateio SETEMBRO/2019</t>
  </si>
  <si>
    <t>RATEIO EPO_SETEMBRO 2019.xls</t>
  </si>
  <si>
    <t>/o=exchangelabs/ou=exchange administrative group (fydibohf23spdlt)/cn=recipients/cn=545f738e0fe740ba856f4eb6ef0135e0-vinicius si,/o=exchangelabs/ou=exchange administrative group (fydibohf23spdlt)/cn=recipients/cn=8ab5e44d485043d59eb4f21463e63e6a-tays dos sa,/o=exchangelabs/ou=exchange administrative group (fydibohf23spdlt)/cn=recipients/cn=b284454839e94314a90d49e7ec00864f-antonio car,/o=exchangelabs/ou=exchange administrative group (fydibohf23spdlt)/cn=recipients/cn=b36412a54b154c07b0a876537a78fce8-jheniffer g</t>
  </si>
  <si>
    <t>Novatos e os respectivos supervisores.xlsx</t>
  </si>
  <si>
    <t>Fechamento Setembro - VALE E UCB</t>
  </si>
  <si>
    <t>Setembro_ VALE.xlsm</t>
  </si>
  <si>
    <t>/o=exchangelabs/ou=exchange administrative group (fydibohf23spdlt)/cn=recipients/cn=2f8300fc6f8b4714a77c0227cba72162-vinicius pi;/o=exchangelabs/ou=exchange administrative group (fydibohf23spdlt)/cn=recipients/cn=430b7fc0ccfe4728933af1b3039c7e24-marcus gome;/o=exchangelabs/ou=exchange administrative group (fydibohf23spdlt)/cn=recipients/cn=78e530b5e3244cc1a89eba7f7b0af42f-marco tulio;/o=exchangelabs/ou=exchange administrative group (fydibohf23spdlt)/cn=recipients/cn=f681a87682ec4eb3b3dfa2503f9869d3-filipe rese;humbertopj@algartech.com;</t>
  </si>
  <si>
    <t>PROJETO XPERIENCE - LISTA DE AÇÕES</t>
  </si>
  <si>
    <t>LISTA DE AÇÕES - XPERIENCE.xlsx</t>
  </si>
  <si>
    <t>/o=exchangelabs/ou=exchange administrative group (fydibohf23spdlt)/cn=recipients/cn=2f8300fc6f8b4714a77c0227cba72162-vinicius pi,/o=exchangelabs/ou=exchange administrative group (fydibohf23spdlt)/cn=recipients/cn=430b7fc0ccfe4728933af1b3039c7e24-marcus gome,/o=exchangelabs/ou=exchange administrative group (fydibohf23spdlt)/cn=recipients/cn=78e530b5e3244cc1a89eba7f7b0af42f-marco tulio,/o=exchangelabs/ou=exchange administrative group (fydibohf23spdlt)/cn=recipients/cn=f681a87682ec4eb3b3dfa2503f9869d3-filipe rese,humbertopj@algartech.com</t>
  </si>
  <si>
    <t>CURVA NORMAL - 04/10/2019</t>
  </si>
  <si>
    <t>RES: Rateio SETEMBRO/2019</t>
  </si>
  <si>
    <t>Cópia de RATEIO EPO_SETEMBRO 2019.xls</t>
  </si>
  <si>
    <t>karendfs@algartech.com;</t>
  </si>
  <si>
    <t>FORECAST 09-2019 GRC (2).xlsx</t>
  </si>
  <si>
    <t>karendfs@algartech.com</t>
  </si>
  <si>
    <t>/o=exchangelabs/ou=exchange administrative group (fydibohf23spdlt)/cn=recipients/cn=2b69c7de1a3641269a7eed0596e1ddc2-wayner oliv;</t>
  </si>
  <si>
    <t>RES: PTH GST 09-2019 (Base Paulo).xlsx</t>
  </si>
  <si>
    <t>PTH GST 09-2019 (Base Paulo).xlsx</t>
  </si>
  <si>
    <t>/o=exchangelabs/ou=exchange administrative group (fydibohf23spdlt)/cn=recipients/cn=2b69c7de1a3641269a7eed0596e1ddc2-wayner oliv</t>
  </si>
  <si>
    <t>/o=exchangelabs/ou=exchange administrative group (fydibohf23spdlt)/cn=recipients/cn=8a0784ccebb14202a66b1b8f3a285b61-thais de al;/o=exchangelabs/ou=exchange administrative group (fydibohf23spdlt)/cn=recipients/cn=c29ec9dae022497281c840087cccddec-patricia ar;/o=exchangelabs/ou=exchange administrative group (fydibohf23spdlt)/cn=recipients/cn=ee68a2a53024446789dc480aef9c7a7c-joao gabrie;</t>
  </si>
  <si>
    <t>ENC: Alteração GH</t>
  </si>
  <si>
    <t>/o=exchangelabs/ou=exchange administrative group (fydibohf23spdlt)/cn=recipients/cn=8a0784ccebb14202a66b1b8f3a285b61-thais de al,/o=exchangelabs/ou=exchange administrative group (fydibohf23spdlt)/cn=recipients/cn=c29ec9dae022497281c840087cccddec-patricia ar,/o=exchangelabs/ou=exchange administrative group (fydibohf23spdlt)/cn=recipients/cn=ee68a2a53024446789dc480aef9c7a7c-joao gabrie</t>
  </si>
  <si>
    <t>Dashboard Formalização PJ VISA/PJ AMEX - Outubro/2019</t>
  </si>
  <si>
    <t>FORMALIZAÇÃO VISA_AMEX_ OUTUBRO.xlsm</t>
  </si>
  <si>
    <t>karendfs@algartech.com;marcotvo@algartech.com;</t>
  </si>
  <si>
    <t>\\acsfs\ACS\Suporte à Operações\20 - Transformação\2019\</t>
  </si>
  <si>
    <t>Qualidade-2019 Outubro -.xlsx</t>
  </si>
  <si>
    <t>karendfs@algartech.com,marcotvo@algartech.com</t>
  </si>
  <si>
    <t>Qualidade-2019 Setembro.xlsx</t>
  </si>
  <si>
    <t>C:\Users\elainemdlp\OD\_Projetos\Em andamento\Relacionamento Cartoes BV\03 - Execucao\Zimbra\criação ZIMBRA - BV CARTOES.msg\s134\</t>
  </si>
  <si>
    <t>Dimensionamento do Serviço GIAT + Mon_Cog - Junho 2019_v2 (2).xlsm</t>
  </si>
  <si>
    <t>mail.google.com/_/upload?authuser=0&amp;dcp=asu-n&amp;upload_id=AEnB2Uq1tB39Ka2OYAldy2fzfBLQ-OHlBQLUGRWggzLJS8L2tFd46B0VR24huwvPlt5nhEOZWU7hRy7Ug8RELK4GFO-5N1EzOQ&amp;upload_protocol=resumable</t>
  </si>
  <si>
    <t>celmars@algartech.com;dolvaner@algartech.com;jecienegs@algartech.com;reynaldopm@algartech.com;wanessabds@algartech.com;</t>
  </si>
  <si>
    <t>celmars@algartech.com,dolvaner@algartech.com,jecienegs@algartech.com,reynaldopm@algartech.com,wanessabds@algartech.com</t>
  </si>
  <si>
    <t>mail.google.com/_/upload?authuser=0&amp;dcp=asu-n&amp;upload_id=AEnB2UpH-CVNDmhc7C8zQ1u50wY4o-XDz1UI4RGlAY81D1h0j2McvTbvA-1htkP156YzayPCb3NgBKEig-8FEqVTFTHN0sM4Ag&amp;upload_protocol=resumable</t>
  </si>
  <si>
    <t>D:\Projetos\ACS\One_drive\OneDrive - Grupo Algar\Projetos\2019 Algar_-_Precificação\Matriz\BP de Precificacao - Exemplo para Prj.zip\</t>
  </si>
  <si>
    <t>BP de Precificacao - Exemplo para Prj.xlsb</t>
  </si>
  <si>
    <t>D:\Projetos\ACS\One_drive\OneDrive - Grupo Algar\Projetos\2019 Algar_-_Precificação\Matriz\BP de Precificacao - Exemplo para Prj.zip\BP de Precificacao - Exemplo para Prj.xlsb\</t>
  </si>
  <si>
    <t>C:\Users\luanaaoli\Desktop\INICIATIVAS\</t>
  </si>
  <si>
    <t>MAPA DE DESMOBILIZACAO.xls</t>
  </si>
  <si>
    <t>/o=exchangelabs/ou=exchange administrative group (fydibohf23spdlt)/cn=recipients/cn=aab19dd3ade244ccaf813116099040e3-maria joana;/o=exchangelabs/ou=exchange administrative group (fydibohf23spdlt)/cn=recipients/cn=f12a8a47728048b0a734508ea6226c04-michele dos;</t>
  </si>
  <si>
    <t>RES: Controle de Tempo Trabalhado - Controles</t>
  </si>
  <si>
    <t>/o=exchangelabs/ou=exchange administrative group (fydibohf23spdlt)/cn=recipients/cn=aab19dd3ade244ccaf813116099040e3-maria joana,/o=exchangelabs/ou=exchange administrative group (fydibohf23spdlt)/cn=recipients/cn=f12a8a47728048b0a734508ea6226c04-michele dos</t>
  </si>
  <si>
    <t>/o=exchangelabs/ou=exchange administrative group (fydibohf23spdlt)/cn=recipients/cn=d0093b7063a942388b31a7ba794f9061-dener benic;</t>
  </si>
  <si>
    <t>ENC: BP / Estudo - UPS Sede</t>
  </si>
  <si>
    <t>BP Estudo UPS - 19.09.20.xlsx</t>
  </si>
  <si>
    <t>/o=exchangelabs/ou=exchange administrative group (fydibohf23spdlt)/cn=recipients/cn=d0093b7063a942388b31a7ba794f9061-dener benic</t>
  </si>
  <si>
    <t>10.211.2.105</t>
  </si>
  <si>
    <t>/o=exchangelabs/ou=exchange administrative group (fydibohf23spdlt)/cn=recipients/cn=161c8ab454bb4f4ebde8223bf694a34b-pedro felip;/o=exchangelabs/ou=exchange administrative group (fydibohf23spdlt)/cn=recipients/cn=6f47dc42ab284a6abbff3513aa0b4520-andressa mo;</t>
  </si>
  <si>
    <t>HE - Setembro</t>
  </si>
  <si>
    <t>Template HE GAT_FEV.xlsx</t>
  </si>
  <si>
    <t>/o=exchangelabs/ou=exchange administrative group (fydibohf23spdlt)/cn=recipients/cn=161c8ab454bb4f4ebde8223bf694a34b-pedro felip,/o=exchangelabs/ou=exchange administrative group (fydibohf23spdlt)/cn=recipients/cn=6f47dc42ab284a6abbff3513aa0b4520-andressa mo</t>
  </si>
  <si>
    <t>C:\Users\elainemdlp\OD\_Projetos\Em andamento\Expansao Caixa\RA 72955\</t>
  </si>
  <si>
    <t>rayannerd@algartech.com.br;</t>
  </si>
  <si>
    <t>ENC: Produtividade CRCe até 03/10</t>
  </si>
  <si>
    <t>Produtividade CRC Amex e CRC VMC - Setembro.xlsb</t>
  </si>
  <si>
    <t>rayannerd@algartech.com.br</t>
  </si>
  <si>
    <t>10.12.241.112</t>
  </si>
  <si>
    <t>10.211.2.139</t>
  </si>
  <si>
    <t>D8-9C-67-6F-33-99</t>
  </si>
  <si>
    <t>/o=exchangelabs/ou=exchange administrative group (fydibohf23spdlt)/cn=recipients/cn=34a28d636a1b4c86b1ec79baed4b846a-marco anton;/o=exchangelabs/ou=exchange administrative group (fydibohf23spdlt)/cn=recipients/cn=8c89829ad534498fa4c85b5ac11174f1-suelen more;/o=exchangelabs/ou=exchange administrative group (fydibohf23spdlt)/cn=recipients/cn=c82d742f5f1e4122a86db0495b71e095-nilton j. g;/o=exchangelabs/ou=exchange administrative group (fydibohf23spdlt)/cn=recipients/cn=e5dfe65308934e02acfffcb2185133f4-daniel bier;</t>
  </si>
  <si>
    <t>199257 - SUGI v6 (minimo).xlsb</t>
  </si>
  <si>
    <t>/o=exchangelabs/ou=exchange administrative group (fydibohf23spdlt)/cn=recipients/cn=34a28d636a1b4c86b1ec79baed4b846a-marco anton,/o=exchangelabs/ou=exchange administrative group (fydibohf23spdlt)/cn=recipients/cn=8c89829ad534498fa4c85b5ac11174f1-suelen more,/o=exchangelabs/ou=exchange administrative group (fydibohf23spdlt)/cn=recipients/cn=c82d742f5f1e4122a86db0495b71e095-nilton j. g,/o=exchangelabs/ou=exchange administrative group (fydibohf23spdlt)/cn=recipients/cn=e5dfe65308934e02acfffcb2185133f4-daniel bier</t>
  </si>
  <si>
    <t>/o=exchangelabs/ou=exchange administrative group (fydibohf23spdlt)/cn=recipients/cn=8ab5e44d485043d59eb4f21463e63e6a-tays dos sa;/o=exchangelabs/ou=exchange administrative group (fydibohf23spdlt)/cn=recipients/cn=b36412a54b154c07b0a876537a78fce8-jheniffer g;/o=exchangelabs/ou=exchange administrative group (fydibohf23spdlt)/cn=recipients/cn=f50351055a2944cebcbdc18a918945d6-gustavo res;</t>
  </si>
  <si>
    <t>/o=exchangelabs/ou=exchange administrative group (fydibohf23spdlt)/cn=recipients/cn=8ab5e44d485043d59eb4f21463e63e6a-tays dos sa,/o=exchangelabs/ou=exchange administrative group (fydibohf23spdlt)/cn=recipients/cn=b36412a54b154c07b0a876537a78fce8-jheniffer g,/o=exchangelabs/ou=exchange administrative group (fydibohf23spdlt)/cn=recipients/cn=f50351055a2944cebcbdc18a918945d6-gustavo res</t>
  </si>
  <si>
    <t>ENC: Prestação de contas do mês de março à julho 2019 Murer x Algar</t>
  </si>
  <si>
    <t>Ricardo Defaveri Murer 0710.xlsx</t>
  </si>
  <si>
    <t>/o=exchangelabs/ou=exchange administrative group (fydibohf23spdlt)/cn=recipients/cn=0f02f70736ad4f83b81217ad3e6c73a5-rogerio gon;/o=exchangelabs/ou=exchange administrative group (fydibohf23spdlt)/cn=recipients/cn=a35622ae1b534401a6dd99bd801d1f97-marcos paul;</t>
  </si>
  <si>
    <t>Vendas Algar TLV Set19</t>
  </si>
  <si>
    <t>Vendas TLV Setembr2.xlsx</t>
  </si>
  <si>
    <t>/o=exchangelabs/ou=exchange administrative group (fydibohf23spdlt)/cn=recipients/cn=0f02f70736ad4f83b81217ad3e6c73a5-rogerio gon,/o=exchangelabs/ou=exchange administrative group (fydibohf23spdlt)/cn=recipients/cn=a35622ae1b534401a6dd99bd801d1f97-marcos paul</t>
  </si>
  <si>
    <t>C:\OneDrive\OneDrive - Grupo Algar\ONEDRIVE_SegInfo\ITO\Plataforma_Antivirus_Datacenter\</t>
  </si>
  <si>
    <t>Computers_DeepSecurity_ITO_07102019.xlsb</t>
  </si>
  <si>
    <t>kellyji@algartelecom.com.br;</t>
  </si>
  <si>
    <t>RES: executores control plus</t>
  </si>
  <si>
    <t>kellyji@algartelecom.com.br</t>
  </si>
  <si>
    <t>Daily Algar Correntista_06outubro.xlsm</t>
  </si>
  <si>
    <t>/o=exchangelabs/ou=exchange administrative group (fydibohf23spdlt)/cn=recipients/cn=1c3bae1d5aab4c72b84516e819cd16c9-wilton paim;/o=exchangelabs/ou=exchange administrative group (fydibohf23spdlt)/cn=recipients/cn=453b61456320491dad510b65b310018f-kelen crist;/o=exchangelabs/ou=exchange administrative group (fydibohf23spdlt)/cn=recipients/cn=88e4fcbd3ea14730a81286cc0683fb42-manoel eloy;/o=exchangelabs/ou=exchange administrative group (fydibohf23spdlt)/cn=recipients/cn=b712c36eebee42428d3790abe2696417-romario gom;/o=exchangelabs/ou=exchange administrative group (fydibohf23spdlt)/cn=recipients/cn=c54bebbd63a1403e83787e59fcd1acdc-joao sergio;diogo@quilleconsultoria.com.br;</t>
  </si>
  <si>
    <t>Agent Utilization Report - setembro.7z\Agent Utilization Report\</t>
  </si>
  <si>
    <t>/o=exchangelabs/ou=exchange administrative group (fydibohf23spdlt)/cn=recipients/cn=1c3bae1d5aab4c72b84516e819cd16c9-wilton paim,/o=exchangelabs/ou=exchange administrative group (fydibohf23spdlt)/cn=recipients/cn=453b61456320491dad510b65b310018f-kelen crist,/o=exchangelabs/ou=exchange administrative group (fydibohf23spdlt)/cn=recipients/cn=88e4fcbd3ea14730a81286cc0683fb42-manoel eloy,/o=exchangelabs/ou=exchange administrative group (fydibohf23spdlt)/cn=recipients/cn=b712c36eebee42428d3790abe2696417-romario gom,/o=exchangelabs/ou=exchange administrative group (fydibohf23spdlt)/cn=recipients/cn=c54bebbd63a1403e83787e59fcd1acdc-joao sergio,diogo@quilleconsultoria.com.br</t>
  </si>
  <si>
    <t>/o=exchangelabs/ou=exchange administrative group (fydibohf23spdlt)/cn=recipients/cn=027c2da1ea5a42378a892f895ed29947-andressa tu;/o=exchangelabs/ou=exchange administrative group (fydibohf23spdlt)/cn=recipients/cn=376dc21df9294b1e98e06de29a805db8-algar tech;/o=exchangelabs/ou=exchange administrative group (fydibohf23spdlt)/cn=recipients/cn=4e42be0c35fe437c89a815dbb8f1ffeb-faturamento;/o=exchangelabs/ou=exchange administrative group (fydibohf23spdlt)/cn=recipients/cn=5cdc4a7b917a447c993600ca829a0a39-elisangela;/o=exchangelabs/ou=exchange administrative group (fydibohf23spdlt)/cn=recipients/cn=704ce6c3da8c45c9a4fbd113173d101c-tatiane sil;/o=exchangelabs/ou=exchange administrative group (fydibohf23spdlt)/cn=recipients/cn=996127b02105404abba3fe718e388d35-cleonice de;/o=exchangelabs/ou=exchange administrative group (fydibohf23spdlt)/cn=recipients/cn=cb5adfd7be5d42f39b6c2497336ba9d7-fernando gu;/o=exchangelabs/ou=exchange administrative group (fydibohf23spdlt)/cn=recipients/cn=d54ee4de981948cf993ae0c9e1a3aecc-andrea</t>
  </si>
  <si>
    <t>RES: REAJUSTE ESPM NFE 2154; 2155; 2156 e 2157 *** CANCELAMENTO DE NF ***</t>
  </si>
  <si>
    <t>Planilha de Calculo Reajuste ESPMv2.xlsx</t>
  </si>
  <si>
    <t>/o=exchangelabs/ou=exchange administrative group (fydibohf23spdlt)/cn=recipients/cn=027c2da1ea5a42378a892f895ed29947-andressa tu,/o=exchangelabs/ou=exchange administrative group (fydibohf23spdlt)/cn=recipients/cn=376dc21df9294b1e98e06de29a805db8-algar tech,/o=exchangelabs/ou=exchange administrative group (fydibohf23spdlt)/cn=recipients/cn=4e42be0c35fe437c89a815dbb8f1ffeb-faturamento,/o=exchangelabs/ou=exchange administrative group (fydibohf23spdlt)/cn=recipients/cn=5cdc4a7b917a447c993600ca829a0a39-elisangela,/o=exchangelabs/ou=exchange administrative group (fydibohf23spdlt)/cn=recipients/cn=704ce6c3da8c45c9a4fbd113173d101c-tatiane sil,/o=exchangelabs/ou=exchange administrative group (fydibohf23spdlt)/cn=recipients/cn=996127b02105404abba3fe718e388d35-cleonice de,/o=exchangelabs/ou=exchange administrative group (fydibohf23spdlt)/cn=recipients/cn=cb5adfd7be5d42f39b6c2497336ba9d7-fernando gu,/o=exchangelabs/ou=exchange administrative group (fydibohf23spdlt)/cn=recipients/cn=d54ee4de981948cf993ae0c9e1a3aecc-andrea</t>
  </si>
  <si>
    <t>/o=exchangelabs/ou=exchange administrative group (fydibohf23spdlt)/cn=recipients/cn=365a174aa87c4e7791042b5696995b1b-marcos rola;/o=exchangelabs/ou=exchange administrative group (fydibohf23spdlt)/cn=recipients/cn=5c622a418fd946f4953ddb5f89bb73ce-vanessa da;/o=exchangelabs/ou=exchange administrative group (fydibohf23spdlt)/cn=recipients/cn=5dc660c055e14f5ab5647ab38237cbdc-eduardo aug;/o=exchangelabs/ou=exchange administrative group (fydibohf23spdlt)/cn=recipients/cn=c08089b92f0643f18c949cb099a06593-tamara luis;/o=exchangelabs/ou=exchange administrative group (fydibohf23spdlt)/cn=recipients/cn=c32cee7d339f4e7fab5beda7be171cc0-priscila ca;/o=exchangelabs/ou=exchange administrative group (fydibohf23spdlt)/cn=recipients/cn=userc1fb6474;/o=exchangelabs/ou=exchange administrative group (fydibohf23spdlt)/cn=recipients/cn=usere11ed38c;</t>
  </si>
  <si>
    <t>Comparativo Nespresso RFP x Operação atual</t>
  </si>
  <si>
    <t>Comparativo RFP x Operação.xlsm</t>
  </si>
  <si>
    <t>/o=exchangelabs/ou=exchange administrative group (fydibohf23spdlt)/cn=recipients/cn=365a174aa87c4e7791042b5696995b1b-marcos rola,/o=exchangelabs/ou=exchange administrative group (fydibohf23spdlt)/cn=recipients/cn=5c622a418fd946f4953ddb5f89bb73ce-vanessa da,/o=exchangelabs/ou=exchange administrative group (fydibohf23spdlt)/cn=recipients/cn=5dc660c055e14f5ab5647ab38237cbdc-eduardo aug,/o=exchangelabs/ou=exchange administrative group (fydibohf23spdlt)/cn=recipients/cn=c08089b92f0643f18c949cb099a06593-tamara luis,/o=exchangelabs/ou=exchange administrative group (fydibohf23spdlt)/cn=recipients/cn=c32cee7d339f4e7fab5beda7be171cc0-priscila ca,/o=exchangelabs/ou=exchange administrative group (fydibohf23spdlt)/cn=recipients/cn=userc1fb6474,/o=exchangelabs/ou=exchange administrative group (fydibohf23spdlt)/cn=recipients/cn=usere11ed38c</t>
  </si>
  <si>
    <t>vrcunha75@gmail.com;</t>
  </si>
  <si>
    <t>RES: EBIT SETEMBRO</t>
  </si>
  <si>
    <t>cb.xls</t>
  </si>
  <si>
    <t>vrcunha75@gmail.com</t>
  </si>
  <si>
    <t>PLR - versão 07ou2019 (Para Redir)</t>
  </si>
  <si>
    <t>Resultado Consolidado EBIT_1ºsem2019_V14_REDIR.xlsx</t>
  </si>
  <si>
    <t>Setembro_ Formalização.xlsm</t>
  </si>
  <si>
    <t>Disparo_07.10.csv</t>
  </si>
  <si>
    <t>/o=exchangelabs/ou=exchange administrative group (fydibohf23spdlt)/cn=recipients/cn=8ffcdd39b62f4308b2f876f9624fa69a-wasley luiz;/o=exchangelabs/ou=exchange administrative group (fydibohf23spdlt)/cn=recipients/cn=b284454839e94314a90d49e7ec00864f-antonio car;/o=exchangelabs/ou=exchange administrative group (fydibohf23spdlt)/cn=recipients/cn=db59eaca92dc4389b5f6125984872aa3-elisangela;william.koyama@youse.com.br;</t>
  </si>
  <si>
    <t>Forecast - SAC</t>
  </si>
  <si>
    <t>Planejamento SAC IN-OUT.xlsx</t>
  </si>
  <si>
    <t>/o=exchangelabs/ou=exchange administrative group (fydibohf23spdlt)/cn=recipients/cn=8ffcdd39b62f4308b2f876f9624fa69a-wasley luiz,/o=exchangelabs/ou=exchange administrative group (fydibohf23spdlt)/cn=recipients/cn=b284454839e94314a90d49e7ec00864f-antonio car,/o=exchangelabs/ou=exchange administrative group (fydibohf23spdlt)/cn=recipients/cn=db59eaca92dc4389b5f6125984872aa3-elisangela,william.koyama@youse.com.br</t>
  </si>
  <si>
    <t>http://erp.algartech.com/TechOnline/</t>
  </si>
  <si>
    <t>Cópia de 2SETEMBRO_Acompanhamento VALE (003).xlsm</t>
  </si>
  <si>
    <t>e8a0a9878a394df6ad0e2880fdf49986.xls</t>
  </si>
  <si>
    <t>Orçamento em andamento</t>
  </si>
  <si>
    <t>C:\Users\rafaelaas\Desktop\Apresentação - Vendas Agosto 2019.pptx\</t>
  </si>
  <si>
    <t>/o=exchangelabs/ou=exchange administrative group (fydibohf23spdlt)/cn=recipients/cn=7d8ac9bc7bbc4c14a4465df244f19041-lauane cris;/o=exchangelabs/ou=exchange administrative group (fydibohf23spdlt)/cn=recipients/cn=822f65115a2046059fff20a916dd90e9-thais marti;/o=exchangelabs/ou=exchange administrative group (fydibohf23spdlt)/cn=recipients/cn=8b5b63d67af648d081a40c45cc800804-fabiana per;</t>
  </si>
  <si>
    <t>Indicador SLA Contratado - Setembro/2019</t>
  </si>
  <si>
    <t>09. SLA GRC Setembro.xlsx</t>
  </si>
  <si>
    <t>/o=exchangelabs/ou=exchange administrative group (fydibohf23spdlt)/cn=recipients/cn=7d8ac9bc7bbc4c14a4465df244f19041-lauane cris,/o=exchangelabs/ou=exchange administrative group (fydibohf23spdlt)/cn=recipients/cn=822f65115a2046059fff20a916dd90e9-thais marti,/o=exchangelabs/ou=exchange administrative group (fydibohf23spdlt)/cn=recipients/cn=8b5b63d67af648d081a40c45cc800804-fabiana per</t>
  </si>
  <si>
    <t>/o=exchangelabs/ou=exchange administrative group (fydibohf23spdlt)/cn=recipients/cn=wilson achilles alves pereira neto - 004255;</t>
  </si>
  <si>
    <t>Proposta Weg</t>
  </si>
  <si>
    <t>/o=exchangelabs/ou=exchange administrative group (fydibohf23spdlt)/cn=recipients/cn=wilson achilles alves pereira neto - 004255</t>
  </si>
  <si>
    <t>C:\Users\marcopaulolr\OneDrive - Grupo Algar\09 STAFF DIGITAL\</t>
  </si>
  <si>
    <t>Staff Digital Real Setembro.xlsx</t>
  </si>
  <si>
    <t>Produtividade RAF - Out-2019 - Parcial - 06-10-19.xlsm</t>
  </si>
  <si>
    <t>Base BW % Conversão - Out-2019 - Parcial - 06-10-2019.xlsm</t>
  </si>
  <si>
    <t>/o=exchangelabs/ou=exchange administrative group (fydibohf23spdlt)/cn=recipients/cn=5f7557f2c2ef4e9ab5856c821737a872-estterfany;</t>
  </si>
  <si>
    <t>planilha estoque</t>
  </si>
  <si>
    <t>Planilha de Apoio - Baixa de Estoque e Requisição Estoque.xlsx</t>
  </si>
  <si>
    <t>/o=exchangelabs/ou=exchange administrative group (fydibohf23spdlt)/cn=recipients/cn=5f7557f2c2ef4e9ab5856c821737a872-estterfany</t>
  </si>
  <si>
    <t>5 stars 07.10.csv</t>
  </si>
  <si>
    <t>C:\Users\acaciors\Desktop\Call Center sob demanda\Algar Telecom\Algar Telecom Ramal\</t>
  </si>
  <si>
    <t>Ramais Arturo - Patricia - Joeudes.xlsx</t>
  </si>
  <si>
    <t>/o=exchangelabs/ou=exchange administrative group (fydibohf23spdlt)/cn=recipients/cn=71d61cf74988455d8586a88b31233851-pablo mathe;/o=exchangelabs/ou=exchange administrative group (fydibohf23spdlt)/cn=recipients/cn=98317c61309146baaae737fd3a6c03f2-kamila da s;</t>
  </si>
  <si>
    <t>ENC: Ocorrências de Setembro</t>
  </si>
  <si>
    <t>OCORRÊNCIAS 01 A 3009_028_029_033 EMSS 0709.xlsm</t>
  </si>
  <si>
    <t>/o=exchangelabs/ou=exchange administrative group (fydibohf23spdlt)/cn=recipients/cn=71d61cf74988455d8586a88b31233851-pablo mathe,/o=exchangelabs/ou=exchange administrative group (fydibohf23spdlt)/cn=recipients/cn=98317c61309146baaae737fd3a6c03f2-kamila da s</t>
  </si>
  <si>
    <t>118416039]";13;[];elpmbmfnwsy5tdauqiodpdzbhrevb3dapu7wp3swivjrcyns5sscfzmlpxsktoxe-nyb_wdl87khjdvnsm9uwtrxdo-hzarjl-dru4-kvqbteit_iw4nyg3nkig-rveodgihomw5h5d5lw08sdcchlh3myz3wiaqkn_ykwg3citnyswqcnibtgjtw3ca-tpj2f7mnv5-tge8octorpnonznqaqj9xhyacuhynj75cnbhtqxeknwlwbusabpgbyk09te-zuoczyybls3zc_7grr0nxwpkt5jhxkztiabw4zmpdnvpvyzm4tb\";ixjxlrxssfvvnwddzc0uc9_mthoqgvk-0-xkos_blzauwlcqx50k8huql3dh1_fj7-gtoelpmbmfnwsy5tdauqiodpdzbhrevb3dapu7wp3swivjrcyns5sscfzmlpxsktoxe-nyb_wdl87khjdvnsm9uwtrxdo-hzarjl-dru4-kvqbteit_iw4nyg3nkig-rveodgihomw5h5d5lw08sdcchlh3myz3wiaqkn_ykwg3citnyswqcnibtgjtw3ca-tpj2f7mnv5-tge8octorpnonznqaqj9xhyacuhynj75cnbhtqxeknwlwbusabpgbyk09te-zuoczyy;nul;null;</t>
  </si>
  <si>
    <t>\\acsfs\DEPTOS\Governança da Estratégia\Governança\Interno\2019\REDIR\Outubro\REDIR temas administrativos 07-10 v2.pptx\</t>
  </si>
  <si>
    <t>118416039]",13,[],elpmbmfnwsy5tdauqiodpdzbhrevb3dapu7wp3swivjrcyns5sscfzmlpxsktoxe-nyb_wdl87khjdvnsm9uwtrxdo-hzarjl-dru4-kvqbteit_iw4nyg3nkig-rveodgihomw5h5d5lw08sdcchlh3myz3wiaqkn_ykwg3citnyswqcnibtgjtw3ca-tpj2f7mnv5-tge8octorpnonznqaqj9xhyacuhynj75cnbhtqxeknwlwbusabpgbyk09te-zuoczyybls3zc_7grr0nxwpkt5jhxkztiabw4zmpdnvpvyzm4tb\",ixjxlrxssfvvnwddzc0uc9_mthoqgvk-0-xkos_blzauwlcqx50k8huql3dh1_fj7-gtoelpmbmfnwsy5tdauqiodpdzbhrevb3dapu7wp3swivjrcyns5sscfzmlpxsktoxe-nyb_wdl87khjdvnsm9uwtrxdo-hzarjl-dru4-kvqbteit_iw4nyg3nkig-rveodgihomw5h5d5lw08sdcchlh3myz3wiaqkn_ykwg3citnyswqcnibtgjtw3ca-tpj2f7mnv5-tge8octorpnonznqaqj9xhyacuhynj75cnbhtqxeknwlwbusabpgbyk09te-zuoczyy,nul,null</t>
  </si>
  <si>
    <t>C:\Users\ricardoft\OneDrive - Grupo Algar\Documentos\Projetos\2019\Tracbel\</t>
  </si>
  <si>
    <t>/o=exchangelabs/ou=exchange administrative group (fydibohf23spdlt)/cn=recipients/cn=2af9cbc0e9af4d91b36813b0ff5f73e1-reynaldo pe;</t>
  </si>
  <si>
    <t>/o=exchangelabs/ou=exchange administrative group (fydibohf23spdlt)/cn=recipients/cn=2af9cbc0e9af4d91b36813b0ff5f73e1-reynaldo pe</t>
  </si>
  <si>
    <t>mail.google.com/_/upload?authuser=2&amp;dcp=asu-n&amp;upload_id=AEnB2UrdcevydOgl3XnxyRQoBJhNqVvO8jJ6IRvPwfABnMyEZxq8XcSBmyut_0gQGFI5FXA35M34Q4eE9thp006JYOc-dl_X7CXBfbKyqHzWPRDb5lqApw4&amp;upload_protocol=resumable</t>
  </si>
  <si>
    <t>Planilha CR.xls</t>
  </si>
  <si>
    <t>mail.google.com/_/upload?authuser=1&amp;dcp=asu-n&amp;upload_id=AEnB2UqV8TFXJ0v43Tf8sXq8YwCrUPmQvNp3IWpx_6Qm46HjCukfdB2Sa6DtHcMXdh1MtDksPf2TnmnPW6BdpO2LnwzATTmF_A&amp;upload_protocol=resumable</t>
  </si>
  <si>
    <t>CANCELADOS NA BASE AGENDAR.xlsx</t>
  </si>
  <si>
    <t>/o=exchangelabs/ou=exchange administrative group (fydibohf23spdlt)/cn=recipients/cn=0ae9da151ba7444f9601ef3ec5b6fbe1-danilo atai;/o=exchangelabs/ou=exchange administrative group (fydibohf23spdlt)/cn=recipients/cn=55643a6cbd93423e8f0c948d862c9e35-marcelo ale;</t>
  </si>
  <si>
    <t>BP Projeto Banco BMG</t>
  </si>
  <si>
    <t>/o=exchangelabs/ou=exchange administrative group (fydibohf23spdlt)/cn=recipients/cn=0ae9da151ba7444f9601ef3ec5b6fbe1-danilo atai,/o=exchangelabs/ou=exchange administrative group (fydibohf23spdlt)/cn=recipients/cn=55643a6cbd93423e8f0c948d862c9e35-marcelo ale</t>
  </si>
  <si>
    <t>\\acsfs\ACS\Suporte à Operações\14 - Extra baseline\2019\</t>
  </si>
  <si>
    <t>Resumo extra 2019.xlsx</t>
  </si>
  <si>
    <t>mail.google.com/_/upload?authuser=0&amp;dcp=asu-n&amp;upload_id=AEnB2UoD2_isvXfifZjrVp8F8o2V3uDLE3tjkB7nv7MA_F1D9l-A1-RD1LQDKFcIxm9QJCrCfcr419fKh2Q8SVK2E3SP-vkdPQ&amp;upload_protocol=resumable</t>
  </si>
  <si>
    <t>Rescisão Não provisionado.xlsx</t>
  </si>
  <si>
    <t>ENC: Painel BO Contas Novas AEB - Setembro/19.</t>
  </si>
  <si>
    <t>BO Contas Novas AEB - Setembro 2019.zip\</t>
  </si>
  <si>
    <t>BO Contas Novas AEB - Setembro 2019.xlsx</t>
  </si>
  <si>
    <t>10.207.12.60</t>
  </si>
  <si>
    <t>C:\Users\marcelorf\OneDrive - Grupo Algar\DMV\</t>
  </si>
  <si>
    <t>Cópia de Estudo Key People_Modelo_GESTOR.xlsx</t>
  </si>
  <si>
    <t>ENC: Estudo Key People_Raul e Dionizio</t>
  </si>
  <si>
    <t>\\acsfs\ACS\Suporte à Operações\14 - Extra baseline\Outros\</t>
  </si>
  <si>
    <t>Extra base line Dezembro.xlsx</t>
  </si>
  <si>
    <t>C:\Users\filemoncmj\OneDrive - Grupo Algar\01. Algar Tech\01. Projetos de Clientes\47. Prudential\07. Aquisições\01. Planilha de Classificação\RES Prudential - Classificação de Itens.msg\s1\</t>
  </si>
  <si>
    <t>Classificacao_de_Itens_GIAT.xlsx</t>
  </si>
  <si>
    <t>Classificacao_de_Itens_ISD.xlsx</t>
  </si>
  <si>
    <t>10.200.200.76</t>
  </si>
  <si>
    <t>/o=exchangelabs/ou=exchange administrative group (fydibohf23spdlt)/cn=recipients/cn=2072905e221e44cd93713caf57a4301f-roberta igi;/o=exchangelabs/ou=exchange administrative group (fydibohf23spdlt)/cn=recipients/cn=d6cce5a70d504cc2ad89cee834cd59a9-luciana rib;</t>
  </si>
  <si>
    <t>Controle de Associados 05-09.xlsx</t>
  </si>
  <si>
    <t>/o=exchangelabs/ou=exchange administrative group (fydibohf23spdlt)/cn=recipients/cn=2072905e221e44cd93713caf57a4301f-roberta igi,/o=exchangelabs/ou=exchange administrative group (fydibohf23spdlt)/cn=recipients/cn=d6cce5a70d504cc2ad89cee834cd59a9-luciana rib</t>
  </si>
  <si>
    <t>ENC: Indicador SLA Contratado - Setembro/2019</t>
  </si>
  <si>
    <t>C:\Users\douglasxm\OneDrive\Documentos - Algar Tech\</t>
  </si>
  <si>
    <t>Template_folha_retificadora_CLAYTON.xlsx</t>
  </si>
  <si>
    <t>Historico_GH.xlsx</t>
  </si>
  <si>
    <t>mail.google.com/_/upload?authuser=1&amp;dcp=asu-n&amp;upload_id=AEnB2UpwgIPnMtM0vGQyWI6fnTKZYNektF7Gc5fxhrbN-RIyr8UNGOR08X8aU5ZzNhSDt_3ooGV1eqDVFhL-VBkpMhPdkVMzaA&amp;upload_protocol=resumable</t>
  </si>
  <si>
    <t>C:\Users\marcotvo\Desktop\</t>
  </si>
  <si>
    <t>AUTOMAÇÃO QUALIDADE FINANCEIRO 0710.xlsx</t>
  </si>
  <si>
    <t>/o=exchangelabs/ou=exchange administrative group (fydibohf23spdlt)/cn=recipients/cn=78e8c35ad19040c9aaf5ff65743e172b-adenilson b;/o=exchangelabs/ou=exchange administrative group (fydibohf23spdlt)/cn=recipients/cn=a67b870d47244fa19f0fe0fbb7458d8d-igo henriqu;</t>
  </si>
  <si>
    <t>Modelo Account Plan</t>
  </si>
  <si>
    <t>Modelo Account Plan.pptx\</t>
  </si>
  <si>
    <t>/o=exchangelabs/ou=exchange administrative group (fydibohf23spdlt)/cn=recipients/cn=78e8c35ad19040c9aaf5ff65743e172b-adenilson b,/o=exchangelabs/ou=exchange administrative group (fydibohf23spdlt)/cn=recipients/cn=a67b870d47244fa19f0fe0fbb7458d8d-igo henriqu</t>
  </si>
  <si>
    <t>HEs Orçadas e Não Orçadas</t>
  </si>
  <si>
    <t>Sem título.msg\s1\</t>
  </si>
  <si>
    <t>PTH_2019_revisão Oficial GAT.xlsx</t>
  </si>
  <si>
    <t>Férias - Orçadas e Não Orçadas</t>
  </si>
  <si>
    <t>/o=exchangelabs/ou=exchange administrative group (fydibohf23spdlt)/cn=recipients/cn=1635ed1077024674b65c52767dacde9a-jullian pac;/o=exchangelabs/ou=exchange administrative group (fydibohf23spdlt)/cn=recipients/cn=bcc9538754d3496ea31a487e560f8214-silvio mart;</t>
  </si>
  <si>
    <t>/o=exchangelabs/ou=exchange administrative group (fydibohf23spdlt)/cn=recipients/cn=1635ed1077024674b65c52767dacde9a-jullian pac,/o=exchangelabs/ou=exchange administrative group (fydibohf23spdlt)/cn=recipients/cn=bcc9538754d3496ea31a487e560f8214-silvio mart</t>
  </si>
  <si>
    <t>/o=exchangelabs/ou=exchange administrative group (fydibohf23spdlt)/cn=recipients/cn=33d249108a194f94ad1c0c445c411f81-sabrina vie;/o=exchangelabs/ou=exchange administrative group (fydibohf23spdlt)/cn=recipients/cn=6bc6ced03b1b4fafa41bb5c70c178940-antonio per;/o=exchangelabs/ou=exchange administrative group (fydibohf23spdlt)/cn=recipients/cn=c32cee7d339f4e7fab5beda7be171cc0-priscila ca;/o=exchangelabs/ou=exchange administrative group (fydibohf23spdlt)/cn=recipients/cn=e3778f57d65f4c17a6287602f9eb0cdc-alessandra;</t>
  </si>
  <si>
    <t>RES: EM TEMPO: Negociação ASPECT para o projeto Electrolux</t>
  </si>
  <si>
    <t>Preco Final V2.xlsb</t>
  </si>
  <si>
    <t>/o=exchangelabs/ou=exchange administrative group (fydibohf23spdlt)/cn=recipients/cn=33d249108a194f94ad1c0c445c411f81-sabrina vie,/o=exchangelabs/ou=exchange administrative group (fydibohf23spdlt)/cn=recipients/cn=6bc6ced03b1b4fafa41bb5c70c178940-antonio per,/o=exchangelabs/ou=exchange administrative group (fydibohf23spdlt)/cn=recipients/cn=c32cee7d339f4e7fab5beda7be171cc0-priscila ca,/o=exchangelabs/ou=exchange administrative group (fydibohf23spdlt)/cn=recipients/cn=e3778f57d65f4c17a6287602f9eb0cdc-alessandra</t>
  </si>
  <si>
    <t>jhenniferaes@algartech.com.br;</t>
  </si>
  <si>
    <t>ENC: Produtividade CRCe até 06/10</t>
  </si>
  <si>
    <t>Produtividade CRC Amex e CRC VMC - Outubro.xlsb</t>
  </si>
  <si>
    <t>jhenniferaes@algartech.com.br</t>
  </si>
  <si>
    <t>Carteira Consultores 2019_2020.xlsx</t>
  </si>
  <si>
    <t>ENC: Organograma e Responsabilidades Estrutura Comercial ( novos Hunters)</t>
  </si>
  <si>
    <t>C:\Users\victorsm\OneDrive - Grupo Algar\04 - Trabalhos - Algar\08 - Quartil Operações\</t>
  </si>
  <si>
    <t>Base Departamental - GRC.xlsx</t>
  </si>
  <si>
    <t>Qualidade - Nota.xlsx</t>
  </si>
  <si>
    <t>/o=exchangelabs/ou=exchange administrative group (fydibohf23spdlt)/cn=recipients/cn=b144f37bc5a4455085d413d0b7993628-daniela de;/o=exchangelabs/ou=exchange administrative group (fydibohf23spdlt)/cn=recipients/cn=b5c0603bea2f4c9aa87e620fde1cc281-copiadora;</t>
  </si>
  <si>
    <t>RES: Orçamento</t>
  </si>
  <si>
    <t>/o=exchangelabs/ou=exchange administrative group (fydibohf23spdlt)/cn=recipients/cn=b144f37bc5a4455085d413d0b7993628-daniela de,/o=exchangelabs/ou=exchange administrative group (fydibohf23spdlt)/cn=recipients/cn=b5c0603bea2f4c9aa87e620fde1cc281-copiadora</t>
  </si>
  <si>
    <t>/o=exchangelabs/ou=exchange administrative group (fydibohf23spdlt)/cn=recipients/cn=2072905e221e44cd93713caf57a4301f-roberta igi;/o=exchangelabs/ou=exchange administrative group (fydibohf23spdlt)/cn=recipients/cn=c52a157e02d64dd1a81927cd619e2686-keila prisc;/o=exchangelabs/ou=exchange administrative group (fydibohf23spdlt)/cn=recipients/cn=f0ff087361a245daa16e71ac77ecc3f0-ivan costa;</t>
  </si>
  <si>
    <t>ENC: SFV - Ações - Importante</t>
  </si>
  <si>
    <t>Roteiro Atendimento SFV.xlsx</t>
  </si>
  <si>
    <t>/o=exchangelabs/ou=exchange administrative group (fydibohf23spdlt)/cn=recipients/cn=2072905e221e44cd93713caf57a4301f-roberta igi,/o=exchangelabs/ou=exchange administrative group (fydibohf23spdlt)/cn=recipients/cn=c52a157e02d64dd1a81927cd619e2686-keila prisc,/o=exchangelabs/ou=exchange administrative group (fydibohf23spdlt)/cn=recipients/cn=f0ff087361a245daa16e71ac77ecc3f0-ivan costa</t>
  </si>
  <si>
    <t>/o=exchangelabs/ou=exchange administrative group (fydibohf23spdlt)/cn=recipients/cn=1ef1d5b65a414ccea16527d004fcca4f-renan tavar;/o=exchangelabs/ou=exchange administrative group (fydibohf23spdlt)/cn=recipients/cn=822f65115a2046059fff20a916dd90e9-thais marti;</t>
  </si>
  <si>
    <t>RES: Disponibilização de Horários Reservas de Salas</t>
  </si>
  <si>
    <t>/o=exchangelabs/ou=exchange administrative group (fydibohf23spdlt)/cn=recipients/cn=1ef1d5b65a414ccea16527d004fcca4f-renan tavar,/o=exchangelabs/ou=exchange administrative group (fydibohf23spdlt)/cn=recipients/cn=822f65115a2046059fff20a916dd90e9-thais marti</t>
  </si>
  <si>
    <t>Relatório - Backoffice Whirlpool 07_10.xlsm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b144f37bc5a4455085d413d0b7993628-daniela de;/o=exchangelabs/ou=exchange administrative group (fydibohf23spdlt)/cn=recipients/cn=e46cd96e8e9e452c8cc8ba65a6c4ec57-gustavo hen;</t>
  </si>
  <si>
    <t>RES: ORÇAMENTO 2020 - DESPESAS GERAIS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b144f37bc5a4455085d413d0b7993628-daniela de,/o=exchangelabs/ou=exchange administrative group (fydibohf23spdlt)/cn=recipients/cn=e46cd96e8e9e452c8cc8ba65a6c4ec57-gustavo hen</t>
  </si>
  <si>
    <t>/o=exchangelabs/ou=exchange administrative group (fydibohf23spdlt)/cn=recipients/cn=1c3bae1d5aab4c72b84516e819cd16c9-wilton paim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a78f7dae304e472e9f75bd537683f6e5-hugo de oli;/o=exchangelabs/ou=exchange administrative group (fydibohf23spdlt)/cn=recipients/cn=b712c36eebee42428d3790abe2696417-romario gom;/o=exchangelabs/ou=exchange administrative group (fydibohf23spdlt)/cn=recipients/cn=c54bebbd63a1403e83787e59fcd1acdc-joao sergio;diogo@quilleconsultoria.com.br;</t>
  </si>
  <si>
    <t>Interaction_Volume_Business_Result_Report 0109 a 0610.xlsx</t>
  </si>
  <si>
    <t>/o=exchangelabs/ou=exchange administrative group (fydibohf23spdlt)/cn=recipients/cn=1c3bae1d5aab4c72b84516e819cd16c9-wilton paim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a78f7dae304e472e9f75bd537683f6e5-hugo de oli,/o=exchangelabs/ou=exchange administrative group (fydibohf23spdlt)/cn=recipients/cn=b712c36eebee42428d3790abe2696417-romario gom,/o=exchangelabs/ou=exchange administrative group (fydibohf23spdlt)/cn=recipients/cn=c54bebbd63a1403e83787e59fcd1acdc-joao sergio,diogo@quilleconsultoria.com.br</t>
  </si>
  <si>
    <t>/o=exchangelabs/ou=exchange administrative group (fydibohf23spdlt)/cn=recipients/cn=08495392e8ff447fa6268b697ae28485-flavia ferr;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3231d815809d4256b0da40dff50c3bbc-thiago sora;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5f818969ff3f4716af75e27647ee664b-kaio henriq;/o=exchangelabs/ou=exchange administrative group (fydibohf23spdlt)/cn=recipients/cn=7903c13fa0504ff0bc7dd2644020b0e8-mirn</t>
  </si>
  <si>
    <t>Farol Churn - Parcial - Out/2019 - 06/10/19</t>
  </si>
  <si>
    <t>/o=exchangelabs/ou=exchange administrative group (fydibohf23spdlt)/cn=recipients/cn=08495392e8ff447fa6268b697ae28485-flavia ferr,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3231d815809d4256b0da40dff50c3bbc-thiago sora,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5f818969ff3f4716af75e27647ee664b-kaio henriq,/o=exchangelabs/ou=exchange administrative group (fydibohf23spdlt)/cn=recipients/cn=7903c13fa0504ff0bc7dd2644020b0e8-mirn</t>
  </si>
  <si>
    <t>RES: Transformação: resultados projetos set/2019</t>
  </si>
  <si>
    <t>https://caey.fa.us2.oraclecloud.com/crmui/faces/fusewelcome?_adf.ctrl-state=pwtptmger_173</t>
  </si>
  <si>
    <t>/o=exchangelabs/ou=exchange administrative group (fydibohf23spdlt)/cn=recipients/cn=fd90fae387f145908887589a75c16eb5-karen dara;</t>
  </si>
  <si>
    <t>RES: Forecast Real do mês 09/2019</t>
  </si>
  <si>
    <t>FORECAST 09-2019 GRC - RETORNO KAREN.xlsx</t>
  </si>
  <si>
    <t>/o=exchangelabs/ou=exchange administrative group (fydibohf23spdlt)/cn=recipients/cn=fd90fae387f145908887589a75c16eb5-karen dara</t>
  </si>
  <si>
    <t>/o=exchangelabs/ou=exchange administrative group (fydibohf23spdlt)/cn=recipients/cn=0b6a994899de4cd3af0f6d1091e97ebf-arones abre;/o=exchangelabs/ou=exchange administrative group (fydibohf23spdlt)/cn=recipients/cn=1e2e97da71ef410ba6f7bc3d1bfa9175-antonio car;/o=exchangelabs/ou=exchange administrative group (fydibohf23spdlt)/cn=recipients/cn=a387251d6d8c4b729d17257b1403e985-rodrigo agn;/o=exchangelabs/ou=exchange administrative group (fydibohf23spdlt)/cn=recipients/cn=c29ec9dae022497281c840087cccddec-patricia ar;/o=exchangelabs/ou=exchange administrative group (fydibohf23spdlt)/cn=recipients/cn=ddbbc013641646d08f8ffec122e83ef5-sandy yumi;/o=exchangelabs/ou=exchange administrative group (fydibohf23spdlt)/cn=recipients/cn=f87f494a8d1d405d8a7b42a51dd5ab84-iris eugeni;</t>
  </si>
  <si>
    <t>RES: Solicitação de cotação lançada - UNIVERSIDADE ESTACIO</t>
  </si>
  <si>
    <t>Dúvidas AlgarTech - Outubro 2019.xlsx</t>
  </si>
  <si>
    <t>/o=exchangelabs/ou=exchange administrative group (fydibohf23spdlt)/cn=recipients/cn=0b6a994899de4cd3af0f6d1091e97ebf-arones abre,/o=exchangelabs/ou=exchange administrative group (fydibohf23spdlt)/cn=recipients/cn=1e2e97da71ef410ba6f7bc3d1bfa9175-antonio car,/o=exchangelabs/ou=exchange administrative group (fydibohf23spdlt)/cn=recipients/cn=a387251d6d8c4b729d17257b1403e985-rodrigo agn,/o=exchangelabs/ou=exchange administrative group (fydibohf23spdlt)/cn=recipients/cn=c29ec9dae022497281c840087cccddec-patricia ar,/o=exchangelabs/ou=exchange administrative group (fydibohf23spdlt)/cn=recipients/cn=ddbbc013641646d08f8ffec122e83ef5-sandy yumi,/o=exchangelabs/ou=exchange administrative group (fydibohf23spdlt)/cn=recipients/cn=f87f494a8d1d405d8a7b42a51dd5ab84-iris eugeni</t>
  </si>
  <si>
    <t>\\acsfs\dsti\gat\cit - coordenacao inteligencia de ti\relatorios fpw\controle\parcerias\</t>
  </si>
  <si>
    <t>acc - vf.xlsx</t>
  </si>
  <si>
    <t>/o=exchangelabs/ou=exchange administrative group (fydibohf23spdlt)/cn=recipients/cn=8f6e1392c4f24f4faa8b69e41e9921dd-francisco m;</t>
  </si>
  <si>
    <t>ENC: LDM descarte de baterias - 2º Semestre de 2019 - MT</t>
  </si>
  <si>
    <t>BASE_LDM_BATERIAS_DESCARTE_MT_2019 - 06092019.xlsx</t>
  </si>
  <si>
    <t>/o=exchangelabs/ou=exchange administrative group (fydibohf23spdlt)/cn=recipients/cn=8f6e1392c4f24f4faa8b69e41e9921dd-francisco m</t>
  </si>
  <si>
    <t>ENC: LAUDO BATERIAS</t>
  </si>
  <si>
    <t>BASE_LDM_BATERIAS_DESCARTE_TO_2019 - 29082019.xlsx</t>
  </si>
  <si>
    <t>/o=exchangelabs/ou=exchange administrative group (fydibohf23spdlt)/cn=recipients/cn=570802ee0d7e42cba7189b1affb39b89-rafael liza;/o=exchangelabs/ou=exchange administrative group (fydibohf23spdlt)/cn=recipients/cn=user3949317b;</t>
  </si>
  <si>
    <t>Premissas e racional de cálculo Produto GIAT Algar Tech</t>
  </si>
  <si>
    <t>Premissas_Produto_PPE_GIAT_v3.xlsx</t>
  </si>
  <si>
    <t>/o=exchangelabs/ou=exchange administrative group (fydibohf23spdlt)/cn=recipients/cn=570802ee0d7e42cba7189b1affb39b89-rafael liza,/o=exchangelabs/ou=exchange administrative group (fydibohf23spdlt)/cn=recipients/cn=user3949317b</t>
  </si>
  <si>
    <t>/o=exchangelabs/ou=exchange administrative group (fydibohf23spdlt)/cn=recipients/cn=1e212ef08dab4f26b88cba944f2ab7cb-pmo.governa;/o=exchangelabs/ou=exchange administrative group (fydibohf23spdlt)/cn=recipients/cn=443a648e2bd247c69659ca2ac6a18582-adriele fer;/o=exchangelabs/ou=exchange administrative group (fydibohf23spdlt)/cn=recipients/cn=4ada91d5dca14c9b91ce4ae2425863c4-raphael afo;/o=exchangelabs/ou=exchange administrative group (fydibohf23spdlt)/cn=recipients/cn=56f1ed18d0b4438e8484a989403b0f53-ana paula c;/o=exchangelabs/ou=exchange administrative group (fydibohf23spdlt)/cn=recipients/cn=65d35bc38c6743d7a55b3ae9726a5893-diego ribei;/o=exchangelabs/ou=exchange administrative group (fydibohf23spdlt)/cn=recipients/cn=b3ad8a638fcc4c57bf8c7953dd4b3cb8-augusto ces;/o=exchangelabs/ou=exchange administrative group (fydibohf23spdlt)/cn=recipients/cn=f0723cfec25d44359e10a3afabfe3d5f-ederlei rod;</t>
  </si>
  <si>
    <t>Escala Home Office</t>
  </si>
  <si>
    <t>Home Office PMO - Outubro.xlsx</t>
  </si>
  <si>
    <t>/o=exchangelabs/ou=exchange administrative group (fydibohf23spdlt)/cn=recipients/cn=1e212ef08dab4f26b88cba944f2ab7cb-pmo.governa,/o=exchangelabs/ou=exchange administrative group (fydibohf23spdlt)/cn=recipients/cn=443a648e2bd247c69659ca2ac6a18582-adriele fer,/o=exchangelabs/ou=exchange administrative group (fydibohf23spdlt)/cn=recipients/cn=4ada91d5dca14c9b91ce4ae2425863c4-raphael afo,/o=exchangelabs/ou=exchange administrative group (fydibohf23spdlt)/cn=recipients/cn=56f1ed18d0b4438e8484a989403b0f53-ana paula c,/o=exchangelabs/ou=exchange administrative group (fydibohf23spdlt)/cn=recipients/cn=65d35bc38c6743d7a55b3ae9726a5893-diego ribei,/o=exchangelabs/ou=exchange administrative group (fydibohf23spdlt)/cn=recipients/cn=b3ad8a638fcc4c57bf8c7953dd4b3cb8-augusto ces,/o=exchangelabs/ou=exchange administrative group (fydibohf23spdlt)/cn=recipients/cn=f0723cfec25d44359e10a3afabfe3d5f-ederlei rod</t>
  </si>
  <si>
    <t>/o=exchangelabs/ou=exchange administrative group (fydibohf23spdlt)/cn=recipients/cn=56dc126fba5b4a5f8fb1cd7e4f10477d-thais olive;</t>
  </si>
  <si>
    <t>Relatórios Manifestações</t>
  </si>
  <si>
    <t>Lenvamento Indicadores Regulamentado.xlsx</t>
  </si>
  <si>
    <t>/o=exchangelabs/ou=exchange administrative group (fydibohf23spdlt)/cn=recipients/cn=56dc126fba5b4a5f8fb1cd7e4f10477d-thais olive</t>
  </si>
  <si>
    <t>ENC: Chamado: 3324183;</t>
  </si>
  <si>
    <t>ACC - VF.xlsx</t>
  </si>
  <si>
    <t>RES: RES: RES: Resumo Cenários - Rampa Escopo B</t>
  </si>
  <si>
    <t>/o=exchangelabs/ou=exchange administrative group (fydibohf23spdlt)/cn=recipients/cn=03b4604449d14f37b9ab39dcd5f90edd-algar tech;/o=exchangelabs/ou=exchange administrative group (fydibohf23spdlt)/cn=recipients/cn=08eb5fa051c848a6a179972669456920-algar tech;/o=exchangelabs/ou=exchange administrative group (fydibohf23spdlt)/cn=recipients/cn=b79663656cc44aa3bf06617d1695ae51-carlos faci;/o=nt5/ou=00000000000000000000000000000000/cn=5ca83c4cd9f6e04c9f268b351a0a1535;</t>
  </si>
  <si>
    <t>ENC: Divisão da Carteira - Jurídico</t>
  </si>
  <si>
    <t>Nova Divisão de Carteiras.xlsx</t>
  </si>
  <si>
    <t>/o=exchangelabs/ou=exchange administrative group (fydibohf23spdlt)/cn=recipients/cn=03b4604449d14f37b9ab39dcd5f90edd-algar tech,/o=exchangelabs/ou=exchange administrative group (fydibohf23spdlt)/cn=recipients/cn=08eb5fa051c848a6a179972669456920-algar tech,/o=exchangelabs/ou=exchange administrative group (fydibohf23spdlt)/cn=recipients/cn=b79663656cc44aa3bf06617d1695ae51-carlos faci,/o=nt5/ou=00000000000000000000000000000000/cn=5ca83c4cd9f6e04c9f268b351a0a1535</t>
  </si>
  <si>
    <t>mail.google.com/_/upload?authuser=0&amp;dcp=asu-n&amp;upload_id=AEnB2UqvRq3NKiBS3DvX5bPHYhM9xnxB6AiDXARoKa47yN9NQLqQhmyLI44fLHTH0vrZKr5Jfppy-nI5ndva1nXqIZIMVrrizQNjQJYyBDqXTqmjbv7590w&amp;upload_protocol=resumable</t>
  </si>
  <si>
    <t>mail.google.com/_/upload?authuser=0&amp;dcp=asu-n&amp;upload_id=AEnB2UonZPyfJGR1vV2YHc-r9pZD1AFlEhjWzypaha6qvE8mnkAGmTGz8JVIWR5GRxnd7iKaXiuzoTXRGXTlLAUtiN035vJQjePDa6w_aLHSGcs5dRG-o_g&amp;upload_protocol=resumable</t>
  </si>
  <si>
    <t>C:\Users\filemoncmj\OneDrive - Grupo Algar\01. Algar Tech\01. Projetos de Clientes\47. Prudential\07. Aquisições\01. Planilha de Classificação\Prudential - Classificação de Itens.eml\</t>
  </si>
  <si>
    <t>/o=exchangelabs/ou=exchange administrative group (fydibohf23spdlt)/cn=recipients/cn=4a863c1fc8ab42089d3c33c848208915-camilla alv;/o=exchangelabs/ou=exchange administrative group (fydibohf23spdlt)/cn=recipients/cn=54861e79125f48cc952d00cf8160b9a8-jeferson fe;/o=exchangelabs/ou=exchange administrative group (fydibohf23spdlt)/cn=recipients/cn=a72a765de829420582b78941417073ac-karina rodr;/o=exchangelabs/ou=exchange administrative group (fydibohf23spdlt)/cn=recipients/cn=ba307e7ec0fc4bdbb07006aa828c05f7-carina ferr;</t>
  </si>
  <si>
    <t>RES: Incentivo Avon</t>
  </si>
  <si>
    <t>Incentivo Ação Avon.xlsx</t>
  </si>
  <si>
    <t>/o=exchangelabs/ou=exchange administrative group (fydibohf23spdlt)/cn=recipients/cn=4a863c1fc8ab42089d3c33c848208915-camilla alv,/o=exchangelabs/ou=exchange administrative group (fydibohf23spdlt)/cn=recipients/cn=54861e79125f48cc952d00cf8160b9a8-jeferson fe,/o=exchangelabs/ou=exchange administrative group (fydibohf23spdlt)/cn=recipients/cn=a72a765de829420582b78941417073ac-karina rodr,/o=exchangelabs/ou=exchange administrative group (fydibohf23spdlt)/cn=recipients/cn=ba307e7ec0fc4bdbb07006aa828c05f7-carina ferr</t>
  </si>
  <si>
    <t>/o=exchangelabs/ou=exchange administrative group (fydibohf23spdlt)/cn=recipients/cn=1c3bae1d5aab4c72b84516e819cd16c9-wilton paim;/o=exchangelabs/ou=exchange administrative group (fydibohf23spdlt)/cn=recipients/cn=e602fe975e9346f78626c2947e4d3cb0-mayoral_cod;</t>
  </si>
  <si>
    <t>Informações NPS - Levantamento Requisitos</t>
  </si>
  <si>
    <t>22 - NPS DETRATORES.rar\</t>
  </si>
  <si>
    <t>Brastemp-2019-10-07-opinions_report-t9mLq.csv</t>
  </si>
  <si>
    <t>/o=exchangelabs/ou=exchange administrative group (fydibohf23spdlt)/cn=recipients/cn=1c3bae1d5aab4c72b84516e819cd16c9-wilton paim,/o=exchangelabs/ou=exchange administrative group (fydibohf23spdlt)/cn=recipients/cn=e602fe975e9346f78626c2947e4d3cb0-mayoral_cod</t>
  </si>
  <si>
    <t>/o=exchangelabs/ou=exchange administrative group (fydibohf23spdlt)/cn=recipients/cn=0ca6cc8d100949a7866a928f62ef5778-rosilene de;/o=exchangelabs/ou=exchange administrative group (fydibohf23spdlt)/cn=recipients/cn=3a10c1d788234688b257ab253389ec06-mateus mala;/o=exchangelabs/ou=exchange administrative group (fydibohf23spdlt)/cn=recipients/cn=5dc660c055e14f5ab5647ab38237cbdc-eduardo aug;/o=exchangelabs/ou=exchange administrative group (fydibohf23spdlt)/cn=recipients/cn=7903c13fa0504ff0bc7dd2644020b0e8-mirna prado;/o=exchangelabs/ou=exchange administrative group (fydibohf23spdlt)/cn=recipients/cn=98e18f75c1d448d18c2b385d101db11f-luiz alfred;/o=exchangelabs/ou=exchange administrative group (fydibohf23spdlt)/cn=recipients/cn=a72a765de829420582b78941417073ac-karina rodr;/o=exchangelabs/ou=exchange administrative group (fydibohf23spdlt)/cn=recipients/cn=c22b2d8de1594760baec681322c0933f-fernanda ma;/o=exchangelabs/ou=exchange administrative group (fydibohf23spdlt)/cn=recipients/cn=c29ec9dae022497281c840087cccddec-patr</t>
  </si>
  <si>
    <t>Premissas Revisão Dimensionamento WHP</t>
  </si>
  <si>
    <t>Premissas RFP_Outubro_19_EH v3.xlsx</t>
  </si>
  <si>
    <t>/o=exchangelabs/ou=exchange administrative group (fydibohf23spdlt)/cn=recipients/cn=0ca6cc8d100949a7866a928f62ef5778-rosilene de,/o=exchangelabs/ou=exchange administrative group (fydibohf23spdlt)/cn=recipients/cn=3a10c1d788234688b257ab253389ec06-mateus mala,/o=exchangelabs/ou=exchange administrative group (fydibohf23spdlt)/cn=recipients/cn=5dc660c055e14f5ab5647ab38237cbdc-eduardo aug,/o=exchangelabs/ou=exchange administrative group (fydibohf23spdlt)/cn=recipients/cn=7903c13fa0504ff0bc7dd2644020b0e8-mirna prado,/o=exchangelabs/ou=exchange administrative group (fydibohf23spdlt)/cn=recipients/cn=98e18f75c1d448d18c2b385d101db11f-luiz alfred,/o=exchangelabs/ou=exchange administrative group (fydibohf23spdlt)/cn=recipients/cn=a72a765de829420582b78941417073ac-karina rodr,/o=exchangelabs/ou=exchange administrative group (fydibohf23spdlt)/cn=recipients/cn=c22b2d8de1594760baec681322c0933f-fernanda ma,/o=exchangelabs/ou=exchange administrative group (fydibohf23spdlt)/cn=recipients/cn=c29ec9dae022497281c840087cccddec-patr</t>
  </si>
  <si>
    <t>10.207.12.68</t>
  </si>
  <si>
    <t>NPS_071019.xls</t>
  </si>
  <si>
    <t>/o=exchangelabs/ou=exchange administrative group (fydibohf23spdlt)/cn=recipients/cn=2af9cbc0e9af4d91b36813b0ff5f73e1-reynaldo pe;/o=exchangelabs/ou=exchange administrative group (fydibohf23spdlt)/cn=recipients/cn=372a4aee70df4061aed129651510b96b-raul montei;/o=exchangelabs/ou=exchange administrative group (fydibohf23spdlt)/cn=recipients/cn=55f846c335d7437f892f0b0d49c89e92-celma ribei;/o=exchangelabs/ou=exchange administrative group (fydibohf23spdlt)/cn=recipients/cn=56c2af2d07fd48c0aebfc00ddc006494-alessio rod;/o=exchangelabs/ou=exchange administrative group (fydibohf23spdlt)/cn=recipients/cn=6bc6ced03b1b4fafa41bb5c70c178940-antonio per;/o=exchangelabs/ou=exchange administrative group (fydibohf23spdlt)/cn=recipients/cn=8c89829ad534498fa4c85b5ac11174f1-suelen more;/o=exchangelabs/ou=exchange administrative group (fydibohf23spdlt)/cn=recipients/cn=a67b870d47244fa19f0fe0fbb7458d8d-igo henriqu;/o=exchangelabs/ou=exchange administrative group (fydibohf23spdlt)/cn=recipients/cn=a7d54e15e3a94d53b0b5014d75c8d080-wane</t>
  </si>
  <si>
    <t>ENC: [PRECIFICAÇÃO] Validação fluxos - Vendas</t>
  </si>
  <si>
    <t>Matriz de Responsabilidades (RACI) Projeto Precificação.xlsx</t>
  </si>
  <si>
    <t>/o=exchangelabs/ou=exchange administrative group (fydibohf23spdlt)/cn=recipients/cn=2af9cbc0e9af4d91b36813b0ff5f73e1-reynaldo pe,/o=exchangelabs/ou=exchange administrative group (fydibohf23spdlt)/cn=recipients/cn=372a4aee70df4061aed129651510b96b-raul montei,/o=exchangelabs/ou=exchange administrative group (fydibohf23spdlt)/cn=recipients/cn=55f846c335d7437f892f0b0d49c89e92-celma ribei,/o=exchangelabs/ou=exchange administrative group (fydibohf23spdlt)/cn=recipients/cn=56c2af2d07fd48c0aebfc00ddc006494-alessio rod,/o=exchangelabs/ou=exchange administrative group (fydibohf23spdlt)/cn=recipients/cn=6bc6ced03b1b4fafa41bb5c70c178940-antonio per,/o=exchangelabs/ou=exchange administrative group (fydibohf23spdlt)/cn=recipients/cn=8c89829ad534498fa4c85b5ac11174f1-suelen more,/o=exchangelabs/ou=exchange administrative group (fydibohf23spdlt)/cn=recipients/cn=a67b870d47244fa19f0fe0fbb7458d8d-igo henriqu,/o=exchangelabs/ou=exchange administrative group (fydibohf23spdlt)/cn=recipients/cn=a7d54e15e3a94d53b0b5014d75c8d080-wane</t>
  </si>
  <si>
    <t>MGR-RCP-PABX v5.xlsx</t>
  </si>
  <si>
    <t>mail.google.com/_/upload?authuser=1&amp;dcp=asu-n&amp;upload_id=AEnB2UrvrLNOK0QTpFRoYbg4TGvKmGIBguTTfpCrFben9GBqv659txEqbb8KJ81v9GS01TeQuLEtiRkrdfbJFdXHu7q9mX1H7jYOQU786vS-C4BipHVatSA&amp;upload_protocol=resumable</t>
  </si>
  <si>
    <t>Layout - CRV - atual.xlsx</t>
  </si>
  <si>
    <t>/o=exchangelabs/ou=exchange administrative group (fydibohf23spdlt)/cn=recipients/cn=0ca6cc8d100949a7866a928f62ef5778-rosilene de;/o=exchangelabs/ou=exchange administrative group (fydibohf23spdlt)/cn=recipients/cn=1c3bae1d5aab4c72b84516e819cd16c9-wilton paim;/o=exchangelabs/ou=exchange administrative group (fydibohf23spdlt)/cn=recipients/cn=56dc126fba5b4a5f8fb1cd7e4f10477d-thais olive;/o=exchangelabs/ou=exchange administrative group (fydibohf23spdlt)/cn=recipients/cn=a35622ae1b534401a6dd99bd801d1f97-marcos paul;/o=exchangelabs/ou=exchange administrative group (fydibohf23spdlt)/cn=recipients/cn=c22b2d8de1594760baec681322c0933f-fernanda ma;/o=exchangelabs/ou=exchange administrative group (fydibohf23spdlt)/cn=recipients/cn=ca1f2dadbd0542a8ad075275acf52ff3-rondinele s;/o=exchangelabs/ou=exchange administrative group (fydibohf23spdlt)/cn=recipients/cn=ff07a8bacc8946dda73cdb81f8820316-humberto eu;kaio_h_siqueira_contractor@whirlpool.com;</t>
  </si>
  <si>
    <t>/o=exchangelabs/ou=exchange administrative group (fydibohf23spdlt)/cn=recipients/cn=0ca6cc8d100949a7866a928f62ef5778-rosilene de,/o=exchangelabs/ou=exchange administrative group (fydibohf23spdlt)/cn=recipients/cn=1c3bae1d5aab4c72b84516e819cd16c9-wilton paim,/o=exchangelabs/ou=exchange administrative group (fydibohf23spdlt)/cn=recipients/cn=56dc126fba5b4a5f8fb1cd7e4f10477d-thais olive,/o=exchangelabs/ou=exchange administrative group (fydibohf23spdlt)/cn=recipients/cn=a35622ae1b534401a6dd99bd801d1f97-marcos paul,/o=exchangelabs/ou=exchange administrative group (fydibohf23spdlt)/cn=recipients/cn=c22b2d8de1594760baec681322c0933f-fernanda ma,/o=exchangelabs/ou=exchange administrative group (fydibohf23spdlt)/cn=recipients/cn=ca1f2dadbd0542a8ad075275acf52ff3-rondinele s,/o=exchangelabs/ou=exchange administrative group (fydibohf23spdlt)/cn=recipients/cn=ff07a8bacc8946dda73cdb81f8820316-humberto eu,kaio_h_siqueira_contractor@whirlpool.com</t>
  </si>
  <si>
    <t>Pedido de Acesso ao Beedoo.xls</t>
  </si>
  <si>
    <t>/o=exchangelabs/ou=exchange administrative group (fydibohf23spdlt)/cn=recipients/cn=002ec1cd4de64cd68f3e33ca3518cc0b-fernando ro;/o=exchangelabs/ou=exchange administrative group (fydibohf23spdlt)/cn=recipients/cn=5f81fe805d734dda80651a0797d779be-paulo cesar;/o=exchangelabs/ou=exchange administrative group (fydibohf23spdlt)/cn=recipients/cn=e716265113464d42959c665918ae1b54-bianca nefa;</t>
  </si>
  <si>
    <t>Copy of ALGAR - Formulário Solicitação de TREPLICA _ (setembro) - TCO.xls</t>
  </si>
  <si>
    <t>/o=exchangelabs/ou=exchange administrative group (fydibohf23spdlt)/cn=recipients/cn=002ec1cd4de64cd68f3e33ca3518cc0b-fernando ro,/o=exchangelabs/ou=exchange administrative group (fydibohf23spdlt)/cn=recipients/cn=5f81fe805d734dda80651a0797d779be-paulo cesar,/o=exchangelabs/ou=exchange administrative group (fydibohf23spdlt)/cn=recipients/cn=e716265113464d42959c665918ae1b54-bianca nefa</t>
  </si>
  <si>
    <t>/o=exchangelabs/ou=exchange administrative group (fydibohf23spdlt)/cn=recipients/cn=122c3ad8b401472e84885d44a2466b4c-jair de pau;</t>
  </si>
  <si>
    <t>/o=exchangelabs/ou=exchange administrative group (fydibohf23spdlt)/cn=recipients/cn=122c3ad8b401472e84885d44a2466b4c-jair de pau</t>
  </si>
  <si>
    <t>/o=exchangelabs/ou=exchange administrative group (fydibohf23spdlt)/cn=recipients/cn=109f6d628834480fabc1188cbdef64fa-antonia apa;/o=exchangelabs/ou=exchange administrative group (fydibohf23spdlt)/cn=recipients/cn=518d86a2f4064540845859796ca5563b-vinicius sc;</t>
  </si>
  <si>
    <t>RES: Cadastro de conteúdo Jú</t>
  </si>
  <si>
    <t>/o=exchangelabs/ou=exchange administrative group (fydibohf23spdlt)/cn=recipients/cn=109f6d628834480fabc1188cbdef64fa-antonia apa,/o=exchangelabs/ou=exchange administrative group (fydibohf23spdlt)/cn=recipients/cn=518d86a2f4064540845859796ca5563b-vinicius sc</t>
  </si>
  <si>
    <t>\\acsfs\deptos\regionais\spo\talentos_humanos_spo\sesmt_spo\2015_organizaÇÃo dos diretÓrios\nrs\nr-5 cipa\cipa spo\cipa gestÃo 2018 - 2019\reunião da cipa\</t>
  </si>
  <si>
    <t>relação de pendências da cipa.xlsx</t>
  </si>
  <si>
    <t>10.200.60.199</t>
  </si>
  <si>
    <t>D8-9C-67-6F-10-75</t>
  </si>
  <si>
    <t>NB-EDIENEL</t>
  </si>
  <si>
    <t>edienelnpi</t>
  </si>
  <si>
    <t>edienelnpi@algartech.com</t>
  </si>
  <si>
    <t>rosilenedlf@algartech.com;</t>
  </si>
  <si>
    <t>C:\Users\edienelnpi\Desktop\</t>
  </si>
  <si>
    <t>CONTROLE CONTAS EDIENE.xlsx</t>
  </si>
  <si>
    <t>rosilenedlf@algartech.com</t>
  </si>
  <si>
    <t>6552;</t>
  </si>
  <si>
    <t>Formulário TTV - Lançamento de Hora Extra Cida.xlsx</t>
  </si>
  <si>
    <t>http://6552</t>
  </si>
  <si>
    <t>C:\Users\filemoncmj\OneDrive - Grupo Algar\01. Algar Tech\02. Projetos Corporativos\06. PPE\Intuitive Service Desk\03. Aquisições\2019\ASC\07. Marista\RES_ ATEC-2019-0006-006 - MARISTA.msg\s86\</t>
  </si>
  <si>
    <t>Detalhamento de Itens - Tags SSL.xlsx</t>
  </si>
  <si>
    <t>pauliniaacs@algartech.com;thaismo@algartech.com;</t>
  </si>
  <si>
    <t>ENC: Produtividade CRCe - Fechamento</t>
  </si>
  <si>
    <t>pauliniaacs@algartech.com,thaismo@algartech.com</t>
  </si>
  <si>
    <t>/o=exchangelabs/ou=exchange administrative group (fydibohf23spdlt)/cn=recipients/cn=0bafe1ed27024338be4e911e19871cd1-william rob;</t>
  </si>
  <si>
    <t>NPS_2semestre.xlsx</t>
  </si>
  <si>
    <t>/o=exchangelabs/ou=exchange administrative group (fydibohf23spdlt)/cn=recipients/cn=0bafe1ed27024338be4e911e19871cd1-william rob</t>
  </si>
  <si>
    <t>mail.google.com/_/upload?authuser=0&amp;dcp=asu-n&amp;upload_id=AEnB2UqIEzA2521I8w5OenfE8QUC-bZrN1iJGaqElcwabmenrnMsMZDs7v7gQAe9SuondXUcE8NCTOp7QpdKEX5RFpdTYYlpAbSFyvTMTZ19_GueNtDg4ds&amp;upload_protocol=resumable</t>
  </si>
  <si>
    <t>antoniocoj@algartech.com;augustom@algartech.com;cintian@algartech.com;marcotb@algartech.com;mirnapw@algartech.com;pablopsou@algartech.com;viniciuspt@algartech.com;</t>
  </si>
  <si>
    <t>2019_10_BAD_CALLS_TLV.xlsx</t>
  </si>
  <si>
    <t>antoniocoj@algartech.com,augustom@algartech.com,cintian@algartech.com,marcotb@algartech.com,mirnapw@algartech.com,pablopsou@algartech.com,viniciuspt@algartech.com</t>
  </si>
  <si>
    <t>/o=exchangelabs/ou=exchange administrative group (fydibohf23spdlt)/cn=recipients/cn=8295bdf2d84b481dacb8e4962fb430d4-rodrigo ant;</t>
  </si>
  <si>
    <t>Relatório de Variáveis - Setembro</t>
  </si>
  <si>
    <t>Relatório de variáveis - Setembro.xlsx</t>
  </si>
  <si>
    <t>/o=exchangelabs/ou=exchange administrative group (fydibohf23spdlt)/cn=recipients/cn=8295bdf2d84b481dacb8e4962fb430d4-rodrigo ant</t>
  </si>
  <si>
    <t>C:\Users\yuriifd\Desktop\Conteúdos\</t>
  </si>
  <si>
    <t>Logística e Cadeia de Suprimentos - Yuri Ian.xls</t>
  </si>
  <si>
    <t>containsunsubscribedchil,containsunsubscribedchildren,copyable,displ,displa,display,displaynam,displayname,domain,emailadd,emailaddr,emailaddress,explicitlytrashed,file(kind,fileextens,fileid,filesize,foldercolor,haschildfolders,hasthumbnail,hasvisitorpermissions,id,id),items(deleted,items(kind,ken,kind,lastmodifyingus,lastmodifyinguser(kind,lastviewedbymedate,mimetype,modifiedbymedate,modifieddate,nextpagetoken,ontainsunsubscribedchildren,owners(kind,permissionid,picture,quotabytesused,rpermissions,s - yuri ian' and title contains 'xls' and trashed = false and '1ew_blkb3iuvy36nnliimnzjlvjlwktxr' in parents&amp;fields=kind,shar,share,shareable,shared,sharedwithmedate,subscribed,thum,thumb,thumbnailversion,title,userperm,userpermission(role)</t>
  </si>
  <si>
    <t>gbferreira@uniaoquimica.com.br;gilmara.bfsilva2013@hotmail.com;</t>
  </si>
  <si>
    <t>ENC: RE: RES: DESPESA UNIÃO QUIMICA NO CARTÃO DA ANOVIS - EBTA - FAVOR VERIFICAR CRM:004100001865</t>
  </si>
  <si>
    <t>Gilmara.xlsx</t>
  </si>
  <si>
    <t>gbferreira@uniaoquimica.com.br,gilmara.bfsilva2013@hotmail.com</t>
  </si>
  <si>
    <t>ENC: Fluxo de Caixa Asyst</t>
  </si>
  <si>
    <t>ess&amp;itemids=1hqrwkhbs_;ken=afnosby50qui0m9sl-jmbh_pqujigzxvgg:1570472760226��;querencm@algartech.com;</t>
  </si>
  <si>
    <t>HSM para Whatsapp.xlsx</t>
  </si>
  <si>
    <t>ess&amp;itemids=1hqrwkhbs_,ken=afnosby50qui0m9sl-jmbh_pqujigzxvgg:1570472760226��,querencm@algartech.com</t>
  </si>
  <si>
    <t>gildaepma@algartech.com;</t>
  </si>
  <si>
    <t>Ajuste ponto Setembro.xlsx</t>
  </si>
  <si>
    <t>RES: [ERPOS#1570221615] Mudança de Status</t>
  </si>
  <si>
    <t>relatorio_de_variaveis_do_atendimento_5d9b9a1f7ebc0.csv</t>
  </si>
  <si>
    <t>/o=exchangelabs/ou=exchange administrative group (fydibohf23spdlt)/cn=recipients/cn=3a10c1d788234688b257ab253389ec06-mateus mala;/o=exchangelabs/ou=exchange administrative group (fydibohf23spdlt)/cn=recipients/cn=7903c13fa0504ff0bc7dd2644020b0e8-mirna prado;/o=exchangelabs/ou=exchange administrative group (fydibohf23spdlt)/cn=recipients/cn=e174366906884bd1b4d4c5ddfc8c9433-rodrigo men;</t>
  </si>
  <si>
    <t>Dimensionamento Ativo EH</t>
  </si>
  <si>
    <t>Calculadoras_Ativo_EH_Revisão RFP_07102019.xlsx</t>
  </si>
  <si>
    <t>/o=exchangelabs/ou=exchange administrative group (fydibohf23spdlt)/cn=recipients/cn=3a10c1d788234688b257ab253389ec06-mateus mala,/o=exchangelabs/ou=exchange administrative group (fydibohf23spdlt)/cn=recipients/cn=7903c13fa0504ff0bc7dd2644020b0e8-mirna prado,/o=exchangelabs/ou=exchange administrative group (fydibohf23spdlt)/cn=recipients/cn=e174366906884bd1b4d4c5ddfc8c9433-rodrigo men</t>
  </si>
  <si>
    <t>10.200.61.88</t>
  </si>
  <si>
    <t>Cópia de Bloqueio_CRs Rateios.xlsx</t>
  </si>
  <si>
    <t>/o=exchangelabs/ou=exchange administrative group (fydibohf23spdlt)/cn=recipients/cn=15f616a4e6744bd78ffee4185371e965-cristiane d;/o=exchangelabs/ou=exchange administrative group (fydibohf23spdlt)/cn=recipients/cn=1e212ef08dab4f26b88cba944f2ab7cb-pmo.governa;/o=exchangelabs/ou=exchange administrative group (fydibohf23spdlt)/cn=recipients/cn=4ada91d5dca14c9b91ce4ae2425863c4-raphael afo;/o=exchangelabs/ou=exchange administrative group (fydibohf23spdlt)/cn=recipients/cn=65d35bc38c6743d7a55b3ae9726a5893-diego ribei;/o=exchangelabs/ou=exchange administrative group (fydibohf23spdlt)/cn=recipients/cn=65f2464c9a2e4d2981cae7124572133d-cristiane c;/o=exchangelabs/ou=exchange administrative group (fydibohf23spdlt)/cn=recipients/cn=b3ad8a638fcc4c57bf8c7953dd4b3cb8-augusto ces;/o=exchangelabs/ou=exchange administrative group (fydibohf23spdlt)/cn=recipients/cn=cd7b8f1463954705b9d398b58ce8411d-dannyella f;/o=exchangelabs/ou=exchange administrative group (fydibohf23spdlt)/cn=recipients/cn=cfc48e6960e745d5a5caa3a9584c60eb-leti</t>
  </si>
  <si>
    <t>RES: Projetos para tombar 2019 (legado para orçamento depreciação)</t>
  </si>
  <si>
    <t>Algar_CSC___Relatorio__Orc_X_R_191007_GrupoTech.xlsb</t>
  </si>
  <si>
    <t>/o=exchangelabs/ou=exchange administrative group (fydibohf23spdlt)/cn=recipients/cn=15f616a4e6744bd78ffee4185371e965-cristiane d,/o=exchangelabs/ou=exchange administrative group (fydibohf23spdlt)/cn=recipients/cn=1e212ef08dab4f26b88cba944f2ab7cb-pmo.governa,/o=exchangelabs/ou=exchange administrative group (fydibohf23spdlt)/cn=recipients/cn=4ada91d5dca14c9b91ce4ae2425863c4-raphael afo,/o=exchangelabs/ou=exchange administrative group (fydibohf23spdlt)/cn=recipients/cn=65d35bc38c6743d7a55b3ae9726a5893-diego ribei,/o=exchangelabs/ou=exchange administrative group (fydibohf23spdlt)/cn=recipients/cn=65f2464c9a2e4d2981cae7124572133d-cristiane c,/o=exchangelabs/ou=exchange administrative group (fydibohf23spdlt)/cn=recipients/cn=b3ad8a638fcc4c57bf8c7953dd4b3cb8-augusto ces,/o=exchangelabs/ou=exchange administrative group (fydibohf23spdlt)/cn=recipients/cn=cd7b8f1463954705b9d398b58ce8411d-dannyella f,/o=exchangelabs/ou=exchange administrative group (fydibohf23spdlt)/cn=recipients/cn=cfc48e6960e745d5a5caa3a9584c60eb-leti</t>
  </si>
  <si>
    <t>c:\users\ythiakgm\desktop\arquivo 2019\</t>
  </si>
  <si>
    <t>pastas nomeando.xlsx</t>
  </si>
  <si>
    <t>/o=exchangelabs/ou=exchange administrative group (fydibohf23spdlt)/cn=recipients/cn=4b453b7f02914710b3e94bcf7b311ad4-fernando po;/o=exchangelabs/ou=exchange administrative group (fydibohf23spdlt)/cn=recipients/cn=55f846c335d7437f892f0b0d49c89e92-celma ribei;/o=exchangelabs/ou=exchange administrative group (fydibohf23spdlt)/cn=recipients/cn=56c2af2d07fd48c0aebfc00ddc006494-alessio rod;/o=exchangelabs/ou=exchange administrative group (fydibohf23spdlt)/cn=recipients/cn=9a3ba6096e184fb5837abcf6a6214283-daniel henr;/o=exchangelabs/ou=exchange administrative group (fydibohf23spdlt)/cn=recipients/cn=b194f014572c4c36b52132f9199df1aa-jairo junio;</t>
  </si>
  <si>
    <t>Projeção CERRADO</t>
  </si>
  <si>
    <t>Cerrado_Orçamento 2020 novo BP.xls</t>
  </si>
  <si>
    <t>/o=exchangelabs/ou=exchange administrative group (fydibohf23spdlt)/cn=recipients/cn=4b453b7f02914710b3e94bcf7b311ad4-fernando po,/o=exchangelabs/ou=exchange administrative group (fydibohf23spdlt)/cn=recipients/cn=55f846c335d7437f892f0b0d49c89e92-celma ribei,/o=exchangelabs/ou=exchange administrative group (fydibohf23spdlt)/cn=recipients/cn=56c2af2d07fd48c0aebfc00ddc006494-alessio rod,/o=exchangelabs/ou=exchange administrative group (fydibohf23spdlt)/cn=recipients/cn=9a3ba6096e184fb5837abcf6a6214283-daniel henr,/o=exchangelabs/ou=exchange administrative group (fydibohf23spdlt)/cn=recipients/cn=b194f014572c4c36b52132f9199df1aa-jairo junio</t>
  </si>
  <si>
    <t>10.201.28.32</t>
  </si>
  <si>
    <t>74-E6-E2-D0-1D-9D</t>
  </si>
  <si>
    <t>A100 ROW - Categorias CA</t>
  </si>
  <si>
    <t>Categorias_A100 Row_rev2.xlsx</t>
  </si>
  <si>
    <t>mail.google.com/_/upload?authuser=0&amp;dcp=asu-n&amp;upload_id=AEnB2Uq3JiQs6Jo_15tAry-KjMM3Dqp_7Aasu9sSuX6oG0q6DiMW7MpApviGubRfc6udF3ql2yBQRCZrbkSBsg0DSAGTEaPAbg&amp;upload_protocol=resumable</t>
  </si>
  <si>
    <t>angelinegn@algartech.com;luizfsm@algartech.com;</t>
  </si>
  <si>
    <t>\\acsfs\DSTI\CIT- Coordenação de Inteligência de Tecnologia\17 - Gerenciamento da Configuração\02 - DO (EXECUTAR)\01 - CONTROLE DE LIC\00 - FORNECEDORES\01 - MICROSOFT\16 - VDI\</t>
  </si>
  <si>
    <t>Relatório VDI_Gabriel_19-06-2019.xlsx</t>
  </si>
  <si>
    <t>angelinegn@algartech.com,luizfsm@algartech.com</t>
  </si>
  <si>
    <t>/o=bradesco/ou=exchange administrative group (fydibohf23spdlt)/cn=recipients/cn=m11982814d;/o=exchangelabs/ou=exchange administrative group (fydibohf23spdlt)/cn=recipients/cn=5f7a59b383d64eb1ac2d65fe26f8c02b-alessandrac;</t>
  </si>
  <si>
    <t>ENC: Incluir ppt- Oportunidade e rechamada</t>
  </si>
  <si>
    <t>Rechamada e oportunidade Setembro.xlsx</t>
  </si>
  <si>
    <t>/o=bradesco/ou=exchange administrative group (fydibohf23spdlt)/cn=recipients/cn=m11982814d,/o=exchangelabs/ou=exchange administrative group (fydibohf23spdlt)/cn=recipients/cn=5f7a59b383d64eb1ac2d65fe26f8c02b-alessandrac</t>
  </si>
  <si>
    <t>10.207.12.76</t>
  </si>
  <si>
    <t>C:\Users\vilarinho\OneDrive - Grupo Algar\Algar Tech\Projetos\Precificação - Maio19\PMO - 07.10.19\10 - OUTUBRO - Projeto Precificação - 20191004.pptx\</t>
  </si>
  <si>
    <t>/o=exchangelabs/ou=exchange administrative group (fydibohf23spdlt)/cn=recipients/cn=26af92a74b81427bb68e619749cf4c27-nayara cris;/o=exchangelabs/ou=exchange administrative group (fydibohf23spdlt)/cn=recipients/cn=4b6cf19daf2c458d8b05f18feeee95c3-vanessa cri;/o=exchangelabs/ou=exchange administrative group (fydibohf23spdlt)/cn=recipients/cn=a2a95176ec8b4e558f3d0f3c2d9d370b-pablo dos s;/o=exchangelabs/ou=exchange administrative group (fydibohf23spdlt)/cn=recipients/cn=b36412a54b154c07b0a876537a78fce8-jheniffer g;/o=exchangelabs/ou=exchange administrative group (fydibohf23spdlt)/cn=recipients/cn=efd108a07c6b499884a452ff50b3477b-isabella va;</t>
  </si>
  <si>
    <t>RES: Indicador SLA Contratado - Setembro/19</t>
  </si>
  <si>
    <t>09 - SLA GRC Setembro.xlsx</t>
  </si>
  <si>
    <t>/o=exchangelabs/ou=exchange administrative group (fydibohf23spdlt)/cn=recipients/cn=26af92a74b81427bb68e619749cf4c27-nayara cris,/o=exchangelabs/ou=exchange administrative group (fydibohf23spdlt)/cn=recipients/cn=4b6cf19daf2c458d8b05f18feeee95c3-vanessa cri,/o=exchangelabs/ou=exchange administrative group (fydibohf23spdlt)/cn=recipients/cn=a2a95176ec8b4e558f3d0f3c2d9d370b-pablo dos s,/o=exchangelabs/ou=exchange administrative group (fydibohf23spdlt)/cn=recipients/cn=b36412a54b154c07b0a876537a78fce8-jheniffer g,/o=exchangelabs/ou=exchange administrative group (fydibohf23spdlt)/cn=recipients/cn=efd108a07c6b499884a452ff50b3477b-isabella va</t>
  </si>
  <si>
    <t>EXCEDENTES TI.CSV</t>
  </si>
  <si>
    <t>EXCEDENTES TECH.CSV</t>
  </si>
  <si>
    <t>10.200.214.8</t>
  </si>
  <si>
    <t>/o=exchangelabs/ou=exchange administrative group (fydibohf23spdlt)/cn=recipients/cn=089963f5f37f427c8a85f88a8c15a3bf-ricardo def;/o=exchangelabs/ou=exchange administrative group (fydibohf23spdlt)/cn=recipients/cn=685a6c7fa4684b9ab51c683ec151a83c-kelly crist;/o=exchangelabs/ou=exchange administrative group (fydibohf23spdlt)/cn=recipients/cn=8c253c95243a40aa99c9416b7eb70a2a-julio cesar;/o=exchangelabs/ou=exchange administrative group (fydibohf23spdlt)/cn=recipients/cn=ffac67121fe44ee99a9e20917aba08be-nubia fraga;/o=exchangelabs/ou=exchange administrative group (fydibohf23spdlt)/cn=recipients/cn=tatiane de souza lemes panato_aed47a633b;</t>
  </si>
  <si>
    <t>Cópia de Prestação de contas mes 04 à 07.xlsx</t>
  </si>
  <si>
    <t>/o=exchangelabs/ou=exchange administrative group (fydibohf23spdlt)/cn=recipients/cn=089963f5f37f427c8a85f88a8c15a3bf-ricardo def,/o=exchangelabs/ou=exchange administrative group (fydibohf23spdlt)/cn=recipients/cn=685a6c7fa4684b9ab51c683ec151a83c-kelly crist,/o=exchangelabs/ou=exchange administrative group (fydibohf23spdlt)/cn=recipients/cn=8c253c95243a40aa99c9416b7eb70a2a-julio cesar,/o=exchangelabs/ou=exchange administrative group (fydibohf23spdlt)/cn=recipients/cn=ffac67121fe44ee99a9e20917aba08be-nubia fraga,/o=exchangelabs/ou=exchange administrative group (fydibohf23spdlt)/cn=recipients/cn=tatiane de souza lemes panato_aed47a633b</t>
  </si>
  <si>
    <t>ENC: Dados financeiros - Transformação</t>
  </si>
  <si>
    <t>20190416_Modelo_Economico_v81.xlsx</t>
  </si>
  <si>
    <t>C:\Users\vilarinho\OneDrive - Grupo Algar\Algar Tech\Controladoria\Comite de Auditoria\Comite Auditoria 2019\3ComiteAgo.19\Riscos_Precificação\CAGR_Algar Tech_CAGR_08Ago_Vila.pptx\</t>
  </si>
  <si>
    <t>/o=exchangelabs/ou=exchange administrative group (fydibohf23spdlt)/cn=recipients/cn=5bafb6a0abc94856a82078583730cd0b-camila apar;</t>
  </si>
  <si>
    <t>ENC: Cadastro Geral</t>
  </si>
  <si>
    <t>Grupo Algar - TH - _Relatório de Cadastro Geral20190930095511.csv</t>
  </si>
  <si>
    <t>/o=exchangelabs/ou=exchange administrative group (fydibohf23spdlt)/cn=recipients/cn=5bafb6a0abc94856a82078583730cd0b-camila apar</t>
  </si>
  <si>
    <t>/o=exchangelabs/ou=exchange administrative group (fydibohf23spdlt)/cn=recipients/cn=56c2af2d07fd48c0aebfc00ddc006494-alessio rod;/o=exchangelabs/ou=exchange administrative group (fydibohf23spdlt)/cn=recipients/cn=9a3ba6096e184fb5837abcf6a6214283-daniel henr;</t>
  </si>
  <si>
    <t>Projeção CERRADO e ESCOPO B</t>
  </si>
  <si>
    <t>/o=exchangelabs/ou=exchange administrative group (fydibohf23spdlt)/cn=recipients/cn=56c2af2d07fd48c0aebfc00ddc006494-alessio rod,/o=exchangelabs/ou=exchange administrative group (fydibohf23spdlt)/cn=recipients/cn=9a3ba6096e184fb5837abcf6a6214283-daniel henr</t>
  </si>
  <si>
    <t>C:\Users\lucianafaa\OneDrive - Grupo Algar\2019\PROJETOS\REAJUSTE DE CONTRATO\PLANILHA REAJUSTES\STATUS REPORT\STATUS SEMANAL\07-10\</t>
  </si>
  <si>
    <t>Correções Luciana Bernardes Set.19</t>
  </si>
  <si>
    <t>Correções Luciana Bernardes Set.19.xlsx</t>
  </si>
  <si>
    <t>/o=exchangelabs/ou=exchange administrative group (fydibohf23spdlt)/cn=recipients/cn=122c3ad8b401472e84885d44a2466b4c-jair de pau;/o=exchangelabs/ou=exchange administrative group (fydibohf23spdlt)/cn=recipients/cn=4b453b7f02914710b3e94bcf7b311ad4-fernando po;</t>
  </si>
  <si>
    <t>ENC: Projeção Cerrado</t>
  </si>
  <si>
    <t>Projecão cerrado.xlsx</t>
  </si>
  <si>
    <t>/o=exchangelabs/ou=exchange administrative group (fydibohf23spdlt)/cn=recipients/cn=122c3ad8b401472e84885d44a2466b4c-jair de pau,/o=exchangelabs/ou=exchange administrative group (fydibohf23spdlt)/cn=recipients/cn=4b453b7f02914710b3e94bcf7b311ad4-fernando po</t>
  </si>
  <si>
    <t>/o=exchangelabs/ou=exchange administrative group (fydibohf23spdlt)/cn=recipients/cn=2504d5028b6b4fb89d14a5df6031358d-jane carla;/o=exchangelabs/ou=exchange administrative group (fydibohf23spdlt)/cn=recipients/cn=6bc6ced03b1b4fafa41bb5c70c178940-antonio per;</t>
  </si>
  <si>
    <t>Relação Crs Rateio</t>
  </si>
  <si>
    <t>/o=exchangelabs/ou=exchange administrative group (fydibohf23spdlt)/cn=recipients/cn=2504d5028b6b4fb89d14a5df6031358d-jane carla,/o=exchangelabs/ou=exchange administrative group (fydibohf23spdlt)/cn=recipients/cn=6bc6ced03b1b4fafa41bb5c70c178940-antonio per</t>
  </si>
  <si>
    <t>\\acsfs\DSTI\CIT- Coordenação de Inteligência de Tecnologia\17 - Gerenciamento da Configuração\02 - DO (EXECUTAR)\01 - CONTROLE DE LIC\00 - FORNECEDORES\01 - MICROSOFT\18 - EAS\TRUE-UP 2019\</t>
  </si>
  <si>
    <t>Orçamento-Tech_2020.xlsx</t>
  </si>
  <si>
    <t>/o=exchangelabs/ou=exchange administrative group (fydibohf23spdlt)/cn=recipients/cn=004fbe04a76042fda28a404cff30f61b-vinicius ma;/o=exchangelabs/ou=exchange administrative group (fydibohf23spdlt)/cn=recipients/cn=010c9ad8a2ca4b90b7642d039dda856e-karolyne ca;/o=exchangelabs/ou=exchange administrative group (fydibohf23spdlt)/cn=recipients/cn=14f0f77a226e48a79b5d6a7df54730c3-dayane gome;/o=exchangelabs/ou=exchange administrative group (fydibohf23spdlt)/cn=recipients/cn=1b4fe07f316b4c5fbd7323417e973dda-rosangela a;/o=exchangelabs/ou=exchange administrative group (fydibohf23spdlt)/cn=recipients/cn=204079a0e50e40a6a37bf2241ef87bf2-juliana can;/o=exchangelabs/ou=exchange administrative group (fydibohf23spdlt)/cn=recipients/cn=2b7497d349474240af7dc07e3cbbd5a2-amanda dias;/o=exchangelabs/ou=exchange administrative group (fydibohf23spdlt)/cn=recipients/cn=3231d815809d4256b0da40dff50c3bbc-thiago sora;/o=exchangelabs/ou=exchange administrative group (fydibohf23spdlt)/cn=recipients/cn=3a10c1d788234688b257ab253389ec06-mate</t>
  </si>
  <si>
    <t>RES: Necessidade de P.As - Outubro/19</t>
  </si>
  <si>
    <t>11 - Levantamento de PA's ALGAR.xlsx</t>
  </si>
  <si>
    <t>/o=exchangelabs/ou=exchange administrative group (fydibohf23spdlt)/cn=recipients/cn=004fbe04a76042fda28a404cff30f61b-vinicius ma,/o=exchangelabs/ou=exchange administrative group (fydibohf23spdlt)/cn=recipients/cn=010c9ad8a2ca4b90b7642d039dda856e-karolyne ca,/o=exchangelabs/ou=exchange administrative group (fydibohf23spdlt)/cn=recipients/cn=14f0f77a226e48a79b5d6a7df54730c3-dayane gome,/o=exchangelabs/ou=exchange administrative group (fydibohf23spdlt)/cn=recipients/cn=1b4fe07f316b4c5fbd7323417e973dda-rosangela a,/o=exchangelabs/ou=exchange administrative group (fydibohf23spdlt)/cn=recipients/cn=204079a0e50e40a6a37bf2241ef87bf2-juliana can,/o=exchangelabs/ou=exchange administrative group (fydibohf23spdlt)/cn=recipients/cn=2b7497d349474240af7dc07e3cbbd5a2-amanda dias,/o=exchangelabs/ou=exchange administrative group (fydibohf23spdlt)/cn=recipients/cn=3231d815809d4256b0da40dff50c3bbc-thiago sora,/o=exchangelabs/ou=exchange administrative group (fydibohf23spdlt)/cn=recipients/cn=3a10c1d788234688b257ab253389ec06-mate</t>
  </si>
  <si>
    <t>/o=exchangelabs/ou=exchange administrative group (fydibohf23spdlt)/cn=recipients/cn=15f616a4e6744bd78ffee4185371e965-cristiane d;/o=exchangelabs/ou=exchange administrative group (fydibohf23spdlt)/cn=recipients/cn=1e212ef08dab4f26b88cba944f2ab7cb-pmo.governa;/o=exchangelabs/ou=exchange administrative group (fydibohf23spdlt)/cn=recipients/cn=2504d5028b6b4fb89d14a5df6031358d-jane carla;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65d35bc38c6743d7a55b3ae9726a5893-diego ribei;/o=exchangelabs/ou=exchange administrative group (fydibohf23spdlt)/cn=recipients/cn=65f2464c9a2e4d2981cae7124572133d-cristiane c;/o=exchangelabs/ou=exchange administrative group (fydibohf23spdlt)/cn=recipients/cn=8bab2e9eaf824d2d93602784a48ac5f9-ronan</t>
  </si>
  <si>
    <t>CAPEX 2019 (pré-closing) e CAPEX 2020 - (Abertura por empresa e CR)</t>
  </si>
  <si>
    <t>CAPEX_Pré_Closing_2019 - Info_Caixa_Depreciação_v2.xlsx</t>
  </si>
  <si>
    <t>/o=exchangelabs/ou=exchange administrative group (fydibohf23spdlt)/cn=recipients/cn=15f616a4e6744bd78ffee4185371e965-cristiane d,/o=exchangelabs/ou=exchange administrative group (fydibohf23spdlt)/cn=recipients/cn=1e212ef08dab4f26b88cba944f2ab7cb-pmo.governa,/o=exchangelabs/ou=exchange administrative group (fydibohf23spdlt)/cn=recipients/cn=2504d5028b6b4fb89d14a5df6031358d-jane carla,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65d35bc38c6743d7a55b3ae9726a5893-diego ribei,/o=exchangelabs/ou=exchange administrative group (fydibohf23spdlt)/cn=recipients/cn=65f2464c9a2e4d2981cae7124572133d-cristiane c,/o=exchangelabs/ou=exchange administrative group (fydibohf23spdlt)/cn=recipients/cn=8bab2e9eaf824d2d93602784a48ac5f9-ronan</t>
  </si>
  <si>
    <t>10.200.60.76</t>
  </si>
  <si>
    <t>/o=exchangelabs/ou=exchange administrative group (fydibohf23spdlt)/cn=recipients/cn=3efbc8c427614158ac5e05d72141135e-thiago guil;/o=exchangelabs/ou=exchange administrative group (fydibohf23spdlt)/cn=recipients/cn=56c2af2d07fd48c0aebfc00ddc006494-alessio rod;/o=exchangelabs/ou=exchange administrative group (fydibohf23spdlt)/cn=recipients/cn=738f64da88314610b103acc900ce8979-leandro san;/o=exchangelabs/ou=exchange administrative group (fydibohf23spdlt)/cn=recipients/cn=ba64882ecdca4e529551bc93e56e2f41-helbert bec;/o=exchangelabs/ou=exchange administrative group (fydibohf23spdlt)/cn=recipients/cn=c212eb60f4be444cb64e0cc9b82f6e10-alessandro;/o=exchangelabs/ou=exchange administrative group (fydibohf23spdlt)/cn=recipients/cn=c29ec9dae022497281c840087cccddec-patricia ar;/o=exchangelabs/ou=exchange administrative group (fydibohf23spdlt)/cn=recipients/cn=cd93dacc38404a95a829585c2e317a9f-dionizio ri;/o=exchangelabs/ou=exchange administrative group (fydibohf23spdlt)/cn=recipients/cn=d0093b7063a942388b31a7ba794f9061-dener</t>
  </si>
  <si>
    <t>/o=exchangelabs/ou=exchange administrative group (fydibohf23spdlt)/cn=recipients/cn=3efbc8c427614158ac5e05d72141135e-thiago guil,/o=exchangelabs/ou=exchange administrative group (fydibohf23spdlt)/cn=recipients/cn=56c2af2d07fd48c0aebfc00ddc006494-alessio rod,/o=exchangelabs/ou=exchange administrative group (fydibohf23spdlt)/cn=recipients/cn=738f64da88314610b103acc900ce8979-leandro san,/o=exchangelabs/ou=exchange administrative group (fydibohf23spdlt)/cn=recipients/cn=ba64882ecdca4e529551bc93e56e2f41-helbert bec,/o=exchangelabs/ou=exchange administrative group (fydibohf23spdlt)/cn=recipients/cn=c212eb60f4be444cb64e0cc9b82f6e10-alessandro,/o=exchangelabs/ou=exchange administrative group (fydibohf23spdlt)/cn=recipients/cn=c29ec9dae022497281c840087cccddec-patricia ar,/o=exchangelabs/ou=exchange administrative group (fydibohf23spdlt)/cn=recipients/cn=cd93dacc38404a95a829585c2e317a9f-dionizio ri,/o=exchangelabs/ou=exchange administrative group (fydibohf23spdlt)/cn=recipients/cn=d0093b7063a942388b31a7ba794f9061-dener</t>
  </si>
  <si>
    <t>Oportunidade 212356</t>
  </si>
  <si>
    <t>TRANSACIONAL AVON OUTUBRO.xlsx</t>
  </si>
  <si>
    <t>/o=exchangelabs/ou=exchange administrative group (fydibohf23spdlt)/cn=recipients/cn=4a863c1fc8ab42089d3c33c848208915-camilla alv;/o=exchangelabs/ou=exchange administrative group (fydibohf23spdlt)/cn=recipients/cn=ba307e7ec0fc4bdbb07006aa828c05f7-carina ferr;</t>
  </si>
  <si>
    <t>RES: Bonificação Ação AVON</t>
  </si>
  <si>
    <t>RES Previa Outubro _ AVON.msg\s1\</t>
  </si>
  <si>
    <t>Cópia de Calculadora Avon.xlsx</t>
  </si>
  <si>
    <t>/o=exchangelabs/ou=exchange administrative group (fydibohf23spdlt)/cn=recipients/cn=4a863c1fc8ab42089d3c33c848208915-camilla alv,/o=exchangelabs/ou=exchange administrative group (fydibohf23spdlt)/cn=recipients/cn=ba307e7ec0fc4bdbb07006aa828c05f7-carina ferr</t>
  </si>
  <si>
    <t>10.200.57.45</t>
  </si>
  <si>
    <t>64-1C-67-9C-54-2A</t>
  </si>
  <si>
    <t>NB-SAMANTHADM</t>
  </si>
  <si>
    <t>samanthadmr</t>
  </si>
  <si>
    <t>danubiacsm@algartech.com;fabianacscg@algartech.com;nataliavnk@algartech.com;pamelakdsc@algartech.com;rafaelfm@algartech.com;</t>
  </si>
  <si>
    <t>C:\Users\samanthadmr\Downloads\</t>
  </si>
  <si>
    <t>danubiacsm@algartech.com,fabianacscg@algartech.com,nataliavnk@algartech.com,pamelakdsc@algartech.com,rafaelfm@algartech.com</t>
  </si>
  <si>
    <t>10.200.32.30</t>
  </si>
  <si>
    <t>54-BF-64-F5-51-79</t>
  </si>
  <si>
    <t>C:\Users\joaobab\OneDrive - Grupo Algar\temp\TI e TELECOM\</t>
  </si>
  <si>
    <t>Principais Aplicacoes Corporativas BPO GATe GST - Revisado.xlsx</t>
  </si>
  <si>
    <t>\\acsfs\deptos\controladoria\2 - business performance\2019\3 - benchmarking\análise julho 2019\</t>
  </si>
  <si>
    <t>comparativo.xlsx</t>
  </si>
  <si>
    <t>mail.google.com/_/upload?authuser=0&amp;dcp=asu-n&amp;upload_id=AEnB2UrJa3jbK7lCJkJLj7S1kGTRMlHPdG5QItfjqlGDpLjs1-tjgyW1InaorvtYr6S_xOMpNwHxB0upFdWWiDz7pE_JtAa9snZAFXoV4EV40QXiRcz1Bl0&amp;upload_protocol=resumable</t>
  </si>
  <si>
    <t>juliocedo@algartech.com;</t>
  </si>
  <si>
    <t>GESTAO DA SAUDE - Orçado 2020 - Tech.xlsx</t>
  </si>
  <si>
    <t>juliocedo@algartech.com</t>
  </si>
  <si>
    <t>mail.google.com/_/upload?authuser=0&amp;dcp=asu-n&amp;upload_id=AEnB2UqbgmN4SPwOqJ2chXc28AvtqWPkSKIbC_4P_g6h4lpmlMzj1ZmnLlw63_u8R4NSORcon-Y50beH3GWDyR9NwJ68tiY3Kg&amp;upload_protocol=resumable</t>
  </si>
  <si>
    <t>GESTAO DA SAUDE - Preclosing 2019 - Tech.xlsx</t>
  </si>
  <si>
    <t>[ERRATA] Necessidade de P.As - Novembro/19</t>
  </si>
  <si>
    <t>Indicadores Algar - Versão Final ECH Set-2019.xlsx</t>
  </si>
  <si>
    <t>0ANALYSIS_PATTERN (90).csv</t>
  </si>
  <si>
    <t>/o=exchangelabs/ou=exchange administrative group (fydibohf23spdlt)/cn=recipients/cn=82a0eb6bc4824a7583bd82a28990d2e8-natanael la;manoelern@algartech.com;</t>
  </si>
  <si>
    <t>RES: Tabulações - Resposta da BIA</t>
  </si>
  <si>
    <t>Casos Email.xlsx</t>
  </si>
  <si>
    <t>/o=exchangelabs/ou=exchange administrative group (fydibohf23spdlt)/cn=recipients/cn=82a0eb6bc4824a7583bd82a28990d2e8-natanael la,manoelern@algartech.com</t>
  </si>
  <si>
    <t>Cadastro</t>
  </si>
  <si>
    <t>Dados - Sinergy.msg\s1\</t>
  </si>
  <si>
    <t>Dados Sinergy.xlsx</t>
  </si>
  <si>
    <t>crcevmc@algartech.com.br;natalia.toma@bradesco.com.br;</t>
  </si>
  <si>
    <t>ENC: Bradesco Cartoes &amp; HDI</t>
  </si>
  <si>
    <t>HDI SDOL.xlsx</t>
  </si>
  <si>
    <t>crcevmc@algartech.com.br,natalia.toma@bradesco.com.br</t>
  </si>
  <si>
    <t>/o=exchangelabs/ou=exchange administrative group (fydibohf23spdlt)/cn=recipients/cn=78e530b5e3244cc1a89eba7f7b0af42f-marco tulio;alessiors@algartech.com;filiperve@algartech.com;hudsonb@algartelecom.com.br;humbertopj@algartech.com;kallinehv@algartech.com;leila@algartelecom.com.br;marcoac@algartelecom.com.br;marcusgm@algartech.com;tiagomh@algartelecom.com.br;viniciuspt@algartech.com;viniciussg@algartech.com;</t>
  </si>
  <si>
    <t>RES: PROJETO XPERIENCE</t>
  </si>
  <si>
    <t>/o=exchangelabs/ou=exchange administrative group (fydibohf23spdlt)/cn=recipients/cn=78e530b5e3244cc1a89eba7f7b0af42f-marco tulio,alessiors@algartech.com,filiperve@algartech.com,hudsonb@algartelecom.com.br,humbertopj@algartech.com,kallinehv@algartech.com,leila@algartelecom.com.br,marcoac@algartelecom.com.br,marcusgm@algartech.com,tiagomh@algartelecom.com.br,viniciuspt@algartech.com,viniciussg@algartech.com</t>
  </si>
  <si>
    <t>/o=exchangelabs/ou=exchange administrative group (fydibohf23spdlt)/cn=recipients/cn=5876a52919c440598f015f22bceb7eeb-antonio car;/o=exchangelabs/ou=exchange administrative group (fydibohf23spdlt)/cn=recipients/cn=8c01e71056fe4e1a8ecc4e24420bd9ef-fellyp cros;aleal@timbrasil.com.br;dl_network_ratna-bhe-tle@timbrasil.com.br;llana@timbrasil.com.br;</t>
  </si>
  <si>
    <t>RES: MATERIAIS BAIXO GIRO</t>
  </si>
  <si>
    <t>BAIXO GIRO 1.xlsx</t>
  </si>
  <si>
    <t>/o=exchangelabs/ou=exchange administrative group (fydibohf23spdlt)/cn=recipients/cn=5876a52919c440598f015f22bceb7eeb-antonio car,/o=exchangelabs/ou=exchange administrative group (fydibohf23spdlt)/cn=recipients/cn=8c01e71056fe4e1a8ecc4e24420bd9ef-fellyp cros,aleal@timbrasil.com.br,dl_network_ratna-bhe-tle@timbrasil.com.br,llana@timbrasil.com.br</t>
  </si>
  <si>
    <t>CURVA NORMAL - 07/10/2019</t>
  </si>
  <si>
    <t>viniciussg@algartech.com;</t>
  </si>
  <si>
    <t>SLA GRC - Set19.xlsx</t>
  </si>
  <si>
    <t>viniciussg@algartech.com</t>
  </si>
  <si>
    <t>/o=exchangelabs/ou=exchange administrative group (fydibohf23spdlt)/cn=recipients/cn=1a68fd0c71d242d89abd9f9904b69653-lidianne sa;/o=exchangelabs/ou=exchange administrative group (fydibohf23spdlt)/cn=recipients/cn=6da98ab9b2254d688a75ce822637acbf-ricardo de;/o=exchangelabs/ou=exchange administrative group (fydibohf23spdlt)/cn=recipients/cn=7010366a38334f4ea93ff55da14a3fd0-supervisore;</t>
  </si>
  <si>
    <t>ENC: Report Intradiário - Atendimento Cerrado - 07/10/2019</t>
  </si>
  <si>
    <t>Report Intradiário - Algar Tech - 10-19.xlsm</t>
  </si>
  <si>
    <t>/o=exchangelabs/ou=exchange administrative group (fydibohf23spdlt)/cn=recipients/cn=1a68fd0c71d242d89abd9f9904b69653-lidianne sa,/o=exchangelabs/ou=exchange administrative group (fydibohf23spdlt)/cn=recipients/cn=6da98ab9b2254d688a75ce822637acbf-ricardo de,/o=exchangelabs/ou=exchange administrative group (fydibohf23spdlt)/cn=recipients/cn=7010366a38334f4ea93ff55da14a3fd0-supervisore</t>
  </si>
  <si>
    <t>/o=exchangelabs/ou=exchange administrative group (fydibohf23spdlt)/cn=recipients/cn=e3778f57d65f4c17a6287602f9eb0cdc-alessandra;</t>
  </si>
  <si>
    <t>ENC: Incentivo Avon</t>
  </si>
  <si>
    <t>/o=exchangelabs/ou=exchange administrative group (fydibohf23spdlt)/cn=recipients/cn=e3778f57d65f4c17a6287602f9eb0cdc-alessandra</t>
  </si>
  <si>
    <t>C:\Users\simoneesm\OneDrive - Grupo Algar\Controle\ALGAR\FINANCEIRO\Orçamento Original\2020\1º semestre\PTH\08102019\</t>
  </si>
  <si>
    <t>Cópia de Template Orçamentário Pessoal - 2020_Simone Eloi.xlsx</t>
  </si>
  <si>
    <t>RES: ORÇAMENTO - PTH</t>
  </si>
  <si>
    <t>10.200.214.11</t>
  </si>
  <si>
    <t>/o=exchangelabs/ou=exchange administrative group (fydibohf23spdlt)/cn=recipients/cn=372a4aee70df4061aed129651510b96b-raul montei;/o=exchangelabs/ou=exchange administrative group (fydibohf23spdlt)/cn=recipients/cn=f7a4290a46314a3cbb0d392508a7b5c5-luciana sil;</t>
  </si>
  <si>
    <t>ENC: Rascunho Material Apresentação 09-10</t>
  </si>
  <si>
    <t>Caminhos para aumentar Vendas 2020.pptx\</t>
  </si>
  <si>
    <t>/o=exchangelabs/ou=exchange administrative group (fydibohf23spdlt)/cn=recipients/cn=372a4aee70df4061aed129651510b96b-raul montei,/o=exchangelabs/ou=exchange administrative group (fydibohf23spdlt)/cn=recipients/cn=f7a4290a46314a3cbb0d392508a7b5c5-luciana sil</t>
  </si>
  <si>
    <t>/o=exchangelabs/ou=exchange administrative group (fydibohf23spdlt)/cn=recipients/cn=1635ed1077024674b65c52767dacde9a-jullian pa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68e6aa2e3fef4ccaba997d98294c9ed5-cristina he;/o=exchangelabs/ou=exchange administrative group (fydibohf23spdlt)/cn=recipients/cn=88e4fcbd3ea14730a81286cc0683fb42-manoel eloy;/o=exchangelabs/ou=exchange administrative group (fydibohf23spdlt)/cn=recipients/cn=90bbd36f936b4bc78e1fbd0a7eb4aa7d-samantha du;/o=exchangelabs/ou=exchange administrative group (fydibohf23spdlt)/cn=recipients/cn=a78f7dae304e472e9f75bd537683f6e5-hugo de oli;/o=exchangelabs/ou=exchange administrative group (fydibohf23spdlt)/cn=recipients/cn=b712c36eebee42428d3790abe2696417-roma</t>
  </si>
  <si>
    <t>RES: SAC 24x 7- Redução PA´s HIBRIDO - Incremento RECLAMAÇAO</t>
  </si>
  <si>
    <t>ENC SAC 24x 7- Redução PAs VOZ.msg\s1\</t>
  </si>
  <si>
    <t>/o=exchangelabs/ou=exchange administrative group (fydibohf23spdlt)/cn=recipients/cn=1635ed1077024674b65c52767dacde9a-jullian pa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68e6aa2e3fef4ccaba997d98294c9ed5-cristina he,/o=exchangelabs/ou=exchange administrative group (fydibohf23spdlt)/cn=recipients/cn=88e4fcbd3ea14730a81286cc0683fb42-manoel eloy,/o=exchangelabs/ou=exchange administrative group (fydibohf23spdlt)/cn=recipients/cn=90bbd36f936b4bc78e1fbd0a7eb4aa7d-samantha du,/o=exchangelabs/ou=exchange administrative group (fydibohf23spdlt)/cn=recipients/cn=a78f7dae304e472e9f75bd537683f6e5-hugo de oli,/o=exchangelabs/ou=exchange administrative group (fydibohf23spdlt)/cn=recipients/cn=b712c36eebee42428d3790abe2696417-roma</t>
  </si>
  <si>
    <t>/o=exchangelabs/ou=exchange administrative group (fydibohf23spdlt)/cn=recipients/cn=3d8a3ace44d54499a30000d5bd9dcba8-mirian tosh;/o=exchangelabs/ou=exchange administrative group (fydibohf23spdlt)/cn=recipients/cn=a4ba92cba10f4fe498074594f937f3b6-leandro lop;</t>
  </si>
  <si>
    <t>/o=exchangelabs/ou=exchange administrative group (fydibohf23spdlt)/cn=recipients/cn=3d8a3ace44d54499a30000d5bd9dcba8-mirian tosh,/o=exchangelabs/ou=exchange administrative group (fydibohf23spdlt)/cn=recipients/cn=a4ba92cba10f4fe498074594f937f3b6-leandro lop</t>
  </si>
  <si>
    <t>6738;</t>
  </si>
  <si>
    <t>Cadastro_NICE e NEXIDIA (3) - Televendas.xlsx</t>
  </si>
  <si>
    <t>http://6738</t>
  </si>
  <si>
    <t>carlossfj@algartech.com;christopherjs@algartech.com;claudiac.machado@bradesco.com.br;cristiano.j.cortez@bradesco.com.br;fernanda.l.pereira@bradesco.com.br;leandrolds@algartech.com;marina.yokogawa@bradesco.com.br;patriciaac@algartech.com;sarah.henrique@bradesco.com.br;vivianeppe@algartech.com;wiltonp@algartech.com;</t>
  </si>
  <si>
    <t>carlossfj@algartech.com,christopherjs@algartech.com,claudiac.machado@bradesco.com.br,cristiano.j.cortez@bradesco.com.br,fernanda.l.pereira@bradesco.com.br,leandrolds@algartech.com,marina.yokogawa@bradesco.com.br,patriciaac@algartech.com,sarah.henrique@bradesco.com.br,vivianeppe@algartech.com,wiltonp@algartech.com</t>
  </si>
  <si>
    <t>C:\Users\ricardobal\OneDrive - Grupo Algar\Algar Tecnologia\01 - CLIENTES\DOCUMENTOS DE APOIO\JURIDICO\</t>
  </si>
  <si>
    <t>/o=exchangelabs/ou=exchange administrative group (fydibohf23spdlt)/cn=recipients/cn=54861e79125f48cc952d00cf8160b9a8-jeferson fe;/o=exchangelabs/ou=exchange administrative group (fydibohf23spdlt)/cn=recipients/cn=d1d015f213f648abbf348b5ccdf8e9d9-senilda per;humbertoecj@algartech.com;</t>
  </si>
  <si>
    <t>RES: Limite Extra de Natal</t>
  </si>
  <si>
    <t>Layout arquivo de natal.csv</t>
  </si>
  <si>
    <t>/o=exchangelabs/ou=exchange administrative group (fydibohf23spdlt)/cn=recipients/cn=54861e79125f48cc952d00cf8160b9a8-jeferson fe,/o=exchangelabs/ou=exchange administrative group (fydibohf23spdlt)/cn=recipients/cn=d1d015f213f648abbf348b5ccdf8e9d9-senilda per,humbertoecj@algartech.com</t>
  </si>
  <si>
    <t>TABELA TOYOTA GERENCIAL.xlsx</t>
  </si>
  <si>
    <t>Pa improdutiva por intervalo</t>
  </si>
  <si>
    <t>PA-QUEBRADO_INTERVALO-SETEMBRO-.xlsx</t>
  </si>
  <si>
    <t>/o=exchangelabs/ou=exchange administrative group (fydibohf23spdlt)/cn=recipients/cn=4ada91d5dca14c9b91ce4ae2425863c4-raphael afo;/o=exchangelabs/ou=exchange administrative group (fydibohf23spdlt)/cn=recipients/cn=b3ad8a638fcc4c57bf8c7953dd4b3cb8-augusto ces;/o=exchangelabs/ou=exchange administrative group (fydibohf23spdlt)/cn=recipients/cn=e04f4a5c99bd4ba1b4ff9572d332b2b8-sarah de ab;</t>
  </si>
  <si>
    <t>Planilha modelo para classificação de ativos (chamado CSC)</t>
  </si>
  <si>
    <t>Classificação de Ativos.xlsx</t>
  </si>
  <si>
    <t>/o=exchangelabs/ou=exchange administrative group (fydibohf23spdlt)/cn=recipients/cn=4ada91d5dca14c9b91ce4ae2425863c4-raphael afo,/o=exchangelabs/ou=exchange administrative group (fydibohf23spdlt)/cn=recipients/cn=b3ad8a638fcc4c57bf8c7953dd4b3cb8-augusto ces,/o=exchangelabs/ou=exchange administrative group (fydibohf23spdlt)/cn=recipients/cn=e04f4a5c99bd4ba1b4ff9572d332b2b8-sarah de ab</t>
  </si>
  <si>
    <t>RES: Informação (estouro SLA) VALE</t>
  </si>
  <si>
    <t>Cópia de 6ad3219b81ff41b3a1b09aec66671ba8.xls</t>
  </si>
  <si>
    <t>mail.google.com/_/upload?authuser=1&amp;dcp=asu-n&amp;upload_id=AEnB2UpI59EUDuaD9FzWlVNY0RIVia6fh7yPdhSSvrBfHhzI2xPIpnWb13dsERATJio3IY_bjVprRXS2VEeH7fS2P_uFWuWEUg&amp;upload_protocol=resumable</t>
  </si>
  <si>
    <t>FORMULARIO_DE_CADASTRO_DE_FORNECEDOR_-_R12_e_SOMAR_-_Socios (3).xlsx</t>
  </si>
  <si>
    <t>/o=exchangelabs/ou=exchange administrative group (fydibohf23spdlt)/cn=recipients/cn=3fc2777bb8ee48fa9fadbf3ceb1b065d-cibele anal;/o=exchangelabs/ou=exchange administrative group (fydibohf23spdlt)/cn=recipients/cn=cd93dacc38404a95a829585c2e317a9f-dionizio ri;</t>
  </si>
  <si>
    <t>RES: Ação Final de Ano - Confirmar Mailing 3 clientes por Empresa</t>
  </si>
  <si>
    <t>Dia do Cliente 2019 - Algar Telecom.xlsx</t>
  </si>
  <si>
    <t>/o=exchangelabs/ou=exchange administrative group (fydibohf23spdlt)/cn=recipients/cn=3fc2777bb8ee48fa9fadbf3ceb1b065d-cibele anal,/o=exchangelabs/ou=exchange administrative group (fydibohf23spdlt)/cn=recipients/cn=cd93dacc38404a95a829585c2e317a9f-dionizio ri</t>
  </si>
  <si>
    <t>10.200.61.48</t>
  </si>
  <si>
    <t>\\acsfs\dsti\CITIM - Coordenação de Infra TI Implantação\FLUXO TRANSACIONAL\CLIENTES CTBC\FATURAMENTO\Parceria Telecom - Rafael\Faturamento Total\</t>
  </si>
  <si>
    <t>TRANSFERÊNCIAS ENTRE EMPRESAS INFRA.Set.xlsx</t>
  </si>
  <si>
    <t>CTH</t>
  </si>
  <si>
    <t>10.200.35.152</t>
  </si>
  <si>
    <t>1C-39-47-57-EB-9F</t>
  </si>
  <si>
    <t>NB-TULIOND</t>
  </si>
  <si>
    <t>tuliond</t>
  </si>
  <si>
    <t>\\acsfs\qld\gestão por processos\oficiais\indicadores\automação de processos\01 - aplicaÇÕes\01 - excel\18 - cdi - comunicado de dispensa 3.0\</t>
  </si>
  <si>
    <t>formulário - comunicado de dispensa 3.0.xls</t>
  </si>
  <si>
    <t>/o=exchangelabs/ou=exchange administrative group (fydibohf23spdlt)/cn=recipients/cn=cfc48e6960e745d5a5caa3a9584c60eb-leticia vie;</t>
  </si>
  <si>
    <t>RES: CAPEX 2019 (pré-closing) e CAPEX 2020 - (Abertura por empresa e CR)</t>
  </si>
  <si>
    <t>CAPEX_1ªREV_2019 - Real Jan a Jun.xlsx</t>
  </si>
  <si>
    <t>/o=exchangelabs/ou=exchange administrative group (fydibohf23spdlt)/cn=recipients/cn=cfc48e6960e745d5a5caa3a9584c60eb-leticia vie</t>
  </si>
  <si>
    <t>/o=exchangelabs/ou=exchange administrative group (fydibohf23spdlt)/cn=recipients/cn=0b6a994899de4cd3af0f6d1091e97ebf-arones abre;/o=exchangelabs/ou=exchange administrative group (fydibohf23spdlt)/cn=recipients/cn=1e2e97da71ef410ba6f7bc3d1bfa9175-antonio car;/o=exchangelabs/ou=exchange administrative group (fydibohf23spdlt)/cn=recipients/cn=c29ec9dae022497281c840087cccddec-patricia ar;</t>
  </si>
  <si>
    <t>Respostas Estácio</t>
  </si>
  <si>
    <t>Dúvidas AlgarTech - Respostas.xlsx</t>
  </si>
  <si>
    <t>/o=exchangelabs/ou=exchange administrative group (fydibohf23spdlt)/cn=recipients/cn=0b6a994899de4cd3af0f6d1091e97ebf-arones abre,/o=exchangelabs/ou=exchange administrative group (fydibohf23spdlt)/cn=recipients/cn=1e2e97da71ef410ba6f7bc3d1bfa9175-antonio car,/o=exchangelabs/ou=exchange administrative group (fydibohf23spdlt)/cn=recipients/cn=c29ec9dae022497281c840087cccddec-patricia ar</t>
  </si>
  <si>
    <t>ENC: 215367 - BMG - Solicitação de Ticket Manager e Analista de Governança.</t>
  </si>
  <si>
    <t>215367 - Plan Precificacao C017 B017.xlsb</t>
  </si>
  <si>
    <t>crcevmc@algartech.com.br;hamiltoniof@algartech.com.br;natalia.toma@bradesco.com.br;</t>
  </si>
  <si>
    <t>RES: Propostas Arcos Dourados</t>
  </si>
  <si>
    <t>PLANILHA DE PARAMETRIZAÇÃO - COMPID 1 - B2B.xlsm</t>
  </si>
  <si>
    <t>crcevmc@algartech.com.br,hamiltoniof@algartech.com.br,natalia.toma@bradesco.com.br</t>
  </si>
  <si>
    <t>/o=exchangelabs/ou=exchange administrative group (fydibohf23spdlt)/cn=recipients/cn=6857e7b89b5f46e3b6aed2352ac8d5ac-carlos albe;/o=exchangelabs/ou=exchange administrative group (fydibohf23spdlt)/cn=recipients/cn=a5f3c22313d74f5cbd68347bb02489b8-lilian lima;</t>
  </si>
  <si>
    <t>RES: Apresentação CSC</t>
  </si>
  <si>
    <t>5W2H - Calibração Unica.xlsx</t>
  </si>
  <si>
    <t>/o=exchangelabs/ou=exchange administrative group (fydibohf23spdlt)/cn=recipients/cn=6857e7b89b5f46e3b6aed2352ac8d5ac-carlos albe,/o=exchangelabs/ou=exchange administrative group (fydibohf23spdlt)/cn=recipients/cn=a5f3c22313d74f5cbd68347bb02489b8-lilian lima</t>
  </si>
  <si>
    <t>/o=exchangelabs/ou=exchange administrative group (fydibohf23spdlt)/cn=recipients/cn=b4af4243d22d4dfa8c6b1830b913b4d3-caio cesar;/o=exchangelabs/ou=exchange administrative group (fydibohf23spdlt)/cn=recipients/cn=thiago oliveira reis;</t>
  </si>
  <si>
    <t>RES: Caso novata Herika</t>
  </si>
  <si>
    <t>ENC STH para Retenção Algar Telecom.msg\s1\</t>
  </si>
  <si>
    <t>ABERTRUA DE STH RETENÇÃO SETEMBRO.xlsx</t>
  </si>
  <si>
    <t>/o=exchangelabs/ou=exchange administrative group (fydibohf23spdlt)/cn=recipients/cn=b4af4243d22d4dfa8c6b1830b913b4d3-caio cesar,/o=exchangelabs/ou=exchange administrative group (fydibohf23spdlt)/cn=recipients/cn=thiago oliveira reis</t>
  </si>
  <si>
    <t>10.200.61.45</t>
  </si>
  <si>
    <t>FC-01-7C-C0-97-09</t>
  </si>
  <si>
    <t>NB-REGINALDORT</t>
  </si>
  <si>
    <t>reginaldort</t>
  </si>
  <si>
    <t>reginaldort@algartech.com</t>
  </si>
  <si>
    <t>ken=ac4w5vipkk80nj796n6t3_3gljidt2vjca:1570448597717&amp;;</t>
  </si>
  <si>
    <t>C:\Users\reginaldort\Documents\CTI\Equipe\IT Organization\</t>
  </si>
  <si>
    <t>RELATÓRIO DE CUSTOS TI_v10.xlsx</t>
  </si>
  <si>
    <t>ken=ac4w5vipkk80nj796n6t3_3gljidt2vjca:1570448597717&amp;</t>
  </si>
  <si>
    <t>mail.google.com/_/upload?authuser=0&amp;dcp=asu-n&amp;upload_id=AEnB2UrCSA8AFMnUpTRu-ivMqPdnllufgQF-0Y2QZOmIxg2K6URiSB778_EzcbTgpX5o9GLPeCgkMObrHQd25d1HCAQnaWjk1w&amp;upload_protocol=resumable</t>
  </si>
  <si>
    <t>C:\Users\raphaelapm\Desktop\MATERIAL DYNAMICS\DESORGANIZADOS\1-Modelos de importação\PJ_URR_AGÊNCIAS\</t>
  </si>
  <si>
    <t>mail.google.com/_/upload?authuser=0&amp;dcp=asu-n&amp;upload_id=AEnB2UrsA_t8HULGymCPx37TaHq9anLF3MVnV_Dm9NMZRO6A-iXBmq-goGNIj0vxNoxqAHlAuCXGmKRLF5juEzjJKO4JE_F3qTXRFW6xjlpJ-EjO3z_Br7U&amp;upload_protocol=resumable</t>
  </si>
  <si>
    <t>Importação AGENCIAS Julho 2019.xlsx</t>
  </si>
  <si>
    <t>mail.google.com/_/upload?authuser=1&amp;dcp=asu-n&amp;upload_id=AEnB2UqNQxxsZdbgpUDPb94LKOAjhgRX1qtlmVwcyYBjitjVxcn8fdT0ns9GgPHo6i0GzhdfrWQcdPC8zNyG1t7fkbxD765brQ&amp;upload_protocol=resumable</t>
  </si>
  <si>
    <t>mail.google.com/_/upload?authuser=1&amp;dcp=asu-n&amp;upload_id=AEnB2UqJO-8lumCQOxUM_Bu_RT7HPVo8rcPxJo96DeJBLYzVsgqStdfAifMZEQiryQlgC5sCW-CaoVfSum-NKH66USmpzT9GUw&amp;upload_protocol=resumable</t>
  </si>
  <si>
    <t>Qualidade - Set 2019.xlsx</t>
  </si>
  <si>
    <t>Formulario-Correcao_PO.XLSX</t>
  </si>
  <si>
    <t>/o=exchangelabs/ou=exchange administrative group (fydibohf23spdlt)/cn=recipients/cn=336c389d0315415fa23b83ecb070ae47-algar tech;</t>
  </si>
  <si>
    <t>RES: Chamado 492114 Tech online</t>
  </si>
  <si>
    <t>/o=exchangelabs/ou=exchange administrative group (fydibohf23spdlt)/cn=recipients/cn=336c389d0315415fa23b83ecb070ae47-algar tech</t>
  </si>
  <si>
    <t>ENC: FECHAMENTO RATEIO SETEMBRO 2019</t>
  </si>
  <si>
    <t>FECHAMENTO RATEIO 2019.xls</t>
  </si>
  <si>
    <t>mail.google.com/_/upload?authuser=0&amp;dcp=asu-n&amp;upload_id=AEnB2Uo1w1uWb27umwOVishV-ztp2rfrN7EE3IuARhmQALotlcGkOHH1F0yvFFRNXRN20iyKf2QegOHmeO3F_BUIabmRKc7G9BYUpb28j9LPigpdVBTDvjs&amp;upload_protocol=resumable</t>
  </si>
  <si>
    <t>Formulário de Dúvidas Tributárias ISS.xlsx</t>
  </si>
  <si>
    <t>/o=exchangelabs/ou=exchange administrative group (fydibohf23spdlt)/cn=recipients/cn=3262123ab1534746a91b362bb3b84436-higor silva;/o=exchangelabs/ou=exchange administrative group (fydibohf23spdlt)/cn=recipients/cn=98ea30ba409149f69837fad4ccd70171-leonardo el;</t>
  </si>
  <si>
    <t>ENC: Pagamento contingências e Depósitos</t>
  </si>
  <si>
    <t>Pagamento contingência e Depósitos.xlsx</t>
  </si>
  <si>
    <t>/o=exchangelabs/ou=exchange administrative group (fydibohf23spdlt)/cn=recipients/cn=3262123ab1534746a91b362bb3b84436-higor silva,/o=exchangelabs/ou=exchange administrative group (fydibohf23spdlt)/cn=recipients/cn=98ea30ba409149f69837fad4ccd70171-leonardo el</t>
  </si>
  <si>
    <t>/o=exchangelabs/ou=exchange administrative group (fydibohf23spdlt)/cn=recipients/cn=0bafe1ed27024338be4e911e19871cd1-william rob;/o=exchangelabs/ou=exchange administrative group (fydibohf23spdlt)/cn=recipients/cn=3fb6ab7b213844aaa9f4b7b177d40270-diogo rober;/o=exchangelabs/ou=exchange administrative group (fydibohf23spdlt)/cn=recipients/cn=c6f5c50e91244036872327464dc6624a-cinthia mar;/o=exchangelabs/ou=exchange administrative group (fydibohf23spdlt)/cn=recipients/cn=wilson achilles alves pereira neto - 004255;</t>
  </si>
  <si>
    <t>RFP Unimed Seguros</t>
  </si>
  <si>
    <t>/o=exchangelabs/ou=exchange administrative group (fydibohf23spdlt)/cn=recipients/cn=0bafe1ed27024338be4e911e19871cd1-william rob,/o=exchangelabs/ou=exchange administrative group (fydibohf23spdlt)/cn=recipients/cn=3fb6ab7b213844aaa9f4b7b177d40270-diogo rober,/o=exchangelabs/ou=exchange administrative group (fydibohf23spdlt)/cn=recipients/cn=c6f5c50e91244036872327464dc6624a-cinthia mar,/o=exchangelabs/ou=exchange administrative group (fydibohf23spdlt)/cn=recipients/cn=wilson achilles alves pereira neto - 004255</t>
  </si>
  <si>
    <t>https://caey.fa.us2.oraclecloud.com/crmui/faces/fusewelcome?_adf.ctrl-state=u3jxydo1a_5</t>
  </si>
  <si>
    <t>C:\Users\ricardobal\OneDrive - Grupo Algar\Algar Tecnologia\01 - CLIENTES\DATACOM\</t>
  </si>
  <si>
    <t>204282 - PLANILHA TRANSACIONAL.xlsx</t>
  </si>
  <si>
    <t>mail.google.com/_/upload?authuser=0&amp;dcp=asu-n&amp;upload_id=AEnB2Uq_pTlprdDWO0v1vR1u7n6P7uDsUmX6GxyiyRJR0-m7szPy6Mdd9iNsl8mcvF9ZfxdbpAICQaeJs-gUciuIe3q2lNcVfQ&amp;upload_protocol=resumable</t>
  </si>
  <si>
    <t>\\acsfs\engeset\financeiro_ula\FATURAMENTO\11. Faturamento TIM Microsiga\VALIDAÇÃO MICROSIGA\</t>
  </si>
  <si>
    <t>MICROSIGA ISS.xlsx</t>
  </si>
  <si>
    <t>D:\OneDrive\AlgarTech\Pré-Vendas\Cliente\2019\Comfrio\178269 - Renovação Extensão Contratual\3 - Informações\</t>
  </si>
  <si>
    <t>/o=exchangelabs/ou=exchange administrative group (fydibohf23spdlt)/cn=recipients/cn=822f65115a2046059fff20a916dd90e9-thais marti;/o=exchangelabs/ou=exchange administrative group (fydibohf23spdlt)/cn=recipients/cn=b1a72fc2d0234efca84c7771ea70c7ee-roberta cri;daiane.alves@bradesco.com.br;eva.cordeiro@bradesco.com.br;poliane.amaral@bradesco.com.br;suzane.b.rodrigues@bradesco.com.br;</t>
  </si>
  <si>
    <t>RES: EBL</t>
  </si>
  <si>
    <t>Extra base line Fevereiro.xlsx</t>
  </si>
  <si>
    <t>/o=exchangelabs/ou=exchange administrative group (fydibohf23spdlt)/cn=recipients/cn=822f65115a2046059fff20a916dd90e9-thais marti,/o=exchangelabs/ou=exchange administrative group (fydibohf23spdlt)/cn=recipients/cn=b1a72fc2d0234efca84c7771ea70c7ee-roberta cri,daiane.alves@bradesco.com.br,eva.cordeiro@bradesco.com.br,poliane.amaral@bradesco.com.br,suzane.b.rodrigues@bradesco.com.br</t>
  </si>
  <si>
    <t>Liberacao_EPD_01 - Copia.xlsx</t>
  </si>
  <si>
    <t>/o=exchangelabs/ou=exchange administrative group (fydibohf23spdlt)/cn=recipients/cn=43cb74e00d3c492dbb631ee85133ea99-pre vendas;</t>
  </si>
  <si>
    <t>ENC: RES: Modelo Proposta Comercial Relatórios</t>
  </si>
  <si>
    <t>Book de Entregas - OFICIAL.xlsx</t>
  </si>
  <si>
    <t>/o=exchangelabs/ou=exchange administrative group (fydibohf23spdlt)/cn=recipients/cn=43cb74e00d3c492dbb631ee85133ea99-pre vendas</t>
  </si>
  <si>
    <t>mail.google.com/_/upload?authuser=0&amp;dcp=asu-n&amp;upload_id=AEnB2UoGm_1cXoSY7iBQR6F2CtYhoYtaEDdndDPXd8-p5RzxpVVc8rfY30X5vIw--zX3bCCzI400-C1wI_piAtVaxe10XWHIbQ&amp;upload_protocol=resumable</t>
  </si>
  <si>
    <t>/o=exchangelabs/ou=exchange administrative group (fydibohf23spdlt)/cn=recipients/cn=0ca6cc8d100949a7866a928f62ef5778-rosilene de;/o=exchangelabs/ou=exchange administrative group (fydibohf23spdlt)/cn=recipients/cn=a72a765de829420582b78941417073ac-karina rodr;/o=exchangelabs/ou=exchange administrative group (fydibohf23spdlt)/cn=recipients/cn=e39e329fc16a43329eb2766bae675122-mariana gon;/o=exchangelabs/ou=exchange administrative group (fydibohf23spdlt)/cn=recipients/cn=userd3ef8196;</t>
  </si>
  <si>
    <t>RES: Custo MIS - Orçamento 2020 - BP</t>
  </si>
  <si>
    <t>RECUPERAÇÃO DE CUSTO - ORÇAMENTO 2020.xlsx</t>
  </si>
  <si>
    <t>/o=exchangelabs/ou=exchange administrative group (fydibohf23spdlt)/cn=recipients/cn=0ca6cc8d100949a7866a928f62ef5778-rosilene de,/o=exchangelabs/ou=exchange administrative group (fydibohf23spdlt)/cn=recipients/cn=a72a765de829420582b78941417073ac-karina rodr,/o=exchangelabs/ou=exchange administrative group (fydibohf23spdlt)/cn=recipients/cn=e39e329fc16a43329eb2766bae675122-mariana gon,/o=exchangelabs/ou=exchange administrative group (fydibohf23spdlt)/cn=recipients/cn=userd3ef8196</t>
  </si>
  <si>
    <t>mail.google.com/_/upload?authuser=0&amp;dcp=asu-n&amp;upload_id=AEnB2UpbrgsW8dt8yn4dDrxGTLnoEyeoaWWbnICPy6M5XkHzbb1W_MCYoL_dhTA5mYz6QQRMaIs-X6dFZQsP20yn1-8PO55ge8SWOsffvlqAjJGpxtBLCzY&amp;upload_protocol=resumable</t>
  </si>
  <si>
    <t>/o=exchangelabs/ou=exchange administrative group (fydibohf23spdlt)/cn=recipients/cn=0bafe1ed27024338be4e911e19871cd1-william rob;/o=exchangelabs/ou=exchange administrative group (fydibohf23spdlt)/cn=recipients/cn=54abac0a4fdc4ad1bec39bb51d85eab1-victor hugo;/o=exchangelabs/ou=exchange administrative group (fydibohf23spdlt)/cn=recipients/cn=97bf0b4d6b424f9fbf91192510276150-renata de o;/o=exchangelabs/ou=exchange administrative group (fydibohf23spdlt)/cn=recipients/cn=c6f5c50e91244036872327464dc6624a-cinthia mar;</t>
  </si>
  <si>
    <t>RES: Notificação Cancelamento: ALGAR - EVEN</t>
  </si>
  <si>
    <t>341002141_Even_v1.xlsb</t>
  </si>
  <si>
    <t>/o=exchangelabs/ou=exchange administrative group (fydibohf23spdlt)/cn=recipients/cn=0bafe1ed27024338be4e911e19871cd1-william rob,/o=exchangelabs/ou=exchange administrative group (fydibohf23spdlt)/cn=recipients/cn=54abac0a4fdc4ad1bec39bb51d85eab1-victor hugo,/o=exchangelabs/ou=exchange administrative group (fydibohf23spdlt)/cn=recipients/cn=97bf0b4d6b424f9fbf91192510276150-renata de o,/o=exchangelabs/ou=exchange administrative group (fydibohf23spdlt)/cn=recipients/cn=c6f5c50e91244036872327464dc6624a-cinthia mar</t>
  </si>
  <si>
    <t>/o=exchangelabs/ou=exchange administrative group (fydibohf23spdlt)/cn=recipients/cn=8a0784ccebb14202a66b1b8f3a285b61-thais de al;/o=exchangelabs/ou=exchange administrative group (fydibohf23spdlt)/cn=recipients/cn=f8583aae88d4485dac542c395d25e6fc-diego dos r;</t>
  </si>
  <si>
    <t>EDP / SICOOB: Ativação de máquinas</t>
  </si>
  <si>
    <t>Liberacao_Sicoob_01.xlsx</t>
  </si>
  <si>
    <t>/o=exchangelabs/ou=exchange administrative group (fydibohf23spdlt)/cn=recipients/cn=8a0784ccebb14202a66b1b8f3a285b61-thais de al,/o=exchangelabs/ou=exchange administrative group (fydibohf23spdlt)/cn=recipients/cn=f8583aae88d4485dac542c395d25e6fc-diego dos r</t>
  </si>
  <si>
    <t>CORREÇÃO PN</t>
  </si>
  <si>
    <t>C:\Users\victorsm\OneDrive - Grupo Algar\04 - Trabalhos - Algar\06 - Diogo\Agent Utilization Report - setembro.7z\Agent Utilization Report\</t>
  </si>
  <si>
    <t>Agent Utilization Report 24.09.xlsx</t>
  </si>
  <si>
    <t>Agent Utilization Report 30.09.xlsx</t>
  </si>
  <si>
    <t>Agent_Utilization_Report 25.09.xlsx</t>
  </si>
  <si>
    <t>Agent_Utilization_Report 26.09.xlsx</t>
  </si>
  <si>
    <t>Agent_Utilization_Report 27.09.xlsx</t>
  </si>
  <si>
    <t>Agent_Utilization_Report 28.09.xlsx</t>
  </si>
  <si>
    <t>Agent_Utilization_Report 29.09.xlsx</t>
  </si>
  <si>
    <t>C:\Users\victorsm\OneDrive - Grupo Algar\04 - Trabalhos - Algar\06 - Diogo\Agent Login-Logout Details Report - setembro.7z\Agent Login-Logout Details Report\</t>
  </si>
  <si>
    <t>Agent Login-Logout Details Report 01.09.xlsx</t>
  </si>
  <si>
    <t>Agent Login-Logout Details Report 02.09 (1).xlsx</t>
  </si>
  <si>
    <t>Agent Login-Logout Details Report 02.09.xlsx</t>
  </si>
  <si>
    <t>Agent Login-Logout Details Report 03.09 (1).xlsx</t>
  </si>
  <si>
    <t>Agent Login-Logout Details Report 03.09.xlsx</t>
  </si>
  <si>
    <t>Agent Login-Logout Details Report 04.09 (1).xlsx</t>
  </si>
  <si>
    <t>Agent Login-Logout Details Report 04.09.xlsx</t>
  </si>
  <si>
    <t>Agent Login-Logout Details Report 05.09 (1).xlsx</t>
  </si>
  <si>
    <t>Agent Login-Logout Details Report 05.09.xlsx</t>
  </si>
  <si>
    <t>Agent Login-Logout Details Report 06.09 (1).xlsx</t>
  </si>
  <si>
    <t>Agent Login-Logout Details Report 06.09.xlsx</t>
  </si>
  <si>
    <t>Agent Login-Logout Details Report 07.09 (1).xlsx</t>
  </si>
  <si>
    <t>Agent Login-Logout Details Report 07.09.xlsx</t>
  </si>
  <si>
    <t>Agent Login-Logout Details Report 08.09 (1).xlsx</t>
  </si>
  <si>
    <t>Agent Login-Logout Details Report 08.09.xlsx</t>
  </si>
  <si>
    <t>Agent Login-Logout Details Report 09.09 (1).xlsx</t>
  </si>
  <si>
    <t>Agent Login-Logout Details Report 09.09.xlsx</t>
  </si>
  <si>
    <t>Agent Login-Logout Details Report 10.09 (1).xlsx</t>
  </si>
  <si>
    <t>Agent Login-Logout Details Report 10.09.xlsx</t>
  </si>
  <si>
    <t>Agent Login-Logout Details Report 11.09 (1).xlsx</t>
  </si>
  <si>
    <t>Agent Login-Logout Details Report 11.09.xlsx</t>
  </si>
  <si>
    <t>Agent Login-Logout Details Report 12.09 (1).xlsx</t>
  </si>
  <si>
    <t>Agent Login-Logout Details Report 12.09.xlsx</t>
  </si>
  <si>
    <t>Agent Login-Logout Details Report 13.09 (1).xlsx</t>
  </si>
  <si>
    <t>Agent Login-Logout Details Report 13.09.xlsx</t>
  </si>
  <si>
    <t>Agent Login-Logout Details Report 14.09 (1).xlsx</t>
  </si>
  <si>
    <t>Agent Login-Logout Details Report 14.09.xlsx</t>
  </si>
  <si>
    <t>Agent Login-Logout Details Report 15.09.xlsx</t>
  </si>
  <si>
    <t>Agent Login-Logout Details Report 16.09.xlsx</t>
  </si>
  <si>
    <t>Agent Login-Logout Details Report 17.09.xlsx</t>
  </si>
  <si>
    <t>Agent Login-Logout Details Report 18.09.xlsx</t>
  </si>
  <si>
    <t>Agent Login-Logout Details Report 19.09.xlsx</t>
  </si>
  <si>
    <t>Agent Login-Logout Details Report 30.09.xlsx</t>
  </si>
  <si>
    <t>Agent_Login-Logout_Details_Report 20.09.xlsx</t>
  </si>
  <si>
    <t>Agent_Login-Logout_Details_Report 21.09.xlsx</t>
  </si>
  <si>
    <t>Agent_Login-Logout_Details_Report 24.09.xlsx</t>
  </si>
  <si>
    <t>Agent_Login-Logout_Details_Report 25.09.xlsx</t>
  </si>
  <si>
    <t>Agent_Login-Logout_Details_Report 26.09.xlsx</t>
  </si>
  <si>
    <t>Agent_Login-Logout_Details_Report 27.09.xlsx</t>
  </si>
  <si>
    <t>Agent_Login-Logout_Details_Report 28.09.xlsx</t>
  </si>
  <si>
    <t>Agent_Login-Logout_Details_Report 29.09.xlsx</t>
  </si>
  <si>
    <t>C:\Users\victorsm\OneDrive - Grupo Algar\04 - Trabalhos - Algar\06 - Diogo\Agent State Details Report- setembro.7z\Agent State Details Report\</t>
  </si>
  <si>
    <t>Agent State Details Report 01.09.xlsx</t>
  </si>
  <si>
    <t>Agent State Details Report 02.09.xlsx</t>
  </si>
  <si>
    <t>Agent State Details Report 03.09.xlsx</t>
  </si>
  <si>
    <t>Agent State Details Report 04.09.xlsx</t>
  </si>
  <si>
    <t>Agent State Details Report 05.09.xlsx</t>
  </si>
  <si>
    <t>Agent State Details Report 06.09.xlsx</t>
  </si>
  <si>
    <t>Agent State Details Report 07.09.xlsx</t>
  </si>
  <si>
    <t>Agent State Details Report 08.09.xlsx</t>
  </si>
  <si>
    <t>Agent State Details Report 09.09.xlsx</t>
  </si>
  <si>
    <t>Agent State Details Report 10.09.xlsx</t>
  </si>
  <si>
    <t>Agent State Details Report 11.09.xlsx</t>
  </si>
  <si>
    <t>Agent State Details Report 12.09.xlsx</t>
  </si>
  <si>
    <t>Agent State Details Report 13.09.xlsx</t>
  </si>
  <si>
    <t>Agent State Details Report 14.09.xlsx</t>
  </si>
  <si>
    <t>Agent State Details Report 15.09.xlsx</t>
  </si>
  <si>
    <t>Agent State Details Report 16.09.xlsx</t>
  </si>
  <si>
    <t>Agent State Details Report 17.09.xlsx</t>
  </si>
  <si>
    <t>Agent State Details Report 18.09.xlsx</t>
  </si>
  <si>
    <t>Agent State Details Report 19.09.xlsx</t>
  </si>
  <si>
    <t>Agent State Details Report 30.09.xlsx</t>
  </si>
  <si>
    <t>Agent_State_Details_Report 20.09.xlsx</t>
  </si>
  <si>
    <t>Agent_State_Details_Report 21.09.xlsx</t>
  </si>
  <si>
    <t>Agent_State_Details_Report 22.09.xlsx</t>
  </si>
  <si>
    <t>Agent_State_Details_Report 23.09.xlsx</t>
  </si>
  <si>
    <t>Agent_State_Details_Report 24.09.xlsx</t>
  </si>
  <si>
    <t>Agent_State_Details_Report 25.09.xlsx</t>
  </si>
  <si>
    <t>Agent_State_Details_Report 26.09.xlsx</t>
  </si>
  <si>
    <t>Agent_State_Details_Report 27.09.xlsx</t>
  </si>
  <si>
    <t>Agent_State_Details_Report 28.09.xlsx</t>
  </si>
  <si>
    <t>Agent_State_Details_Report 29.09.xlsx</t>
  </si>
  <si>
    <t>C:\Users\victorsm\OneDrive - Grupo Algar\04 - Trabalhos - Algar\06 - Diogo\Agent_Utilization_Report - Outubro.7z\Agent_Utilization_Report\</t>
  </si>
  <si>
    <t>Agent Utilization Report 02.10.xlsx</t>
  </si>
  <si>
    <t>Agent Utilization Report 03.10.xlsx</t>
  </si>
  <si>
    <t>Agent_Utilization_Report 01.10.xlsx</t>
  </si>
  <si>
    <t>Agent_Utilization_Report 04.10.xlsx</t>
  </si>
  <si>
    <t>Agent_Utilization_Report 05.10.xlsx</t>
  </si>
  <si>
    <t>Agent_Utilization_Report 06.10.xlsx</t>
  </si>
  <si>
    <t>C:\Users\victorsm\OneDrive - Grupo Algar\04 - Trabalhos - Algar\06 - Diogo\Agent_Login-Logout_Details_Report - Outubro.7z\Agent_Login-Logout_Details_Report\</t>
  </si>
  <si>
    <t>Agent Login-Logout Details Report 02.10.xlsx</t>
  </si>
  <si>
    <t>Agent Login-Logout Details Report 03.10.xlsx</t>
  </si>
  <si>
    <t>Agent_Login-Logout_Details_Report 01.10.xlsx</t>
  </si>
  <si>
    <t>Agent_Login-Logout_Details_Report 04.10.xlsx</t>
  </si>
  <si>
    <t>Agent_Login-Logout_Details_Report 05.10.xlsx</t>
  </si>
  <si>
    <t>Agent_Login-Logout_Details_Report 06.10.xlsx</t>
  </si>
  <si>
    <t>C:\Users\victorsm\OneDrive - Grupo Algar\04 - Trabalhos - Algar\06 - Diogo\Agent_State_Details_Report - Outubro.7z\Agent_State_Details_Report\</t>
  </si>
  <si>
    <t>Agent State Details Report 02.10.xlsx</t>
  </si>
  <si>
    <t>Agent State Details Report 03.10.xlsx</t>
  </si>
  <si>
    <t>Agent_State_Details_Report 01.10.xlsx</t>
  </si>
  <si>
    <t>Agent_State_Details_Report 04.10.xlsx</t>
  </si>
  <si>
    <t>Agent_State_Details_Report 05.10.xlsx</t>
  </si>
  <si>
    <t>Agent_State_Details_Report 06.10.xlsx</t>
  </si>
  <si>
    <t>/o=exchangelabs/ou=exchange administrative group (fydibohf23spdlt)/cn=recipients/cn=79705c5b9e1e457793f9930bc49e887a-claudia mac;/o=exchangelabs/ou=exchange administrative group (fydibohf23spdlt)/cn=recipients/cn=830ba83a6b9b441ab3f8d8b3a47d0ffe-angelica ma;/o=exchangelabs/ou=exchange administrative group (fydibohf23spdlt)/cn=recipients/cn=a4725b7c782941fda1d1c00ae0ff9e26-camiller mo;/o=exchangelabs/ou=exchange administrative group (fydibohf23spdlt)/cn=recipients/cn=a64358504a8645ceb4699161acd442b8-patricia le;/o=exchangelabs/ou=exchange administrative group (fydibohf23spdlt)/cn=recipients/cn=f87f494a8d1d405d8a7b42a51dd5ab84-iris eugeni;</t>
  </si>
  <si>
    <t>ENC: RES: RES: Follow Up Atualizado 03-10-19 (turma manhã)</t>
  </si>
  <si>
    <t>Copia de FICHA CADASTRAL (1).xlsx</t>
  </si>
  <si>
    <t>/o=exchangelabs/ou=exchange administrative group (fydibohf23spdlt)/cn=recipients/cn=79705c5b9e1e457793f9930bc49e887a-claudia mac,/o=exchangelabs/ou=exchange administrative group (fydibohf23spdlt)/cn=recipients/cn=830ba83a6b9b441ab3f8d8b3a47d0ffe-angelica ma,/o=exchangelabs/ou=exchange administrative group (fydibohf23spdlt)/cn=recipients/cn=a4725b7c782941fda1d1c00ae0ff9e26-camiller mo,/o=exchangelabs/ou=exchange administrative group (fydibohf23spdlt)/cn=recipients/cn=a64358504a8645ceb4699161acd442b8-patricia le,/o=exchangelabs/ou=exchange administrative group (fydibohf23spdlt)/cn=recipients/cn=f87f494a8d1d405d8a7b42a51dd5ab84-iris eugeni</t>
  </si>
  <si>
    <t>/o=exchangelabs/ou=exchange administrative group (fydibohf23spdlt)/cn=recipients/cn=590012d55fae421587844918af7bc53c-daiane mari;/o=exchangelabs/ou=exchange administrative group (fydibohf23spdlt)/cn=recipients/cn=6bc6ced03b1b4fafa41bb5c70c178940-antonio per;/o=exchangelabs/ou=exchange administrative group (fydibohf23spdlt)/cn=recipients/cn=f50351055a2944cebcbdc18a918945d6-gustavo res;</t>
  </si>
  <si>
    <t>RES: Orçamento 2020 - BPs Toyota e BV</t>
  </si>
  <si>
    <t>178274 EDP BP Advanced Collection v4.3 Ajuste solicitado pelo PMO.xlsb</t>
  </si>
  <si>
    <t>/o=exchangelabs/ou=exchange administrative group (fydibohf23spdlt)/cn=recipients/cn=590012d55fae421587844918af7bc53c-daiane mari,/o=exchangelabs/ou=exchange administrative group (fydibohf23spdlt)/cn=recipients/cn=6bc6ced03b1b4fafa41bb5c70c178940-antonio per,/o=exchangelabs/ou=exchange administrative group (fydibohf23spdlt)/cn=recipients/cn=f50351055a2944cebcbdc18a918945d6-gustavo res</t>
  </si>
  <si>
    <t>10.200.32.13</t>
  </si>
  <si>
    <t>D0-94-66-A2-59-FD</t>
  </si>
  <si>
    <t>TI-D16P</t>
  </si>
  <si>
    <t>leandroal</t>
  </si>
  <si>
    <t>leandroal@algartech.com</t>
  </si>
  <si>
    <t>C:\Users\leandroal.ACS\Documents\</t>
  </si>
  <si>
    <t>Id Livres DAC2.xlsx</t>
  </si>
  <si>
    <t>10.200.39.51</t>
  </si>
  <si>
    <t>90-CD-B6-A4-0E-63</t>
  </si>
  <si>
    <t>NB-BRUNOCR</t>
  </si>
  <si>
    <t>hewertontr</t>
  </si>
  <si>
    <t>C:\Users\hewertontr\OneDrive - Grupo Algar\Transição Escopo B\</t>
  </si>
  <si>
    <t>ENC: Emails Time Algar</t>
  </si>
  <si>
    <t>Analise Tarefas por Volume.xlsx.msg\s1\</t>
  </si>
  <si>
    <t>Analise Tarefas por Volume.xlsx</t>
  </si>
  <si>
    <t>/o=exchangelabs/ou=exchange administrative group (fydibohf23spdlt)/cn=recipients/cn=685a6c7fa4684b9ab51c683ec151a83c-kelly crist;/o=exchangelabs/ou=exchange administrative group (fydibohf23spdlt)/cn=recipients/cn=8c253c95243a40aa99c9416b7eb70a2a-julio cesar;/o=exchangelabs/ou=exchange administrative group (fydibohf23spdlt)/cn=recipients/cn=ffac67121fe44ee99a9e20917aba08be-nubia fraga;/o=exchangelabs/ou=exchange administrative group (fydibohf23spdlt)/cn=recipients/cn=tatiane de souza lemes panato_aed47a633b;</t>
  </si>
  <si>
    <t>RES: Prestação de contas Murer</t>
  </si>
  <si>
    <t>Cópia de Cópia de Cópia de Prestação de contas mes 04 à 07.xlsx</t>
  </si>
  <si>
    <t>/o=exchangelabs/ou=exchange administrative group (fydibohf23spdlt)/cn=recipients/cn=685a6c7fa4684b9ab51c683ec151a83c-kelly crist,/o=exchangelabs/ou=exchange administrative group (fydibohf23spdlt)/cn=recipients/cn=8c253c95243a40aa99c9416b7eb70a2a-julio cesar,/o=exchangelabs/ou=exchange administrative group (fydibohf23spdlt)/cn=recipients/cn=ffac67121fe44ee99a9e20917aba08be-nubia fraga,/o=exchangelabs/ou=exchange administrative group (fydibohf23spdlt)/cn=recipients/cn=tatiane de souza lemes panato_aed47a633b</t>
  </si>
  <si>
    <t>claudia.siqueira@bradesco.com.br;</t>
  </si>
  <si>
    <t>ENC Funcionário sem acesso ao sistema.msg\s1\</t>
  </si>
  <si>
    <t>claudia.siqueira@bradesco.com.br</t>
  </si>
  <si>
    <t>INCENTIVOS FISCAIS - diretrizes para empresas Algar 2020.xlsx</t>
  </si>
  <si>
    <t>mail.google.com/_/upload?authuser=1&amp;dcp=asu-n&amp;upload_id=AEnB2UrVMVdTIILORscg2qpbMqD7RMppg8IvRDo1HS2bXvVURfWJMRbUp0vHdih7zI7zhqrog3mc_NPppD2LW1Wo7-9fajRyUw&amp;upload_protocol=resumable</t>
  </si>
  <si>
    <t>/o=exchangelabs/ou=exchange administrative group (fydibohf23spdlt)/cn=recipients/cn=a82602e26d47439f90f16b89546846ba-edmir rodri;</t>
  </si>
  <si>
    <t>ENC: Faturamento - Contrato 26/2019 (ALGAR) - Setembro/2019</t>
  </si>
  <si>
    <t>Chamados OTRS setembro 2019.xlsx</t>
  </si>
  <si>
    <t>/o=exchangelabs/ou=exchange administrative group (fydibohf23spdlt)/cn=recipients/cn=a82602e26d47439f90f16b89546846ba-edmir rodri</t>
  </si>
  <si>
    <t>C:\Users\rafaelqs\Desktop\Simulação Engeset\</t>
  </si>
  <si>
    <t>Simulação_desmobilização_GST_AVISO PRÉVIO INDENIZADO_.xlsx</t>
  </si>
  <si>
    <t>/o=exchangelabs/ou=exchange administrative group (fydibohf23spdlt)/cn=recipients/cn=10c614e1eddb439aa2a8538338cebbc9-victor hugo;/o=exchangelabs/ou=exchange administrative group (fydibohf23spdlt)/cn=recipients/cn=1e212ef08dab4f26b88cba944f2ab7cb-pmo.governa;/o=exchangelabs/ou=exchange administrative group (fydibohf23spdlt)/cn=recipients/cn=433c44314b25411787c58f7b0b761a9c-augusto afo;/o=exchangelabs/ou=exchange administrative group (fydibohf23spdlt)/cn=recipients/cn=66edf19ebc2742d0aad16b8a34a09b10-andre luiz;/o=exchangelabs/ou=exchange administrative group (fydibohf23spdlt)/cn=recipients/cn=f0723cfec25d44359e10a3afabfe3d5f-ederlei rod;/o=exchangelabs/ou=exchange administrative group (fydibohf23spdlt)/cn=recipients/cn=f5f7ffc4621a4b47bb019ef685cde9e4-filipe junq;</t>
  </si>
  <si>
    <t>Change - AVCB | Construção da Escada Site 2</t>
  </si>
  <si>
    <t>SOLICITAÇÃO DE CHANGE - AVCB ( Construção de Escada Site 2 ).pptx\</t>
  </si>
  <si>
    <t>/o=exchangelabs/ou=exchange administrative group (fydibohf23spdlt)/cn=recipients/cn=10c614e1eddb439aa2a8538338cebbc9-victor hugo,/o=exchangelabs/ou=exchange administrative group (fydibohf23spdlt)/cn=recipients/cn=1e212ef08dab4f26b88cba944f2ab7cb-pmo.governa,/o=exchangelabs/ou=exchange administrative group (fydibohf23spdlt)/cn=recipients/cn=433c44314b25411787c58f7b0b761a9c-augusto afo,/o=exchangelabs/ou=exchange administrative group (fydibohf23spdlt)/cn=recipients/cn=66edf19ebc2742d0aad16b8a34a09b10-andre luiz,/o=exchangelabs/ou=exchange administrative group (fydibohf23spdlt)/cn=recipients/cn=f0723cfec25d44359e10a3afabfe3d5f-ederlei rod,/o=exchangelabs/ou=exchange administrative group (fydibohf23spdlt)/cn=recipients/cn=f5f7ffc4621a4b47bb019ef685cde9e4-filipe junq</t>
  </si>
  <si>
    <t>alavancas</t>
  </si>
  <si>
    <t>Resumo alavancas Telefonia e Dados.xls</t>
  </si>
  <si>
    <t>Consolidado Parcial.xlsx</t>
  </si>
  <si>
    <t>mail.google.com/_/upload?authuser=0&amp;dcp=asu-n&amp;upload_id=AEnB2Up1FVoboSiRMcGrK17uI5jewWRO4XzZ9Cl1wx6DaA6LK0QN8naqEmka0-_aNy9Rk4rGvEJUZ4ASmhg6Jp1KatzSVj1qS0-jxiYZONsOdDNEek7P1Sw&amp;upload_protocol=resumable</t>
  </si>
  <si>
    <t>Cadastro Geral 28.xlsx</t>
  </si>
  <si>
    <t>Cadastro_NICE e NEXIDIA (3).xlsx</t>
  </si>
  <si>
    <t>/o=exchangelabs/ou=exchange administrative group (fydibohf23spdlt)/cn=recipients/cn=43cb74e00d3c492dbb631ee85133ea99-pre vendas;/o=exchangelabs/ou=exchange administrative group (fydibohf23spdlt)/cn=recipients/cn=ee68a2a53024446789dc480aef9c7a7c-joao gabrie;</t>
  </si>
  <si>
    <t>/o=exchangelabs/ou=exchange administrative group (fydibohf23spdlt)/cn=recipients/cn=43cb74e00d3c492dbb631ee85133ea99-pre vendas,/o=exchangelabs/ou=exchange administrative group (fydibohf23spdlt)/cn=recipients/cn=ee68a2a53024446789dc480aef9c7a7c-joao gabrie</t>
  </si>
  <si>
    <t>mail.google.com/_/upload?authuser=0&amp;dcp=asu-n&amp;upload_id=AEnB2Uqym3FIFICcSYknhspLb2on5uP5Vhg9wsrNcOnJcESrATbf1NbdMUtHWFo519WrfUrzJQrcAOiY0HCwJ1dx9qm4ixIMiQ&amp;upload_protocol=resumable</t>
  </si>
  <si>
    <t>lucasfbr@algartech.com;lucasm@algartech.com;marceloat@algartech.com;marcosvas@algartech.com;</t>
  </si>
  <si>
    <t>Servidores_Sem_ITCM.xlsx</t>
  </si>
  <si>
    <t>lucasfbr@algartech.com,lucasm@algartech.com,marceloat@algartech.com,marcosvas@algartech.com</t>
  </si>
  <si>
    <t>/o=exchangelabs/ou=exchange administrative group (fydibohf23spdlt)/cn=recipients/cn=55f846c335d7437f892f0b0d49c89e92-celma ribei;/o=exchangelabs/ou=exchange administrative group (fydibohf23spdlt)/cn=recipients/cn=e46cd96e8e9e452c8cc8ba65a6c4ec57-gustavo hen;</t>
  </si>
  <si>
    <t>ENC: Dados para apuração de RV</t>
  </si>
  <si>
    <t>/o=exchangelabs/ou=exchange administrative group (fydibohf23spdlt)/cn=recipients/cn=55f846c335d7437f892f0b0d49c89e92-celma ribei,/o=exchangelabs/ou=exchange administrative group (fydibohf23spdlt)/cn=recipients/cn=e46cd96e8e9e452c8cc8ba65a6c4ec57-gustavo hen</t>
  </si>
  <si>
    <t>marcella.silvestre@bradesco.com.br;</t>
  </si>
  <si>
    <t>ENC: Abbott - Urgente CRM:000580002302</t>
  </si>
  <si>
    <t>EBTA ABBOTT 07.10.xlsx</t>
  </si>
  <si>
    <t>marcella.silvestre@bradesco.com.br</t>
  </si>
  <si>
    <t>10.200.68.3</t>
  </si>
  <si>
    <t>/o=exchangelabs/ou=exchange administrative group (fydibohf23spdlt)/cn=recipients/cn=7094e3830c7149b2a48be9648c62854e-lorrana apa;/o=exchangelabs/ou=exchange administrative group (fydibohf23spdlt)/cn=recipients/cn=8f4e3aa524514f919832da77d1e13730-giselle nar;/o=exchangelabs/ou=exchange administrative group (fydibohf23spdlt)/cn=recipients/cn=d6cce5a70d504cc2ad89cee834cd59a9-luciana rib;</t>
  </si>
  <si>
    <t>Material para Gerencial</t>
  </si>
  <si>
    <t>/o=exchangelabs/ou=exchange administrative group (fydibohf23spdlt)/cn=recipients/cn=7094e3830c7149b2a48be9648c62854e-lorrana apa,/o=exchangelabs/ou=exchange administrative group (fydibohf23spdlt)/cn=recipients/cn=8f4e3aa524514f919832da77d1e13730-giselle nar,/o=exchangelabs/ou=exchange administrative group (fydibohf23spdlt)/cn=recipients/cn=d6cce5a70d504cc2ad89cee834cd59a9-luciana rib</t>
  </si>
  <si>
    <t>/o=exchangelabs/ou=exchange administrative group (fydibohf23spdlt)/cn=recipients/cn=32fe8a14424941da83c2bf35a8a5709e-fabiana car;</t>
  </si>
  <si>
    <t>RES: Estrutura Algar Telecom</t>
  </si>
  <si>
    <t>Rascunho Estrutura.xlsx</t>
  </si>
  <si>
    <t>/o=exchangelabs/ou=exchange administrative group (fydibohf23spdlt)/cn=recipients/cn=32fe8a14424941da83c2bf35a8a5709e-fabiana car</t>
  </si>
  <si>
    <t>emissaogerenciadapj@algartech.com.br;</t>
  </si>
  <si>
    <t>RES: EMISSÃO BTB_BRASIL PLURAL GESTAO DE RECURSOS LTDA//CNPJ 11397672000280 CRM:004730000135</t>
  </si>
  <si>
    <t>PLANILHA DE PARAMETRIZAÇÃO Hotel.xlsm</t>
  </si>
  <si>
    <t>emissaogerenciadapj@algartech.com.br</t>
  </si>
  <si>
    <t>Devices Tribanco 08-10-2019.xlsx</t>
  </si>
  <si>
    <t>10.200.57.65</t>
  </si>
  <si>
    <t>D8-9C-67-6F-33-CB</t>
  </si>
  <si>
    <t>NB-GUSTAVOFB</t>
  </si>
  <si>
    <t>gustavofbo</t>
  </si>
  <si>
    <t>C:\Users\gustavofbo\OneDrive - Grupo Algar\DAC\AVAYA\</t>
  </si>
  <si>
    <t>Servidores.xls</t>
  </si>
  <si>
    <t>RES: ABERTURA DE RELACIONAMENTO_PLURAL SA BANCO MULTIPLO CNPJ: 45246410000406 CRM:004060000154 - 75024</t>
  </si>
  <si>
    <t>10.211.2.146</t>
  </si>
  <si>
    <t>C:\Users\suelenmm\OneDrive - Grupo Algar\Gestão PVs\Política Comissão 2018\</t>
  </si>
  <si>
    <t>Apuracao 2018.xlsx</t>
  </si>
  <si>
    <t>Orçamento 2018.xls</t>
  </si>
  <si>
    <t>Consolidado Real Receita por Cliente - Jan a dez - 2018 v2.xlsx</t>
  </si>
  <si>
    <t>/o=exchangelabs/ou=exchange administrative group (fydibohf23spdlt)/cn=recipients/cn=49457acaa5584c6d8daec8f0ad186be2-carlos maur;</t>
  </si>
  <si>
    <t>Atingimento de Metas</t>
  </si>
  <si>
    <t>Oportunidades por data criação - bu approval - SEM NO GO E DUPLICADAS.xlsx</t>
  </si>
  <si>
    <t>/o=exchangelabs/ou=exchange administrative group (fydibohf23spdlt)/cn=recipients/cn=49457acaa5584c6d8daec8f0ad186be2-carlos maur</t>
  </si>
  <si>
    <t>eduardo.machado@codeploy.com.br;</t>
  </si>
  <si>
    <t>RES: Planejamento Operação Toyota</t>
  </si>
  <si>
    <t>DW Algar - Planejamento Intradiario Toyota Mob.xlsm</t>
  </si>
  <si>
    <t>eduardo.machado@codeploy.com.br</t>
  </si>
  <si>
    <t>Disparo_08.10.csv</t>
  </si>
  <si>
    <t>/o=exchangelabs/ou=exchange administrative group (fydibohf23spdlt)/cn=recipients/cn=43a054bacf514a8a9cdcb240b072cd47-cecilia mul;/o=exchangelabs/ou=exchange administrative group (fydibohf23spdlt)/cn=recipients/cn=6857e7b89b5f46e3b6aed2352ac8d5ac-carlos albe;/o=exchangelabs/ou=exchange administrative group (fydibohf23spdlt)/cn=recipients/cn=7f100576a0d642769861fae5d58c2022-diego barda;/o=exchangelabs/ou=exchange administrative group (fydibohf23spdlt)/cn=recipients/cn=8ab5e44d485043d59eb4f21463e63e6a-tays dos sa;/o=exchangelabs/ou=exchange administrative group (fydibohf23spdlt)/cn=recipients/cn=8f4e3aa524514f919832da77d1e13730-giselle nar;</t>
  </si>
  <si>
    <t>ENC: BKO + Midias - TOYOTA</t>
  </si>
  <si>
    <t>09 - PLAN TOYOTA GEXP.xlsx</t>
  </si>
  <si>
    <t>/o=exchangelabs/ou=exchange administrative group (fydibohf23spdlt)/cn=recipients/cn=43a054bacf514a8a9cdcb240b072cd47-cecilia mul,/o=exchangelabs/ou=exchange administrative group (fydibohf23spdlt)/cn=recipients/cn=6857e7b89b5f46e3b6aed2352ac8d5ac-carlos albe,/o=exchangelabs/ou=exchange administrative group (fydibohf23spdlt)/cn=recipients/cn=7f100576a0d642769861fae5d58c2022-diego barda,/o=exchangelabs/ou=exchange administrative group (fydibohf23spdlt)/cn=recipients/cn=8ab5e44d485043d59eb4f21463e63e6a-tays dos sa,/o=exchangelabs/ou=exchange administrative group (fydibohf23spdlt)/cn=recipients/cn=8f4e3aa524514f919832da77d1e13730-giselle nar</t>
  </si>
  <si>
    <t>C:\Users\luizedp\Downloads\</t>
  </si>
  <si>
    <t>Projeto_ISD_Banco_BMG - Consolidado (3).xlsx</t>
  </si>
  <si>
    <t>/o=exchangelabs/ou=exchange administrative group (fydibohf23spdlt)/cn=recipients/cn=2504d5028b6b4fb89d14a5df6031358d-jane carla;/o=exchangelabs/ou=exchange administrative group (fydibohf23spdlt)/cn=recipients/cn=55f846c335d7437f892f0b0d49c89e92-celma ribei;/o=exchangelabs/ou=exchange administrative group (fydibohf23spdlt)/cn=recipients/cn=61af722dd06149089cf1c867d796b8bc-delso estre;/o=exchangelabs/ou=exchange administrative group (fydibohf23spdlt)/cn=recipients/cn=a7d54e15e3a94d53b0b5014d75c8d080-wanessa bor;/o=exchangelabs/ou=exchange administrative group (fydibohf23spdlt)/cn=recipients/cn=e46cd96e8e9e452c8cc8ba65a6c4ec57-gustavo hen;</t>
  </si>
  <si>
    <t>Atingimentos EBIT_PLR out2019.xlsx</t>
  </si>
  <si>
    <t>/o=exchangelabs/ou=exchange administrative group (fydibohf23spdlt)/cn=recipients/cn=2504d5028b6b4fb89d14a5df6031358d-jane carla,/o=exchangelabs/ou=exchange administrative group (fydibohf23spdlt)/cn=recipients/cn=55f846c335d7437f892f0b0d49c89e92-celma ribei,/o=exchangelabs/ou=exchange administrative group (fydibohf23spdlt)/cn=recipients/cn=61af722dd06149089cf1c867d796b8bc-delso estre,/o=exchangelabs/ou=exchange administrative group (fydibohf23spdlt)/cn=recipients/cn=a7d54e15e3a94d53b0b5014d75c8d080-wanessa bor,/o=exchangelabs/ou=exchange administrative group (fydibohf23spdlt)/cn=recipients/cn=e46cd96e8e9e452c8cc8ba65a6c4ec57-gustavo hen</t>
  </si>
  <si>
    <t>Cálculo de Rateio Consolidado - Cópia (2).xlsx</t>
  </si>
  <si>
    <t>/o=exchangelabs/ou=exchange administrative group (fydibohf23spdlt)/cn=recipients/cn=2893fe31a22e4c70b0b2423facc65865-rodrigo de;</t>
  </si>
  <si>
    <t>RES: 2019 - Cálculo Rateio</t>
  </si>
  <si>
    <t>/o=exchangelabs/ou=exchange administrative group (fydibohf23spdlt)/cn=recipients/cn=2893fe31a22e4c70b0b2423facc65865-rodrigo de</t>
  </si>
  <si>
    <t>pa logada</t>
  </si>
  <si>
    <t>PA LOGADA - OUTUBRO.xlsm</t>
  </si>
  <si>
    <t>/o=exchangelabs/ou=exchange administrative group (fydibohf23spdlt)/cn=recipients/cn=55f846c335d7437f892f0b0d49c89e92-celma ribei;/o=exchangelabs/ou=exchange administrative group (fydibohf23spdlt)/cn=recipients/cn=8c89829ad534498fa4c85b5ac11174f1-suelen more;/o=exchangelabs/ou=exchange administrative group (fydibohf23spdlt)/cn=recipients/cn=d5130784dc81436d9511788de4df376c-jeciene gom;</t>
  </si>
  <si>
    <t>Projeto Precificação - Quick Wins Fase 1</t>
  </si>
  <si>
    <t>/o=exchangelabs/ou=exchange administrative group (fydibohf23spdlt)/cn=recipients/cn=55f846c335d7437f892f0b0d49c89e92-celma ribei,/o=exchangelabs/ou=exchange administrative group (fydibohf23spdlt)/cn=recipients/cn=8c89829ad534498fa4c85b5ac11174f1-suelen more,/o=exchangelabs/ou=exchange administrative group (fydibohf23spdlt)/cn=recipients/cn=d5130784dc81436d9511788de4df376c-jeciene gom</t>
  </si>
  <si>
    <t>https://assistant-us-south.watsonplatform.net/rest/v2/skills/30a65d10-8b53-4d85-9c04-f5ad8ff7bdeb/content</t>
  </si>
  <si>
    <t>entidades_software_bmg.csv</t>
  </si>
  <si>
    <t>\\acsfs\dsti\CIT- Coordenação de Inteligência de Tecnologia\05 - Gerenciamento Orçamento e Contabilização\5. Contabilidade 2019\10. Outubro\Despesa Antecipada\</t>
  </si>
  <si>
    <t>Formulário Despesa Antecipada_CR 1107.xls</t>
  </si>
  <si>
    <t>/o=exchangelabs/ou=exchange administrative group (fydibohf23spdlt)/cn=recipients/cn=f12a8a47728048b0a734508ea6226c04-michele dos;anapaula.beleli@temposervicos.com.br;mariajcb@algartech.com.br;</t>
  </si>
  <si>
    <t>RES: Base de analistas</t>
  </si>
  <si>
    <t>DADOS USUARIO SETEMBRO.xls</t>
  </si>
  <si>
    <t>/o=exchangelabs/ou=exchange administrative group (fydibohf23spdlt)/cn=recipients/cn=f12a8a47728048b0a734508ea6226c04-michele dos,anapaula.beleli@temposervicos.com.br,mariajcb@algartech.com.br</t>
  </si>
  <si>
    <t>RES: Planejamento Latam</t>
  </si>
  <si>
    <t>Dados Latam.xlsx</t>
  </si>
  <si>
    <t>Novo PTH PPE GAT 2020</t>
  </si>
  <si>
    <t>Novo PTH PPE GAT Orçamento 2020.xlsx</t>
  </si>
  <si>
    <t>Lista IT Forum</t>
  </si>
  <si>
    <t>Lista It Forum X - 4.xlsx</t>
  </si>
  <si>
    <t>/o=exchangelabs/ou=exchange administrative group (fydibohf23spdlt)/cn=recipients/cn=5dfe8d5a02e8410ea0e23aa72b428029-diego amara;/o=exchangelabs/ou=exchange administrative group (fydibohf23spdlt)/cn=recipients/cn=823ff3c9d5fe49399d544dd8d287e4b4-alexandre m;gessycaam@algartech.com;sabrinadtdmc@algartech.com;</t>
  </si>
  <si>
    <t>ENC: Base Deep Algar P2</t>
  </si>
  <si>
    <t>TEL_DUPLICADO.xlsx</t>
  </si>
  <si>
    <t>/o=exchangelabs/ou=exchange administrative group (fydibohf23spdlt)/cn=recipients/cn=5dfe8d5a02e8410ea0e23aa72b428029-diego amara,/o=exchangelabs/ou=exchange administrative group (fydibohf23spdlt)/cn=recipients/cn=823ff3c9d5fe49399d544dd8d287e4b4-alexandre m,gessycaam@algartech.com,sabrinadtdmc@algartech.com</t>
  </si>
  <si>
    <t>C:\OneDrive\OneDrive - Grupo Algar\bHVpem1kYUBhbGdhcnRlY2guY29t\content_cache\d44\d42\</t>
  </si>
  <si>
    <t>10.200.58.162</t>
  </si>
  <si>
    <t>48-51-B7-8F-E3-7D</t>
  </si>
  <si>
    <t>Resumo Escopo B</t>
  </si>
  <si>
    <t>/o=exchangelabs/ou=exchange administrative group (fydibohf23spdlt)/cn=recipients/cn=083204b1bd464d0fbbd2451a3a305923-katia gonca;/o=exchangelabs/ou=exchange administrative group (fydibohf23spdlt)/cn=recipients/cn=user1afea7a7;/o=exchangelabs/ou=exchange administrative group (fydibohf23spdlt)/cn=recipients/cn=userd3ef8196;</t>
  </si>
  <si>
    <t>RES: Resumo do Mailing 30-09-2019</t>
  </si>
  <si>
    <t>base bblend.xlsx</t>
  </si>
  <si>
    <t>/o=exchangelabs/ou=exchange administrative group (fydibohf23spdlt)/cn=recipients/cn=083204b1bd464d0fbbd2451a3a305923-katia gonca,/o=exchangelabs/ou=exchange administrative group (fydibohf23spdlt)/cn=recipients/cn=user1afea7a7,/o=exchangelabs/ou=exchange administrative group (fydibohf23spdlt)/cn=recipients/cn=userd3ef8196</t>
  </si>
  <si>
    <t>C:\Users\simoneesm\OneDrive - Grupo Algar\Controle\ALGAR\FINANCEIRO\Orçamento Original\2020\1º semestre\Demais Pacotes\08102019\</t>
  </si>
  <si>
    <t>341133111_CNJ - SD.xlsb</t>
  </si>
  <si>
    <t>10.200.58.231</t>
  </si>
  <si>
    <t>F8-16-54-BA-67-1F</t>
  </si>
  <si>
    <t>Ficha do Risco - Infra de TI - out19v1.xlsx</t>
  </si>
  <si>
    <t>/o=exchangelabs/ou=exchange administrative group (fydibohf23spdlt)/cn=recipients/cn=9e7c445894a4474a86a42a5f271a0d12-viviane res;/o=exchangelabs/ou=exchange administrative group (fydibohf23spdlt)/cn=recipients/cn=userdc05fc7c;</t>
  </si>
  <si>
    <t>ORÇAMENTO - DEMAIS PACOTES</t>
  </si>
  <si>
    <t>/o=exchangelabs/ou=exchange administrative group (fydibohf23spdlt)/cn=recipients/cn=9e7c445894a4474a86a42a5f271a0d12-viviane res,/o=exchangelabs/ou=exchange administrative group (fydibohf23spdlt)/cn=recipients/cn=userdc05fc7c</t>
  </si>
  <si>
    <t>\\acsfs\engeset\financeiro_ula\FATURAMENTO\08. Relatórios Faturamento\02- 2019\10.2019\</t>
  </si>
  <si>
    <t>RELATÓRIO FATURAMENTO 01.10.2019 A 08.10.2019.xlsx</t>
  </si>
  <si>
    <t>/o=exchangelabs/ou=exchange administrative group (fydibohf23spdlt)/cn=recipients/cn=33d249108a194f94ad1c0c445c411f81-sabrina vie;/o=exchangelabs/ou=exchange administrative group (fydibohf23spdlt)/cn=recipients/cn=6bc6ced03b1b4fafa41bb5c70c178940-antonio per;/o=exchangelabs/ou=exchange administrative group (fydibohf23spdlt)/cn=recipients/cn=e3778f57d65f4c17a6287602f9eb0cdc-alessandra;/o=exchangelabs/ou=exchange administrative group (fydibohf23spdlt)/cn=recipients/cn=f50351055a2944cebcbdc18a918945d6-gustavo res;</t>
  </si>
  <si>
    <t>RES: Consolidado_08102019</t>
  </si>
  <si>
    <t>Consolidado_08102019.xlsx</t>
  </si>
  <si>
    <t>/o=exchangelabs/ou=exchange administrative group (fydibohf23spdlt)/cn=recipients/cn=33d249108a194f94ad1c0c445c411f81-sabrina vie,/o=exchangelabs/ou=exchange administrative group (fydibohf23spdlt)/cn=recipients/cn=6bc6ced03b1b4fafa41bb5c70c178940-antonio per,/o=exchangelabs/ou=exchange administrative group (fydibohf23spdlt)/cn=recipients/cn=e3778f57d65f4c17a6287602f9eb0cdc-alessandra,/o=exchangelabs/ou=exchange administrative group (fydibohf23spdlt)/cn=recipients/cn=f50351055a2944cebcbdc18a918945d6-gustavo res</t>
  </si>
  <si>
    <t>Volume</t>
  </si>
  <si>
    <t>Cálculo de Rateio Consolidado - Cópia (3).xlsx</t>
  </si>
  <si>
    <t>reag_08.10.csv</t>
  </si>
  <si>
    <t>abilene.moraes@temposervicos.com.br;diegorm@algartech.com.br;emissaogerenciadapj@algartech.com.br;hamiltoniof@algartech.com.br;pablo.faria@temposervicos.com.br;pablonf@algartech.com.br;</t>
  </si>
  <si>
    <t>RES: Emissão_BTB_BRASIL PLURAL BANCO MULTIPLO CRM:004170000405</t>
  </si>
  <si>
    <t>RES ABERTURA DE RELACIONAMENTO_PLURAL SA BANCO MULTIPLO CNPJ 45246410000406 CRM004060000154 - 75024.msg\s1\</t>
  </si>
  <si>
    <t>abilene.moraes@temposervicos.com.br,diegorm@algartech.com.br,emissaogerenciadapj@algartech.com.br,hamiltoniof@algartech.com.br,pablo.faria@temposervicos.com.br,pablonf@algartech.com.br</t>
  </si>
  <si>
    <t>Base BW % Conversão - Out-2019 - Parcial - 07-10-2019.xlsm</t>
  </si>
  <si>
    <t>Produtividade RAF - Out-2019 - Parcial - 07-10-19.xlsm</t>
  </si>
  <si>
    <t>/o=exchangelabs/ou=exchange administrative group (fydibohf23spdlt)/cn=recipients/cn=1a68fd0c71d242d89abd9f9904b69653-lidianne sa;</t>
  </si>
  <si>
    <t>ENC: Indicador SLA Contratado - Setembro/19</t>
  </si>
  <si>
    <t>SLA GRC.xlsx</t>
  </si>
  <si>
    <t>/o=exchangelabs/ou=exchange administrative group (fydibohf23spdlt)/cn=recipients/cn=1a68fd0c71d242d89abd9f9904b69653-lidianne sa</t>
  </si>
  <si>
    <t>mail.google.com/_/upload?authuser=0&amp;dcp=asu-n&amp;upload_id=AEnB2UqBScUMys-Bme23MEAxGOXnCpaAAj-BSj4N1h7wa7qC4D5lXp5TV4LiCi04Lw-CFNIGhS9Rw2N86zGqilVzKwY68LHdhw&amp;upload_protocol=resumable</t>
  </si>
  <si>
    <t>\\acsfs\engeset\financeiro_ula\FATURAMENTO\22. Controle TIM\1. Acompanhamento de Faturamento\2019\10. Outubro\</t>
  </si>
  <si>
    <t>10_19- Acompanhamento Faturamento.xlsb</t>
  </si>
  <si>
    <t>ligiagb@algartech.com;</t>
  </si>
  <si>
    <t>ENC: Ranking e Avaliação - Jeito Tech de Gestão</t>
  </si>
  <si>
    <t>Gamification - Supervisores.xlsm</t>
  </si>
  <si>
    <t>ligiagb@algartech.com</t>
  </si>
  <si>
    <t>/o=exchangelabs/ou=exchange administrative group (fydibohf23spdlt)/cn=recipients/cn=1635ed1077024674b65c52767dacde9a-jullian pa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68e6aa2e3fef4ccaba997d98294c9ed5-cristina he;/o=exchangelabs/ou=exchange administrative group (fydibohf23spdlt)/cn=recipients/cn=88e4fcbd3ea14730a81286cc0683fb42-manoel eloy;/o=exchangelabs/ou=exchange administrative group (fydibohf23spdlt)/cn=recipients/cn=90bbd36f936b4bc78e1fbd0a7eb4aa7d-samantha du;/o=exchangelabs/ou=exchange administrative group (fydibohf23spdlt)/cn=recipients/cn=a78f7dae304e472e9f75bd537683f6e5-hugo de oli;/o=exchangelabs/ou=exchange administrative group (fydibohf23spdlt)/cn=recipients/cn=b1a72fc2d0234efca84c7771ea70c7ee-robe</t>
  </si>
  <si>
    <t>SAC 24x 7- Redução PA´s HIBRIDO - Incremento RECLAMAÇAO</t>
  </si>
  <si>
    <t>/o=exchangelabs/ou=exchange administrative group (fydibohf23spdlt)/cn=recipients/cn=1635ed1077024674b65c52767dacde9a-jullian pa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68e6aa2e3fef4ccaba997d98294c9ed5-cristina he,/o=exchangelabs/ou=exchange administrative group (fydibohf23spdlt)/cn=recipients/cn=88e4fcbd3ea14730a81286cc0683fb42-manoel eloy,/o=exchangelabs/ou=exchange administrative group (fydibohf23spdlt)/cn=recipients/cn=90bbd36f936b4bc78e1fbd0a7eb4aa7d-samantha du,/o=exchangelabs/ou=exchange administrative group (fydibohf23spdlt)/cn=recipients/cn=a78f7dae304e472e9f75bd537683f6e5-hugo de oli,/o=exchangelabs/ou=exchange administrative group (fydibohf23spdlt)/cn=recipients/cn=b1a72fc2d0234efca84c7771ea70c7ee-robe</t>
  </si>
  <si>
    <t>5 stars 08.10.csv</t>
  </si>
  <si>
    <t>Expansão Next: Classificação de Itens - Contratação desenvolvedor</t>
  </si>
  <si>
    <t>Classificacao_Itens_ExpansaoNext_01.xlsx</t>
  </si>
  <si>
    <t>C:\Users\luizmda\Desktop\</t>
  </si>
  <si>
    <t>Clientes ITO - Datacenter.xlsx</t>
  </si>
  <si>
    <t>/o=exchangelabs/ou=exchange administrative group (fydibohf23spdlt)/cn=recipients/cn=685a6c7fa4684b9ab51c683ec151a83c-kelly crist;/o=exchangelabs/ou=exchange administrative group (fydibohf23spdlt)/cn=recipients/cn=ffac67121fe44ee99a9e20917aba08be-nubia fraga;</t>
  </si>
  <si>
    <t>Prestação de contas Murer - Planilha revisada</t>
  </si>
  <si>
    <t>/o=exchangelabs/ou=exchange administrative group (fydibohf23spdlt)/cn=recipients/cn=685a6c7fa4684b9ab51c683ec151a83c-kelly crist,/o=exchangelabs/ou=exchange administrative group (fydibohf23spdlt)/cn=recipients/cn=ffac67121fe44ee99a9e20917aba08be-nubia fraga</t>
  </si>
  <si>
    <t>Análise Vol. Whats - Máscara Dash URA Digital Out-2019.xlsx</t>
  </si>
  <si>
    <t>/o=exchangelabs/ou=exchange administrative group (fydibohf23spdlt)/cn=recipients/cn=453b61456320491dad510b65b310018f-kelen crist;/o=exchangelabs/ou=exchange administrative group (fydibohf23spdlt)/cn=recipients/cn=9b3c029cc2ba4212bb4247e9ef6df7f1-andressa cr;/o=exchangelabs/ou=exchange administrative group (fydibohf23spdlt)/cn=recipients/cn=fcd29556c9bb456ab7f0a9f84fcf90d5-hyonara fer;adrianoms@algartech.com;anapscl@algartech.com;cristinahe@algartech.com;cristinahs@algartech.com;deborahvhw@algartech.com;elencassiapo@algartech.com;elencassiapo@algartech.com.br;eunice.pimenta@algartech.com;fabianacscg@algartech.com;fabianapm@algartech.com;julianatem@algartech.com;jussaragp@algartech.com;katiargf@algartech.com;khassiomp@algartech.com;luanaaoli@algartech.com;lucieneili@algartech.com;marcotvo@algartech.com;mariajcb@algartech.com;micheless@algartech.com;micheless@algartech.com.br;priscilalb@algartech.com;priscilalb@algartech.com.br;rafaelaas@algartech.com;sabrinagc@algartech.com;thaisaol@algartech.com.br;</t>
  </si>
  <si>
    <t>Relatório Raízes e Ofensores - ROF</t>
  </si>
  <si>
    <t>ROF-2019.xlsb</t>
  </si>
  <si>
    <t>/o=exchangelabs/ou=exchange administrative group (fydibohf23spdlt)/cn=recipients/cn=453b61456320491dad510b65b310018f-kelen crist,/o=exchangelabs/ou=exchange administrative group (fydibohf23spdlt)/cn=recipients/cn=9b3c029cc2ba4212bb4247e9ef6df7f1-andressa cr,/o=exchangelabs/ou=exchange administrative group (fydibohf23spdlt)/cn=recipients/cn=fcd29556c9bb456ab7f0a9f84fcf90d5-hyonara fer,adrianoms@algartech.com,anapscl@algartech.com,cristinahe@algartech.com,cristinahs@algartech.com,deborahvhw@algartech.com,elencassiapo@algartech.com,elencassiapo@algartech.com.br,eunice.pimenta@algartech.com,fabianacscg@algartech.com,fabianapm@algartech.com,julianatem@algartech.com,jussaragp@algartech.com,katiargf@algartech.com,khassiomp@algartech.com,luanaaoli@algartech.com,lucieneili@algartech.com,marcotvo@algartech.com,mariajcb@algartech.com,micheless@algartech.com,micheless@algartech.com.br,priscilalb@algartech.com,priscilalb@algartech.com.br,rafaelaas@algartech.com,sabrinagc@algartech.com,thaisaol@algartech.com.br</t>
  </si>
  <si>
    <t>adrianimv@algartech.com.br;alandsfj@algartech.com.br;anapaps@algartech.com.br;andreacs@algartech.com.br;cesaradsg@algartech.com.br;danields@algartech.com.br;denisems@algartech.com.br;dyenniferdff@algartech.com.br;elbamdll@algartech.com.br;erikasl@algartech.com.br;eversonmc@algartech.com.br;fernandass@algartech.com.br;franciellemn@algartech.com.br;gabrielaog@algartech.com.br;grizanibda@algartech.com.br;ideniraa@algartech.com.br;jacquelinece@algartech.com.br;janainapa@algartech.com.br;leticiaado@algartech.com.br;lorrainepmdf@algartech.com.br;ludimilafd@algartech.com.br;mariaads@algartech.com.br;marinalsc@algartech.com.br;marinesos@algartech.com.br;naianefo@algartech.com.br;quelencf@algartech.com.br;rayannerd@algartech.com.br;rosaliamfv@algartech.com.br;sauloss@algartech.com.br;talouanecsr@algartech.com.br;vivianeas@algartech.com.br;whelingtoncg@algartech.com.br;</t>
  </si>
  <si>
    <t>ENC: Volume Gerenciadas Amex e Visa - 08/10</t>
  </si>
  <si>
    <t>adrianimv@algartech.com.br,alandsfj@algartech.com.br,anapaps@algartech.com.br,andreacs@algartech.com.br,cesaradsg@algartech.com.br,danields@algartech.com.br,denisems@algartech.com.br,dyenniferdff@algartech.com.br,elbamdll@algartech.com.br,erikasl@algartech.com.br,eversonmc@algartech.com.br,fernandass@algartech.com.br,franciellemn@algartech.com.br,gabrielaog@algartech.com.br,grizanibda@algartech.com.br,ideniraa@algartech.com.br,jacquelinece@algartech.com.br,janainapa@algartech.com.br,leticiaado@algartech.com.br,lorrainepmdf@algartech.com.br,ludimilafd@algartech.com.br,mariaads@algartech.com.br,marinalsc@algartech.com.br,marinesos@algartech.com.br,naianefo@algartech.com.br,quelencf@algartech.com.br,rayannerd@algartech.com.br,rosaliamfv@algartech.com.br,sauloss@algartech.com.br,talouanecsr@algartech.com.br,vivianeas@algartech.com.br,whelingtoncg@algartech.com.br</t>
  </si>
  <si>
    <t>C:\Users\victorsm\OneDrive - Grupo Algar\04 - Trabalhos - Algar\06 - Diogo\Agent_Utilization_Report\</t>
  </si>
  <si>
    <t>C:\Users\victorsm\OneDrive - Grupo Algar\04 - Trabalhos - Algar\06 - Diogo\Agent Login-Logout Details Report\</t>
  </si>
  <si>
    <t>C:\Users\victorsm\OneDrive - Grupo Algar\04 - Trabalhos - Algar\06 - Diogo\Agent State Details Report\</t>
  </si>
  <si>
    <t>C:\Users\victorsm\OneDrive - Grupo Algar\04 - Trabalhos - Algar\06 - Diogo\Agent Utilization Report\</t>
  </si>
  <si>
    <t>C:\Users\victorsm\OneDrive - Grupo Algar\04 - Trabalhos - Algar\06 - Diogo\Agent_Login-Logout_Details_Report\</t>
  </si>
  <si>
    <t>C:\Users\victorsm\OneDrive - Grupo Algar\04 - Trabalhos - Algar\06 - Diogo\Agent_State_Details_Report\</t>
  </si>
  <si>
    <t>Dash - Treinamento Setembro.xlsx</t>
  </si>
  <si>
    <t>Dash Comunicação - Setembro.xlsx</t>
  </si>
  <si>
    <t>Prestação e contas - Murer - Atualizada 08/10</t>
  </si>
  <si>
    <t>/o=exchangelabs/ou=exchange administrative group (fydibohf23spdlt)/cn=recipients/cn=f6d3422253b349b586184278c8c46cf1-guilherme m;guilhermemagnino@gmail.com;</t>
  </si>
  <si>
    <t>/o=exchangelabs/ou=exchange administrative group (fydibohf23spdlt)/cn=recipients/cn=f6d3422253b349b586184278c8c46cf1-guilherme m,guilhermemagnino@gmail.com</t>
  </si>
  <si>
    <t>C:\Users\victorsm\OneDrive - Grupo Algar\04 - Trabalhos - Algar\06 - Diogo\01 - Next\</t>
  </si>
  <si>
    <t>Query.xlsx</t>
  </si>
  <si>
    <t>10.211.2.161</t>
  </si>
  <si>
    <t>RES: ABERTURA DE RELACIONAMENTO_PLURAL SA BANCO MULTIPLO CNPJ: 45246410000406 CRM:004060000154 - 75024 - 75237</t>
  </si>
  <si>
    <t>BRASIL PLURAL GESTAO DE RECURSOS LTDA.xlsx</t>
  </si>
  <si>
    <t>BENEFICIO X BENEFICIARIOS E VALORES.xlsx</t>
  </si>
  <si>
    <t>/o=exchangelabs/ou=exchange administrative group (fydibohf23spdlt)/cn=recipients/cn=user7c077f95;</t>
  </si>
  <si>
    <t>Programa Bradesco</t>
  </si>
  <si>
    <t>Projetos Bradesco.pptx\</t>
  </si>
  <si>
    <t>/o=exchangelabs/ou=exchange administrative group (fydibohf23spdlt)/cn=recipients/cn=user7c077f95</t>
  </si>
  <si>
    <t>C:\Users\joseeb.ACS\Downloads\</t>
  </si>
  <si>
    <t>F5.xlsx</t>
  </si>
  <si>
    <t>RES: ORÇAMENTO - DEMAIS PACOTES</t>
  </si>
  <si>
    <t>/o=exchangelabs/ou=exchange administrative group (fydibohf23spdlt)/cn=recipients/cn=083204b1bd464d0fbbd2451a3a305923-katia gonca;/o=exchangelabs/ou=exchange administrative group (fydibohf23spdlt)/cn=recipients/cn=08495392e8ff447fa6268b697ae28485-flavia ferr;/o=exchangelabs/ou=exchange administrative group (fydibohf23spdlt)/cn=recipients/cn=0ca6cc8d100949a7866a928f62ef5778-rosilene de;/o=exchangelabs/ou=exchange administrative group (fydibohf23spdlt)/cn=recipients/cn=670d10f0276c47ba89a984b1a225496b-victor gala;/o=exchangelabs/ou=exchange administrative group (fydibohf23spdlt)/cn=recipients/cn=81f72ed6e9d042e3bed0cec08d488854-vinicius go;/o=exchangelabs/ou=exchange administrative group (fydibohf23spdlt)/cn=recipients/cn=b0dffb7bae8b4669bf2555c821ef7035-daniela vie;/o=exchangelabs/ou=exchange administrative group (fydibohf23spdlt)/cn=recipients/cn=e39e329fc16a43329eb2766bae675122-mariana gon;/o=exchangelabs/ou=exchange administrative group (fydibohf23spdlt)/cn=recipients/cn=fe134ce6f7124ebfa00395a14326bd71-luci</t>
  </si>
  <si>
    <t>RES: Treinamento ID único e valor de hora extra</t>
  </si>
  <si>
    <t>Escala TRN - ID ÚNICO.xlsx</t>
  </si>
  <si>
    <t>/o=exchangelabs/ou=exchange administrative group (fydibohf23spdlt)/cn=recipients/cn=083204b1bd464d0fbbd2451a3a305923-katia gonca,/o=exchangelabs/ou=exchange administrative group (fydibohf23spdlt)/cn=recipients/cn=08495392e8ff447fa6268b697ae28485-flavia ferr,/o=exchangelabs/ou=exchange administrative group (fydibohf23spdlt)/cn=recipients/cn=0ca6cc8d100949a7866a928f62ef5778-rosilene de,/o=exchangelabs/ou=exchange administrative group (fydibohf23spdlt)/cn=recipients/cn=670d10f0276c47ba89a984b1a225496b-victor gala,/o=exchangelabs/ou=exchange administrative group (fydibohf23spdlt)/cn=recipients/cn=81f72ed6e9d042e3bed0cec08d488854-vinicius go,/o=exchangelabs/ou=exchange administrative group (fydibohf23spdlt)/cn=recipients/cn=b0dffb7bae8b4669bf2555c821ef7035-daniela vie,/o=exchangelabs/ou=exchange administrative group (fydibohf23spdlt)/cn=recipients/cn=e39e329fc16a43329eb2766bae675122-mariana gon,/o=exchangelabs/ou=exchange administrative group (fydibohf23spdlt)/cn=recipients/cn=fe134ce6f7124ebfa00395a14326bd71-luci</t>
  </si>
  <si>
    <t>Usuarios_sem_email_0810.xlsx</t>
  </si>
  <si>
    <t>ENC: Algar_Tech_-__DETALHAMENTO_DE_ITENS_DE_AQUISICOES_PARA_PROJETOS_(API Sensedia).xlsx</t>
  </si>
  <si>
    <t>C:\Users\filemoncmj\OneDrive - Grupo Algar\01. Algar Tech\02. Projetos Corporativos\06. PPE\GRC\Plataforma de Cobrança\Aquisições\Requisitos Inicias Interface do Operador\Solicitação de CAPEX - Interface do Operador.pptx\</t>
  </si>
  <si>
    <t>C:\Projetos\AVON\AVON\2019\1002_URA_SAR_INFO_LIMITE_DE_NATAL\</t>
  </si>
  <si>
    <t>carlossfj@algartech.com;danielhdm@algartech.com;leandrolds@algartech.com;luanasdsa@algartech.com;patriciaac@algartech.com;wiltonp@algartech.com;</t>
  </si>
  <si>
    <t>carlossfj@algartech.com,danielhdm@algartech.com,leandrolds@algartech.com,luanasdsa@algartech.com,patriciaac@algartech.com,wiltonp@algartech.com</t>
  </si>
  <si>
    <t>RES: Layout arquivo Estratégia de Natal 2019</t>
  </si>
  <si>
    <t>/o=exchangelabs/ou=exchange administrative group (fydibohf23spdlt)/cn=recipients/cn=5af2cae509964078b2026f7f550380b0-andre luis;/o=exchangelabs/ou=exchange administrative group (fydibohf23spdlt)/cn=recipients/cn=9b52022a6e624c30a92f50cf4538a4bf-talmaia rod;/o=exchangelabs/ou=exchange administrative group (fydibohf23spdlt)/cn=recipients/cn=df6ea6cc78a840278b1e7acccac67692-thiago rodr;amanda.poucheira@bv.com.br;eliane.martins@bv.com.br;jose.gomes@bv.com.br;</t>
  </si>
  <si>
    <t>BV - Dúvida classificação de Tarefas</t>
  </si>
  <si>
    <t>RES Emails Time Algar.msg\s254\</t>
  </si>
  <si>
    <t>/o=exchangelabs/ou=exchange administrative group (fydibohf23spdlt)/cn=recipients/cn=5af2cae509964078b2026f7f550380b0-andre luis,/o=exchangelabs/ou=exchange administrative group (fydibohf23spdlt)/cn=recipients/cn=9b52022a6e624c30a92f50cf4538a4bf-talmaia rod,/o=exchangelabs/ou=exchange administrative group (fydibohf23spdlt)/cn=recipients/cn=df6ea6cc78a840278b1e7acccac67692-thiago rodr,amanda.poucheira@bv.com.br,eliane.martins@bv.com.br,jose.gomes@bv.com.br</t>
  </si>
  <si>
    <t>/o=exchangelabs/ou=exchange administrative group (fydibohf23spdlt)/cn=recipients/cn=5c0e0b883c0f4ccbb2cf13db05a00b36-luciene ivo;celso.goncalves@bradesco.com.br;daniela.bittencourt@bradesco.com.br;edirlei.silva@bradesco.com.br;elisangela.marques@bradesco.com.br;leandrolds@algartech.com;patricia.brito@bradesco.com.br;rafaelabsz@algartech.com.br;wesleymb@algartech.com.br;yuri.andreoli@bradesco.com.br;</t>
  </si>
  <si>
    <t>[Minuta]: Ponto de Controle - Projeto URR</t>
  </si>
  <si>
    <t>Action Itensv12-v2-07-10.xlsx</t>
  </si>
  <si>
    <t>/o=exchangelabs/ou=exchange administrative group (fydibohf23spdlt)/cn=recipients/cn=5c0e0b883c0f4ccbb2cf13db05a00b36-luciene ivo,celso.goncalves@bradesco.com.br,daniela.bittencourt@bradesco.com.br,edirlei.silva@bradesco.com.br,elisangela.marques@bradesco.com.br,leandrolds@algartech.com,patricia.brito@bradesco.com.br,rafaelabsz@algartech.com.br,wesleymb@algartech.com.br,yuri.andreoli@bradesco.com.br</t>
  </si>
  <si>
    <t>/o=exchangelabs/ou=exchange administrative group (fydibohf23spdlt)/cn=recipients/cn=1e212ef08dab4f26b88cba944f2ab7cb-pmo.governa;/o=exchangelabs/ou=exchange administrative group (fydibohf23spdlt)/cn=recipients/cn=24e9a045d8f54be4b10091040f36aa67-cristiane f;/o=exchangelabs/ou=exchange administrative group (fydibohf23spdlt)/cn=recipients/cn=2af9cbc0e9af4d91b36813b0ff5f73e1-reynaldo pe;/o=exchangelabs/ou=exchange administrative group (fydibohf23spdlt)/cn=recipients/cn=443a648e2bd247c69659ca2ac6a18582-adriele fer;/o=exchangelabs/ou=exchange administrative group (fydibohf23spdlt)/cn=recipients/cn=54abac0a4fdc4ad1bec39bb51d85eab1-victor hugo;/o=exchangelabs/ou=exchange administrative group (fydibohf23spdlt)/cn=recipients/cn=590012d55fae421587844918af7bc53c-daiane mari;/o=exchangelabs/ou=exchange administrative group (fydibohf23spdlt)/cn=recipients/cn=61af722dd06149089cf1c867d796b8bc-delso estre;/o=exchangelabs/ou=exchange administrative group (fydibohf23spdlt)/cn=recipients/cn=66edf19ebc2742d0aad16b8a34a09b10-andr</t>
  </si>
  <si>
    <t>COMUNICADO: CAPITALIZAÇÕES DE PESSOAS NOS PROJETOS (DEFINIÇÃO DO FLUXO e CRONOGRAMA)</t>
  </si>
  <si>
    <t>Modelo_FTE_Realizado.xlsb</t>
  </si>
  <si>
    <t>/o=exchangelabs/ou=exchange administrative group (fydibohf23spdlt)/cn=recipients/cn=1e212ef08dab4f26b88cba944f2ab7cb-pmo.governa,/o=exchangelabs/ou=exchange administrative group (fydibohf23spdlt)/cn=recipients/cn=24e9a045d8f54be4b10091040f36aa67-cristiane f,/o=exchangelabs/ou=exchange administrative group (fydibohf23spdlt)/cn=recipients/cn=2af9cbc0e9af4d91b36813b0ff5f73e1-reynaldo pe,/o=exchangelabs/ou=exchange administrative group (fydibohf23spdlt)/cn=recipients/cn=443a648e2bd247c69659ca2ac6a18582-adriele fer,/o=exchangelabs/ou=exchange administrative group (fydibohf23spdlt)/cn=recipients/cn=54abac0a4fdc4ad1bec39bb51d85eab1-victor hugo,/o=exchangelabs/ou=exchange administrative group (fydibohf23spdlt)/cn=recipients/cn=590012d55fae421587844918af7bc53c-daiane mari,/o=exchangelabs/ou=exchange administrative group (fydibohf23spdlt)/cn=recipients/cn=61af722dd06149089cf1c867d796b8bc-delso estre,/o=exchangelabs/ou=exchange administrative group (fydibohf23spdlt)/cn=recipients/cn=66edf19ebc2742d0aad16b8a34a09b10-andr</t>
  </si>
  <si>
    <t>celso.goncalves@bradesco.com.br;leandrolds@algartech.com;lucieneili@algartech.com;patricia.brito@bradesco.com.br;</t>
  </si>
  <si>
    <t>celso.goncalves@bradesco.com.br,leandrolds@algartech.com,lucieneili@algartech.com,patricia.brito@bradesco.com.br</t>
  </si>
  <si>
    <t>Daily Algar Correntista_07outubro.xlsm</t>
  </si>
  <si>
    <t>C:\Users\marinasf\OneDrive - Grupo Algar\DOCS\IMÓVEIS\IMÓVEIS VIGENTE\</t>
  </si>
  <si>
    <t>IMÓVEIS MG - 2019.xlsx</t>
  </si>
  <si>
    <t>Projeção 2020.xlsx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daianeml@algartech.com;</t>
  </si>
  <si>
    <t>RES: PTH- GAT</t>
  </si>
  <si>
    <t>gat_02_pth_Daiane.xlsx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daianeml@algartech.com</t>
  </si>
  <si>
    <t>tullyols@algartech.com</t>
  </si>
  <si>
    <t>mail.google.com/_/upload?authuser=0&amp;dcp=asu-n&amp;upload_id=AEnB2Uq_yYaVjn08RmN_HlMzeFTLbLD8ibe7D4qWnqMC-fEvvz0SJrn76sx8BRIpXdDlcvPprbrtNlcmxIvRLooChFRAe9yC1A&amp;upload_protocol=resumable</t>
  </si>
  <si>
    <t>C:\Users\tullyols\Downloads\</t>
  </si>
  <si>
    <t>Controle de microondas.xlsx</t>
  </si>
  <si>
    <t>10.200.60.135</t>
  </si>
  <si>
    <t>Para apresentação</t>
  </si>
  <si>
    <t>Proposta de estrutura.xlsx</t>
  </si>
  <si>
    <t>/o=exchangelabs/ou=exchange administrative group (fydibohf23spdlt)/cn=recipients/cn=3aa72ebfe8e5451fada36a54ed3993f1-nikelly da;/o=exchangelabs/ou=exchange administrative group (fydibohf23spdlt)/cn=recipients/cn=453b61456320491dad510b65b310018f-kelen crist;/o=exchangelabs/ou=exchange administrative group (fydibohf23spdlt)/cn=recipients/cn=88e4fcbd3ea14730a81286cc0683fb42-manoel eloy;/o=exchangelabs/ou=exchange administrative group (fydibohf23spdlt)/cn=recipients/cn=b712c36eebee42428d3790abe2696417-romario gom;/o=exchangelabs/ou=exchange administrative group (fydibohf23spdlt)/cn=recipients/cn=bc23c6c7603343db90c2874d8a757022-alef de lim;/o=exchangelabs/ou=exchange administrative group (fydibohf23spdlt)/cn=recipients/cn=e4dbda4121b54299b4a719c6aa694894-algar tech;</t>
  </si>
  <si>
    <t>Base de ativos operação NEXT</t>
  </si>
  <si>
    <t>Base de ativos operação NEXT.xlsx</t>
  </si>
  <si>
    <t>/o=exchangelabs/ou=exchange administrative group (fydibohf23spdlt)/cn=recipients/cn=3aa72ebfe8e5451fada36a54ed3993f1-nikelly da,/o=exchangelabs/ou=exchange administrative group (fydibohf23spdlt)/cn=recipients/cn=453b61456320491dad510b65b310018f-kelen crist,/o=exchangelabs/ou=exchange administrative group (fydibohf23spdlt)/cn=recipients/cn=88e4fcbd3ea14730a81286cc0683fb42-manoel eloy,/o=exchangelabs/ou=exchange administrative group (fydibohf23spdlt)/cn=recipients/cn=b712c36eebee42428d3790abe2696417-romario gom,/o=exchangelabs/ou=exchange administrative group (fydibohf23spdlt)/cn=recipients/cn=bc23c6c7603343db90c2874d8a757022-alef de lim,/o=exchangelabs/ou=exchange administrative group (fydibohf23spdlt)/cn=recipients/cn=e4dbda4121b54299b4a719c6aa694894-algar tech</t>
  </si>
  <si>
    <t>/o=exchangelabs/ou=exchange administrative group (fydibohf23spdlt)/cn=recipients/cn=5876a52919c440598f015f22bceb7eeb-antonio car;/o=exchangelabs/ou=exchange administrative group (fydibohf23spdlt)/cn=recipients/cn=8c01e71056fe4e1a8ecc4e24420bd9ef-fellyp cros;bjusto_amerinode@timbrasil.com.br;fsobral@timbrasil.com.br;kfreitas_sa@timbrasil.com.br;llana@timbrasil.com.br;</t>
  </si>
  <si>
    <t>TRANSFERÊNCIA 1405097</t>
  </si>
  <si>
    <t>INVENTARIO DE DEVOLUÇÃO (Salvo automaticamente) (Salvo automaticamente).xlsx</t>
  </si>
  <si>
    <t>/o=exchangelabs/ou=exchange administrative group (fydibohf23spdlt)/cn=recipients/cn=5876a52919c440598f015f22bceb7eeb-antonio car,/o=exchangelabs/ou=exchange administrative group (fydibohf23spdlt)/cn=recipients/cn=8c01e71056fe4e1a8ecc4e24420bd9ef-fellyp cros,bjusto_amerinode@timbrasil.com.br,fsobral@timbrasil.com.br,kfreitas_sa@timbrasil.com.br,llana@timbrasil.com.br</t>
  </si>
  <si>
    <t>10.208.12.50</t>
  </si>
  <si>
    <t>diegoals@algartech.com</t>
  </si>
  <si>
    <t>luizcso@algartech.com;</t>
  </si>
  <si>
    <t>C:\Users\diegoals.ACS\Downloads\Caso MEC\</t>
  </si>
  <si>
    <t>Quadro processo MEC (Oficio).xlsx</t>
  </si>
  <si>
    <t>luizcso@algartech.com</t>
  </si>
  <si>
    <t>mail.google.com/_/upload?authuser=0&amp;dcp=asu-n&amp;upload_id=AEnB2UouECJi0STR6tfaUucub-LW-gN2IAJ1w93FBMzuRbF4HnNvdjEZue-cul-WVW8rprw8YEKlM3LCUlx0iHgIueVZhHPVQo8ywnKm7lSGHoWVdvnpCiE&amp;upload_protocol=resumable</t>
  </si>
  <si>
    <t>CONTRATO BBN - 09-2019.xlsx</t>
  </si>
  <si>
    <t>10.250.255.88</t>
  </si>
  <si>
    <t>ENC: 102019_Forecast de Receita Oficial_2019.xlsx</t>
  </si>
  <si>
    <t>102019_Forecast de Receita Oficial_2019.xlsx</t>
  </si>
  <si>
    <t>/o=exchangelabs/ou=exchange administrative group (fydibohf23spdlt)/cn=recipients/cn=2b69c7de1a3641269a7eed0596e1ddc2-wayner oliv;/o=exchangelabs/ou=exchange administrative group (fydibohf23spdlt)/cn=recipients/cn=4097402e2d3e4073b597d33928140586-paulo sergi;/o=exchangelabs/ou=exchange administrative group (fydibohf23spdlt)/cn=recipients/cn=49457acaa5584c6d8daec8f0ad186be2-carlos maur;/o=exchangelabs/ou=exchange administrative group (fydibohf23spdlt)/cn=recipients/cn=4b453b7f02914710b3e94bcf7b311ad4-fernando po;/o=exchangelabs/ou=exchange administrative group (fydibohf23spdlt)/cn=recipients/cn=54abac0a4fdc4ad1bec39bb51d85eab1-victor hugo;/o=exchangelabs/ou=exchange administrative group (fydibohf23spdlt)/cn=recipients/cn=58ffc1e01a9d4eec8e3d842278cac233-helio reis;/o=exchangelabs/ou=exchange administrative group (fydibohf23spdlt)/cn=recipients/cn=6bc6ced03b1b4fafa41bb5c70c178940-antonio per;/o=exchangelabs/ou=exchange administrative group (fydibohf23spdlt)/cn=recipients/cn=b79663656cc44aa3bf06617d1695ae51-carlo</t>
  </si>
  <si>
    <t>S&amp;OP RL - Outubro</t>
  </si>
  <si>
    <t>/o=exchangelabs/ou=exchange administrative group (fydibohf23spdlt)/cn=recipients/cn=2b69c7de1a3641269a7eed0596e1ddc2-wayner oliv,/o=exchangelabs/ou=exchange administrative group (fydibohf23spdlt)/cn=recipients/cn=4097402e2d3e4073b597d33928140586-paulo sergi,/o=exchangelabs/ou=exchange administrative group (fydibohf23spdlt)/cn=recipients/cn=49457acaa5584c6d8daec8f0ad186be2-carlos maur,/o=exchangelabs/ou=exchange administrative group (fydibohf23spdlt)/cn=recipients/cn=4b453b7f02914710b3e94bcf7b311ad4-fernando po,/o=exchangelabs/ou=exchange administrative group (fydibohf23spdlt)/cn=recipients/cn=54abac0a4fdc4ad1bec39bb51d85eab1-victor hugo,/o=exchangelabs/ou=exchange administrative group (fydibohf23spdlt)/cn=recipients/cn=58ffc1e01a9d4eec8e3d842278cac233-helio reis,/o=exchangelabs/ou=exchange administrative group (fydibohf23spdlt)/cn=recipients/cn=6bc6ced03b1b4fafa41bb5c70c178940-antonio per,/o=exchangelabs/ou=exchange administrative group (fydibohf23spdlt)/cn=recipients/cn=b79663656cc44aa3bf06617d1695ae51-carlo</t>
  </si>
  <si>
    <t>ENC: Associados Migrados de Operação para 1102</t>
  </si>
  <si>
    <t>RATEIO SETEMBRO 2019.xls</t>
  </si>
  <si>
    <t>pth_grc_0710.xlsx</t>
  </si>
  <si>
    <t>Auditoria</t>
  </si>
  <si>
    <t>TOP Performance e Diretrizes - NOVEMBRO.pptx\</t>
  </si>
  <si>
    <t>ENC: Ajustes Rateio de Custo Direto - Orçamento 2020</t>
  </si>
  <si>
    <t>Base Importação _ Orçamento_Jan a Dez 2020 MARCELO E DOUGLAS.xlsm</t>
  </si>
  <si>
    <t>Saving - Desligamento</t>
  </si>
  <si>
    <t>605f352ee6014ee99963827f6f24811d.xls</t>
  </si>
  <si>
    <t>Report Transformação_RE9 GRC_set.xlsx</t>
  </si>
  <si>
    <t>C:\Users\douglassp\OneDrive - Grupo Algar\Desktop Old\</t>
  </si>
  <si>
    <t>Rateio_GRC.xls</t>
  </si>
  <si>
    <t>/o=exchangelabs/ou=exchange administrative group (fydibohf23spdlt)/cn=recipients/cn=0a343ab60c904ee9b25c54f941bc50a2-elincon pis;/o=exchangelabs/ou=exchange administrative group (fydibohf23spdlt)/cn=recipients/cn=1698f5af44b14116ad2d0b751d584c7d-danilo rafa;/o=exchangelabs/ou=exchange administrative group (fydibohf23spdlt)/cn=recipients/cn=19563ef64edf42e7841a8719ae7bfe65-ythia karla;/o=exchangelabs/ou=exchange administrative group (fydibohf23spdlt)/cn=recipients/cn=b3a7bf82b39e4280974e293162e4da11-charles de;</t>
  </si>
  <si>
    <t>Ações referente aos últimos relatórios de inspeções ref. set./out 2019</t>
  </si>
  <si>
    <t>/o=exchangelabs/ou=exchange administrative group (fydibohf23spdlt)/cn=recipients/cn=0a343ab60c904ee9b25c54f941bc50a2-elincon pis,/o=exchangelabs/ou=exchange administrative group (fydibohf23spdlt)/cn=recipients/cn=1698f5af44b14116ad2d0b751d584c7d-danilo rafa,/o=exchangelabs/ou=exchange administrative group (fydibohf23spdlt)/cn=recipients/cn=19563ef64edf42e7841a8719ae7bfe65-ythia karla,/o=exchangelabs/ou=exchange administrative group (fydibohf23spdlt)/cn=recipients/cn=b3a7bf82b39e4280974e293162e4da11-charles de</t>
  </si>
  <si>
    <t>/o=exchangelabs/ou=exchange administrative group (fydibohf23spdlt)/cn=recipients/cn=1e212ef08dab4f26b88cba944f2ab7cb-pmo.governa;/o=exchangelabs/ou=exchange administrative group (fydibohf23spdlt)/cn=recipients/cn=a72a765de829420582b78941417073ac-karina rodr;/o=exchangelabs/ou=exchange administrative group (fydibohf23spdlt)/cn=recipients/cn=de309567271c4871b341e820d0b7364e-luiz carlos;/o=exchangelabs/ou=exchange administrative group (fydibohf23spdlt)/cn=recipients/cn=fe134ce6f7124ebfa00395a14326bd71-luciana ber;</t>
  </si>
  <si>
    <t>PWEBs capitalização de associados no projeto Whirlpool</t>
  </si>
  <si>
    <t>340 - ATEC-2019-0002-002 - M09 - PWEB_191452.xlsb</t>
  </si>
  <si>
    <t>/o=exchangelabs/ou=exchange administrative group (fydibohf23spdlt)/cn=recipients/cn=1e212ef08dab4f26b88cba944f2ab7cb-pmo.governa,/o=exchangelabs/ou=exchange administrative group (fydibohf23spdlt)/cn=recipients/cn=a72a765de829420582b78941417073ac-karina rodr,/o=exchangelabs/ou=exchange administrative group (fydibohf23spdlt)/cn=recipients/cn=de309567271c4871b341e820d0b7364e-luiz carlos,/o=exchangelabs/ou=exchange administrative group (fydibohf23spdlt)/cn=recipients/cn=fe134ce6f7124ebfa00395a14326bd71-luciana ber</t>
  </si>
  <si>
    <t>RES: RES: EMISSÃO BTB_BRASIL PLURAL GESTAO DE RECURSOS LTDA//CNPJ 11397672000280 CRM:004730000135</t>
  </si>
  <si>
    <t>/o=exchangelabs/ou=exchange administrative group (fydibohf23spdlt)/cn=recipients/cn=1a68fd0c71d242d89abd9f9904b69653-lidianne sa;/o=exchangelabs/ou=exchange administrative group (fydibohf23spdlt)/cn=recipients/cn=3daf2f0b162f40c696c00f9ecbb7d69a-ana laura t;</t>
  </si>
  <si>
    <t>/o=exchangelabs/ou=exchange administrative group (fydibohf23spdlt)/cn=recipients/cn=1a68fd0c71d242d89abd9f9904b69653-lidianne sa,/o=exchangelabs/ou=exchange administrative group (fydibohf23spdlt)/cn=recipients/cn=3daf2f0b162f40c696c00f9ecbb7d69a-ana laura t</t>
  </si>
  <si>
    <t>ENC: Relatórios Conciliação</t>
  </si>
  <si>
    <t>EBTA ABBOTT CWT.xlsx</t>
  </si>
  <si>
    <t>CH516_20191008_081229.xls</t>
  </si>
  <si>
    <t>Calc. Interpolação</t>
  </si>
  <si>
    <t>Interpolação_.xlsx</t>
  </si>
  <si>
    <t>/o=exchangelabs/ou=exchange administrative group (fydibohf23spdlt)/cn=recipients/cn=aef94c0f98b44279a41d719230c27333-sabrina dan;/o=exchangelabs/ou=exchange administrative group (fydibohf23spdlt)/cn=recipients/cn=e1b0af96fdc94f4f866f918c896827c9-adriele cat;</t>
  </si>
  <si>
    <t>ENC: Levantamento de sistemas PCP</t>
  </si>
  <si>
    <t>PLANILHA_Modelo Solicitação Campinas.xlsx</t>
  </si>
  <si>
    <t>/o=exchangelabs/ou=exchange administrative group (fydibohf23spdlt)/cn=recipients/cn=aef94c0f98b44279a41d719230c27333-sabrina dan,/o=exchangelabs/ou=exchange administrative group (fydibohf23spdlt)/cn=recipients/cn=e1b0af96fdc94f4f866f918c896827c9-adriele cat</t>
  </si>
  <si>
    <t>C:\Users\ricardoft\OneDrive - Grupo Algar\Documentos\Projetos\2019\Faber\</t>
  </si>
  <si>
    <t>C:\Users\ricardoft\OneDrive - Grupo Algar\Documentos\Projetos\2019\Faber\Plan Precificacao C017 B017.xlsb\</t>
  </si>
  <si>
    <t>11 - SD_Template_Volumetria_ 2019 Oficial v2.xlsm</t>
  </si>
  <si>
    <t>10.200.57.107</t>
  </si>
  <si>
    <t>mail.google.com/_/upload?authuser=1&amp;dcp=asu-n&amp;upload_id=AEnB2UqEXk2QetWfG2mFA8JLyLWSv_bf1tgN197niwjflTzP4TO1GGISqzoths0KHycdlISI2rh2GI_LfkJB6kEdc4zj8eKKmw&amp;upload_protocol=resumable</t>
  </si>
  <si>
    <t>Cadastro Geral - 1-10.xlsb</t>
  </si>
  <si>
    <t>mail.google.com/_/upload?authuser=1&amp;dcp=asu-n&amp;upload_id=AEnB2UrR9wNHUOaWy83RKn3NLvxHagjV1p2vfmiNsrcEHbIjtc_RyEBSI8gK_avpf2M7NSkG-xbgdMlQlxmIxW4_tV90xgDqMA&amp;upload_protocol=resumable</t>
  </si>
  <si>
    <t>Jogadores.xlsx</t>
  </si>
  <si>
    <t>/o=exchangelabs/ou=exchange administrative group (fydibohf23spdlt)/cn=recipients/cn=55128d3bccb142fbaca61bca6d550723-joyce marti;/o=exchangelabs/ou=exchange administrative group (fydibohf23spdlt)/cn=recipients/cn=88e4fcbd3ea14730a81286cc0683fb42-manoel eloy;/o=exchangelabs/ou=exchange administrative group (fydibohf23spdlt)/cn=recipients/cn=b35bb97d047e413d88c1669273f78219-thiago da s;/o=exchangelabs/ou=exchange administrative group (fydibohf23spdlt)/cn=recipients/cn=b712c36eebee42428d3790abe2696417-romario gom;/o=exchangelabs/ou=exchange administrative group (fydibohf23spdlt)/cn=recipients/cn=e4dbda4121b54299b4a719c6aa694894-algar tech;</t>
  </si>
  <si>
    <t>ENC: SAC 24x 7- Redução PA´s HIBRIDO - Incremento RECLAMAÇAO</t>
  </si>
  <si>
    <t>/o=exchangelabs/ou=exchange administrative group (fydibohf23spdlt)/cn=recipients/cn=55128d3bccb142fbaca61bca6d550723-joyce marti,/o=exchangelabs/ou=exchange administrative group (fydibohf23spdlt)/cn=recipients/cn=88e4fcbd3ea14730a81286cc0683fb42-manoel eloy,/o=exchangelabs/ou=exchange administrative group (fydibohf23spdlt)/cn=recipients/cn=b35bb97d047e413d88c1669273f78219-thiago da s,/o=exchangelabs/ou=exchange administrative group (fydibohf23spdlt)/cn=recipients/cn=b712c36eebee42428d3790abe2696417-romario gom,/o=exchangelabs/ou=exchange administrative group (fydibohf23spdlt)/cn=recipients/cn=e4dbda4121b54299b4a719c6aa694894-algar tech</t>
  </si>
  <si>
    <t>\\acsfs\DEPTOS\Sustentabilidade\24 - Voluntariado\2019\7 - Hospital do Cancer\</t>
  </si>
  <si>
    <t>Iramilda - Planilha_de_Lancamentos_-_Proventos_e_Descontos_Outubro.xlsx</t>
  </si>
  <si>
    <t>Exibição de Localização Avançada de Ocorrência (3).xlsx</t>
  </si>
  <si>
    <t>/o=exchangelabs/ou=exchange administrative group (fydibohf23spdlt)/cn=recipients/cn=1e212ef08dab4f26b88cba944f2ab7cb-pmo.governa;/o=exchangelabs/ou=exchange administrative group (fydibohf23spdlt)/cn=recipients/cn=8ed46311a41440848e12cdd81be81af1-renato faus;/o=exchangelabs/ou=exchange administrative group (fydibohf23spdlt)/cn=recipients/cn=d7a02a8a2ca742188d573b97fca79c01-leonardo ca;</t>
  </si>
  <si>
    <t>ENC: [MESA DIGITAL] Detalhamento de Itens - Ativação Plataforma (Cliente T-Systems)</t>
  </si>
  <si>
    <t>Detalhamento_de_Itens_-_ACS_Brazil_Rollout_ISD(T-SYSTEMS).xlsx</t>
  </si>
  <si>
    <t>/o=exchangelabs/ou=exchange administrative group (fydibohf23spdlt)/cn=recipients/cn=1e212ef08dab4f26b88cba944f2ab7cb-pmo.governa,/o=exchangelabs/ou=exchange administrative group (fydibohf23spdlt)/cn=recipients/cn=8ed46311a41440848e12cdd81be81af1-renato faus,/o=exchangelabs/ou=exchange administrative group (fydibohf23spdlt)/cn=recipients/cn=d7a02a8a2ca742188d573b97fca79c01-leonardo ca</t>
  </si>
  <si>
    <t>10.211.2.121</t>
  </si>
  <si>
    <t>Projeto Hub - Planilha de Componentes Envolvidos</t>
  </si>
  <si>
    <t>Planilha Capex e Opex do Projeto Hub.xlsx</t>
  </si>
  <si>
    <t>Dashboard Pa Digital - Parcial Out/2019</t>
  </si>
  <si>
    <t>Dashboard PA Digital - 201910.xlsx</t>
  </si>
  <si>
    <t>danilocadsn@algartech.com;</t>
  </si>
  <si>
    <t>\\acsfs\ACS\Suporte à Operações\02 - Faturamento\2019\10 - Outubro\Solicitações de Faturamento\</t>
  </si>
  <si>
    <t>SL xx URR.xlsx</t>
  </si>
  <si>
    <t>danilocadsn@algartech.com</t>
  </si>
  <si>
    <t>Proposta Recorrente - 06-09.xlsx</t>
  </si>
  <si>
    <t>/o=exchangelabs/ou=exchange administrative group (fydibohf23spdlt)/cn=recipients/cn=249f643ba1e044588b45a020c76dadde-daniel de o;/o=exchangelabs/ou=exchange administrative group (fydibohf23spdlt)/cn=recipients/cn=8c89829ad534498fa4c85b5ac11174f1-suelen more;/o=exchangelabs/ou=exchange administrative group (fydibohf23spdlt)/cn=recipients/cn=e5dfe65308934e02acfffcb2185133f4-daniel bier;/o=exchangelabs/ou=exchange administrative group (fydibohf23spdlt)/cn=recipients/cn=userdc05fc7c;</t>
  </si>
  <si>
    <t>ENC: Solicitação de proposta técnica - Processo 40143349H - Service Desk Cartões - Algartech</t>
  </si>
  <si>
    <t>Respostas às Duvidas dos participantes RFP (002).xlsx</t>
  </si>
  <si>
    <t>/o=exchangelabs/ou=exchange administrative group (fydibohf23spdlt)/cn=recipients/cn=249f643ba1e044588b45a020c76dadde-daniel de o,/o=exchangelabs/ou=exchange administrative group (fydibohf23spdlt)/cn=recipients/cn=8c89829ad534498fa4c85b5ac11174f1-suelen more,/o=exchangelabs/ou=exchange administrative group (fydibohf23spdlt)/cn=recipients/cn=e5dfe65308934e02acfffcb2185133f4-daniel bier,/o=exchangelabs/ou=exchange administrative group (fydibohf23spdlt)/cn=recipients/cn=userdc05fc7c</t>
  </si>
  <si>
    <t>https://caey.fa.us2.oraclecloud.com/crmui/faces/fuseoverview?_adf.ctrl-state=n2ymlia0b_5&amp;fnd=;;;;false;256;;;&amp;fndglobalitemnodeid=moo_opptymgmtopportunities_crm_card</t>
  </si>
  <si>
    <t>\\acsfs\Deptos\CAS - Coordenação de Arquitetura de Soluções\Projetos\2019\IBM\199257 - Serviços de TI no Santander (SUGI)\1. Precificação\</t>
  </si>
  <si>
    <t>\\acsfs\Deptos\CAS - Coordenação de Arquitetura de Soluções\Projetos\2019\IBM\199257 - Serviços de TI no Santander (SUGI)\1. Precificação\199257 - SUGI v6 (minimo).xlsb\</t>
  </si>
  <si>
    <t>10.200.57.79</t>
  </si>
  <si>
    <t>D8-9C-67-6F-33-9F</t>
  </si>
  <si>
    <t>fabianacscg@algartech.com;</t>
  </si>
  <si>
    <t>\\acsfs\Deptos\EDUCACAO EMPRESARIAL\10 - CQE M.I.S\24 - Acessos\07. RELATORIOS DESLIGADOS\Relatorios já encaminhados\</t>
  </si>
  <si>
    <t>04-10.xlsx</t>
  </si>
  <si>
    <t>andreldc@algartech.com;edsoncdcj@algartech.com;guilherme_andrade@whirlpool.com;thiagosc@algartech.com;</t>
  </si>
  <si>
    <t>Entrega Fácil 07-10 (1) (1).xlsx</t>
  </si>
  <si>
    <t>andreldc@algartech.com,edsoncdcj@algartech.com,guilherme_andrade@whirlpool.com,thiagosc@algartech.com</t>
  </si>
  <si>
    <t>/o=exchangelabs/ou=exchange administrative group (fydibohf23spdlt)/cn=recipients/cn=004fbe04a76042fda28a404cff30f61b-vinicius ma;/o=exchangelabs/ou=exchange administrative group (fydibohf23spdlt)/cn=recipients/cn=363af2e6e56746febce0b409a64e9677-anne caroli;cs_gener@caixaseguradora.com.br;gabriela.harben@caixaseguradora.com.br;marilia.araujo@caixaseguradora.com.br;nayara.barroso@caixaseguradora.com.br;</t>
  </si>
  <si>
    <t>Evidencias inconsistências Relatórios RD</t>
  </si>
  <si>
    <t>RD - Algar.xlsx</t>
  </si>
  <si>
    <t>/o=exchangelabs/ou=exchange administrative group (fydibohf23spdlt)/cn=recipients/cn=004fbe04a76042fda28a404cff30f61b-vinicius ma,/o=exchangelabs/ou=exchange administrative group (fydibohf23spdlt)/cn=recipients/cn=363af2e6e56746febce0b409a64e9677-anne caroli,cs_gener@caixaseguradora.com.br,gabriela.harben@caixaseguradora.com.br,marilia.araujo@caixaseguradora.com.br,nayara.barroso@caixaseguradora.com.br</t>
  </si>
  <si>
    <t>C:\Users\gustavohdsa\Desktop\OUVIDORIA\MES A MES.zip\</t>
  </si>
  <si>
    <t>ENGESET 06.CSV</t>
  </si>
  <si>
    <t>ENGESET 07.CSV</t>
  </si>
  <si>
    <t>ENGESET 08.CSV</t>
  </si>
  <si>
    <t>ENGESET 09 E 10.CSV</t>
  </si>
  <si>
    <t>TECH 06.CSV</t>
  </si>
  <si>
    <t>TECH 07.CSV</t>
  </si>
  <si>
    <t>TECH 08.CSV</t>
  </si>
  <si>
    <t>TECH 09 E 10.CSV</t>
  </si>
  <si>
    <t>TI 06.CSV</t>
  </si>
  <si>
    <t>TI 07.CSV</t>
  </si>
  <si>
    <t>TI 08.CSV</t>
  </si>
  <si>
    <t>TI 09 E 10.CSV</t>
  </si>
  <si>
    <t>Calc - SAC</t>
  </si>
  <si>
    <t>01 - Novembro - 20 Pa's Abs REAL + OUT 2.0 - (QLIK).xlsm</t>
  </si>
  <si>
    <t>/o=exchangelabs/ou=exchange administrative group (fydibohf23spdlt)/cn=recipients/cn=2b7497d349474240af7dc07e3cbbd5a2-amanda dias;/o=exchangelabs/ou=exchange administrative group (fydibohf23spdlt)/cn=recipients/cn=3188323005a04a70962871b2b980355d-humberto pi;/o=exchangelabs/ou=exchange administrative group (fydibohf23spdlt)/cn=recipients/cn=5c622a418fd946f4953ddb5f89bb73ce-vanessa da;/o=exchangelabs/ou=exchange administrative group (fydibohf23spdlt)/cn=recipients/cn=5dc660c055e14f5ab5647ab38237cbdc-eduardo aug;/o=exchangelabs/ou=exchange administrative group (fydibohf23spdlt)/cn=recipients/cn=c32cee7d339f4e7fab5beda7be171cc0-priscila ca;/o=exchangelabs/ou=exchange administrative group (fydibohf23spdlt)/cn=recipients/cn=cb5adfd7be5d42f39b6c2497336ba9d7-fernando gu;/o=exchangelabs/ou=exchange administrative group (fydibohf23spdlt)/cn=recipients/cn=e3778f57d65f4c17a6287602f9eb0cdc-alessandra;/o=exchangelabs/ou=exchange administrative group (fydibohf23spdlt)/cn=recipients/cn=usere11ed38c;</t>
  </si>
  <si>
    <t>ENC: Comparativo Nespresso RFP x Operação atual</t>
  </si>
  <si>
    <t>Cópia de Comparativo RFP x Operação.xlsm</t>
  </si>
  <si>
    <t>/o=exchangelabs/ou=exchange administrative group (fydibohf23spdlt)/cn=recipients/cn=2b7497d349474240af7dc07e3cbbd5a2-amanda dias,/o=exchangelabs/ou=exchange administrative group (fydibohf23spdlt)/cn=recipients/cn=3188323005a04a70962871b2b980355d-humberto pi,/o=exchangelabs/ou=exchange administrative group (fydibohf23spdlt)/cn=recipients/cn=5c622a418fd946f4953ddb5f89bb73ce-vanessa da,/o=exchangelabs/ou=exchange administrative group (fydibohf23spdlt)/cn=recipients/cn=5dc660c055e14f5ab5647ab38237cbdc-eduardo aug,/o=exchangelabs/ou=exchange administrative group (fydibohf23spdlt)/cn=recipients/cn=c32cee7d339f4e7fab5beda7be171cc0-priscila ca,/o=exchangelabs/ou=exchange administrative group (fydibohf23spdlt)/cn=recipients/cn=cb5adfd7be5d42f39b6c2497336ba9d7-fernando gu,/o=exchangelabs/ou=exchange administrative group (fydibohf23spdlt)/cn=recipients/cn=e3778f57d65f4c17a6287602f9eb0cdc-alessandra,/o=exchangelabs/ou=exchange administrative group (fydibohf23spdlt)/cn=recipients/cn=usere11ed38c</t>
  </si>
  <si>
    <t>carlosadcj@algartech.com;</t>
  </si>
  <si>
    <t>\\acsfs\DEPTOS\Operacao\PCP\5 - Comum\ACOMPANHAMENTO TOYOTA\06 - FINANCEIRO\09 - SETEMBRO\</t>
  </si>
  <si>
    <t>carlosadcj@algartech.com</t>
  </si>
  <si>
    <t>mail.google.com/_/upload?authuser=1&amp;dcp=asu-n&amp;upload_id=AEnB2Upo42N4KWgNPsEqbOtzDWgB1gIqozaMetqn0oyCNEOEKnfl15gBJvnkwxz98tz2Wc4bDDerTdF4aQMXES_p9-Z50vBK3Q&amp;upload_protocol=resumable</t>
  </si>
  <si>
    <t>\\acsfs\engeset\ASA_ULA\NUCLEO_ATIVOS\PROJETOS\2019\DESMOBILIZAÇÃO BBN\Desmobilização Logística_3009.pptx\</t>
  </si>
  <si>
    <t>oleObject1.xls</t>
  </si>
  <si>
    <t>oleObject2.xls</t>
  </si>
  <si>
    <t>oleObject3.xls</t>
  </si>
  <si>
    <t>\\acsfs\engeset\ASA_ULA\NUCLEO_ATIVOS\VENDA_ATIVOS\SUPERBID\</t>
  </si>
  <si>
    <t>Formulario_Avaliacao_Contratacao.xlsx</t>
  </si>
  <si>
    <t>/o=exchangelabs/ou=exchange administrative group (fydibohf23spdlt)/cn=recipients/cn=10c614e1eddb439aa2a8538338cebbc9-victor hugo;/o=exchangelabs/ou=exchange administrative group (fydibohf23spdlt)/cn=recipients/cn=1d548783c10f4c62bcdf5de7a0f55a3e-lucas marqu;/o=exchangelabs/ou=exchange administrative group (fydibohf23spdlt)/cn=recipients/cn=1e212ef08dab4f26b88cba944f2ab7cb-pmo.governa;/o=exchangelabs/ou=exchange administrative group (fydibohf23spdlt)/cn=recipients/cn=24e9a045d8f54be4b10091040f36aa67-cristiane f;/o=exchangelabs/ou=exchange administrative group (fydibohf23spdlt)/cn=recipients/cn=287c26b08a0f48578479a15a452f025d-edilson rod;/o=exchangelabs/ou=exchange administrative group (fydibohf23spdlt)/cn=recipients/cn=2af9cbc0e9af4d91b36813b0ff5f73e1-reynaldo pe;/o=exchangelabs/ou=exchange administrative group (fydibohf23spdlt)/cn=recipients/cn=56c2af2d07fd48c0aebfc00ddc006494-alessio rod;/o=exchangelabs/ou=exchange administrative group (fydibohf23spdlt)/cn=recipients/cn=5d559e739a9e422da552ffdc9668775c-luiz</t>
  </si>
  <si>
    <t>Forecast CAPEX 2019 - Status 08/10/2019</t>
  </si>
  <si>
    <t>EXTRACAO_COMPROMISSOS_A19M10D08_v1.xlsb</t>
  </si>
  <si>
    <t>/o=exchangelabs/ou=exchange administrative group (fydibohf23spdlt)/cn=recipients/cn=10c614e1eddb439aa2a8538338cebbc9-victor hugo,/o=exchangelabs/ou=exchange administrative group (fydibohf23spdlt)/cn=recipients/cn=1d548783c10f4c62bcdf5de7a0f55a3e-lucas marqu,/o=exchangelabs/ou=exchange administrative group (fydibohf23spdlt)/cn=recipients/cn=1e212ef08dab4f26b88cba944f2ab7cb-pmo.governa,/o=exchangelabs/ou=exchange administrative group (fydibohf23spdlt)/cn=recipients/cn=24e9a045d8f54be4b10091040f36aa67-cristiane f,/o=exchangelabs/ou=exchange administrative group (fydibohf23spdlt)/cn=recipients/cn=287c26b08a0f48578479a15a452f025d-edilson rod,/o=exchangelabs/ou=exchange administrative group (fydibohf23spdlt)/cn=recipients/cn=2af9cbc0e9af4d91b36813b0ff5f73e1-reynaldo pe,/o=exchangelabs/ou=exchange administrative group (fydibohf23spdlt)/cn=recipients/cn=56c2af2d07fd48c0aebfc00ddc006494-alessio rod,/o=exchangelabs/ou=exchange administrative group (fydibohf23spdlt)/cn=recipients/cn=5d559e739a9e422da552ffdc9668775c-luiz</t>
  </si>
  <si>
    <t>Cálculo Venda.xlsx</t>
  </si>
  <si>
    <t>C:\Users\ederleirdr\Grupo Algar\Henrique Augusto Conceicao - Compartilhado CSC\Detalhamento de Itens\2020-06. Substituição Antispam Bradesco (Udi)\</t>
  </si>
  <si>
    <t>SUBSTITUICAO ANTISPAM - BRADESCO - (UBERLÂNDIA).xlsx</t>
  </si>
  <si>
    <t>C:\Users\ederleirdr\Grupo Algar\Henrique Augusto Conceicao - Compartilhado CSC\Detalhamento de Itens\2020-21. Substituição Switches Lan Algar Tech (Udi)\</t>
  </si>
  <si>
    <t>SUBSTITUICAO SWITCHES LAN ALGAR TECH - (UBERLANDIA).xlsx</t>
  </si>
  <si>
    <t>C:\Users\ederleirdr\Grupo Algar\Henrique Augusto Conceicao - Compartilhado CSC\Detalhamento de Itens\2020-01. Projeto CRM\</t>
  </si>
  <si>
    <t>Detalhamento - CRM.xlsx</t>
  </si>
  <si>
    <t>C:\Users\ederleirdr\Grupo Algar\Henrique Augusto Conceicao - Compartilhado CSC\Detalhamento de Itens\2020-13. Hardware para central de Monitoramento\</t>
  </si>
  <si>
    <t>2020-10. Hardware para central de Monitoramento.xlsx</t>
  </si>
  <si>
    <t>C:\Users\ederleirdr\Grupo Algar\Henrique Augusto Conceicao - Compartilhado CSC\Detalhamento de Itens\2020-05. Substituição Desktops Bradesco (Udi)\</t>
  </si>
  <si>
    <t>SUBSTITUICAO DESKTOPS BRADESCO - (UBERLANDIA).xlsx</t>
  </si>
  <si>
    <t>C:\Users\ederleirdr\Grupo Algar\Henrique Augusto Conceicao - Compartilhado CSC\Detalhamento de Itens\2020-20. Substituição ferramenta de inventário (Udi-Cps)\</t>
  </si>
  <si>
    <t>SUBSTITUIÇÃO FERRAMENTA DE INVENTÁRIO - (UBERLÂNDIA E CAMPINAS).xlsx</t>
  </si>
  <si>
    <t>C:\Users\ederleirdr\Grupo Algar\Henrique Augusto Conceicao - Compartilhado CSC\Detalhamento de Itens\2020-28. Substituição servidores Aspect + HW Telecom UMS (Udi)\</t>
  </si>
  <si>
    <t>SUBSTITUIÇÃO SERVIDORES ASPECT+HARDWARE TELECOM UMS - (UBERLÂNDIA).xlsx</t>
  </si>
  <si>
    <t>C:\Users\ederleirdr\Grupo Algar\Henrique Augusto Conceicao - Compartilhado CSC\Detalhamento de Itens\2020-04. Switches Lan 10G Bradesco (Udi)\</t>
  </si>
  <si>
    <t>SWITCHES LAN 10G BRADESCO - (UBERLÂNDIA).xlsx</t>
  </si>
  <si>
    <t>C:\Users\ederleirdr\Grupo Algar\Henrique Augusto Conceicao - Compartilhado CSC\Detalhamento de Itens\2020-02. Sistema Digifort Synopsis EP\</t>
  </si>
  <si>
    <t>2020-02. Sistema Digifort Synopsis EP.xlsx</t>
  </si>
  <si>
    <t>C:\Users\ederleirdr\Grupo Algar\Henrique Augusto Conceicao - Compartilhado CSC\Detalhamento de Itens\2020-03. Substituição Switches Lan Bradesco(Udi)\</t>
  </si>
  <si>
    <t>SUBSTITUICAO SWITCHES LAN BRADESCO - (UBERLÂNDIA).xlsx</t>
  </si>
  <si>
    <t>C:\Users\ederleirdr\Grupo Algar\Henrique Augusto Conceicao - Compartilhado CSC\Detalhamento de Itens\2020-07. Substituição Substituição Hardware Aspect Bradesco\</t>
  </si>
  <si>
    <t>2020-07. Substituição Substituição Hardware Aspect Bradesco.xlsx</t>
  </si>
  <si>
    <t>C:\Users\ederleirdr\Grupo Algar\Henrique Augusto Conceicao - Compartilhado CSC\Detalhamento de Itens\2020-32. Atualização Wfm Nice\</t>
  </si>
  <si>
    <t>2020-30. Atualização Wfm Nice.xlsx</t>
  </si>
  <si>
    <t>/o=exchangelabs/ou=exchange administrative group (fydibohf23spdlt)/cn=recipients/cn=1e212ef08dab4f26b88cba944f2ab7cb-pmo.governa;/o=exchangelabs/ou=exchange administrative group (fydibohf23spdlt)/cn=recipients/cn=65d35bc38c6743d7a55b3ae9726a5893-diego ribei;/o=exchangelabs/ou=exchange administrative group (fydibohf23spdlt)/cn=recipients/cn=813137faf5314c07911c33841e8f1e9b-roselaine s;/o=exchangelabs/ou=exchange administrative group (fydibohf23spdlt)/cn=recipients/cn=f9f7ff8c593c4c869b053771ddd5846a-simone eloi;</t>
  </si>
  <si>
    <t>ENC: Aprovação Capex - Aquisição Notebooks DPRF</t>
  </si>
  <si>
    <t>Plan Precificacao C017 B017_v12082018 v6.xlsb</t>
  </si>
  <si>
    <t>/o=exchangelabs/ou=exchange administrative group (fydibohf23spdlt)/cn=recipients/cn=1e212ef08dab4f26b88cba944f2ab7cb-pmo.governa,/o=exchangelabs/ou=exchange administrative group (fydibohf23spdlt)/cn=recipients/cn=65d35bc38c6743d7a55b3ae9726a5893-diego ribei,/o=exchangelabs/ou=exchange administrative group (fydibohf23spdlt)/cn=recipients/cn=813137faf5314c07911c33841e8f1e9b-roselaine s,/o=exchangelabs/ou=exchange administrative group (fydibohf23spdlt)/cn=recipients/cn=f9f7ff8c593c4c869b053771ddd5846a-simone eloi</t>
  </si>
  <si>
    <t>http://shareit.global.avon.com/sites/arrmcm/forca-de-vendas/_layouts/upload.aspx?list={d7183758-c20b-457b-9a14-b83f7824798f}&amp;rootfolder=/sites/arrmcm/forca-de-vendas/executivas/média de ganho e objetivos campanhais&amp;source=http://shareit.global.avon.com/sites/arrmcm/forca-de-vendas/executivas/forms/allitems.aspx?rootfolder=http%3a%2f%2fshareit%2eglobal%2eavon%2ecom%2fsites%2farrmcm%2fforca%2dde%2dvendas%2fexecutivas%2fm%c3%a9dia%20de%20ganho%20e%20objetivos%20campanhais&amp;folderctid=0x012000239372184a066741ae9c59580c49d41d</t>
  </si>
  <si>
    <t>Ajuste e Comissionamento - Pedidos CP17 - PrÃ©via.xls</t>
  </si>
  <si>
    <t>52620;</t>
  </si>
  <si>
    <t>\\ACSFS\Engeset\FINANCEIRO_ULA\CONTROLA\SG\00 - Aplicações\04- Antecipação\00_Despesas\</t>
  </si>
  <si>
    <t>FORMULARIO_DESP ANTECIPADA_SAP BRASIL LTDA - 00189169_Brasif SA Administracao e Participações.xlsx</t>
  </si>
  <si>
    <t>https://52620</t>
  </si>
  <si>
    <t>FORMULARIO_DESP ANTECIPADA_SAP BRASIL LTDA - 00189167_Brasif SA Administracao e Participações.xlsx</t>
  </si>
  <si>
    <t>FORMULARIO_DESP ANTECIPADA_SAP BRASIL LTDA - 00189172_Usina Acucareira Guaira Ltda.xlsx</t>
  </si>
  <si>
    <t>52620;f;</t>
  </si>
  <si>
    <t>FORMULARIO_DESP ANTECIPADA_SAP BRASIL LTDA - 00189166_Brasif SA Administracao e Participações.xlsx</t>
  </si>
  <si>
    <t>https://52620,f</t>
  </si>
  <si>
    <t>FORMULARIO_DESP ANTECIPADA_SAP BRASIL LTDA - 00189164_Brasif SA Administracao e Participações.xlsx</t>
  </si>
  <si>
    <t>FORMULARIO_DESP ANTECIPADA_SAP BRASIL LTDA - 00189165_Brasif SA Administracao e Participações.xlsx</t>
  </si>
  <si>
    <t>FORMULARIO_DESP ANTECIPADA_SAP BRASIL LTDA - 00189081_MRV Engenharia E Participacoes SA.xlsx</t>
  </si>
  <si>
    <t>FORMULARIO_DESP ANTECIPADA_SAP BRASIL LTDA - 00189079_MRV Engenharia E Participacoes SA.xlsx</t>
  </si>
  <si>
    <t>FORMULARIO_DESP ANTECIPADA_SAP BRASIL LTDA - 00189086_MRV Engenharia E Participacoes SA.xlsx</t>
  </si>
  <si>
    <t>FORMULARIO_DESP ANTECIPADA_SAP BRASIL LTDA - 00189083_MRV Engenharia E Participacoes SA.xlsx</t>
  </si>
  <si>
    <t>FORMULARIO_DESP ANTECIPADA_SAP BRASIL LTDA - 00189097_MRV Engenharia E Participacoes SA.xlsx</t>
  </si>
  <si>
    <t>FORMULARIO_DESP ANTECIPADA_SAP BRASIL LTDA - 00189078_MRV Engenharia E Participacoes SA.xlsx</t>
  </si>
  <si>
    <t>FORMULARIO_DESP ANTECIPADA_SAP BRASIL LTDA - 00189087_MRV Engenharia E Participacoes SA.xlsx</t>
  </si>
  <si>
    <t>FORMULARIO_DESP ANTECIPADA_SAP BRASIL LTDA - 00189085_MRV Engenharia E Participacoes SA.xlsx</t>
  </si>
  <si>
    <t>ORC_2020_LUCIANA BERNARDES 08102019</t>
  </si>
  <si>
    <t>ORC_2020_LUCIANA BERNARDES 08102019.xlsx</t>
  </si>
  <si>
    <t>FORMULARIO_DESP ANTECIPADA_SAP BRASIL LTDA - 00189082_MRV Engenharia E Participacoes SA.xlsx</t>
  </si>
  <si>
    <t>FORMULARIO_DESP ANTECIPADA_SAP BRASIL LTDA - 00189080_MRV Engenharia E Participacoes SA.xlsx</t>
  </si>
  <si>
    <t>FORMULARIO_DESP ANTECIPADA_SAP BRASIL LTDA - 00189093_E.M.S Industria Farmaceutica Ltda.xlsx</t>
  </si>
  <si>
    <t>FORMULARIO_DESP ANTECIPADA_SAP BRASIL LTDA - 00189094_E.M.S Industria Farmaceutica Ltda.xlsx</t>
  </si>
  <si>
    <t>ORC_2020_LUCIANA BERNARDES 08102019 - CONSIDERAR ESSE</t>
  </si>
  <si>
    <t>andersonrq@algartech.com.br;brunog@algartech.com.br;jaquelineobt@algartech.com.br;marciags@algartech.com.br;</t>
  </si>
  <si>
    <t>andersonrq@algartech.com.br,brunog@algartech.com.br,jaquelineobt@algartech.com.br,marciags@algartech.com.br</t>
  </si>
  <si>
    <t>mail.google.com/_/upload?authuser=1&amp;dcp=asu-n&amp;upload_id=AEnB2Upf5nbmga_IcStEtL7SSGHru0HoU9ghXdWoXrfw8SGjPT6hZ4tqMeCx5hVIPNy21hEq-5kaWsMpE70ARJEMPeHQcP3Z7ahy3gkTlZUANEvNVI5ujtM&amp;upload_protocol=resumable</t>
  </si>
  <si>
    <t>produtividade set.xlsx</t>
  </si>
  <si>
    <t>danielvmds@algartech.com.br;jaimemj@algartech.com.br;julianalp@algartech.com.br;marciags@algartech.com.br;</t>
  </si>
  <si>
    <t>danielvmds@algartech.com.br,jaimemj@algartech.com.br,julianalp@algartech.com.br,marciags@algartech.com.br</t>
  </si>
  <si>
    <t>ORC_2020_LUCIANA BERNARDES 08102019 - V3</t>
  </si>
  <si>
    <t>vanusapr@algartech.com;</t>
  </si>
  <si>
    <t>\\acsfs\DEPTOS\Controladoria\3. CSC\CONTROLES CSC\7-Orçamento 2020\</t>
  </si>
  <si>
    <t>Orçamento CSC 2020 v1.xlsx</t>
  </si>
  <si>
    <t>vanusapr@algartech.com</t>
  </si>
  <si>
    <t>10.200.57.100</t>
  </si>
  <si>
    <t>20-04-0F-FD-A4-B2</t>
  </si>
  <si>
    <t>c:\users\t-luciahf\downloads\</t>
  </si>
  <si>
    <t>cópia de planilha de avaliação - cases_prêmio ouvidorias brasil 2019 (1) (2).xlsx</t>
  </si>
  <si>
    <t>thaismo@algartech.com;</t>
  </si>
  <si>
    <t>thaismo@algartech.com</t>
  </si>
  <si>
    <t>/o=exchangelabs/ou=exchange administrative group (fydibohf23spdlt)/cn=recipients/cn=6bc6ced03b1b4fafa41bb5c70c178940-antonio per;/o=exchangelabs/ou=exchange administrative group (fydibohf23spdlt)/cn=recipients/cn=f87f494a8d1d405d8a7b42a51dd5ab84-iris eugeni;</t>
  </si>
  <si>
    <t>ENC: Crescimento Caixa Cap: Custos do projeto - Atualizações</t>
  </si>
  <si>
    <t>Controle_Compras.xlsx</t>
  </si>
  <si>
    <t>/o=exchangelabs/ou=exchange administrative group (fydibohf23spdlt)/cn=recipients/cn=6bc6ced03b1b4fafa41bb5c70c178940-antonio per,/o=exchangelabs/ou=exchange administrative group (fydibohf23spdlt)/cn=recipients/cn=f87f494a8d1d405d8a7b42a51dd5ab84-iris eugeni</t>
  </si>
  <si>
    <t>C:\Users\joaobab\OneDrive - Grupo Algar\temp\Whirpool\</t>
  </si>
  <si>
    <t>Árvore_Categorização.xlsx</t>
  </si>
  <si>
    <t>/o=exchangelabs/ou=exchange administrative group (fydibohf23spdlt)/cn=recipients/cn=43a054bacf514a8a9cdcb240b072cd47-cecilia mul;/o=exchangelabs/ou=exchange administrative group (fydibohf23spdlt)/cn=recipients/cn=5676353c001f41558e00d4c7fa4fd023-aprova.vend;</t>
  </si>
  <si>
    <t>ENC: 206356 SOTREQ</t>
  </si>
  <si>
    <t>09_SOTREQ_SAC.xls</t>
  </si>
  <si>
    <t>/o=exchangelabs/ou=exchange administrative group (fydibohf23spdlt)/cn=recipients/cn=43a054bacf514a8a9cdcb240b072cd47-cecilia mul,/o=exchangelabs/ou=exchange administrative group (fydibohf23spdlt)/cn=recipients/cn=5676353c001f41558e00d4c7fa4fd023-aprova.vend</t>
  </si>
  <si>
    <t>https://caey.fa.us2.oraclecloud.com/crmui/faces/fusewelcome?_adf.ctrl-state=7rwi5g6dj_5</t>
  </si>
  <si>
    <t>C:\Users\sherleyce\Desktop\ENC 206356 SOTREQ.msg\s1\</t>
  </si>
  <si>
    <t>09_SOTREQ.xls</t>
  </si>
  <si>
    <t>C:\Users\sherleyce\Desktop\APROVA Oportunidade 212356.msg\s1\</t>
  </si>
  <si>
    <t>/o=exchangelabs/ou=exchange administrative group (fydibohf23spdlt)/cn=recipients/cn=0163bfef0e474630bdcf0a3698e9ffd4-amanda ferr;/o=exchangelabs/ou=exchange administrative group (fydibohf23spdlt)/cn=recipients/cn=14f0f77a226e48a79b5d6a7df54730c3-dayane gome;/o=exchangelabs/ou=exchange administrative group (fydibohf23spdlt)/cn=recipients/cn=1a68fd0c71d242d89abd9f9904b69653-lidianne sa;/o=exchangelabs/ou=exchange administrative group (fydibohf23spdlt)/cn=recipients/cn=2b1a6c2f5f1a48f98baec437d66528d4-ana paula f;/o=exchangelabs/ou=exchange administrative group (fydibohf23spdlt)/cn=recipients/cn=3820019b96e44b2492722599c934999a-fernando de;/o=exchangelabs/ou=exchange administrative group (fydibohf23spdlt)/cn=recipients/cn=3daf2f0b162f40c696c00f9ecbb7d69a-ana laura t;/o=exchangelabs/ou=exchange administrative group (fydibohf23spdlt)/cn=recipients/cn=82e9af7034e542b3a622ab8e7d09ff5d-ricardo de;/o=exchangelabs/ou=exchange administrative group (fydibohf23spdlt)/cn=recipients/cn=ab46a8675a184bef8d8f2440330cff44-daise</t>
  </si>
  <si>
    <t>RES: Calendário Outubro</t>
  </si>
  <si>
    <t>RES Custo G3 Algar .msg\s1\</t>
  </si>
  <si>
    <t>/o=exchangelabs/ou=exchange administrative group (fydibohf23spdlt)/cn=recipients/cn=0163bfef0e474630bdcf0a3698e9ffd4-amanda ferr,/o=exchangelabs/ou=exchange administrative group (fydibohf23spdlt)/cn=recipients/cn=14f0f77a226e48a79b5d6a7df54730c3-dayane gome,/o=exchangelabs/ou=exchange administrative group (fydibohf23spdlt)/cn=recipients/cn=1a68fd0c71d242d89abd9f9904b69653-lidianne sa,/o=exchangelabs/ou=exchange administrative group (fydibohf23spdlt)/cn=recipients/cn=2b1a6c2f5f1a48f98baec437d66528d4-ana paula f,/o=exchangelabs/ou=exchange administrative group (fydibohf23spdlt)/cn=recipients/cn=3820019b96e44b2492722599c934999a-fernando de,/o=exchangelabs/ou=exchange administrative group (fydibohf23spdlt)/cn=recipients/cn=3daf2f0b162f40c696c00f9ecbb7d69a-ana laura t,/o=exchangelabs/ou=exchange administrative group (fydibohf23spdlt)/cn=recipients/cn=82e9af7034e542b3a622ab8e7d09ff5d-ricardo de,/o=exchangelabs/ou=exchange administrative group (fydibohf23spdlt)/cn=recipients/cn=ab46a8675a184bef8d8f2440330cff44-daise</t>
  </si>
  <si>
    <t>douglasxm@algartech.com</t>
  </si>
  <si>
    <t>C:\Users\douglasxm\Desktop\</t>
  </si>
  <si>
    <t>BP Homologação DataCom rev3.xlsb</t>
  </si>
  <si>
    <t>C:\Users\douglasxm\Desktop\BP Homologação DataCom rev3.xlsb\</t>
  </si>
  <si>
    <t>/o=exchangelabs/ou=exchange administrative group (fydibohf23spdlt)/cn=recipients/cn=user3949317b;</t>
  </si>
  <si>
    <t>ENC: Projecao de RL LP latam.</t>
  </si>
  <si>
    <t>distribuicao incremental.xlsx</t>
  </si>
  <si>
    <t>/o=exchangelabs/ou=exchange administrative group (fydibohf23spdlt)/cn=recipients/cn=user3949317b</t>
  </si>
  <si>
    <t>\\acsfs\DEPTOS\EDUCACAO EMPRESARIAL\5 - Comunicação\2 - Pontos de Contato\</t>
  </si>
  <si>
    <t>Pontos de Contato - Junho atualizada.xlsx</t>
  </si>
  <si>
    <t>/o=exchangelabs/ou=exchange administrative group (fydibohf23spdlt)/cn=recipients/cn=cbd39b91542644e08dc79bed7f7e75d6-josafa roch;</t>
  </si>
  <si>
    <t>DESCRIÇÕES</t>
  </si>
  <si>
    <t>/o=exchangelabs/ou=exchange administrative group (fydibohf23spdlt)/cn=recipients/cn=cbd39b91542644e08dc79bed7f7e75d6-josafa roch</t>
  </si>
  <si>
    <t>CURVA NORMAL - 08/10/2019</t>
  </si>
  <si>
    <t>antoniaama@algartech.com;thiagorrg@algartech.com;</t>
  </si>
  <si>
    <t>C:\Users\nataliamam\Desktop\</t>
  </si>
  <si>
    <t>HSM ATIVO ECOHOUSE.xlsx</t>
  </si>
  <si>
    <t>antoniaama@algartech.com,thiagorrg@algartech.com</t>
  </si>
  <si>
    <t>HSM ATIVO SERVICES.xlsx</t>
  </si>
  <si>
    <t>antoniaama@algartech.com;gabriela_b_goncalves@whirlpool.com;thiagorrg@algartech.com;</t>
  </si>
  <si>
    <t>antoniaama@algartech.com,gabriela_b_goncalves@whirlpool.com,thiagorrg@algartech.com</t>
  </si>
  <si>
    <t>Ocorrências 01 a 30/09 Emissão 08/10</t>
  </si>
  <si>
    <t>OCORRENCIAS_028_01a3009_emissao0810.csv</t>
  </si>
  <si>
    <t>028 - 01 a 30/09</t>
  </si>
  <si>
    <t>OCORRENCIAS_028_01a3009_emissaotarde.csv</t>
  </si>
  <si>
    <t>RES: 033 - 01 a 30/09</t>
  </si>
  <si>
    <t>OCORRENCIAS_033_01a3009_emissaotarde.csv</t>
  </si>
  <si>
    <t>C:\Users\lucianafaa\OneDrive - Grupo Algar\2019\PMO\COMUNICADO CAPITALIZAÇÕES DE PESSOAS NOS PROJETOS (DEFINIÇÃO DO FLUXO e CRONOGRAMA).msg\s1\</t>
  </si>
  <si>
    <t>RES: COMUNICADO: CAPITALIZAÇÕES DE PESSOAS NOS PROJETOS (DEFINIÇÃO DO FLUXO e CRONOGRAMA)</t>
  </si>
  <si>
    <t>10.211.2.102</t>
  </si>
  <si>
    <t>C:\Users\vilarinho\OneDrive - Grupo Algar\Algar Tech\Projetos\Projeto Voar Mkinzey.19\27092019 Algar tech update Holding_v14-8.10.19.pptx\</t>
  </si>
  <si>
    <t>2019 - Consolidado - Cálculo Rateio - PROPOSTA 0810.xlsx</t>
  </si>
  <si>
    <t>C:\Users\mariannacsm\OneDrive - Grupo Algar\0- PMO-POOL\POOL\03 - Rateio CCC\Bases\</t>
  </si>
  <si>
    <t>2019 - (09) Setembro - Cálculo Rateio.xlsx</t>
  </si>
  <si>
    <t>/o=exchangelabs/ou=exchange administrative group (fydibohf23spdlt)/cn=recipients/cn=5cff907b7abb465c8dbe10257a462656-diego iure;/o=exchangelabs/ou=exchange administrative group (fydibohf23spdlt)/cn=recipients/cn=822f65115a2046059fff20a916dd90e9-thais marti;/o=exchangelabs/ou=exchange administrative group (fydibohf23spdlt)/cn=recipients/cn=aff8c3b9538840fe9b9778861292fbea-everton pau;andre.komatsubara@bradesco.com.br;lorrany.bianca@bradesco.com.br;murillo.silva@bradesco.com.br;</t>
  </si>
  <si>
    <t>RES: Inclusão CRC EVM - 03/10/2019</t>
  </si>
  <si>
    <t>Inclusões.xlsx</t>
  </si>
  <si>
    <t>/o=exchangelabs/ou=exchange administrative group (fydibohf23spdlt)/cn=recipients/cn=5cff907b7abb465c8dbe10257a462656-diego iure,/o=exchangelabs/ou=exchange administrative group (fydibohf23spdlt)/cn=recipients/cn=822f65115a2046059fff20a916dd90e9-thais marti,/o=exchangelabs/ou=exchange administrative group (fydibohf23spdlt)/cn=recipients/cn=aff8c3b9538840fe9b9778861292fbea-everton pau,andre.komatsubara@bradesco.com.br,lorrany.bianca@bradesco.com.br,murillo.silva@bradesco.com.br</t>
  </si>
  <si>
    <t>C:\Users\vilarinho\OneDrive - Grupo Algar\Algar Tech\Projetos\Reunião Estratégia em SP 01.08.19\Final01.8.19\Projeção 2020v5.pptx\</t>
  </si>
  <si>
    <t>10.211.2.96</t>
  </si>
  <si>
    <t>C:\Users\marcelorf\OneDrive - Grupo Algar\DMV\Caminhos para aumentar Vendas 2020 FINAL.pptx\</t>
  </si>
  <si>
    <t>mail.google.com/_/upload?authuser=0&amp;dcp=asu-n&amp;upload_id=AEnB2UocQniAeIn5B86ySiMSNMG4UBkP8oLPRodt29mMs-NpnmOYNdcPdM0LDOo9rfRvNdtCtD7pvzuMN_wu9qYbBxjgNBCySJb9k3vSqCVewj7oX3FtszU&amp;upload_protocol=resumable</t>
  </si>
  <si>
    <t>10.207.12.64</t>
  </si>
  <si>
    <t>/o=exchangelabs/ou=exchange administrative group (fydibohf23spdlt)/cn=recipients/cn=376dc21df9294b1e98e06de29a805db8-algar tech;/o=exchangelabs/ou=exchange administrative group (fydibohf23spdlt)/cn=recipients/cn=fcc3d07951f5486d9a8e080319224b72-joyce de he;/o=exchangelabs/ou=exchange administrative group (fydibohf23spdlt)/cn=recipients/cn=group72a1a4ca;</t>
  </si>
  <si>
    <t>RES: 4700025356 - Termo Aditivo - Algar.docx</t>
  </si>
  <si>
    <t>PRECIFICAÇÃO ALGARTECH RFP BANCO ITAU - Gestão de Identidade e Concessão de Acessos.msg\s1\</t>
  </si>
  <si>
    <t>Formulário de Precificação 22_07.xlsx</t>
  </si>
  <si>
    <t>/o=exchangelabs/ou=exchange administrative group (fydibohf23spdlt)/cn=recipients/cn=376dc21df9294b1e98e06de29a805db8-algar tech,/o=exchangelabs/ou=exchange administrative group (fydibohf23spdlt)/cn=recipients/cn=fcc3d07951f5486d9a8e080319224b72-joyce de he,/o=exchangelabs/ou=exchange administrative group (fydibohf23spdlt)/cn=recipients/cn=group72a1a4ca</t>
  </si>
  <si>
    <t>/o=exchangelabs/ou=exchange administrative group (fydibohf23spdlt)/cn=recipients/cn=372a4aee70df4061aed129651510b96b-raul montei;/o=exchangelabs/ou=exchange administrative group (fydibohf23spdlt)/cn=recipients/cn=3d559cad8a6b4c9ba2e512604e1484a2-marcelo mal;raphael.oliveira@grupopan.com;</t>
  </si>
  <si>
    <t>Apresentação Banco PAN + Due Diligence</t>
  </si>
  <si>
    <t>ALGAR TECH Due Diligence 07_10_2019.xlsx</t>
  </si>
  <si>
    <t>/o=exchangelabs/ou=exchange administrative group (fydibohf23spdlt)/cn=recipients/cn=372a4aee70df4061aed129651510b96b-raul montei,/o=exchangelabs/ou=exchange administrative group (fydibohf23spdlt)/cn=recipients/cn=3d559cad8a6b4c9ba2e512604e1484a2-marcelo mal,raphael.oliveira@grupopan.com</t>
  </si>
  <si>
    <t>2019 - Consolidado - Cálculo Rateio_Análise com Compras.xlsx</t>
  </si>
  <si>
    <t>ENC: Volume Gerenciadas Amex e Visa - 09/10</t>
  </si>
  <si>
    <t>amandafdcs@algartech.com;analtc@algartech.com;anapfbr@algartech.com;daisejm@algartech.com;dayanegm@algartech.com;diogenespl@algartech.com;fernandodps@algartech.com;lidiannesr@algartech.com;ricardodfm@algartech.com;ricardomi@algartech.com;romariog@algartecnologia.com.br;wandersongaj@algartech.com;</t>
  </si>
  <si>
    <t>amandafdcs@algartech.com,analtc@algartech.com,anapfbr@algartech.com,daisejm@algartech.com,dayanegm@algartech.com,diogenespl@algartech.com,fernandodps@algartech.com,lidiannesr@algartech.com,ricardodfm@algartech.com,ricardomi@algartech.com,romariog@algartecnologia.com.br,wandersongaj@algartech.com</t>
  </si>
  <si>
    <t>ENC: PWEBs capitalização de associados no projeto Whirlpool</t>
  </si>
  <si>
    <t>cscatende@cscalgar.com.br;</t>
  </si>
  <si>
    <t>RES: Chamado: 3355405;</t>
  </si>
  <si>
    <t>ACC.xls</t>
  </si>
  <si>
    <t>cscatende@cscalgar.com.br</t>
  </si>
  <si>
    <t>0ANALYSIS_PATTERN (92).csv</t>
  </si>
  <si>
    <t>laura.marques@beedoo.com.br;</t>
  </si>
  <si>
    <t>Base</t>
  </si>
  <si>
    <t>BASE DO BEEDOO.xls</t>
  </si>
  <si>
    <t>laura.marques@beedoo.com.br</t>
  </si>
  <si>
    <t>checklist Infraestrutura</t>
  </si>
  <si>
    <t>Checklist Project Nimbus_ Infraestrutura 19.10.03.xlsx</t>
  </si>
  <si>
    <t>/o=exchangelabs/ou=exchange administrative group (fydibohf23spdlt)/cn=recipients/cn=user1afea7a7;</t>
  </si>
  <si>
    <t>RES: Dados Fechamento incentivo</t>
  </si>
  <si>
    <t>BASE PESQUISA SATISFAÇÃO.xlsx</t>
  </si>
  <si>
    <t>/o=exchangelabs/ou=exchange administrative group (fydibohf23spdlt)/cn=recipients/cn=user1afea7a7</t>
  </si>
  <si>
    <t>/o=exchangelabs/ou=exchange administrative group (fydibohf23spdlt)/cn=recipients/cn=32fe8a14424941da83c2bf35a8a5709e-fabiana car;/o=exchangelabs/ou=exchange administrative group (fydibohf23spdlt)/cn=recipients/cn=e39e329fc16a43329eb2766bae675122-mariana gon;</t>
  </si>
  <si>
    <t>NPS Service</t>
  </si>
  <si>
    <t>/o=exchangelabs/ou=exchange administrative group (fydibohf23spdlt)/cn=recipients/cn=32fe8a14424941da83c2bf35a8a5709e-fabiana car,/o=exchangelabs/ou=exchange administrative group (fydibohf23spdlt)/cn=recipients/cn=e39e329fc16a43329eb2766bae675122-mariana gon</t>
  </si>
  <si>
    <t>mail.google.com/_/upload?authuser=0&amp;dcp=asu-n&amp;upload_id=AEnB2Uqdwqxtf5N4qo4U2YK2m9NDAxQEz_5oidQgv7k9oe-gWlDIBS5pHHPumQzm23IhEWQY0bKtaH4c5kXncrTGYviku2zfNA&amp;upload_protocol=resumable</t>
  </si>
  <si>
    <t>Análise GDI - Recusas não identificadas.xlsx</t>
  </si>
  <si>
    <t>/o=exchangelabs/ou=exchange administrative group (fydibohf23spdlt)/cn=recipients/cn=5a5fc377bc0c4180aca2ca987c79538c-diego vinic;/o=exchangelabs/ou=exchange administrative group (fydibohf23spdlt)/cn=recipients/cn=5f1d2da41c984f398563499c2f17e040-jeann ferre;/o=exchangelabs/ou=exchange administrative group (fydibohf23spdlt)/cn=recipients/cn=c94f984236114f79aef3c3ce07971988-leticia gom;</t>
  </si>
  <si>
    <t>ENC: ***Incentivo Seguradoras Setembro/2019***</t>
  </si>
  <si>
    <t>Fechamento Incentivo Whirlpool Seguradoras - N1.xlsx</t>
  </si>
  <si>
    <t>/o=exchangelabs/ou=exchange administrative group (fydibohf23spdlt)/cn=recipients/cn=5a5fc377bc0c4180aca2ca987c79538c-diego vinic,/o=exchangelabs/ou=exchange administrative group (fydibohf23spdlt)/cn=recipients/cn=5f1d2da41c984f398563499c2f17e040-jeann ferre,/o=exchangelabs/ou=exchange administrative group (fydibohf23spdlt)/cn=recipients/cn=c94f984236114f79aef3c3ce07971988-leticia gom</t>
  </si>
  <si>
    <t>2ª Semana de Monitorias Outubro</t>
  </si>
  <si>
    <t>2ª semana Outubro Qualidade monitorias.xlsx</t>
  </si>
  <si>
    <t>Acompanhamento NPS - TRACK SALES e 5 STAR - Out/2019</t>
  </si>
  <si>
    <t>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b1a72fc2d0234efca84c7771ea70c7ee-roberta cri;</t>
  </si>
  <si>
    <t>Fechamento Financeiro Setembro</t>
  </si>
  <si>
    <t>Fechamento Financeiro_Setembro.xlsx</t>
  </si>
  <si>
    <t>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b1a72fc2d0234efca84c7771ea70c7ee-roberta cri</t>
  </si>
  <si>
    <t>858b6d4e-d277-4253-bac3-9ba96fb5ed3a;</t>
  </si>
  <si>
    <t>6567;</t>
  </si>
  <si>
    <t>Formulário TTV - Lançamento de Atraso de Jornada Cida 09 10.xlsx</t>
  </si>
  <si>
    <t>http://6567</t>
  </si>
  <si>
    <t>Formulário TTV - Lançamento de Atraso de Jornada Aliny 09 10.xlsx</t>
  </si>
  <si>
    <t>rdmurer@gmail.com;</t>
  </si>
  <si>
    <t>Planilha atualizada</t>
  </si>
  <si>
    <t>rdmurer@gmail.com</t>
  </si>
  <si>
    <t>/o=exchangelabs/ou=exchange administrative group (fydibohf23spdlt)/cn=recipients/cn=3daf2f0b162f40c696c00f9ecbb7d69a-ana laura t;/o=exchangelabs/ou=exchange administrative group (fydibohf23spdlt)/cn=recipients/cn=56dc126fba5b4a5f8fb1cd7e4f10477d-thais olive;/o=exchangelabs/ou=exchange administrative group (fydibohf23spdlt)/cn=recipients/cn=6da98ab9b2254d688a75ce822637acbf-ricardo de;/o=exchangelabs/ou=exchange administrative group (fydibohf23spdlt)/cn=recipients/cn=c34f1ae7ba484a33bbcd3ef2d8a2ff15-sandra borg;/o=exchangelabs/ou=exchange administrative group (fydibohf23spdlt)/cn=recipients/cn=d1f87cddb1f045f0b9cae505d0a2ab94-nayane pere;sandra.borges@temposervicos.com.br;vanessa.freitag@bradesco.com.br;</t>
  </si>
  <si>
    <t>Quantidade UHV</t>
  </si>
  <si>
    <t>Quantidade UHV Setembro.xlsx</t>
  </si>
  <si>
    <t>/o=exchangelabs/ou=exchange administrative group (fydibohf23spdlt)/cn=recipients/cn=3daf2f0b162f40c696c00f9ecbb7d69a-ana laura t,/o=exchangelabs/ou=exchange administrative group (fydibohf23spdlt)/cn=recipients/cn=56dc126fba5b4a5f8fb1cd7e4f10477d-thais olive,/o=exchangelabs/ou=exchange administrative group (fydibohf23spdlt)/cn=recipients/cn=6da98ab9b2254d688a75ce822637acbf-ricardo de,/o=exchangelabs/ou=exchange administrative group (fydibohf23spdlt)/cn=recipients/cn=c34f1ae7ba484a33bbcd3ef2d8a2ff15-sandra borg,/o=exchangelabs/ou=exchange administrative group (fydibohf23spdlt)/cn=recipients/cn=d1f87cddb1f045f0b9cae505d0a2ab94-nayane pere,sandra.borges@temposervicos.com.br,vanessa.freitag@bradesco.com.br</t>
  </si>
  <si>
    <t>/o=exchangelabs/ou=exchange administrative group (fydibohf23spdlt)/cn=recipients/cn=bec14da9ad4d434b8151ce12587e9186-khassio mar;/o=exchangelabs/ou=exchange administrative group (fydibohf23spdlt)/cn=recipients/cn=d8ab77282d2d4f648a84840ef886dad9-eneias viei;flavia@iclicconsultoria.com.br;gustavo@iclicconsultoria.com.br;ivia.santos@bradesco.com.br;marcella.silvestre@bradesco.com.br;thais.montes@bradesco.com.br;</t>
  </si>
  <si>
    <t>RES: COBRANÇA DE ANUIDADE - CONTA HOTEL</t>
  </si>
  <si>
    <t>Cobrança de taxa de capturaPagamentos Amex Atento CRM000280002115.msg\s1\</t>
  </si>
  <si>
    <t>Relatorio CompID 02798597 - ATENTO BRASIL S.A CHV.xlsx</t>
  </si>
  <si>
    <t>/o=exchangelabs/ou=exchange administrative group (fydibohf23spdlt)/cn=recipients/cn=bec14da9ad4d434b8151ce12587e9186-khassio mar,/o=exchangelabs/ou=exchange administrative group (fydibohf23spdlt)/cn=recipients/cn=d8ab77282d2d4f648a84840ef886dad9-eneias viei,flavia@iclicconsultoria.com.br,gustavo@iclicconsultoria.com.br,ivia.santos@bradesco.com.br,marcella.silvestre@bradesco.com.br,thais.montes@bradesco.com.br</t>
  </si>
  <si>
    <t>ENC: 2ª Semana de Monitorias Outubro</t>
  </si>
  <si>
    <t>c:\users\lucineiaale\appdata\local\microsoft\windows\inetcache\content.outlook\6o8d1kkc\</t>
  </si>
  <si>
    <t>relação de associados - algar ti.xlsx</t>
  </si>
  <si>
    <t>ENC: Impressão</t>
  </si>
  <si>
    <t>Relação de associados - Algar TI.xlsx</t>
  </si>
  <si>
    <t>/o=exchangelabs/ou=exchange administrative group (fydibohf23spdlt)/cn=recipients/cn=08495392e8ff447fa6268b697ae28485-flavia ferr;</t>
  </si>
  <si>
    <t>ENC: Treinamento de KitchenAid</t>
  </si>
  <si>
    <t>Escala TRN - Portáteis KichenAid.xlsx</t>
  </si>
  <si>
    <t>/o=exchangelabs/ou=exchange administrative group (fydibohf23spdlt)/cn=recipients/cn=08495392e8ff447fa6268b697ae28485-flavia ferr</t>
  </si>
  <si>
    <t>Atingimentos EBIT_PLR out2019_atual + preclosing.xlsx</t>
  </si>
  <si>
    <t>/o=exchangelabs/ou=exchange administrative group (fydibohf23spdlt)/cn=recipients/cn=bec14da9ad4d434b8151ce12587e9186-khassio mar;/o=exchangelabs/ou=exchange administrative group (fydibohf23spdlt)/cn=recipients/cn=d8ab77282d2d4f648a84840ef886dad9-eneias viei;flavia@iclicconsultoria.com.br;gustavo@iclicconsultoria.com.br;sheilacdf@algartech.com.br;thais.montes@bradesco.com.br;vanessa.r.silva@bradesco.com.br;vivianega@algartech.com.br;</t>
  </si>
  <si>
    <t>ENC: Cobrança de taxa de captura***Pagamentos Amex Atento CRM:000280002115</t>
  </si>
  <si>
    <t>/o=exchangelabs/ou=exchange administrative group (fydibohf23spdlt)/cn=recipients/cn=bec14da9ad4d434b8151ce12587e9186-khassio mar,/o=exchangelabs/ou=exchange administrative group (fydibohf23spdlt)/cn=recipients/cn=d8ab77282d2d4f648a84840ef886dad9-eneias viei,flavia@iclicconsultoria.com.br,gustavo@iclicconsultoria.com.br,sheilacdf@algartech.com.br,thais.montes@bradesco.com.br,vanessa.r.silva@bradesco.com.br,vivianega@algartech.com.br</t>
  </si>
  <si>
    <t>C:\OneDrive\OneDrive - Grupo Algar\ONEDRIVE_SegInfo\PCI\Material para Macedo\</t>
  </si>
  <si>
    <t>Contract# 200331262-09-Oct-2019.xlsx</t>
  </si>
  <si>
    <t>Contract# 200401409-09-Oct-2019.xlsx</t>
  </si>
  <si>
    <t>ENC: Curva Desmobilização</t>
  </si>
  <si>
    <t>RANKING CHAT.xlsx</t>
  </si>
  <si>
    <t>RES: Acompanhamento VALE</t>
  </si>
  <si>
    <t>95605c67efea47f685bf35f562aad871.xls</t>
  </si>
  <si>
    <t>C:\Users\rodrigombu\OneDrive - Grupo Algar\Whirlpool\2019\06 - Junho\Arquivo\URA\</t>
  </si>
  <si>
    <t>Acompanhamento Intradiário Unificado PF + Pjotinha - Junho.xlsm</t>
  </si>
  <si>
    <t>/o=exchangelabs/ou=exchange administrative group (fydibohf23spdlt)/cn=recipients/cn=4e30fb9987b947faae55e03d3daed8a9-dyego paiva;/o=exchangelabs/ou=exchange administrative group (fydibohf23spdlt)/cn=recipients/cn=822f65115a2046059fff20a916dd90e9-thais marti;/o=exchangelabs/ou=exchange administrative group (fydibohf23spdlt)/cn=recipients/cn=f686c6cfcd464225892fe608e52efbcf-bruno apare;raphaelapm@algartech.com;</t>
  </si>
  <si>
    <t>RES: Informação Importação / Grupo e Empresas</t>
  </si>
  <si>
    <t>Contatos e secretárias.xlsx</t>
  </si>
  <si>
    <t>/o=exchangelabs/ou=exchange administrative group (fydibohf23spdlt)/cn=recipients/cn=4e30fb9987b947faae55e03d3daed8a9-dyego paiva,/o=exchangelabs/ou=exchange administrative group (fydibohf23spdlt)/cn=recipients/cn=822f65115a2046059fff20a916dd90e9-thais marti,/o=exchangelabs/ou=exchange administrative group (fydibohf23spdlt)/cn=recipients/cn=f686c6cfcd464225892fe608e52efbcf-bruno apare,raphaelapm@algartech.com</t>
  </si>
  <si>
    <t>/o=exchangelabs/ou=exchange administrative group (fydibohf23spdlt)/cn=recipients/cn=c5f7cc79fc244984a8f11c21adc3bf10-matheus oli;</t>
  </si>
  <si>
    <t>Modelo Solicitação Campinas (1).xlsx</t>
  </si>
  <si>
    <t>/o=exchangelabs/ou=exchange administrative group (fydibohf23spdlt)/cn=recipients/cn=c5f7cc79fc244984a8f11c21adc3bf10-matheus oli</t>
  </si>
  <si>
    <t>Cronograma Migração</t>
  </si>
  <si>
    <t>Cronograma .xlsx</t>
  </si>
  <si>
    <t>C:\Users\rodrigombu\OneDrive - Grupo Algar\Whirlpool\2019\04 - Abril\Arquivos\URA\</t>
  </si>
  <si>
    <t>Acompanhamento Intradiário Unificado PF + Pjotinha - Abril.xlsm</t>
  </si>
  <si>
    <t>\\acsfs.acs.com.br\deptos\operacao\nucleo de th\1.1 - desligamentos\protocolos\2019\</t>
  </si>
  <si>
    <t>protocolos - 2019.xls</t>
  </si>
  <si>
    <t>C:\Users\daniloma\Desktop\</t>
  </si>
  <si>
    <t>rdms 08 e 09 -2019 corp bpo.xls</t>
  </si>
  <si>
    <t>Histórico Transformação - Jan-2017 a Set-2019 - Fechamento.xlsx</t>
  </si>
  <si>
    <t>amandafdcs@algartech.com;analtc@algartech.com;anapfbr@algartech.com;antoniojr@algartech.com;daisejm@algartech.com;dayanegm@algartech.com;diogenespl@algartech.com;fernandodps@algartech.com;leandrolds@algartech.com;lidiannesr@algartech.com;ricardodfm@algartech.com;ricardomi@algartech.com;romariog@algartecnologia.com.br;wandersongaj@algartech.com;</t>
  </si>
  <si>
    <t>Cenário Cerrado.xls</t>
  </si>
  <si>
    <t>amandafdcs@algartech.com,analtc@algartech.com,anapfbr@algartech.com,antoniojr@algartech.com,daisejm@algartech.com,dayanegm@algartech.com,diogenespl@algartech.com,fernandodps@algartech.com,leandrolds@algartech.com,lidiannesr@algartech.com,ricardodfm@algartech.com,ricardomi@algartech.com,romariog@algartecnologia.com.br,wandersongaj@algartech.com</t>
  </si>
  <si>
    <t>Indicadores D2C</t>
  </si>
  <si>
    <t>44494;</t>
  </si>
  <si>
    <t>C:\Users\Cristianecsa\Documents\</t>
  </si>
  <si>
    <t>FORMULARIO_DE_CADASTRO_DE_FORNECEDOR_-_R12_e_SOMAR_-_Socios.xlsx</t>
  </si>
  <si>
    <t>https://44494</t>
  </si>
  <si>
    <t>/o=exchangelabs/ou=exchange administrative group (fydibohf23spdlt)/cn=recipients/cn=10c614e1eddb439aa2a8538338cebbc9-victor hugo;/o=exchangelabs/ou=exchange administrative group (fydibohf23spdlt)/cn=recipients/cn=1e212ef08dab4f26b88cba944f2ab7cb-pmo.governa;/o=exchangelabs/ou=exchange administrative group (fydibohf23spdlt)/cn=recipients/cn=433c44314b25411787c58f7b0b761a9c-augusto afo;/o=exchangelabs/ou=exchange administrative group (fydibohf23spdlt)/cn=recipients/cn=66edf19ebc2742d0aad16b8a34a09b10-andre luiz;/o=exchangelabs/ou=exchange administrative group (fydibohf23spdlt)/cn=recipients/cn=f5f7ffc4621a4b47bb019ef685cde9e4-filipe junq;</t>
  </si>
  <si>
    <t>RES: Change - AVCB | Construção da Escada Site 2</t>
  </si>
  <si>
    <t>PMO_Detalhamento_de_Itens__ULA_SEDE_Adequacoes_AVCB_Escada_BL 3 Superior_CLASSIFICADA.xlsx</t>
  </si>
  <si>
    <t>/o=exchangelabs/ou=exchange administrative group (fydibohf23spdlt)/cn=recipients/cn=10c614e1eddb439aa2a8538338cebbc9-victor hugo,/o=exchangelabs/ou=exchange administrative group (fydibohf23spdlt)/cn=recipients/cn=1e212ef08dab4f26b88cba944f2ab7cb-pmo.governa,/o=exchangelabs/ou=exchange administrative group (fydibohf23spdlt)/cn=recipients/cn=433c44314b25411787c58f7b0b761a9c-augusto afo,/o=exchangelabs/ou=exchange administrative group (fydibohf23spdlt)/cn=recipients/cn=66edf19ebc2742d0aad16b8a34a09b10-andre luiz,/o=exchangelabs/ou=exchange administrative group (fydibohf23spdlt)/cn=recipients/cn=f5f7ffc4621a4b47bb019ef685cde9e4-filipe junq</t>
  </si>
  <si>
    <t>/o=exchangelabs/ou=exchange administrative group (fydibohf23spdlt)/cn=recipients/cn=083204b1bd464d0fbbd2451a3a305923-katia gonca;/o=exchangelabs/ou=exchange administrative group (fydibohf23spdlt)/cn=recipients/cn=603ada399f684d8cbb7c2653efa30e6a-andre luiz;/o=exchangelabs/ou=exchange administrative group (fydibohf23spdlt)/cn=recipients/cn=66892ec7505c4d138347b8eda5fa01e7-tassiana ap;/o=exchangelabs/ou=exchange administrative group (fydibohf23spdlt)/cn=recipients/cn=becbf63a159f4bfb8b84af5031d7e03a-ludicele al;/o=exchangelabs/ou=exchange administrative group (fydibohf23spdlt)/cn=recipients/cn=c21a296f15b34260b849c0ae1e7b942d-suelaine fe;/o=exchangelabs/ou=exchange administrative group (fydibohf23spdlt)/cn=recipients/cn=user07db2088;/o=exchangelabs/ou=exchange administrative group (fydibohf23spdlt)/cn=recipients/cn=userd3ef8196;</t>
  </si>
  <si>
    <t>Indicadores Contratuais Compra Certa - Fechamento Setembro</t>
  </si>
  <si>
    <t>/o=exchangelabs/ou=exchange administrative group (fydibohf23spdlt)/cn=recipients/cn=083204b1bd464d0fbbd2451a3a305923-katia gonca,/o=exchangelabs/ou=exchange administrative group (fydibohf23spdlt)/cn=recipients/cn=603ada399f684d8cbb7c2653efa30e6a-andre luiz,/o=exchangelabs/ou=exchange administrative group (fydibohf23spdlt)/cn=recipients/cn=66892ec7505c4d138347b8eda5fa01e7-tassiana ap,/o=exchangelabs/ou=exchange administrative group (fydibohf23spdlt)/cn=recipients/cn=becbf63a159f4bfb8b84af5031d7e03a-ludicele al,/o=exchangelabs/ou=exchange administrative group (fydibohf23spdlt)/cn=recipients/cn=c21a296f15b34260b849c0ae1e7b942d-suelaine fe,/o=exchangelabs/ou=exchange administrative group (fydibohf23spdlt)/cn=recipients/cn=user07db2088,/o=exchangelabs/ou=exchange administrative group (fydibohf23spdlt)/cn=recipients/cn=userd3ef8196</t>
  </si>
  <si>
    <t>[ERRATA] Indicadores Contratuais Compra Certa - Fechamento Setembro</t>
  </si>
  <si>
    <t>Indicadores Contratuais - 201909.xlsx</t>
  </si>
  <si>
    <t>ENC: Indicadores Contratuais Compra Certa - Fechamento Setembro</t>
  </si>
  <si>
    <t>Preco_178268_V2.xlsb</t>
  </si>
  <si>
    <t>/o=exchangelabs/ou=exchange administrative group (fydibohf23spdlt)/cn=recipients/cn=0ca6cc8d100949a7866a928f62ef5778-rosilene de;/o=exchangelabs/ou=exchange administrative group (fydibohf23spdlt)/cn=recipients/cn=7903c13fa0504ff0bc7dd2644020b0e8-mirna prado;/o=exchangelabs/ou=exchange administrative group (fydibohf23spdlt)/cn=recipients/cn=81f72ed6e9d042e3bed0cec08d488854-vinicius go;/o=exchangelabs/ou=exchange administrative group (fydibohf23spdlt)/cn=recipients/cn=98e18f75c1d448d18c2b385d101db11f-luiz alfred;/o=exchangelabs/ou=exchange administrative group (fydibohf23spdlt)/cn=recipients/cn=a72a765de829420582b78941417073ac-karina rodr;/o=exchangelabs/ou=exchange administrative group (fydibohf23spdlt)/cn=recipients/cn=b36412a54b154c07b0a876537a78fce8-jheniffer g;/o=exchangelabs/ou=exchange administrative group (fydibohf23spdlt)/cn=recipients/cn=c22b2d8de1594760baec681322c0933f-fernanda ma;/o=exchangelabs/ou=exchange administrative group (fydibohf23spdlt)/cn=recipients/cn=userd3ef8196;viniciussg@algartech.com</t>
  </si>
  <si>
    <t>Indicadores Contrato_Consolidado - Set-2019.xlsx</t>
  </si>
  <si>
    <t>/o=exchangelabs/ou=exchange administrative group (fydibohf23spdlt)/cn=recipients/cn=0ca6cc8d100949a7866a928f62ef5778-rosilene de,/o=exchangelabs/ou=exchange administrative group (fydibohf23spdlt)/cn=recipients/cn=7903c13fa0504ff0bc7dd2644020b0e8-mirna prado,/o=exchangelabs/ou=exchange administrative group (fydibohf23spdlt)/cn=recipients/cn=81f72ed6e9d042e3bed0cec08d488854-vinicius go,/o=exchangelabs/ou=exchange administrative group (fydibohf23spdlt)/cn=recipients/cn=98e18f75c1d448d18c2b385d101db11f-luiz alfred,/o=exchangelabs/ou=exchange administrative group (fydibohf23spdlt)/cn=recipients/cn=a72a765de829420582b78941417073ac-karina rodr,/o=exchangelabs/ou=exchange administrative group (fydibohf23spdlt)/cn=recipients/cn=b36412a54b154c07b0a876537a78fce8-jheniffer g,/o=exchangelabs/ou=exchange administrative group (fydibohf23spdlt)/cn=recipients/cn=c22b2d8de1594760baec681322c0933f-fernanda ma,/o=exchangelabs/ou=exchange administrative group (fydibohf23spdlt)/cn=recipients/cn=userd3ef8196,viniciussg@algartech.com</t>
  </si>
  <si>
    <t>mail.google.com/_/upload?authuser=0&amp;dcp=asu-n&amp;upload_id=AEnB2UoVlkMCWIh_01meKJFGTyOnglTy1lMwlaNhQUmREsvP6y-Zcuhakvo1DFXAQpE5o0XIRFcCyajfIib0P5hAHhw0KGv_9A&amp;upload_protocol=resumable</t>
  </si>
  <si>
    <t>/o=exchangelabs/ou=exchange administrative group (fydibohf23spdlt)/cn=recipients/cn=03a1bc99308a456db7c0105407689b39-gilda elain;/o=exchangelabs/ou=exchange administrative group (fydibohf23spdlt)/cn=recipients/cn=8ab5e44d485043d59eb4f21463e63e6a-tays dos sa;/o=exchangelabs/ou=exchange administrative group (fydibohf23spdlt)/cn=recipients/cn=f50351055a2944cebcbdc18a918945d6-gustavo res;</t>
  </si>
  <si>
    <t>ENC: Lista de Ativos CR 340022005</t>
  </si>
  <si>
    <t>/o=exchangelabs/ou=exchange administrative group (fydibohf23spdlt)/cn=recipients/cn=03a1bc99308a456db7c0105407689b39-gilda elain,/o=exchangelabs/ou=exchange administrative group (fydibohf23spdlt)/cn=recipients/cn=8ab5e44d485043d59eb4f21463e63e6a-tays dos sa,/o=exchangelabs/ou=exchange administrative group (fydibohf23spdlt)/cn=recipients/cn=f50351055a2944cebcbdc18a918945d6-gustavo res</t>
  </si>
  <si>
    <t>elson@algartelecom.com.br;lucas.ferreira@cscalgar.com.br;sunny@algartelecom.com.br;</t>
  </si>
  <si>
    <t>Requisitos projeto ERP_v3 - Faturamento Tech.xlsx</t>
  </si>
  <si>
    <t>elson@algartelecom.com.br,lucas.ferreira@cscalgar.com.br,sunny@algartelecom.com.br</t>
  </si>
  <si>
    <t>mail.google.com/_/upload?authuser=0&amp;dcp=asu-n&amp;upload_id=AEnB2UpCjpd0HWiUd191QscLy1E4LYyh1gGd7bLjhd4htckw6PKakoN73-kZs9JivqvNgtqCT2E40IEPrKS6IF0jd8wV6Oss5g&amp;upload_protocol=resumable</t>
  </si>
  <si>
    <t>Disparo_09.10.csv</t>
  </si>
  <si>
    <t>/o=exchangelabs/ou=exchange administrative group (fydibohf23spdlt)/cn=recipients/cn=363af2e6e56746febce0b409a64e9677-anne caroli;/o=exchangelabs/ou=exchange administrative group (fydibohf23spdlt)/cn=recipients/cn=9bb376e8b4c74d45963b1165e99fb0ea-fernando ro;gustavoplo@algartech.com;</t>
  </si>
  <si>
    <t>ENC: Layout CA</t>
  </si>
  <si>
    <t>/o=exchangelabs/ou=exchange administrative group (fydibohf23spdlt)/cn=recipients/cn=363af2e6e56746febce0b409a64e9677-anne caroli,/o=exchangelabs/ou=exchange administrative group (fydibohf23spdlt)/cn=recipients/cn=9bb376e8b4c74d45963b1165e99fb0ea-fernando ro,gustavoplo@algartech.com</t>
  </si>
  <si>
    <t>C:\Users\marinasf\Desktop\</t>
  </si>
  <si>
    <t>Cópia de FORMULÁRIO CADASTRO DE FORNECEDOR ALGAR - ATALLA.xlsx</t>
  </si>
  <si>
    <t>/o=exchangelabs/ou=exchange administrative group (fydibohf23spdlt)/cn=recipients/cn=1ef1d5b65a414ccea16527d004fcca4f-renan tavar;/o=exchangelabs/ou=exchange administrative group (fydibohf23spdlt)/cn=recipients/cn=48b9d80b3de74b6889aab1a91d02512b-ivanete da;/o=exchangelabs/ou=exchange administrative group (fydibohf23spdlt)/cn=recipients/cn=cd357e63731b4983b100b1a5028f9649-william car;</t>
  </si>
  <si>
    <t>RES: Lista presença treinamento Aulão B2k</t>
  </si>
  <si>
    <t>/o=exchangelabs/ou=exchange administrative group (fydibohf23spdlt)/cn=recipients/cn=1ef1d5b65a414ccea16527d004fcca4f-renan tavar,/o=exchangelabs/ou=exchange administrative group (fydibohf23spdlt)/cn=recipients/cn=48b9d80b3de74b6889aab1a91d02512b-ivanete da,/o=exchangelabs/ou=exchange administrative group (fydibohf23spdlt)/cn=recipients/cn=cd357e63731b4983b100b1a5028f9649-william car</t>
  </si>
  <si>
    <t>ENC: Fechamento Vendas PF - Setembro/19</t>
  </si>
  <si>
    <t>Estrutura Vendas Atualizada Setembro.xlsb</t>
  </si>
  <si>
    <t>5 stars 09.10.csv</t>
  </si>
  <si>
    <t>10.203.30.95</t>
  </si>
  <si>
    <t>/o=exchangelabs/ou=exchange administrative group (fydibohf23spdlt)/cn=recipients/cn=adf9f91d3cf5433d98d0a80a1a22fe72-rogerio cip;adarlene@algartelecom.com.br;</t>
  </si>
  <si>
    <t>DF_2019_1PROJ_CONSOLIDADO_SEM_IFRS_HOLDING.xlsx</t>
  </si>
  <si>
    <t>/o=exchangelabs/ou=exchange administrative group (fydibohf23spdlt)/cn=recipients/cn=adf9f91d3cf5433d98d0a80a1a22fe72-rogerio cip,adarlene@algartelecom.com.br</t>
  </si>
  <si>
    <t>/o=exchangelabs/ou=exchange administrative group (fydibohf23spdlt)/cn=recipients/cn=1a68fd0c71d242d89abd9f9904b69653-lidianne sa;/o=exchangelabs/ou=exchange administrative group (fydibohf23spdlt)/cn=recipients/cn=2946605dcf554cb389220dec598b84fa-adriano mon;/o=exchangelabs/ou=exchange administrative group (fydibohf23spdlt)/cn=recipients/cn=a4ba92cba10f4fe498074594f937f3b6-leandro lop;</t>
  </si>
  <si>
    <t>RES: Dimensionamento para Outubro</t>
  </si>
  <si>
    <t>/o=exchangelabs/ou=exchange administrative group (fydibohf23spdlt)/cn=recipients/cn=1a68fd0c71d242d89abd9f9904b69653-lidianne sa,/o=exchangelabs/ou=exchange administrative group (fydibohf23spdlt)/cn=recipients/cn=2946605dcf554cb389220dec598b84fa-adriano mon,/o=exchangelabs/ou=exchange administrative group (fydibohf23spdlt)/cn=recipients/cn=a4ba92cba10f4fe498074594f937f3b6-leandro lop</t>
  </si>
  <si>
    <t>/o=exchangelabs/ou=exchange administrative group (fydibohf23spdlt)/cn=recipients/cn=287c26b08a0f48578479a15a452f025d-edilson rod;/o=exchangelabs/ou=exchange administrative group (fydibohf23spdlt)/cn=recipients/cn=user9f44a979;</t>
  </si>
  <si>
    <t>RES: Custo em Dólar - SAGE</t>
  </si>
  <si>
    <t>341001150_SAGE.xlsb</t>
  </si>
  <si>
    <t>/o=exchangelabs/ou=exchange administrative group (fydibohf23spdlt)/cn=recipients/cn=287c26b08a0f48578479a15a452f025d-edilson rod,/o=exchangelabs/ou=exchange administrative group (fydibohf23spdlt)/cn=recipients/cn=user9f44a979</t>
  </si>
  <si>
    <t>/o=exchangelabs/ou=exchange administrative group (fydibohf23spdlt)/cn=recipients/cn=a7d54e15e3a94d53b0b5014d75c8d080-wanessa bor;/o=exchangelabs/ou=exchange administrative group (fydibohf23spdlt)/cn=recipients/cn=d5130784dc81436d9511788de4df376c-jeciene gom;</t>
  </si>
  <si>
    <t>Planilha modelo - Cobrança</t>
  </si>
  <si>
    <t>Resumo dimensionamentos Caixa_Previsul_Cobrança.xlsx</t>
  </si>
  <si>
    <t>/o=exchangelabs/ou=exchange administrative group (fydibohf23spdlt)/cn=recipients/cn=a7d54e15e3a94d53b0b5014d75c8d080-wanessa bor,/o=exchangelabs/ou=exchange administrative group (fydibohf23spdlt)/cn=recipients/cn=d5130784dc81436d9511788de4df376c-jeciene gom</t>
  </si>
  <si>
    <t>/o=exchangelabs/ou=exchange administrative group (fydibohf23spdlt)/cn=recipients/cn=5dc660c055e14f5ab5647ab38237cbdc-eduardo aug;/o=exchangelabs/ou=exchange administrative group (fydibohf23spdlt)/cn=recipients/cn=8e4869266a924042a8d9b8e9156c0081-gilson da s;</t>
  </si>
  <si>
    <t>ENC: Premissas Whirlpool</t>
  </si>
  <si>
    <t>Premissas RFP_Outubro_19_Service(1).xlsx</t>
  </si>
  <si>
    <t>/o=exchangelabs/ou=exchange administrative group (fydibohf23spdlt)/cn=recipients/cn=5dc660c055e14f5ab5647ab38237cbdc-eduardo aug,/o=exchangelabs/ou=exchange administrative group (fydibohf23spdlt)/cn=recipients/cn=8e4869266a924042a8d9b8e9156c0081-gilson da s</t>
  </si>
  <si>
    <t>\\acsfs\DEPTOS\Controladoria\Planejamento\Reuniões Mensais\2019\Acompanhamento DAF\Preclosing e orçamento 2020\DAF\</t>
  </si>
  <si>
    <t>ENC: Incentivo</t>
  </si>
  <si>
    <t>Incentivo SAC Agosto.xlsx</t>
  </si>
  <si>
    <t>paulohm@algartech.com;vivianeppe@algartech.com;</t>
  </si>
  <si>
    <t>paulohm@algartech.com,vivianeppe@algartech.com</t>
  </si>
  <si>
    <t>/o=exchangelabs/ou=exchange administrative group (fydibohf23spdlt)/cn=recipients/cn=2b7d8301a6224f6e9bbf924e0d25f0ec-thalia lorr;</t>
  </si>
  <si>
    <t>ENC: Evidência Portal SinergyRH.</t>
  </si>
  <si>
    <t>/o=exchangelabs/ou=exchange administrative group (fydibohf23spdlt)/cn=recipients/cn=2b7d8301a6224f6e9bbf924e0d25f0ec-thalia lorr</t>
  </si>
  <si>
    <t>09/29/2019 18:44:39</t>
  </si>
  <si>
    <t>/o=exchangelabs/ou=exchange administrative group (fydibohf23spdlt)/cn=recipients/cn=82e9af7034e542b3a622ab8e7d09ff5d-ricardo de;/o=exchangelabs/ou=exchange administrative group (fydibohf23spdlt)/cn=recipients/cn=e894bfa401c848dc9e25ced4ad1f3dd7-luciana fer;/o=exchangelabs/ou=exchange administrative group (fydibohf23spdlt)/cn=recipients/cn=fd4a47c4d251414eb48a57376a49e773-marco tulio;</t>
  </si>
  <si>
    <t>RES: APRESENTACAO WFM</t>
  </si>
  <si>
    <t>/o=exchangelabs/ou=exchange administrative group (fydibohf23spdlt)/cn=recipients/cn=82e9af7034e542b3a622ab8e7d09ff5d-ricardo de,/o=exchangelabs/ou=exchange administrative group (fydibohf23spdlt)/cn=recipients/cn=e894bfa401c848dc9e25ced4ad1f3dd7-luciana fer,/o=exchangelabs/ou=exchange administrative group (fydibohf23spdlt)/cn=recipients/cn=fd4a47c4d251414eb48a57376a49e773-marco tulio</t>
  </si>
  <si>
    <t>09/30/2019 00:10:21</t>
  </si>
  <si>
    <t>09/30/2019 00:17:34</t>
  </si>
  <si>
    <t>/o=exchangelabs/ou=exchange administrative group (fydibohf23spdlt)/cn=recipients/cn=06b756ed7b9b4c61bdbcfb21cdf93e9f-lucas ferna;/o=exchangelabs/ou=exchange administrative group (fydibohf23spdlt)/cn=recipients/cn=545f738e0fe740ba856f4eb6ef0135e0-vinicius si;/o=exchangelabs/ou=exchange administrative group (fydibohf23spdlt)/cn=recipients/cn=82e9af7034e542b3a622ab8e7d09ff5d-ricardo de;/o=exchangelabs/ou=exchange administrative group (fydibohf23spdlt)/cn=recipients/cn=b284454839e94314a90d49e7ec00864f-antonio car;/o=exchangelabs/ou=exchange administrative group (fydibohf23spdlt)/cn=recipients/cn=c08089b92f0643f18c949cb099a06593-tamara luis;</t>
  </si>
  <si>
    <t>Early Adpters GSuite - PCP</t>
  </si>
  <si>
    <t>/o=exchangelabs/ou=exchange administrative group (fydibohf23spdlt)/cn=recipients/cn=06b756ed7b9b4c61bdbcfb21cdf93e9f-lucas ferna,/o=exchangelabs/ou=exchange administrative group (fydibohf23spdlt)/cn=recipients/cn=545f738e0fe740ba856f4eb6ef0135e0-vinicius si,/o=exchangelabs/ou=exchange administrative group (fydibohf23spdlt)/cn=recipients/cn=82e9af7034e542b3a622ab8e7d09ff5d-ricardo de,/o=exchangelabs/ou=exchange administrative group (fydibohf23spdlt)/cn=recipients/cn=b284454839e94314a90d49e7ec00864f-antonio car,/o=exchangelabs/ou=exchange administrative group (fydibohf23spdlt)/cn=recipients/cn=c08089b92f0643f18c949cb099a06593-tamara luis</t>
  </si>
  <si>
    <t>09/30/2019 00:19:07</t>
  </si>
  <si>
    <t>HUGO_ORÇAMENTO_2019-NB-HUGOOC 3.xlsm</t>
  </si>
  <si>
    <t>HUGO_ORÇAMENTO_2019-NB-HUGOOC 3 - Copia.xlsm</t>
  </si>
  <si>
    <t>EXTRATO CARTÃO 10.xlsx</t>
  </si>
  <si>
    <t>HUGO_ORÇAMENTO_2019-NB-HUGOOC 4.xlsm</t>
  </si>
  <si>
    <t>C:\Users\hugooc\OneDrive\Área de Trabalho\</t>
  </si>
  <si>
    <t>Conferidor Mega Sena 5.xlsm</t>
  </si>
  <si>
    <t>T:\02 - FATURAMENTO\Base GAT\Gerencia de Planejamento e Gestao\Relatorio de Faturamento NF - AR\AR - Algar\2019\</t>
  </si>
  <si>
    <t>Controle Diario_Setembro_2019.xls</t>
  </si>
  <si>
    <t>/o=exchangelabs/ou=exchange administrative group (fydibohf23spdlt)/cn=recipients/cn=1ef8a40c52af4b4dbe421ec9beecd02c-simone pont;</t>
  </si>
  <si>
    <t>Controle Diario - Set/2019</t>
  </si>
  <si>
    <t>/o=exchangelabs/ou=exchange administrative group (fydibohf23spdlt)/cn=recipients/cn=1ef8a40c52af4b4dbe421ec9beecd02c-simone pont</t>
  </si>
  <si>
    <t>mail.google.com/_/upload?authuser=1&amp;dcp=asu-n&amp;upload_id=AEnB2UoTw6v9oGUN3cCQJZWUZ34fFrGWc1ULqo6FOwTYGJ_mA-BoMuTFFmGIkCgeOEuih3NyL48t1MYht6I59hjPXcfbstXtpA&amp;upload_protocol=resumable</t>
  </si>
  <si>
    <t>CRUZAMENTOS DESINSTALAÇÃO.xlsx</t>
  </si>
  <si>
    <t>/o=exchangelabs/ou=exchange administrative group (fydibohf23spdlt)/cn=recipients/cn=0eb8b2385d354af2b97da6b3eb0e0e32-augusto mor;/o=exchangelabs/ou=exchange administrative group (fydibohf23spdlt)/cn=recipients/cn=2b05fb64124641c794278ebec1c98b6d-joao batist;/o=exchangelabs/ou=exchange administrative group (fydibohf23spdlt)/cn=recipients/cn=2f8300fc6f8b4714a77c0227cba72162-vinicius pi;/o=exchangelabs/ou=exchange administrative group (fydibohf23spdlt)/cn=recipients/cn=5dd8c9ed3a4046cd98a0997ecbb8c57d-tiago matto;</t>
  </si>
  <si>
    <t>ENC: Erros API</t>
  </si>
  <si>
    <t>erro_de_servico_contract_information_20191008.xlsx</t>
  </si>
  <si>
    <t>/o=exchangelabs/ou=exchange administrative group (fydibohf23spdlt)/cn=recipients/cn=0eb8b2385d354af2b97da6b3eb0e0e32-augusto mor,/o=exchangelabs/ou=exchange administrative group (fydibohf23spdlt)/cn=recipients/cn=2b05fb64124641c794278ebec1c98b6d-joao batist,/o=exchangelabs/ou=exchange administrative group (fydibohf23spdlt)/cn=recipients/cn=2f8300fc6f8b4714a77c0227cba72162-vinicius pi,/o=exchangelabs/ou=exchange administrative group (fydibohf23spdlt)/cn=recipients/cn=5dd8c9ed3a4046cd98a0997ecbb8c57d-tiago matto</t>
  </si>
  <si>
    <t>/o=exchangelabs/ou=exchange administrative group (fydibohf23spdlt)/cn=recipients/cn=3f81420aa09a45308e82efb501d64cad-rafaela alv;/o=exchangelabs/ou=exchange administrative group (fydibohf23spdlt)/cn=recipients/cn=68e6aa2e3fef4ccaba997d98294c9ed5-cristina he;</t>
  </si>
  <si>
    <t>Plano de ação AHT</t>
  </si>
  <si>
    <t>Plano de ação AHT_PF.xls</t>
  </si>
  <si>
    <t>/o=exchangelabs/ou=exchange administrative group (fydibohf23spdlt)/cn=recipients/cn=3f81420aa09a45308e82efb501d64cad-rafaela alv,/o=exchangelabs/ou=exchange administrative group (fydibohf23spdlt)/cn=recipients/cn=68e6aa2e3fef4ccaba997d98294c9ed5-cristina he</t>
  </si>
  <si>
    <t>/o=exchangelabs/ou=exchange administrative group (fydibohf23spdlt)/cn=recipients/cn=0addf5d63aa844c7a80c4c80b8d6351e-edson barbo;/o=exchangelabs/ou=exchange administrative group (fydibohf23spdlt)/cn=recipients/cn=1698f5af44b14116ad2d0b751d584c7d-danilo rafa;/o=exchangelabs/ou=exchange administrative group (fydibohf23spdlt)/cn=recipients/cn=64181a18b9164d10956ec48be12b9a5d-gisele cris;</t>
  </si>
  <si>
    <t>RES: ENC: Comitê de Riscos Algar Tech / CAGR - Risco de Infraestrutura (Sesmt)</t>
  </si>
  <si>
    <t>SESMT - Vidas e Licenças.xlsx</t>
  </si>
  <si>
    <t>/o=exchangelabs/ou=exchange administrative group (fydibohf23spdlt)/cn=recipients/cn=0addf5d63aa844c7a80c4c80b8d6351e-edson barbo,/o=exchangelabs/ou=exchange administrative group (fydibohf23spdlt)/cn=recipients/cn=1698f5af44b14116ad2d0b751d584c7d-danilo rafa,/o=exchangelabs/ou=exchange administrative group (fydibohf23spdlt)/cn=recipients/cn=64181a18b9164d10956ec48be12b9a5d-gisele cris</t>
  </si>
  <si>
    <t>Apuração de Resultados Transformação - GRC - Setembro/19</t>
  </si>
  <si>
    <t>Projeto 3%_Consolidado_OFICIAL 5.xls</t>
  </si>
  <si>
    <t>ENC: ACOMPANHAMENTO BLOQUEIO GERAL ILHA PF - OUTUBRO 2019</t>
  </si>
  <si>
    <t>BLOQUEIO GERAL ILHA PF 10-19.xlsb</t>
  </si>
  <si>
    <t>/o=exchangelabs/ou=exchange administrative group (fydibohf23spdlt)/cn=recipients/cn=40310755e2634a6183c772072d9b4f04-coordenador;/o=exchangelabs/ou=exchange administrative group (fydibohf23spdlt)/cn=recipients/cn=47bcba0edfbb48d39e9b215eae1400b2-ana paula s;/o=exchangelabs/ou=exchange administrative group (fydibohf23spdlt)/cn=recipients/cn=4b453b7f02914710b3e94bcf7b311ad4-fernando po;/o=exchangelabs/ou=exchange administrative group (fydibohf23spdlt)/cn=recipients/cn=9b3c029cc2ba4212bb4247e9ef6df7f1-andressa cr;/o=exchangelabs/ou=exchange administrative group (fydibohf23spdlt)/cn=recipients/cn=d3d28899a5be4c2c8b5b9e55717f7da7-fabio ribei;claudia.siqueira@bradesco.com.br;crislainesc@algartech.com.br;jacqueline.mariano@bradesco.com.br;lucas.jose@bradesco.com.br;marcelo.costa@bradesco.com.br;sylvia.helal@bradesco.com.br;viviane.virgilio@bradesco.com.br;</t>
  </si>
  <si>
    <t>RES: Visão BACEN Entrantes Setembro</t>
  </si>
  <si>
    <t>Relatório MD - Fechamento de Setembro.xlsx</t>
  </si>
  <si>
    <t>/o=exchangelabs/ou=exchange administrative group (fydibohf23spdlt)/cn=recipients/cn=40310755e2634a6183c772072d9b4f04-coordenador,/o=exchangelabs/ou=exchange administrative group (fydibohf23spdlt)/cn=recipients/cn=47bcba0edfbb48d39e9b215eae1400b2-ana paula s,/o=exchangelabs/ou=exchange administrative group (fydibohf23spdlt)/cn=recipients/cn=4b453b7f02914710b3e94bcf7b311ad4-fernando po,/o=exchangelabs/ou=exchange administrative group (fydibohf23spdlt)/cn=recipients/cn=9b3c029cc2ba4212bb4247e9ef6df7f1-andressa cr,/o=exchangelabs/ou=exchange administrative group (fydibohf23spdlt)/cn=recipients/cn=d3d28899a5be4c2c8b5b9e55717f7da7-fabio ribei,claudia.siqueira@bradesco.com.br,crislainesc@algartech.com.br,jacqueline.mariano@bradesco.com.br,lucas.jose@bradesco.com.br,marcelo.costa@bradesco.com.br,sylvia.helal@bradesco.com.br,viviane.virgilio@bradesco.com.br</t>
  </si>
  <si>
    <t>10.200.61.18</t>
  </si>
  <si>
    <t>FC-01-7C-C0-74-17</t>
  </si>
  <si>
    <t>NB-USERTEMP05</t>
  </si>
  <si>
    <t>gabrielar</t>
  </si>
  <si>
    <t>C:\Users\gabrielar\Downloads\</t>
  </si>
  <si>
    <t>tb_staging_mailing_dialer_201910091346.csv</t>
  </si>
  <si>
    <t>tb_staging_contacts_201910091344.csv</t>
  </si>
  <si>
    <t>tb_staging_discharges_201910091344.csv</t>
  </si>
  <si>
    <t>tb_staging_mailings_201910091344.csv</t>
  </si>
  <si>
    <t>C:\Users\lucianafaa\OneDrive - Grupo Algar\2019\PMO\RES COMUNICADO CAPITALIZAÇÕES DE PESSOAS NOS PROJETOS (DEFINIÇÃO DO FLUXO e CRONOGRAMA).msg\s1\</t>
  </si>
  <si>
    <t>/o=exchangelabs/ou=exchange administrative group (fydibohf23spdlt)/cn=recipients/cn=77f2191ae26e48d0b9265a5f7f1fad85-portaria da;</t>
  </si>
  <si>
    <t>TK - 785966</t>
  </si>
  <si>
    <t>Lista de inscritos JAVA.xlsx</t>
  </si>
  <si>
    <t>/o=exchangelabs/ou=exchange administrative group (fydibohf23spdlt)/cn=recipients/cn=77f2191ae26e48d0b9265a5f7f1fad85-portaria da</t>
  </si>
  <si>
    <t>Análise de Produtos AGO 2019.xlsb</t>
  </si>
  <si>
    <t>/o=exchangelabs/ou=exchange administrative group (fydibohf23spdlt)/cn=recipients/cn=2af9cbc0e9af4d91b36813b0ff5f73e1-reynaldo pe;/o=exchangelabs/ou=exchange administrative group (fydibohf23spdlt)/cn=recipients/cn=a7d54e15e3a94d53b0b5014d75c8d080-wanessa bor;/o=exchangelabs/ou=exchange administrative group (fydibohf23spdlt)/cn=recipients/cn=d5130784dc81436d9511788de4df376c-jeciene gom;/o=exchangelabs/ou=exchange administrative group (fydibohf23spdlt)/cn=recipients/cn=d66a262ea1e040adaf711e9b38c488e7-adine paula;</t>
  </si>
  <si>
    <t>PROJETO PRECIFICAÇÃO - LISTA DE AÇÕES</t>
  </si>
  <si>
    <t>LISTA DE AÇÕES - PRECIFICAÇÃO.xlsx</t>
  </si>
  <si>
    <t>/o=exchangelabs/ou=exchange administrative group (fydibohf23spdlt)/cn=recipients/cn=2af9cbc0e9af4d91b36813b0ff5f73e1-reynaldo pe,/o=exchangelabs/ou=exchange administrative group (fydibohf23spdlt)/cn=recipients/cn=a7d54e15e3a94d53b0b5014d75c8d080-wanessa bor,/o=exchangelabs/ou=exchange administrative group (fydibohf23spdlt)/cn=recipients/cn=d5130784dc81436d9511788de4df376c-jeciene gom,/o=exchangelabs/ou=exchange administrative group (fydibohf23spdlt)/cn=recipients/cn=d66a262ea1e040adaf711e9b38c488e7-adine paula</t>
  </si>
  <si>
    <t>/o=exchangelabs/ou=exchange administrative group (fydibohf23spdlt)/cn=recipients/cn=603ada399f684d8cbb7c2653efa30e6a-andre luiz;/o=exchangelabs/ou=exchange administrative group (fydibohf23spdlt)/cn=recipients/cn=user07db2088;pedro_b_nascimento@whirlpool.com;</t>
  </si>
  <si>
    <t>Casos BKO Vitrine</t>
  </si>
  <si>
    <t>Casos Vitrine.xlsx</t>
  </si>
  <si>
    <t>/o=exchangelabs/ou=exchange administrative group (fydibohf23spdlt)/cn=recipients/cn=603ada399f684d8cbb7c2653efa30e6a-andre luiz,/o=exchangelabs/ou=exchange administrative group (fydibohf23spdlt)/cn=recipients/cn=user07db2088,pedro_b_nascimento@whirlpool.com</t>
  </si>
  <si>
    <t>/o=exchangelabs/ou=exchange administrative group (fydibohf23spdlt)/cn=recipients/cn=00351cfd10744e67afc321025db57f3a-rosangela t;/o=exchangelabs/ou=exchange administrative group (fydibohf23spdlt)/cn=recipients/cn=193111e7cb1243aca81f50bb2378ef54-yasmin mart;</t>
  </si>
  <si>
    <t>Liberação de wi fi</t>
  </si>
  <si>
    <t>Cópia de TELECOM Campinas.xlsx</t>
  </si>
  <si>
    <t>/o=exchangelabs/ou=exchange administrative group (fydibohf23spdlt)/cn=recipients/cn=00351cfd10744e67afc321025db57f3a-rosangela t,/o=exchangelabs/ou=exchange administrative group (fydibohf23spdlt)/cn=recipients/cn=193111e7cb1243aca81f50bb2378ef54-yasmin mart</t>
  </si>
  <si>
    <t>Análise de Produtos SET 2019.xlsb</t>
  </si>
  <si>
    <t>mail.google.com/_/upload?authuser=0&amp;dcp=asu-n&amp;upload_id=AEnB2UphdDjb2lMtxC8KsQNXkqyQohU4Ph3kJWs4LjmreYGAJeJdzUMy2K7xat4h2TMeQEZlnjsdTfWpqZhfDttjR9A54-bLOw&amp;upload_protocol=resumable</t>
  </si>
  <si>
    <t>alloftrendcspbr@trendmicro.com;felippe_batista@trendmicro.com;henriqueac@algartech.com;leticiagri@algartech.com;lucasfbr@algartech.com;luizfsm@algartech.com;</t>
  </si>
  <si>
    <t>RATEIO ref Set.19 ASC PARTE FIXA_Mensalidades.xlsx</t>
  </si>
  <si>
    <t>alloftrendcspbr@trendmicro.com,felippe_batista@trendmicro.com,henriqueac@algartech.com,leticiagri@algartech.com,lucasfbr@algartech.com,luizfsm@algartech.com</t>
  </si>
  <si>
    <t>/o=nt5/ou=00000000000000000000000000000000/cn=5d15bc0d3dc5c44dbfe8bd14a4e53787;</t>
  </si>
  <si>
    <t>Impressões Priscila</t>
  </si>
  <si>
    <t>Recibos_2019 - Cópia.xlsx</t>
  </si>
  <si>
    <t>/o=nt5/ou=00000000000000000000000000000000/cn=5d15bc0d3dc5c44dbfe8bd14a4e53787</t>
  </si>
  <si>
    <t>Base Cadastral Set19.xlsx</t>
  </si>
  <si>
    <t>/o=exchangelabs/ou=exchange administrative group (fydibohf23spdlt)/cn=recipients/cn=0ca6cc8d100949a7866a928f62ef5778-rosilene de;guilherme_andrade@whirlpool.com;</t>
  </si>
  <si>
    <t>Acompanhamento Análise Contrato por Produtos - SET-2019</t>
  </si>
  <si>
    <t>/o=exchangelabs/ou=exchange administrative group (fydibohf23spdlt)/cn=recipients/cn=0ca6cc8d100949a7866a928f62ef5778-rosilene de,guilherme_andrade@whirlpool.com</t>
  </si>
  <si>
    <t>/o=exchangelabs/ou=exchange administrative group (fydibohf23spdlt)/cn=recipients/cn=5c0e0b883c0f4ccbb2cf13db05a00b36-luciene ivo;webersonads@algartech.com;</t>
  </si>
  <si>
    <t>ENC: Demandas - URR - Dynamics</t>
  </si>
  <si>
    <t>VENDAS DIARIO.XLSX</t>
  </si>
  <si>
    <t>/o=exchangelabs/ou=exchange administrative group (fydibohf23spdlt)/cn=recipients/cn=5c0e0b883c0f4ccbb2cf13db05a00b36-luciene ivo,webersonads@algartech.com</t>
  </si>
  <si>
    <t>/o=exchangelabs/ou=exchange administrative group (fydibohf23spdlt)/cn=recipients/cn=1635ed1077024674b65c52767dacde9a-jullian pac;/o=exchangelabs/ou=exchange administrative group (fydibohf23spdlt)/cn=recipients/cn=4b453b7f02914710b3e94bcf7b311ad4-fernando po;/o=exchangelabs/ou=exchange administrative group (fydibohf23spdlt)/cn=recipients/cn=68e6aa2e3fef4ccaba997d98294c9ed5-cristina he;/o=exchangelabs/ou=exchange administrative group (fydibohf23spdlt)/cn=recipients/cn=a4ba92cba10f4fe498074594f937f3b6-leandro lop;/o=exchangelabs/ou=exchange administrative group (fydibohf23spdlt)/cn=recipients/cn=bcc9538754d3496ea31a487e560f8214-silvio mart;/o=exchangelabs/ou=exchange administrative group (fydibohf23spdlt)/cn=recipients/cn=d3d28899a5be4c2c8b5b9e55717f7da7-fabio ribei;/o=exchangelabs/ou=exchange administrative group (fydibohf23spdlt)/cn=recipients/cn=f45617401bdf436baf70c45766699413-frederico b;/o=exchangelabs/ou=exchange administrative group (fydibohf23spdlt)/cn=recipients/cn=user7c077f95;diogo@quilleconsultoria.</t>
  </si>
  <si>
    <t>RES: Painel de Juniorização</t>
  </si>
  <si>
    <t>INFORMAÇÕES.xlsx</t>
  </si>
  <si>
    <t>/o=exchangelabs/ou=exchange administrative group (fydibohf23spdlt)/cn=recipients/cn=1635ed1077024674b65c52767dacde9a-jullian pac,/o=exchangelabs/ou=exchange administrative group (fydibohf23spdlt)/cn=recipients/cn=4b453b7f02914710b3e94bcf7b311ad4-fernando po,/o=exchangelabs/ou=exchange administrative group (fydibohf23spdlt)/cn=recipients/cn=68e6aa2e3fef4ccaba997d98294c9ed5-cristina he,/o=exchangelabs/ou=exchange administrative group (fydibohf23spdlt)/cn=recipients/cn=a4ba92cba10f4fe498074594f937f3b6-leandro lop,/o=exchangelabs/ou=exchange administrative group (fydibohf23spdlt)/cn=recipients/cn=bcc9538754d3496ea31a487e560f8214-silvio mart,/o=exchangelabs/ou=exchange administrative group (fydibohf23spdlt)/cn=recipients/cn=d3d28899a5be4c2c8b5b9e55717f7da7-fabio ribei,/o=exchangelabs/ou=exchange administrative group (fydibohf23spdlt)/cn=recipients/cn=f45617401bdf436baf70c45766699413-frederico b,/o=exchangelabs/ou=exchange administrative group (fydibohf23spdlt)/cn=recipients/cn=user7c077f95,diogo@quilleconsultoria.</t>
  </si>
  <si>
    <t>Supervisores Telecom 02.xlsx</t>
  </si>
  <si>
    <t>mail.google.com/_/upload?authuser=1&amp;dcp=asu-n&amp;upload_id=AEnB2UqmK5kLtwlAt76C97qDGYQoh50fitfJWdS6rWmr42LUuA-gWmuVZkU3OQTU14wLGdHGQTZ--HfRa_ogWNiFNgVHFLN5AR0BaOVJDViw4doIJaNU4-I&amp;upload_protocol=resumable</t>
  </si>
  <si>
    <t>\\acsfs\deptos\DME\CME - Coordenacao de Marketing e Estrategia\Assessoria de Comunicação\6. Endomarketing\2019\Ações e Campanhas\Dia das Crianças\Uberlândia\</t>
  </si>
  <si>
    <t>Inscrições validadas - Uberlândia.xls</t>
  </si>
  <si>
    <t>C:\Users\simoneesm\OneDrive - Grupo Algar\Controle\ALGAR\TH\Departamental\2019\08 - agosto\</t>
  </si>
  <si>
    <t>departamental.csv</t>
  </si>
  <si>
    <t>/o=exchangelabs/ou=exchange administrative group (fydibohf23spdlt)/cn=recipients/cn=76ab36245b7f4efda852d3513edb6246-gleyce kell;/o=exchangelabs/ou=exchange administrative group (fydibohf23spdlt)/cn=recipients/cn=782d75ab3cda4cfa88d22b405cd49ea0-sueleide al;/o=exchangelabs/ou=exchange administrative group (fydibohf23spdlt)/cn=recipients/cn=a4d4dbc88c434f8ba2bceed730d83878-marcellus r;/o=exchangelabs/ou=exchange administrative group (fydibohf23spdlt)/cn=recipients/cn=e09a2f3206d84bde8e1d60233f807a11-caique anto;</t>
  </si>
  <si>
    <t>RES: Relatorios suporte Fluxo de Caixa Empresa Algar Tecnologia Set2019</t>
  </si>
  <si>
    <t>340-Relatorio de Titulos Pagos jan a set19.xls</t>
  </si>
  <si>
    <t>/o=exchangelabs/ou=exchange administrative group (fydibohf23spdlt)/cn=recipients/cn=76ab36245b7f4efda852d3513edb6246-gleyce kell,/o=exchangelabs/ou=exchange administrative group (fydibohf23spdlt)/cn=recipients/cn=782d75ab3cda4cfa88d22b405cd49ea0-sueleide al,/o=exchangelabs/ou=exchange administrative group (fydibohf23spdlt)/cn=recipients/cn=a4d4dbc88c434f8ba2bceed730d83878-marcellus r,/o=exchangelabs/ou=exchange administrative group (fydibohf23spdlt)/cn=recipients/cn=e09a2f3206d84bde8e1d60233f807a11-caique anto</t>
  </si>
  <si>
    <t>10.200.58.29</t>
  </si>
  <si>
    <t>/o=exchangelabs/ou=exchange administrative group (fydibohf23spdlt)/cn=recipients/cn=c94f984236114f79aef3c3ce07971988-leticia gom;</t>
  </si>
  <si>
    <t>Comissão Champion/Tribanco</t>
  </si>
  <si>
    <t>2019_9_Comissionamento APURA SET19 - Marília (002).xlsx</t>
  </si>
  <si>
    <t>/o=exchangelabs/ou=exchange administrative group (fydibohf23spdlt)/cn=recipients/cn=c94f984236114f79aef3c3ce07971988-leticia gom</t>
  </si>
  <si>
    <t>COORDENACAO DE GERENCIAMENTO INFRAESTRUTURA</t>
  </si>
  <si>
    <t>10.200.60.241</t>
  </si>
  <si>
    <t>D8-9C-67-6F-27-0D</t>
  </si>
  <si>
    <t>NB-CARLOSRCOS</t>
  </si>
  <si>
    <t>carlosrcos</t>
  </si>
  <si>
    <t>fabricia@algartelecom.com.br;marcelosb@algartech.com;</t>
  </si>
  <si>
    <t>C:\Users\carlosrcos\Desktop\</t>
  </si>
  <si>
    <t>Escopo de Serviços de Segurança_2019_Valores (1).xls</t>
  </si>
  <si>
    <t>fabricia@algartelecom.com.br,marcelosb@algartech.com</t>
  </si>
  <si>
    <t>ENC: Painel de Juniorização</t>
  </si>
  <si>
    <t>/o=exchangelabs/ou=exchange administrative group (fydibohf23spdlt)/cn=recipients/cn=430b7fc0ccfe4728933af1b3039c7e24-marcus gome;/o=exchangelabs/ou=exchange administrative group (fydibohf23spdlt)/cn=recipients/cn=545f738e0fe740ba856f4eb6ef0135e0-vinicius si;/o=exchangelabs/ou=exchange administrative group (fydibohf23spdlt)/cn=recipients/cn=546d63420d554c4d858776a48a93ef0f-gustavo de;/o=exchangelabs/ou=exchange administrative group (fydibohf23spdlt)/cn=recipients/cn=746f10dd924a4e7dbfe2f813f74b1f2c-gilmar pres;/o=exchangelabs/ou=exchange administrative group (fydibohf23spdlt)/cn=recipients/cn=78e530b5e3244cc1a89eba7f7b0af42f-marco tulio;/o=exchangelabs/ou=exchange administrative group (fydibohf23spdlt)/cn=recipients/cn=b194f014572c4c36b52132f9199df1aa-jairo junio;/o=exchangelabs/ou=exchange administrative group (fydibohf23spdlt)/cn=recipients/cn=b67cad4ecfa344baaa94d716e7554f49-bruno camel;/o=exchangelabs/ou=exchange administrative group (fydibohf23spdlt)/cn=recipients/cn=f878ae58590e41cbabba2fa1ee2ae905-izado</t>
  </si>
  <si>
    <t>Validação BPs Algar Telecom</t>
  </si>
  <si>
    <t>206472 Xperience RCV - HD - Precificacao C017 B017 GRC v2.xlsb</t>
  </si>
  <si>
    <t>/o=exchangelabs/ou=exchange administrative group (fydibohf23spdlt)/cn=recipients/cn=430b7fc0ccfe4728933af1b3039c7e24-marcus gome,/o=exchangelabs/ou=exchange administrative group (fydibohf23spdlt)/cn=recipients/cn=545f738e0fe740ba856f4eb6ef0135e0-vinicius si,/o=exchangelabs/ou=exchange administrative group (fydibohf23spdlt)/cn=recipients/cn=546d63420d554c4d858776a48a93ef0f-gustavo de,/o=exchangelabs/ou=exchange administrative group (fydibohf23spdlt)/cn=recipients/cn=746f10dd924a4e7dbfe2f813f74b1f2c-gilmar pres,/o=exchangelabs/ou=exchange administrative group (fydibohf23spdlt)/cn=recipients/cn=78e530b5e3244cc1a89eba7f7b0af42f-marco tulio,/o=exchangelabs/ou=exchange administrative group (fydibohf23spdlt)/cn=recipients/cn=b194f014572c4c36b52132f9199df1aa-jairo junio,/o=exchangelabs/ou=exchange administrative group (fydibohf23spdlt)/cn=recipients/cn=b67cad4ecfa344baaa94d716e7554f49-bruno camel,/o=exchangelabs/ou=exchange administrative group (fydibohf23spdlt)/cn=recipients/cn=f878ae58590e41cbabba2fa1ee2ae905-izado</t>
  </si>
  <si>
    <t>adarlene@algartelecom.com.br;</t>
  </si>
  <si>
    <t>RES: Resultados Tech ago/19</t>
  </si>
  <si>
    <t>Informações Tech 2019.xlsx</t>
  </si>
  <si>
    <t>adarlene@algartelecom.com.br</t>
  </si>
  <si>
    <t>RES: EXPORT.csv</t>
  </si>
  <si>
    <t>Aux em branco SKU.xlsx</t>
  </si>
  <si>
    <t>C:\Users\lucianafaa\OneDrive - Grupo Algar\2019\PROJETOS\WFM\EXECUCAO\FASE 01 - RECEPTIVO\FATURAMENTO\</t>
  </si>
  <si>
    <t>Cópia de Projeto 3%_Consolidado_OFICIAL 5.xls</t>
  </si>
  <si>
    <t>https://cscatende.algarnet.com.br/html/hd/hdscriptresposta/request/uploadincidentattachment.php?cdclassificacao=&amp;action=1&amp;lastpositionattachement=undefined&amp;cdquestao=9382&amp;idmaisanexos=t</t>
  </si>
  <si>
    <t>FORMULARIO_DE_CADASTRO_DE_FORNECEDOR_-_R12_e_SOMAR_-_Socios_EMEQUE.xlsx</t>
  </si>
  <si>
    <t>ENC: VDNs e Skills Atendimento BVC Algar</t>
  </si>
  <si>
    <t>VDNs_e_Skills_BVC.xlsx</t>
  </si>
  <si>
    <t>10.200.57.139</t>
  </si>
  <si>
    <t>/o=exchangelabs/ou=exchange administrative group (fydibohf23spdlt)/cn=recipients/cn=2072905e221e44cd93713caf57a4301f-roberta igi;/o=exchangelabs/ou=exchange administrative group (fydibohf23spdlt)/cn=recipients/cn=545f738e0fe740ba856f4eb6ef0135e0-vinicius si;/o=exchangelabs/ou=exchange administrative group (fydibohf23spdlt)/cn=recipients/cn=6857e7b89b5f46e3b6aed2352ac8d5ac-carlos albe;/o=exchangelabs/ou=exchange administrative group (fydibohf23spdlt)/cn=recipients/cn=8ab5e44d485043d59eb4f21463e63e6a-tays dos sa;/o=exchangelabs/ou=exchange administrative group (fydibohf23spdlt)/cn=recipients/cn=c52a157e02d64dd1a81927cd619e2686-keila prisc;/o=exchangelabs/ou=exchange administrative group (fydibohf23spdlt)/cn=recipients/cn=f50351055a2944cebcbdc18a918945d6-gustavo res;asoares@tribanco.com.br;cfonseca@tripag.com.br;cynthiaf@tripag.com.br;ganunes@tripag.com.br;lfonseca@tripag.com.br;lrocha@tribanco.com.br;lucasfs@tribanco.com.br;oscilang@tripag.com.br;samias@tribanco.com.br;</t>
  </si>
  <si>
    <t>Fechamento Financeiro Credenciadora Única - Setembro / 19</t>
  </si>
  <si>
    <t>/o=exchangelabs/ou=exchange administrative group (fydibohf23spdlt)/cn=recipients/cn=2072905e221e44cd93713caf57a4301f-roberta igi,/o=exchangelabs/ou=exchange administrative group (fydibohf23spdlt)/cn=recipients/cn=545f738e0fe740ba856f4eb6ef0135e0-vinicius si,/o=exchangelabs/ou=exchange administrative group (fydibohf23spdlt)/cn=recipients/cn=6857e7b89b5f46e3b6aed2352ac8d5ac-carlos albe,/o=exchangelabs/ou=exchange administrative group (fydibohf23spdlt)/cn=recipients/cn=8ab5e44d485043d59eb4f21463e63e6a-tays dos sa,/o=exchangelabs/ou=exchange administrative group (fydibohf23spdlt)/cn=recipients/cn=c52a157e02d64dd1a81927cd619e2686-keila prisc,/o=exchangelabs/ou=exchange administrative group (fydibohf23spdlt)/cn=recipients/cn=f50351055a2944cebcbdc18a918945d6-gustavo res,asoares@tribanco.com.br,cfonseca@tripag.com.br,cynthiaf@tripag.com.br,ganunes@tripag.com.br,lfonseca@tripag.com.br,lrocha@tribanco.com.br,lucasfs@tribanco.com.br,oscilang@tripag.com.br,samias@tribanco.com.br</t>
  </si>
  <si>
    <t>10.200.99.32</t>
  </si>
  <si>
    <t>/o=exchangelabs/ou=exchange administrative group (fydibohf23spdlt)/cn=recipients/cn=121c8267f1584a98857fb6213f8090c2-fernanda al;/o=exchangelabs/ou=exchange administrative group (fydibohf23spdlt)/cn=recipients/cn=26dec96e2b3f4d42afb3247ea21955f2-aline nunes;</t>
  </si>
  <si>
    <t>ENC: Stop List Cp 18</t>
  </si>
  <si>
    <t>URA CALL CENTER CP 18.csv</t>
  </si>
  <si>
    <t>/o=exchangelabs/ou=exchange administrative group (fydibohf23spdlt)/cn=recipients/cn=121c8267f1584a98857fb6213f8090c2-fernanda al,/o=exchangelabs/ou=exchange administrative group (fydibohf23spdlt)/cn=recipients/cn=26dec96e2b3f4d42afb3247ea21955f2-aline nunes</t>
  </si>
  <si>
    <t>/o=exchangelabs/ou=exchange administrative group (fydibohf23spdlt)/cn=recipients/cn=5a5fc377bc0c4180aca2ca987c79538c-diego vinic;/o=exchangelabs/ou=exchange administrative group (fydibohf23spdlt)/cn=recipients/cn=5f1d2da41c984f398563499c2f17e040-jeann ferre;/o=exchangelabs/ou=exchange administrative group (fydibohf23spdlt)/cn=recipients/cn=a9a1fe1d51ef4ee29617a1c11aa10050-marinalva i;/o=exchangelabs/ou=exchange administrative group (fydibohf23spdlt)/cn=recipients/cn=group19021abd;</t>
  </si>
  <si>
    <t>ENC: Contrato, Escopo e indicadores KPIs ---- OLHO DE MÔNICA</t>
  </si>
  <si>
    <t>/o=exchangelabs/ou=exchange administrative group (fydibohf23spdlt)/cn=recipients/cn=5a5fc377bc0c4180aca2ca987c79538c-diego vinic,/o=exchangelabs/ou=exchange administrative group (fydibohf23spdlt)/cn=recipients/cn=5f1d2da41c984f398563499c2f17e040-jeann ferre,/o=exchangelabs/ou=exchange administrative group (fydibohf23spdlt)/cn=recipients/cn=a9a1fe1d51ef4ee29617a1c11aa10050-marinalva i,/o=exchangelabs/ou=exchange administrative group (fydibohf23spdlt)/cn=recipients/cn=group19021abd</t>
  </si>
  <si>
    <t>Demitidos_Sinergy.xlsx</t>
  </si>
  <si>
    <t>ENC: Produtividade CRCe até 08/10</t>
  </si>
  <si>
    <t>C:\Users\lucianafaa\OneDrive - Grupo Algar\2019\PROJETOS\PROGRAMA\CRM\EXECUCAO\PROPOSTA\APRESENTAÇÃO CRM.msg\s1\Proposta de Apresentação CRM - V3.pptx\</t>
  </si>
  <si>
    <t>\\acsfs\engeset\financeiro_ula\faturamento\23. pré faturamento\3.ti infra e sd\ti -infra\10.outubro 2019\</t>
  </si>
  <si>
    <t>10.06 t tec faturamento coty.xlsx</t>
  </si>
  <si>
    <t>/o=exchangelabs/ou=exchange administrative group (fydibohf23spdlt)/cn=recipients/cn=443a648e2bd247c69659ca2ac6a18582-adriele fer;/o=exchangelabs/ou=exchange administrative group (fydibohf23spdlt)/cn=recipients/cn=56f1ed18d0b4438e8484a989403b0f53-ana paula c;/o=exchangelabs/ou=exchange administrative group (fydibohf23spdlt)/cn=recipients/cn=7a5ceaeaef9041b49ad4d0d90f19ee70-marianna co;/o=exchangelabs/ou=exchange administrative group (fydibohf23spdlt)/cn=recipients/cn=b3ad8a638fcc4c57bf8c7953dd4b3cb8-augusto ces;/o=exchangelabs/ou=exchange administrative group (fydibohf23spdlt)/cn=recipients/cn=f0723cfec25d44359e10a3afabfe3d5f-ederlei rod;</t>
  </si>
  <si>
    <t>/o=exchangelabs/ou=exchange administrative group (fydibohf23spdlt)/cn=recipients/cn=443a648e2bd247c69659ca2ac6a18582-adriele fer,/o=exchangelabs/ou=exchange administrative group (fydibohf23spdlt)/cn=recipients/cn=56f1ed18d0b4438e8484a989403b0f53-ana paula c,/o=exchangelabs/ou=exchange administrative group (fydibohf23spdlt)/cn=recipients/cn=7a5ceaeaef9041b49ad4d0d90f19ee70-marianna co,/o=exchangelabs/ou=exchange administrative group (fydibohf23spdlt)/cn=recipients/cn=b3ad8a638fcc4c57bf8c7953dd4b3cb8-augusto ces,/o=exchangelabs/ou=exchange administrative group (fydibohf23spdlt)/cn=recipients/cn=f0723cfec25d44359e10a3afabfe3d5f-ederlei rod</t>
  </si>
  <si>
    <t>10.200.32.89</t>
  </si>
  <si>
    <t>mail.google.com/_/upload?authuser=1&amp;dcp=asu-n&amp;upload_id=AEnB2UoJZfNSGxoa0Pxkrqq72YQJ7_sCqmTK5ijebOpuUYYanJRKsy-JLgRamsN4mT4d5WTSPx1Mbin1S7mbRc77m8N233sXZzGof0v1zaiGKlQxmF5d5nI&amp;upload_protocol=resumable</t>
  </si>
  <si>
    <t>C:\Users\wladimirtn\Downloads\</t>
  </si>
  <si>
    <t>Hackathon_Grupo01.csv</t>
  </si>
  <si>
    <t>mail.google.com/_/upload?authuser=1&amp;dcp=asu-n&amp;upload_id=AEnB2Uog6m7Ydl0PTIqZYT5gmj03WaSHuUOikNaHOBDrEhC8d_apWgf_usvWgzuPlmACnqcJ8Bli-OpO7scZ1whTCVyEGpVYqOimZ255yVnmnSiERMN7r1E&amp;upload_protocol=resumable</t>
  </si>
  <si>
    <t>Hackathon_Grupo02.csv</t>
  </si>
  <si>
    <t>mail.google.com/_/upload?authuser=1&amp;dcp=asu-n&amp;upload_id=AEnB2Up185WtLEKQHHloL4RBbeL3l4zIuRtwWKj0V-vTGd-pD1ljmFfYnsqkIsGAx7MBsfi5xOXy2UKu035du26ztUp6LTNZbw&amp;upload_protocol=resumable</t>
  </si>
  <si>
    <t>Hackathon_Grupo03.csv</t>
  </si>
  <si>
    <t>C:\Users\lucianafaa\OneDrive - Grupo Algar\2019\PROJETOS\PROGRAMA\CRM\EXECUCAO\BP\ENC Estimativa Comercial Salesforce para Algar Tech - Projeto CRM.msg\s1\</t>
  </si>
  <si>
    <t>COT-AlgarTech-07-06-19 v4.xlsx</t>
  </si>
  <si>
    <t>C:\Users\lucianafaa\OneDrive - Grupo Algar\2019\PROJETOS\PROGRAMA\CRM\EXECUCAO\PROPOSTA\RES APRESENTAÇÃO CRM1.msg\s1\Proposta de Apresentação CRM - V4.pptx\</t>
  </si>
  <si>
    <t>C:\Users\lucianafaa\OneDrive - Grupo Algar\2019\PROJETOS\PROGRAMA\CRM\EXECUCAO\BP\PROPOSTA SALESFORCE.msg\s1\</t>
  </si>
  <si>
    <t>COT-AlgarTech-07-06-19 v5.xlsx</t>
  </si>
  <si>
    <t>C:\Users\lucianafaa\OneDrive - Grupo Algar\2019\PROJETOS\PROGRAMA\CRM\EXECUCAO\BP\ENC Estimativa Comercial Salesforce para Algar Tech - Projeto CRM1.msg\s1\</t>
  </si>
  <si>
    <t>COT-AlgarTech-07-06-19 v7.xlsx</t>
  </si>
  <si>
    <t>Cópia de COT-AlgarTech-07-06-19 v6.xlsx</t>
  </si>
  <si>
    <t>C:\Users\lucianafaa\OneDrive - Grupo Algar\2019\PROJETOS\PROGRAMA\CRM\EXECUCAO\BP\ENC Estimativa Comercial Salesforce para Algar Tech - Projeto 1.msg\s1\</t>
  </si>
  <si>
    <t>RES: Orçamento 2020</t>
  </si>
  <si>
    <t>Base BW % Conversão - Out-2019 - Parcial - 08-10-2019.xlsm</t>
  </si>
  <si>
    <t>Produtividade RAF - Out-2019 - Parcial - 08-10-19.xlsm</t>
  </si>
  <si>
    <t>10.200.67.36</t>
  </si>
  <si>
    <t>ENC: Contribuições planilha melhorias</t>
  </si>
  <si>
    <t>Planilha de melhorias metas e performance.xls</t>
  </si>
  <si>
    <t>C:\Users\karlosgc\Dropbox\NB-AlgarTech\PPE\vagas_ppe\</t>
  </si>
  <si>
    <t>entrevistas_ppe - Copia.xlsx</t>
  </si>
  <si>
    <t>entrevistas_ppe.xlsx</t>
  </si>
  <si>
    <t>\\acsfs\engeset\FINANCEIRO_ULA\FATURAMENTO\23. Pré Faturamento\3.TI Infra e SD\TI -INFRA\10.Outubro 2019\</t>
  </si>
  <si>
    <t>Template_-_Prorrogacao_de_Titulos 8342-8343 .xlsx</t>
  </si>
  <si>
    <t>/o=exchangelabs/ou=exchange administrative group (fydibohf23spdlt)/cn=recipients/cn=010c9ad8a2ca4b90b7642d039dda856e-karolyne ca;/o=exchangelabs/ou=exchange administrative group (fydibohf23spdlt)/cn=recipients/cn=1c3bae1d5aab4c72b84516e819cd16c9-wilton paim;/o=exchangelabs/ou=exchange administrative group (fydibohf23spdlt)/cn=recipients/cn=7c632836e43449a2a6ed070b9ecc4bf0-jeneffer fe;/o=exchangelabs/ou=exchange administrative group (fydibohf23spdlt)/cn=recipients/cn=a35622ae1b534401a6dd99bd801d1f97-marcos paul;/o=exchangelabs/ou=exchange administrative group (fydibohf23spdlt)/cn=recipients/cn=a75579a499254c2291e852b70c4d70d1-eunice apar;/o=exchangelabs/ou=exchange administrative group (fydibohf23spdlt)/cn=recipients/cn=db59eaca92dc4389b5f6125984872aa3-elisangela;</t>
  </si>
  <si>
    <t>RES: Projeto Bloqueio Consciente - Lista de Pendências 28/06/2019</t>
  </si>
  <si>
    <t>RAMAIS AVAYA SETEMBRO - BLOQUEIO CONSCIENTE.csv</t>
  </si>
  <si>
    <t>/o=exchangelabs/ou=exchange administrative group (fydibohf23spdlt)/cn=recipients/cn=010c9ad8a2ca4b90b7642d039dda856e-karolyne ca,/o=exchangelabs/ou=exchange administrative group (fydibohf23spdlt)/cn=recipients/cn=1c3bae1d5aab4c72b84516e819cd16c9-wilton paim,/o=exchangelabs/ou=exchange administrative group (fydibohf23spdlt)/cn=recipients/cn=7c632836e43449a2a6ed070b9ecc4bf0-jeneffer fe,/o=exchangelabs/ou=exchange administrative group (fydibohf23spdlt)/cn=recipients/cn=a35622ae1b534401a6dd99bd801d1f97-marcos paul,/o=exchangelabs/ou=exchange administrative group (fydibohf23spdlt)/cn=recipients/cn=a75579a499254c2291e852b70c4d70d1-eunice apar,/o=exchangelabs/ou=exchange administrative group (fydibohf23spdlt)/cn=recipients/cn=db59eaca92dc4389b5f6125984872aa3-elisangela</t>
  </si>
  <si>
    <t>C:\Users\victorsm\OneDrive - Grupo Algar\04 - Trabalhos - Algar\06 - Diogo\01 - Next\Agent_Utilization_Report\</t>
  </si>
  <si>
    <t>10.200.66.165</t>
  </si>
  <si>
    <t>/o=exchangelabs/ou=exchange administrative group (fydibohf23spdlt)/cn=recipients/cn=c21358ccf0d64458af0ec742d54b8f26-gustavo vil;</t>
  </si>
  <si>
    <t>ENC: ATA Indicadores NEXT</t>
  </si>
  <si>
    <t>/o=exchangelabs/ou=exchange administrative group (fydibohf23spdlt)/cn=recipients/cn=c21358ccf0d64458af0ec742d54b8f26-gustavo vil</t>
  </si>
  <si>
    <t>/o=exchangelabs/ou=exchange administrative group (fydibohf23spdlt)/cn=recipients/cn=7e3d7035f32e4cc0a9eb7add5ad645d7-wexley cris;/o=exchangelabs/ou=exchange administrative group (fydibohf23spdlt)/cn=recipients/cn=8c89829ad534498fa4c85b5ac11174f1-suelen more;/o=exchangelabs/ou=exchange administrative group (fydibohf23spdlt)/cn=recipients/cn=cd93dacc38404a95a829585c2e317a9f-dionizio ri;/o=exchangelabs/ou=exchange administrative group (fydibohf23spdlt)/cn=recipients/cn=dc302903ac1a4151bcd049b90df4486f-ricardo soa;ghigonm@amazon.com;</t>
  </si>
  <si>
    <t>RES: RFP - Move To Cloud - CSC.</t>
  </si>
  <si>
    <t>/o=exchangelabs/ou=exchange administrative group (fydibohf23spdlt)/cn=recipients/cn=7e3d7035f32e4cc0a9eb7add5ad645d7-wexley cris,/o=exchangelabs/ou=exchange administrative group (fydibohf23spdlt)/cn=recipients/cn=8c89829ad534498fa4c85b5ac11174f1-suelen more,/o=exchangelabs/ou=exchange administrative group (fydibohf23spdlt)/cn=recipients/cn=cd93dacc38404a95a829585c2e317a9f-dionizio ri,/o=exchangelabs/ou=exchange administrative group (fydibohf23spdlt)/cn=recipients/cn=dc302903ac1a4151bcd049b90df4486f-ricardo soa,ghigonm@amazon.com</t>
  </si>
  <si>
    <t>amandafdcs@algartech.com;bruna.vernalha@bradesco.com.br;daiane.alves@bradesco.com.br;denisev.carvalho@bradesco.com.br;eva.cordeiro@bradesco.com.br;fabiana.valentino@bradesco.com.br;flavio.romero@bradesco.com.br;jullian.faria@algartech.com;leonardo.calicchio@bradesco.com.br;poliane.amaral@bradesco.com.br;suzane.b.rodrigues@bradesco.com.br;tatiana.bueno@bradesco.com.br;vanessa.crisan.santos@bradesco.com.br;</t>
  </si>
  <si>
    <t>Resumo extra 2019 atual.xlsx</t>
  </si>
  <si>
    <t>amandafdcs@algartech.com,bruna.vernalha@bradesco.com.br,daiane.alves@bradesco.com.br,denisev.carvalho@bradesco.com.br,eva.cordeiro@bradesco.com.br,fabiana.valentino@bradesco.com.br,flavio.romero@bradesco.com.br,jullian.faria@algartech.com,leonardo.calicchio@bradesco.com.br,poliane.amaral@bradesco.com.br,suzane.b.rodrigues@bradesco.com.br,tatiana.bueno@bradesco.com.br,vanessa.crisan.santos@bradesco.com.br</t>
  </si>
  <si>
    <t>claudia.siqueira@bradesco.com.br;denisemso@algartech.com;josianesb@algartech.com;lucas.jose@bradesco.com.br;viviane.virgilio@bradesco.com.br;</t>
  </si>
  <si>
    <t>Parcelamento - Divisão de Metas 2019.xlsx</t>
  </si>
  <si>
    <t>claudia.siqueira@bradesco.com.br,denisemso@algartech.com,josianesb@algartech.com,lucas.jose@bradesco.com.br,viviane.virgilio@bradesco.com.br</t>
  </si>
  <si>
    <t>entrevistas_ppe_v2.xlsx</t>
  </si>
  <si>
    <t>D:\OneDrive\AlgarTech\Pré-Vendas\Cliente\2019\Usina Guaira\215368 - Upgrade SO - Citrix\</t>
  </si>
  <si>
    <t>214360_Preco_rev03.xlsb</t>
  </si>
  <si>
    <t>mail.google.com/_/upload?authuser=2&amp;dcp=asu-n&amp;upload_id=AEnB2Uook_X8Kwo9xEUtjl8ms-uhok13nTty5jtKAfDYNorzP5ErxormA5R4mcZkohLPl_xmtWjysp9ogid5rGsJTbJgvZh6SiJgUczYqDyCNEeMTeqVolc&amp;upload_protocol=resumable</t>
  </si>
  <si>
    <t>tb_staging_contacts_201910091344.xlsx</t>
  </si>
  <si>
    <t>/o=exchangelabs/ou=exchange administrative group (fydibohf23spdlt)/cn=recipients/cn=1b4fe07f316b4c5fbd7323417e973dda-rosangela a;/o=exchangelabs/ou=exchange administrative group (fydibohf23spdlt)/cn=recipients/cn=1c3bae1d5aab4c72b84516e819cd16c9-wilton paim;/o=exchangelabs/ou=exchange administrative group (fydibohf23spdlt)/cn=recipients/cn=2b1a6c2f5f1a48f98baec437d66528d4-ana paula f;/o=exchangelabs/ou=exchange administrative group (fydibohf23spdlt)/cn=recipients/cn=b1f7688b183f4d74a7993976c4ad8f5e-diogenes pa;/o=exchangelabs/ou=exchange administrative group (fydibohf23spdlt)/cn=recipients/cn=ec8d74b9f1014e0287ebc00c465f223b-aline marqu;emanueldldl@algartech.com.br;marcosih@algartech.com.br;mikaellalri@algartech.com.br;priscillasm@algartech.com.br;renatafs@algartech.com.br;sirlanidds@algartech.com.br;tatianeaas@algartech.com.br;</t>
  </si>
  <si>
    <t>RES: Compartilhar painel</t>
  </si>
  <si>
    <t>/o=exchangelabs/ou=exchange administrative group (fydibohf23spdlt)/cn=recipients/cn=1b4fe07f316b4c5fbd7323417e973dda-rosangela a,/o=exchangelabs/ou=exchange administrative group (fydibohf23spdlt)/cn=recipients/cn=1c3bae1d5aab4c72b84516e819cd16c9-wilton paim,/o=exchangelabs/ou=exchange administrative group (fydibohf23spdlt)/cn=recipients/cn=2b1a6c2f5f1a48f98baec437d66528d4-ana paula f,/o=exchangelabs/ou=exchange administrative group (fydibohf23spdlt)/cn=recipients/cn=b1f7688b183f4d74a7993976c4ad8f5e-diogenes pa,/o=exchangelabs/ou=exchange administrative group (fydibohf23spdlt)/cn=recipients/cn=ec8d74b9f1014e0287ebc00c465f223b-aline marqu,emanueldldl@algartech.com.br,marcosih@algartech.com.br,mikaellalri@algartech.com.br,priscillasm@algartech.com.br,renatafs@algartech.com.br,sirlanidds@algartech.com.br,tatianeaas@algartech.com.br</t>
  </si>
  <si>
    <t>brunosr@algartech.com.br;</t>
  </si>
  <si>
    <t>ENC: Mensagem Email Migração</t>
  </si>
  <si>
    <t>brunosr@algartech.com.br</t>
  </si>
  <si>
    <t>gabriela.harben@caixaseguradora.com.br;</t>
  </si>
  <si>
    <t>ENC: Vendas de RD</t>
  </si>
  <si>
    <t>Vendas Outubro.xlsx</t>
  </si>
  <si>
    <t>gabriela.harben@caixaseguradora.com.br</t>
  </si>
  <si>
    <t>Analise Base Ativos - Credito Parcelado - 04.10.xlsx</t>
  </si>
  <si>
    <t>215368_Preco_rev01.xlsb</t>
  </si>
  <si>
    <t>D:\OneDrive\AlgarTech\Pré-Vendas\Cliente\2019\Usina Guaira\215369 - Upgrade SO - File Server\</t>
  </si>
  <si>
    <t>RELATÓRIO DE CUSTOS TI_v11 (Buzato).xlsx</t>
  </si>
  <si>
    <t>C:\Users\ricardobal\OneDrive - Grupo Algar\Algar Tecnologia\01 - CLIENTES\ALGAR HOLDING\FIELD SAVIO\</t>
  </si>
  <si>
    <t>199278 - PLANILHA TRANSACIONAL.xlsx</t>
  </si>
  <si>
    <t>10.211.2.88</t>
  </si>
  <si>
    <t>Rampa de GIAT atualizada</t>
  </si>
  <si>
    <t>Rampa de Receita - LP ISD E GIAT 02-10_v5_Redução_Clientes_v3.xlsx</t>
  </si>
  <si>
    <t>C:\Users\elainemdlp\OD\_Projetos\Em andamento\Relacionamento Cartoes BV\03 - Execucao\Ticket 748601\Chamado 748601.msg\s144\</t>
  </si>
  <si>
    <t>Treinamento BV Cartões.xlsx</t>
  </si>
  <si>
    <t>jairojunior18@yahoo.com.br;</t>
  </si>
  <si>
    <t>jairojunior18@yahoo.com.br</t>
  </si>
  <si>
    <t>DF_2019_OFICIAL_340_SEM_IFRS.xlsx</t>
  </si>
  <si>
    <t>/o=exchangelabs/ou=exchange administrative group (fydibohf23spdlt)/cn=recipients/cn=7b5ea93fb6624321b4140325b23162ff-lucas andra;/o=exchangelabs/ou=exchange administrative group (fydibohf23spdlt)/cn=recipients/cn=8d66bf0fd9334a81b7c67eda8652a948-guilherme c;/o=exchangelabs/ou=exchange administrative group (fydibohf23spdlt)/cn=recipients/cn=d73974a6e555442cafd74cda95746e86-denia alves;/o=exchangelabs/ou=exchange administrative group (fydibohf23spdlt)/cn=recipients/cn=f87f494a8d1d405d8a7b42a51dd5ab84-iris eugeni;elismael.menino@sicoob.com.br;recuperacao.creditos@sicoob.com.br;rogerio.nascimento@sicoob.com.br;</t>
  </si>
  <si>
    <t>Processo de Faturamento - SICOOB</t>
  </si>
  <si>
    <t>PADRÃO CADASTRO CLIENTES - FATURAMENTO.xlsx</t>
  </si>
  <si>
    <t>/o=exchangelabs/ou=exchange administrative group (fydibohf23spdlt)/cn=recipients/cn=7b5ea93fb6624321b4140325b23162ff-lucas andra,/o=exchangelabs/ou=exchange administrative group (fydibohf23spdlt)/cn=recipients/cn=8d66bf0fd9334a81b7c67eda8652a948-guilherme c,/o=exchangelabs/ou=exchange administrative group (fydibohf23spdlt)/cn=recipients/cn=d73974a6e555442cafd74cda95746e86-denia alves,/o=exchangelabs/ou=exchange administrative group (fydibohf23spdlt)/cn=recipients/cn=f87f494a8d1d405d8a7b42a51dd5ab84-iris eugeni,elismael.menino@sicoob.com.br,recuperacao.creditos@sicoob.com.br,rogerio.nascimento@sicoob.com.br</t>
  </si>
  <si>
    <t>ENC: Processo de Faturamento - SICOOB</t>
  </si>
  <si>
    <t>215369_Preco_rev01.xlsb</t>
  </si>
  <si>
    <t>C:\Users\rodrigombu\OneDrive - Grupo Algar\Whirlpool\2019\10 - Outubro\Arquivo\BO\</t>
  </si>
  <si>
    <t>Acompanhamento Produtividade BKO - Parcial - Out-2019.xlsx</t>
  </si>
  <si>
    <t>Acompanhamento BO Parcial - OUT/2019</t>
  </si>
  <si>
    <t>/o=exchangelabs/ou=exchange administrative group (fydibohf23spdlt)/cn=recipients/cn=1c3bae1d5aab4c72b84516e819cd16c9-wilton paim;/o=exchangelabs/ou=exchange administrative group (fydibohf23spdlt)/cn=recipients/cn=204079a0e50e40a6a37bf2241ef87bf2-juliana can;/o=exchangelabs/ou=exchange administrative group (fydibohf23spdlt)/cn=recipients/cn=2b7497d349474240af7dc07e3cbbd5a2-amanda dias;/o=exchangelabs/ou=exchange administrative group (fydibohf23spdlt)/cn=recipients/cn=c08089b92f0643f18c949cb099a06593-tamara luis;joaosldcn@algartech.com;</t>
  </si>
  <si>
    <t>Planejamento BMW</t>
  </si>
  <si>
    <t>DW Algar - Planejamento Intradiario.xlsm</t>
  </si>
  <si>
    <t>/o=exchangelabs/ou=exchange administrative group (fydibohf23spdlt)/cn=recipients/cn=1c3bae1d5aab4c72b84516e819cd16c9-wilton paim,/o=exchangelabs/ou=exchange administrative group (fydibohf23spdlt)/cn=recipients/cn=204079a0e50e40a6a37bf2241ef87bf2-juliana can,/o=exchangelabs/ou=exchange administrative group (fydibohf23spdlt)/cn=recipients/cn=2b7497d349474240af7dc07e3cbbd5a2-amanda dias,/o=exchangelabs/ou=exchange administrative group (fydibohf23spdlt)/cn=recipients/cn=c08089b92f0643f18c949cb099a06593-tamara luis,joaosldcn@algartech.com</t>
  </si>
  <si>
    <t>/o=exchangelabs/ou=exchange administrative group (fydibohf23spdlt)/cn=recipients/cn=3a10c1d788234688b257ab253389ec06-mateus mala;/o=exchangelabs/ou=exchange administrative group (fydibohf23spdlt)/cn=recipients/cn=5dc660c055e14f5ab5647ab38237cbdc-eduardo aug;/o=exchangelabs/ou=exchange administrative group (fydibohf23spdlt)/cn=recipients/cn=7903c13fa0504ff0bc7dd2644020b0e8-mirna prado;/o=exchangelabs/ou=exchange administrative group (fydibohf23spdlt)/cn=recipients/cn=c29ec9dae022497281c840087cccddec-patricia ar;/o=exchangelabs/ou=exchange administrative group (fydibohf23spdlt)/cn=recipients/cn=e174366906884bd1b4d4c5ddfc8c9433-rodrigo men;</t>
  </si>
  <si>
    <t>Validação Revisão RFP - EH</t>
  </si>
  <si>
    <t>/o=exchangelabs/ou=exchange administrative group (fydibohf23spdlt)/cn=recipients/cn=3a10c1d788234688b257ab253389ec06-mateus mala,/o=exchangelabs/ou=exchange administrative group (fydibohf23spdlt)/cn=recipients/cn=5dc660c055e14f5ab5647ab38237cbdc-eduardo aug,/o=exchangelabs/ou=exchange administrative group (fydibohf23spdlt)/cn=recipients/cn=7903c13fa0504ff0bc7dd2644020b0e8-mirna prado,/o=exchangelabs/ou=exchange administrative group (fydibohf23spdlt)/cn=recipients/cn=c29ec9dae022497281c840087cccddec-patricia ar,/o=exchangelabs/ou=exchange administrative group (fydibohf23spdlt)/cn=recipients/cn=e174366906884bd1b4d4c5ddfc8c9433-rodrigo men</t>
  </si>
  <si>
    <t>claudia.siqueira@bradesco.com.br;jacqueline.mariano@bradesco.com.br;lucas.jose@bradesco.com.br;marcelo.costa@bradesco.com.br;sylvia.helal@bradesco.com.br;viviane.virgilio@bradesco.com.br;</t>
  </si>
  <si>
    <t>ENC: Planilha Preenchida</t>
  </si>
  <si>
    <t>modelo_importacao (5).xlsx</t>
  </si>
  <si>
    <t>claudia.siqueira@bradesco.com.br,jacqueline.mariano@bradesco.com.br,lucas.jose@bradesco.com.br,marcelo.costa@bradesco.com.br,sylvia.helal@bradesco.com.br,viviane.virgilio@bradesco.com.br</t>
  </si>
  <si>
    <t>Liberacao_BV_01 - Copia.xlsx</t>
  </si>
  <si>
    <t>/o=exchangelabs/ou=exchange administrative group (fydibohf23spdlt)/cn=recipients/cn=6bc6ced03b1b4fafa41bb5c70c178940-antonio per;daianeml@algartech.com;</t>
  </si>
  <si>
    <t>RES: AJUSTE DE CÓDIGO (EMPRESA + MATRICULA)</t>
  </si>
  <si>
    <t>ORC_2020_LUCIANA BERNARDES 09102019.xlsx</t>
  </si>
  <si>
    <t>/o=exchangelabs/ou=exchange administrative group (fydibohf23spdlt)/cn=recipients/cn=6bc6ced03b1b4fafa41bb5c70c178940-antonio per,daianeml@algartech.com</t>
  </si>
  <si>
    <t>/o=exchangelabs/ou=exchange administrative group (fydibohf23spdlt)/cn=recipients/cn=03a1bc99308a456db7c0105407689b39-gilda elain;/o=exchangelabs/ou=exchange administrative group (fydibohf23spdlt)/cn=recipients/cn=590012d55fae421587844918af7bc53c-daiane mari;/o=exchangelabs/ou=exchange administrative group (fydibohf23spdlt)/cn=recipients/cn=e6c01c0e3afe461fbb9d46983fc38f7e-celso anton;</t>
  </si>
  <si>
    <t>Alterações PTH Finaceiro</t>
  </si>
  <si>
    <t>ORC_2020_FINANCEIRO_ERICA CARVALHO_V2.xlsx</t>
  </si>
  <si>
    <t>/o=exchangelabs/ou=exchange administrative group (fydibohf23spdlt)/cn=recipients/cn=03a1bc99308a456db7c0105407689b39-gilda elain,/o=exchangelabs/ou=exchange administrative group (fydibohf23spdlt)/cn=recipients/cn=590012d55fae421587844918af7bc53c-daiane mari,/o=exchangelabs/ou=exchange administrative group (fydibohf23spdlt)/cn=recipients/cn=e6c01c0e3afe461fbb9d46983fc38f7e-celso anton</t>
  </si>
  <si>
    <t>/o=exchangelabs/ou=exchange administrative group (fydibohf23spdlt)/cn=recipients/cn=545f738e0fe740ba856f4eb6ef0135e0-vinicius si;/o=exchangelabs/ou=exchange administrative group (fydibohf23spdlt)/cn=recipients/cn=98e18f75c1d448d18c2b385d101db11f-luiz alfred;</t>
  </si>
  <si>
    <t>Preço - Açao Black Friday 2019.xlsx</t>
  </si>
  <si>
    <t>/o=exchangelabs/ou=exchange administrative group (fydibohf23spdlt)/cn=recipients/cn=545f738e0fe740ba856f4eb6ef0135e0-vinicius si,/o=exchangelabs/ou=exchange administrative group (fydibohf23spdlt)/cn=recipients/cn=98e18f75c1d448d18c2b385d101db11f-luiz alfred</t>
  </si>
  <si>
    <t>/o=exchangelabs/ou=exchange administrative group (fydibohf23spdlt)/cn=recipients/cn=57d9ef16239c4192ba69b608182c3c4f-betiza silv;/o=exchangelabs/ou=exchange administrative group (fydibohf23spdlt)/cn=recipients/cn=8d66bf0fd9334a81b7c67eda8652a948-guilherme c;/o=exchangelabs/ou=exchange administrative group (fydibohf23spdlt)/cn=recipients/cn=b67cad4ecfa344baaa94d716e7554f49-bruno camel;/o=exchangelabs/ou=exchange administrative group (fydibohf23spdlt)/cn=recipients/cn=d1ca1bbb859d4bb997649640237ba7cd-paulla rena;/o=exchangelabs/ou=exchange administrative group (fydibohf23spdlt)/cn=recipients/cn=d73974a6e555442cafd74cda95746e86-denia alves;/o=exchangelabs/ou=exchange administrative group (fydibohf23spdlt)/cn=recipients/cn=usera699e94b;</t>
  </si>
  <si>
    <t>Acesso - Beedoo</t>
  </si>
  <si>
    <t>Acesso Beedo - EDP e SICOOB.xls</t>
  </si>
  <si>
    <t>/o=exchangelabs/ou=exchange administrative group (fydibohf23spdlt)/cn=recipients/cn=57d9ef16239c4192ba69b608182c3c4f-betiza silv,/o=exchangelabs/ou=exchange administrative group (fydibohf23spdlt)/cn=recipients/cn=8d66bf0fd9334a81b7c67eda8652a948-guilherme c,/o=exchangelabs/ou=exchange administrative group (fydibohf23spdlt)/cn=recipients/cn=b67cad4ecfa344baaa94d716e7554f49-bruno camel,/o=exchangelabs/ou=exchange administrative group (fydibohf23spdlt)/cn=recipients/cn=d1ca1bbb859d4bb997649640237ba7cd-paulla rena,/o=exchangelabs/ou=exchange administrative group (fydibohf23spdlt)/cn=recipients/cn=d73974a6e555442cafd74cda95746e86-denia alves,/o=exchangelabs/ou=exchange administrative group (fydibohf23spdlt)/cn=recipients/cn=usera699e94b</t>
  </si>
  <si>
    <t>Projeto Precificação - Metas</t>
  </si>
  <si>
    <t>mail.google.com/_/upload?authuser=1&amp;dcp=asu-n&amp;upload_id=AEnB2UpTYZnJI_KXqIoo25zpW8s6MMG4Ale-rkYLUsaUgufmfbmGQ-QKIKlx1YB-2_r_bCyhv7A_TuXMTCtaOO5rk3jgRrKohw&amp;upload_protocol=resumable</t>
  </si>
  <si>
    <t>FORMULARIO-DE-CADASTRO-DE-FORNECEDOR---R12-e-SOMAR---Socios-ATUALIZADO (2).xls</t>
  </si>
  <si>
    <t>Auditoria - Sicoob e EDP</t>
  </si>
  <si>
    <t>Auditoria SICOOB.xlsb</t>
  </si>
  <si>
    <t>Cópia de Controle de Associados 09-10.xlsx</t>
  </si>
  <si>
    <t>Hewerton Teixeira Ramos</t>
  </si>
  <si>
    <t>Plano de Implantação INTER.</t>
  </si>
  <si>
    <t>Plano de Implantação INTER.xlsx</t>
  </si>
  <si>
    <t>/o=exchangelabs/ou=exchange administrative group (fydibohf23spdlt)/cn=recipients/cn=ab45243d601947128cfe3dec663408bf-pamela tava;/o=exchangelabs/ou=exchange administrative group (fydibohf23spdlt)/cn=recipients/cn=cac18c5388b04f6d979d1bc87a08825a-marcopaulo;</t>
  </si>
  <si>
    <t>RES: Relação CR's Bradesco</t>
  </si>
  <si>
    <t>Folha_jan a set 2019.xlsx</t>
  </si>
  <si>
    <t>/o=exchangelabs/ou=exchange administrative group (fydibohf23spdlt)/cn=recipients/cn=ab45243d601947128cfe3dec663408bf-pamela tava,/o=exchangelabs/ou=exchange administrative group (fydibohf23spdlt)/cn=recipients/cn=cac18c5388b04f6d979d1bc87a08825a-marcopaulo</t>
  </si>
  <si>
    <t>192.168.100.6</t>
  </si>
  <si>
    <t>mail.google.com/_/upload?authuser=0&amp;dcp=asu-n&amp;upload_id=AEnB2UqXKHet4QEHO7xOF_Afm0Ib1UcXJANYWs2iSqSfOjF2j6EtbWVfe0fOSe-q06auXeQxqpNrBVuQ8EX8Gk356aAjn8lQnA&amp;upload_protocol=resumable</t>
  </si>
  <si>
    <t>rv 09-10.xls</t>
  </si>
  <si>
    <t>https://caey.fa.us2.oraclecloud.com/crmui/faces/fuseoverview?_adf.ctrl-state=121xl2q5tm_5&amp;fnd=;;;;false;256;;;&amp;fndglobalitemnodeid=moo_opptymgmtopportunities_crm_card</t>
  </si>
  <si>
    <t>\\acsfs\Deptos\CAS - Coordenação de Arquitetura de Soluções\Projetos\2019\Faber Castell\214370 - Instalação do SAP FIORI\1. Precificação\</t>
  </si>
  <si>
    <t>\\acsfs\Deptos\CAS - Coordenação de Arquitetura de Soluções\Projetos\2019\Faber Castell\214370 - Instalação do SAP FIORI\1. Precificação\Plan Precificacao C017 B017.xlsb\</t>
  </si>
  <si>
    <t>1667.460000142455;_ytswtorospebfowiktklfytq3hvu8vjxtiqlxj0ol1lcxagyztyc_skz-vcojzxw9_nc479d_xdmcfrik95agjytp6fb9v9clfktppiazav8xuqjo9f6dsy-wsjvrwbysfcv7uchfvnc_4-epjx9clgpbctitmrf-kszm10pmx40flyimntevmh6sw4_j3j2gjvpzl2ccn8dtnrxxebsuqgapbeowv7cyhtcqf9e-03pgvhs-gd6d2drkjahl_gtu7re-cpqesgir1thfo3juwsovw3cvizerauzcuye9exmggd0znvrhrwcnvqrpcno8bdxsktdv8jha5g_9ute_egff7ccmoamejkeptcgswbjl82di7q0cvth3geofl8jompuaw086brmd8rfgziwpkbznnvz5c1w;_ytswtorospebfowiktklfytq3hvu8vjxtiqlxj0ol1lcxagyztyc_skz-vcojzxw9_nc479d_xdmcfrik95agjytp6fb9v9clfktppiazav8xuqjo9f6dsy-wsjvrwbysfcv7uchfvnc_4-epjx9clgpbctitmrf-kszm10pmx40flyimntevmh6sw4_j3j2gjvpzl2ccn8dtnrxxebsuqgapbeowv7cyhtcqf9e-03pgvhs2gd6d2v8xkcoopuvuk8m-bt-u0mon8f1qiah1h6s-w2dvngvxkss5iqmfqtrimzc2gdhtzi-dyxkcpfee-igqucqfbshtaqdckn2t0kce8xdhm_mx0vqkdmopokdtcose0gj2ne4aflwy3h0bgjjwtnwl_wsewn7u4ivaygjqlm94p6c;_ytswtorospebfowiktklfytq3hvu8vjxtiqlxj0ol1lcxagyztyc_skz-vcojzxw9_nc479d_xdmcfrik95agjytp6fb9v9clfktppiazav8xuqjo9f6dsy-wsjvrwbysfcv7uchfvnc_4-epjx9clgpbctitmrf-kszm10pm</t>
  </si>
  <si>
    <t>C:\Users\reginaldort\Downloads\</t>
  </si>
  <si>
    <t>RELATÓRIO DE CUSTOS TI_v11.xlsx</t>
  </si>
  <si>
    <t>1667.460000142455,_ytswtorospebfowiktklfytq3hvu8vjxtiqlxj0ol1lcxagyztyc_skz-vcojzxw9_nc479d_xdmcfrik95agjytp6fb9v9clfktppiazav8xuqjo9f6dsy-wsjvrwbysfcv7uchfvnc_4-epjx9clgpbctitmrf-kszm10pmx40flyimntevmh6sw4_j3j2gjvpzl2ccn8dtnrxxebsuqgapbeowv7cyhtcqf9e-03pgvhs-gd6d2drkjahl_gtu7re-cpqesgir1thfo3juwsovw3cvizerauzcuye9exmggd0znvrhrwcnvqrpcno8bdxsktdv8jha5g_9ute_egff7ccmoamejkeptcgswbjl82di7q0cvth3geofl8jompuaw086brmd8rfgziwpkbznnvz5c1w,_ytswtorospebfowiktklfytq3hvu8vjxtiqlxj0ol1lcxagyztyc_skz-vcojzxw9_nc479d_xdmcfrik95agjytp6fb9v9clfktppiazav8xuqjo9f6dsy-wsjvrwbysfcv7uchfvnc_4-epjx9clgpbctitmrf-kszm10pmx40flyimntevmh6sw4_j3j2gjvpzl2ccn8dtnrxxebsuqgapbeowv7cyhtcqf9e-03pgvhs2gd6d2v8xkcoopuvuk8m-bt-u0mon8f1qiah1h6s-w2dvngvxkss5iqmfqtrimzc2gdhtzi-dyxkcpfee-igqucqfbshtaqdckn2t0kce8xdhm_mx0vqkdmopokdtcose0gj2ne4aflwy3h0bgjjwtnwl_wsewn7u4ivaygjqlm94p6c,_ytswtorospebfowiktklfytq3hvu8vjxtiqlxj0ol1lcxagyztyc_skz-vcojzxw9_nc479d_xdmcfrik95agjytp6fb9v9clfktppiazav8xuqjo9f6dsy-wsjvrwbysfcv7uchfvnc_4-epjx9clgpbctitmrf-kszm10pm</t>
  </si>
  <si>
    <t>mail.google.com/_/upload?authuser=0&amp;dcp=asu-n&amp;upload_id=AEnB2UrqJGGnUDegm79WkB0hCNbUNoOAcZl3x3cQ8quUqXXWxz3LC1u0SHREIm5n_O-iVHSaM93zISzCASwXLX1OWSAtydzcZIw-a_GQNA3CcA26OjjhS0s&amp;upload_protocol=resumable</t>
  </si>
  <si>
    <t>C:\Users\rafaelqs\Downloads\</t>
  </si>
  <si>
    <t>Checklist Project Nimbus_Quintão_restante.xlsx</t>
  </si>
  <si>
    <t>/o=exchangelabs/ou=exchange administrative group (fydibohf23spdlt)/cn=recipients/cn=4adb6e0b3de84bf2bfdb543494159749-leandro lim;/o=exchangelabs/ou=exchange administrative group (fydibohf23spdlt)/cn=recipients/cn=8d66bf0fd9334a81b7c67eda8652a948-guilherme c;beatriz_branco@whirlpool.com;flavio_camargo@whirlpool.com;tiago_ferreira@whirlpool.com;</t>
  </si>
  <si>
    <t>Fechamento Whirlpool Cobrança</t>
  </si>
  <si>
    <t>09.2019 - Demonstrativo de Faturamento Whirlpool Cobrança.xlsx</t>
  </si>
  <si>
    <t>/o=exchangelabs/ou=exchange administrative group (fydibohf23spdlt)/cn=recipients/cn=4adb6e0b3de84bf2bfdb543494159749-leandro lim,/o=exchangelabs/ou=exchange administrative group (fydibohf23spdlt)/cn=recipients/cn=8d66bf0fd9334a81b7c67eda8652a948-guilherme c,beatriz_branco@whirlpool.com,flavio_camargo@whirlpool.com,tiago_ferreira@whirlpool.com</t>
  </si>
  <si>
    <t>C:\Users\renatofol\OneDrive - Grupo Algar\Particular\Particular\Corrida\WosBrasil\</t>
  </si>
  <si>
    <t>Custos_Renato-dani.xlsx</t>
  </si>
  <si>
    <t>Liberacao_BV_03.xlsx</t>
  </si>
  <si>
    <t>Liberacao_BV_02.xlsx</t>
  </si>
  <si>
    <t>C:\Users\vilarinho\OneDrive - Grupo Algar\Algar Tech\Gestão Equipe\Objetivos Especificos\Objetivos 1Semestre2019\Evidencias 2019\Objetivo DAF 4.0\EmailJeci_9.10.19.msg\s1\</t>
  </si>
  <si>
    <t>Staff 4.0 - entregas Vilarinho.xlsx</t>
  </si>
  <si>
    <t>/o=exchangelabs/ou=exchange administrative group (fydibohf23spdlt)/cn=recipients/cn=10c614e1eddb439aa2a8538338cebbc9-victor hugo;/o=exchangelabs/ou=exchange administrative group (fydibohf23spdlt)/cn=recipients/cn=66edf19ebc2742d0aad16b8a34a09b10-andre luiz;/o=exchangelabs/ou=exchange administrative group (fydibohf23spdlt)/cn=recipients/cn=d0093b7063a942388b31a7ba794f9061-dener benic;/o=exchangelabs/ou=exchange administrative group (fydibohf23spdlt)/cn=recipients/cn=f8583aae88d4485dac542c395d25e6fc-diego dos r;</t>
  </si>
  <si>
    <t>Reativação 232</t>
  </si>
  <si>
    <t>Reativação 232.xlsb</t>
  </si>
  <si>
    <t>/o=exchangelabs/ou=exchange administrative group (fydibohf23spdlt)/cn=recipients/cn=10c614e1eddb439aa2a8538338cebbc9-victor hugo,/o=exchangelabs/ou=exchange administrative group (fydibohf23spdlt)/cn=recipients/cn=66edf19ebc2742d0aad16b8a34a09b10-andre luiz,/o=exchangelabs/ou=exchange administrative group (fydibohf23spdlt)/cn=recipients/cn=d0093b7063a942388b31a7ba794f9061-dener benic,/o=exchangelabs/ou=exchange administrative group (fydibohf23spdlt)/cn=recipients/cn=f8583aae88d4485dac542c395d25e6fc-diego dos r</t>
  </si>
  <si>
    <t>D:\OneDrive\AlgarTech\Pré-Vendas\Cliente\2019\Sicoob Parana\214397 - Host Gerenciavel\</t>
  </si>
  <si>
    <t>10.200.60.212</t>
  </si>
  <si>
    <t>RV Para apuração v3.xlsx</t>
  </si>
  <si>
    <t>Relacionamento de Cartões BV: Retirada de Equipamentos - Ticket 787302 e 787361</t>
  </si>
  <si>
    <t>C:\Users\vilarinho\OneDrive - Grupo Algar\Algar Tech\Gestão Equipe\Objetivos Especificos\Objetivos 1Semestre2019\Evidencias 2019\Objetivo Projeto Precificação\Status Report Semanal - Projeto Precificação - 20190721.pptx\</t>
  </si>
  <si>
    <t>C:\Users\vilarinho\OneDrive - Grupo Algar\Algar Tech\Gestão Equipe\Objetivos Especificos\Objetivos 1Semestre2019\Evidencias 2019\Objetivo Projeto Precificação\EmailBuza.msg\s1\</t>
  </si>
  <si>
    <t>C:\Users\vilarinho\OneDrive - Grupo Algar\Algar Tech\Gestão Equipe\Objetivos Especificos\Objetivos 1Semestre2019\Evidencias 2019\Objetivo Projeto Precificação\EmailBuza.msg\s1\Status Report Semanal - Projeto Precificação - 20190721.pptx\</t>
  </si>
  <si>
    <t>/o=exchangelabs/ou=exchange administrative group (fydibohf23spdlt)/cn=recipients/cn=545f738e0fe740ba856f4eb6ef0135e0-vinicius si;/o=exchangelabs/ou=exchange administrative group (fydibohf23spdlt)/cn=recipients/cn=746f10dd924a4e7dbfe2f813f74b1f2c-gilmar pres;/o=exchangelabs/ou=exchange administrative group (fydibohf23spdlt)/cn=recipients/cn=8da96f497b5c46ee81c2775857a1df84-pedro henri;/o=exchangelabs/ou=exchange administrative group (fydibohf23spdlt)/cn=recipients/cn=f0ff087361a245daa16e71ac77ecc3f0-ivan costa;carinafr@algartech.com;</t>
  </si>
  <si>
    <t>RES: Vaga - Monitor de Qualidade AVON</t>
  </si>
  <si>
    <t>Ranking_Set.19.xlsx</t>
  </si>
  <si>
    <t>/o=exchangelabs/ou=exchange administrative group (fydibohf23spdlt)/cn=recipients/cn=545f738e0fe740ba856f4eb6ef0135e0-vinicius si,/o=exchangelabs/ou=exchange administrative group (fydibohf23spdlt)/cn=recipients/cn=746f10dd924a4e7dbfe2f813f74b1f2c-gilmar pres,/o=exchangelabs/ou=exchange administrative group (fydibohf23spdlt)/cn=recipients/cn=8da96f497b5c46ee81c2775857a1df84-pedro henri,/o=exchangelabs/ou=exchange administrative group (fydibohf23spdlt)/cn=recipients/cn=f0ff087361a245daa16e71ac77ecc3f0-ivan costa,carinafr@algartech.com</t>
  </si>
  <si>
    <t>Organograma Outubro.pptx</t>
  </si>
  <si>
    <t>Cadastros ativos Setembro.xlsx</t>
  </si>
  <si>
    <t>Cursos_Thamara.xlsx</t>
  </si>
  <si>
    <t>/o=exchangelabs/ou=exchange administrative group (fydibohf23spdlt)/cn=recipients/cn=renato bruno ribeiro lopes - 004319;</t>
  </si>
  <si>
    <t>sobre.CSV</t>
  </si>
  <si>
    <t>/o=exchangelabs/ou=exchange administrative group (fydibohf23spdlt)/cn=recipients/cn=renato bruno ribeiro lopes - 004319</t>
  </si>
  <si>
    <t>Recuperação de custo set2019 x jan2020</t>
  </si>
  <si>
    <t>Recuperação de custo INFRA DE TI.xlsx</t>
  </si>
  <si>
    <t>/o=exchangelabs/ou=exchange administrative group (fydibohf23spdlt)/cn=recipients/cn=93b8a86ede0247de93ba3e93b161eead-jhennifer g;mayraneapl@algartech.com;</t>
  </si>
  <si>
    <t>ENC: Planos de ação - Auditoria Setembro</t>
  </si>
  <si>
    <t>Auditoria Interna Plano de Ação.msg\s1\</t>
  </si>
  <si>
    <t>/o=exchangelabs/ou=exchange administrative group (fydibohf23spdlt)/cn=recipients/cn=93b8a86ede0247de93ba3e93b161eead-jhennifer g,mayraneapl@algartech.com</t>
  </si>
  <si>
    <t>Relatório Base</t>
  </si>
  <si>
    <t>BaseAlgar_26092019.xlsx</t>
  </si>
  <si>
    <t>/o=exchangelabs/ou=exchange administrative group (fydibohf23spdlt)/cn=recipients/cn=54abac0a4fdc4ad1bec39bb51d85eab1-victor hugo;/o=exchangelabs/ou=exchange administrative group (fydibohf23spdlt)/cn=recipients/cn=9e7c445894a4474a86a42a5f271a0d12-viviane res;</t>
  </si>
  <si>
    <t>Orçamento - Pessoal</t>
  </si>
  <si>
    <t>/o=exchangelabs/ou=exchange administrative group (fydibohf23spdlt)/cn=recipients/cn=54abac0a4fdc4ad1bec39bb51d85eab1-victor hugo,/o=exchangelabs/ou=exchange administrative group (fydibohf23spdlt)/cn=recipients/cn=9e7c445894a4474a86a42a5f271a0d12-viviane res</t>
  </si>
  <si>
    <t>mail.google.com/_/upload?authuser=1&amp;dcp=asu-n&amp;upload_id=AEnB2UpRGiFcrjPL-EGmiG4otIVBdND0CvC7MU_UWAsSNGjPgNIP035WUFCU0UBpOb8PGoDYcDz4qLX2zP1WTtD2GNpSNxuCXwc01FCpwtKTeGT6iZWmvsY&amp;upload_protocol=resumable</t>
  </si>
  <si>
    <t>Limeira.xlsx</t>
  </si>
  <si>
    <t>CAPACIDADE DE EVMC</t>
  </si>
  <si>
    <t>/o=exchangelabs/ou=exchange administrative group (fydibohf23spdlt)/cn=recipients/cn=68e6aa2e3fef4ccaba997d98294c9ed5-cristina he;/o=exchangelabs/ou=exchange administrative group (fydibohf23spdlt)/cn=recipients/cn=bcc9538754d3496ea31a487e560f8214-silvio mart;karlosgc@algartech.com;</t>
  </si>
  <si>
    <t>ENC: Expansão Next: Classificação de Itens - Contratação desenvolvedor</t>
  </si>
  <si>
    <t>Classificacao_Itens_ExpansaoNext_01_Classificado.xlsx</t>
  </si>
  <si>
    <t>/o=exchangelabs/ou=exchange administrative group (fydibohf23spdlt)/cn=recipients/cn=68e6aa2e3fef4ccaba997d98294c9ed5-cristina he,/o=exchangelabs/ou=exchange administrative group (fydibohf23spdlt)/cn=recipients/cn=bcc9538754d3496ea31a487e560f8214-silvio mart,karlosgc@algartech.com</t>
  </si>
  <si>
    <t>alexandre.lazarotto@bradesco.com.br;crcevmc@algartech.com.br;lucasldsa@algartech.com.br;marciags@algartech.com.br;mariana.martucci@bradesco.com.br;</t>
  </si>
  <si>
    <t>ENC: Cancelamento P-Card - Idemia do Brasil / CNPJ : 06.137.098/0006-14 - URGENTE / URGENTE - Grupo Advant</t>
  </si>
  <si>
    <t>ENC RE RES Cancelamento P-Card - Idemia do Brasil CNPJ 06.137.0980006-14 - URGENTE CRM003710002185.msg\s1\</t>
  </si>
  <si>
    <t>IDEMIA.xlsx</t>
  </si>
  <si>
    <t>alexandre.lazarotto@bradesco.com.br,crcevmc@algartech.com.br,lucasldsa@algartech.com.br,marciags@algartech.com.br,mariana.martucci@bradesco.com.br</t>
  </si>
  <si>
    <t>RV Para apuração v3.xls</t>
  </si>
  <si>
    <t>mail.google.com/_/upload?authuser=1&amp;dcp=asu-n&amp;upload_id=AEnB2Ur-EOa88vgvqLkRzmyY0obHc2J3nuwZ_GqfKhhv-hrHo_TjYudcZ0f4VqYhpsvOXil4kr4VRc411nWNGw5HUqAFfHriRg&amp;upload_protocol=resumable</t>
  </si>
  <si>
    <t>CRUZAMENTOS DESINSTALAÇÃO_sem formula.xlsx</t>
  </si>
  <si>
    <t>C:\Users\elainemdlp\OD\_Projetos\Em andamento\Relacionamento Cartoes BV\03 - Execucao\Operadores\</t>
  </si>
  <si>
    <t>Operadores BV Cartoes.xlsx</t>
  </si>
  <si>
    <t>Ramais_BV_Cartões.xlsx</t>
  </si>
  <si>
    <t>/o=exchangelabs/ou=exchange administrative group (fydibohf23spdlt)/cn=recipients/cn=3dd2a19994fe4c34a2427058cc20314f-anderson ro;/o=exchangelabs/ou=exchange administrative group (fydibohf23spdlt)/cn=recipients/cn=f8583aae88d4485dac542c395d25e6fc-diego dos r;fabiorb@algartech.com;</t>
  </si>
  <si>
    <t>Relacionamento de Cartões BV: Troca das Máquinas e Instalação dos Monitores</t>
  </si>
  <si>
    <t>/o=exchangelabs/ou=exchange administrative group (fydibohf23spdlt)/cn=recipients/cn=3dd2a19994fe4c34a2427058cc20314f-anderson ro,/o=exchangelabs/ou=exchange administrative group (fydibohf23spdlt)/cn=recipients/cn=f8583aae88d4485dac542c395d25e6fc-diego dos r,fabiorb@algartech.com</t>
  </si>
  <si>
    <t>/o=exchangelabs/ou=exchange administrative group (fydibohf23spdlt)/cn=recipients/cn=2504d5028b6b4fb89d14a5df6031358d-jane carla;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76ab36245b7f4efda852d3513edb6246-gleyce kell;/o=exchangelabs/ou=exchange administrative group (fydibohf23spdlt)/cn=recipients/cn=782d75ab3cda4cfa88d22b405cd49ea0-sueleide al;/o=exchangelabs/ou=exchange administrative group (fydibohf23spdlt)/cn=recipients/cn=a4d4dbc88c434f8ba2bceed730d83878-marcellus r;/o=exchangelabs/ou=exchange administrative group (fydibohf23spdlt)/cn=recipients/cn=c5057601f2364b0db7ea84dbec10baa4-matheus mor;/o=exchangelabs/ou=exchange administrative group (fydibohf23spdlt)/cn=recipients/cn=e09a2f3206d84bde8e1d60233f807a11-caiqu</t>
  </si>
  <si>
    <t>Conciliação Fluxo de Caixas Mensal -Todas Empresas Setembro/2019</t>
  </si>
  <si>
    <t>Comparativo DFC x Caixa.xlsx</t>
  </si>
  <si>
    <t>/o=exchangelabs/ou=exchange administrative group (fydibohf23spdlt)/cn=recipients/cn=2504d5028b6b4fb89d14a5df6031358d-jane carla,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76ab36245b7f4efda852d3513edb6246-gleyce kell,/o=exchangelabs/ou=exchange administrative group (fydibohf23spdlt)/cn=recipients/cn=782d75ab3cda4cfa88d22b405cd49ea0-sueleide al,/o=exchangelabs/ou=exchange administrative group (fydibohf23spdlt)/cn=recipients/cn=a4d4dbc88c434f8ba2bceed730d83878-marcellus r,/o=exchangelabs/ou=exchange administrative group (fydibohf23spdlt)/cn=recipients/cn=c5057601f2364b0db7ea84dbec10baa4-matheus mor,/o=exchangelabs/ou=exchange administrative group (fydibohf23spdlt)/cn=recipients/cn=e09a2f3206d84bde8e1d60233f807a11-caiqu</t>
  </si>
  <si>
    <t>mail.google.com/_/upload?authuser=0&amp;dcp=asu-n&amp;upload_id=AEnB2UqRSaYUUdFhdEAAWyavVmjD03QeplMZWM9xNUQeomPgu7iDom0hvDM4YNk8eCLYKxfhqhWLqvt0KfF_D3PKZnIV3nHhjA&amp;upload_protocol=resumable</t>
  </si>
  <si>
    <t>antoniocoj@algartech.com;carlosasr@algartech.com;patriciaac@algartech.com;</t>
  </si>
  <si>
    <t>C:\Users\rodrigormc\Desktop\Custos\</t>
  </si>
  <si>
    <t>Provisão Outubro - Comercial.xlsx</t>
  </si>
  <si>
    <t>antoniocoj@algartech.com,carlosasr@algartech.com,patriciaac@algartech.com</t>
  </si>
  <si>
    <t>Status-09-10.xlsx</t>
  </si>
  <si>
    <t>antoniojr@algartech.com;henriqueac@algartech.com;leandrolds@algartech.com;lucasm@algartech.com;reginaldort@algartech.com;</t>
  </si>
  <si>
    <t>analise rateio cerrado.xlsx</t>
  </si>
  <si>
    <t>antoniojr@algartech.com,henriqueac@algartech.com,leandrolds@algartech.com,lucasm@algartech.com,reginaldort@algartech.com</t>
  </si>
  <si>
    <t>C:\Users\douglassp\Desktop\</t>
  </si>
  <si>
    <t>Orçamento20_Completo.xlsb</t>
  </si>
  <si>
    <t>/o=exchangelabs/ou=exchange administrative group (fydibohf23spdlt)/cn=recipients/cn=5ab64dc5178e4d66aadc5f660807b2c3-andre gomes;/o=exchangelabs/ou=exchange administrative group (fydibohf23spdlt)/cn=recipients/cn=d5130784dc81436d9511788de4df376c-jeciene gom;</t>
  </si>
  <si>
    <t>ENC: Report Transformação - RE9 GRC</t>
  </si>
  <si>
    <t>Report Transformação_RE9 GRC.xlsx</t>
  </si>
  <si>
    <t>/o=exchangelabs/ou=exchange administrative group (fydibohf23spdlt)/cn=recipients/cn=5ab64dc5178e4d66aadc5f660807b2c3-andre gomes,/o=exchangelabs/ou=exchange administrative group (fydibohf23spdlt)/cn=recipients/cn=d5130784dc81436d9511788de4df376c-jeciene gom</t>
  </si>
  <si>
    <t>Criterio_Rateio.xlsx</t>
  </si>
  <si>
    <t>/o=exchangelabs/ou=exchange administrative group (fydibohf23spdlt)/cn=recipients/cn=9b52022a6e624c30a92f50cf4538a4bf-talmaia rod;/o=exchangelabs/ou=exchange administrative group (fydibohf23spdlt)/cn=recipients/cn=user8e89d2d7;eliane.martins@bv.com.br;</t>
  </si>
  <si>
    <t>BV - Ações TMO</t>
  </si>
  <si>
    <t>/o=exchangelabs/ou=exchange administrative group (fydibohf23spdlt)/cn=recipients/cn=9b52022a6e624c30a92f50cf4538a4bf-talmaia rod,/o=exchangelabs/ou=exchange administrative group (fydibohf23spdlt)/cn=recipients/cn=user8e89d2d7,eliane.martins@bv.com.br</t>
  </si>
  <si>
    <t>/o=exchangelabs/ou=exchange administrative group (fydibohf23spdlt)/cn=recipients/cn=168e05cabbf14ae289464a0c09955b31-sara ferrei;/o=exchangelabs/ou=exchange administrative group (fydibohf23spdlt)/cn=recipients/cn=287c26b08a0f48578479a15a452f025d-edilson rod;</t>
  </si>
  <si>
    <t>RES: Template Orçamentário - CRs</t>
  </si>
  <si>
    <t>Template Orçamentário Pessoal - 2020_Edilson.xlsx</t>
  </si>
  <si>
    <t>/o=exchangelabs/ou=exchange administrative group (fydibohf23spdlt)/cn=recipients/cn=168e05cabbf14ae289464a0c09955b31-sara ferrei,/o=exchangelabs/ou=exchange administrative group (fydibohf23spdlt)/cn=recipients/cn=287c26b08a0f48578479a15a452f025d-edilson rod</t>
  </si>
  <si>
    <t>giselatoliveira@gmail.com;</t>
  </si>
  <si>
    <t>Fluxo de Caixa CS</t>
  </si>
  <si>
    <t>02 Fluxo de Caixa Resumo_NOVO.xlsx</t>
  </si>
  <si>
    <t>giselatoliveira@gmail.com</t>
  </si>
  <si>
    <t>CRs Engeset e Aplicações</t>
  </si>
  <si>
    <t>CRs Engeset e Aplicações.xlsx</t>
  </si>
  <si>
    <t>10.200.57.250</t>
  </si>
  <si>
    <t>B8-76-3F-82-C6-5F</t>
  </si>
  <si>
    <t>/o=exchangelabs/ou=exchange administrative group (fydibohf23spdlt)/cn=recipients/cn=69cc68072bd74472a6fed235e590fc65-cassia alve;/o=exchangelabs/ou=exchange administrative group (fydibohf23spdlt)/cn=recipients/cn=ab45243d601947128cfe3dec663408bf-pamela tava;humbertopj@algartech.com;</t>
  </si>
  <si>
    <t>RES: STH 640347</t>
  </si>
  <si>
    <t>/o=exchangelabs/ou=exchange administrative group (fydibohf23spdlt)/cn=recipients/cn=69cc68072bd74472a6fed235e590fc65-cassia alve,/o=exchangelabs/ou=exchange administrative group (fydibohf23spdlt)/cn=recipients/cn=ab45243d601947128cfe3dec663408bf-pamela tava,humbertopj@algartech.com</t>
  </si>
  <si>
    <t>C:\Users\elainemdlp\OD\_Projetos\Em andamento\Expansao Caixa\Apresentacoes\PMO - STATUS DE GOVERNANÇA - Expansao Caixa - 20190917.pptx\</t>
  </si>
  <si>
    <t>C:\Users\elainemdlp\OD\_Projetos\Em andamento\Expansao Caixa\Apresentacoes\Expansao Caixa_01.pptx\</t>
  </si>
  <si>
    <t>C:\Users\mariannacsm\OneDrive - Grupo Algar\0- PMO-POOL\PMO\CAPEX\CAPEX 2020\</t>
  </si>
  <si>
    <t>Demandas Infraestrutura e Engenhariav3.xlsx</t>
  </si>
  <si>
    <t>C:\Users\filemoncmj\OneDrive - Grupo Algar\01. Algar Tech\01. Projetos de Clientes\47. Prudential\15. Análises de Capacidade\Consulta Disponibilidade de Ativos - Prudential.eml\</t>
  </si>
  <si>
    <t>Classificação de Itens ISD (1)_RETORNO DISPONIBILIDADE.x lsx.xlsx</t>
  </si>
  <si>
    <t>Template_Materiais_Escritorio_Informatica_RETORNO DISPONIBILIDADE.xlsx</t>
  </si>
  <si>
    <t>/o=exchangelabs/ou=exchange administrative group (fydibohf23spdlt)/cn=recipients/cn=2f8300fc6f8b4714a77c0227cba72162-vinicius pi;/o=exchangelabs/ou=exchange administrative group (fydibohf23spdlt)/cn=recipients/cn=3188323005a04a70962871b2b980355d-humberto pi;/o=exchangelabs/ou=exchange administrative group (fydibohf23spdlt)/cn=recipients/cn=32fe8a14424941da83c2bf35a8a5709e-fabiana car;/o=exchangelabs/ou=exchange administrative group (fydibohf23spdlt)/cn=recipients/cn=430b7fc0ccfe4728933af1b3039c7e24-marcus gome;/o=exchangelabs/ou=exchange administrative group (fydibohf23spdlt)/cn=recipients/cn=545f738e0fe740ba856f4eb6ef0135e0-vinicius si;/o=exchangelabs/ou=exchange administrative group (fydibohf23spdlt)/cn=recipients/cn=56c2af2d07fd48c0aebfc00ddc006494-alessio rod;/o=exchangelabs/ou=exchange administrative group (fydibohf23spdlt)/cn=recipients/cn=9c71bc5f5a3648bbbb5f6bedb86e15a6-marcelo buz;/o=exchangelabs/ou=exchange administrative group (fydibohf23spdlt)/cn=recipients/cn=e3778f57d65f4c17a6287602f9eb0cdc-ales</t>
  </si>
  <si>
    <t>Reunião Gerencial - Outubro/19</t>
  </si>
  <si>
    <t>Apresentação Telecom - Gerencial Outubro.pptx\</t>
  </si>
  <si>
    <t>/o=exchangelabs/ou=exchange administrative group (fydibohf23spdlt)/cn=recipients/cn=2f8300fc6f8b4714a77c0227cba72162-vinicius pi,/o=exchangelabs/ou=exchange administrative group (fydibohf23spdlt)/cn=recipients/cn=3188323005a04a70962871b2b980355d-humberto pi,/o=exchangelabs/ou=exchange administrative group (fydibohf23spdlt)/cn=recipients/cn=32fe8a14424941da83c2bf35a8a5709e-fabiana car,/o=exchangelabs/ou=exchange administrative group (fydibohf23spdlt)/cn=recipients/cn=430b7fc0ccfe4728933af1b3039c7e24-marcus gome,/o=exchangelabs/ou=exchange administrative group (fydibohf23spdlt)/cn=recipients/cn=545f738e0fe740ba856f4eb6ef0135e0-vinicius si,/o=exchangelabs/ou=exchange administrative group (fydibohf23spdlt)/cn=recipients/cn=56c2af2d07fd48c0aebfc00ddc006494-alessio rod,/o=exchangelabs/ou=exchange administrative group (fydibohf23spdlt)/cn=recipients/cn=9c71bc5f5a3648bbbb5f6bedb86e15a6-marcelo buz,/o=exchangelabs/ou=exchange administrative group (fydibohf23spdlt)/cn=recipients/cn=e3778f57d65f4c17a6287602f9eb0cdc-ales</t>
  </si>
  <si>
    <t>ENC: Ranking Gerentes - Jeito Tech de Gestão</t>
  </si>
  <si>
    <t>/o=exchangelabs/ou=exchange administrative group (fydibohf23spdlt)/cn=recipients/cn=77d2a15e162941f5b8ad84d928392e5e-dolvane rod;/o=exchangelabs/ou=exchange administrative group (fydibohf23spdlt)/cn=recipients/cn=b575af2cf355432aa94c09ddfef59a41-leila silva;hudsonb@algartelecom.com.br;</t>
  </si>
  <si>
    <t>Apresentação Telecom - Gerencial Outubro - v2.pptx</t>
  </si>
  <si>
    <t>Apresentação Telecom - Gerencial Outubro - v2.pptx\</t>
  </si>
  <si>
    <t>/o=exchangelabs/ou=exchange administrative group (fydibohf23spdlt)/cn=recipients/cn=77d2a15e162941f5b8ad84d928392e5e-dolvane rod,/o=exchangelabs/ou=exchange administrative group (fydibohf23spdlt)/cn=recipients/cn=b575af2cf355432aa94c09ddfef59a41-leila silva,hudsonb@algartelecom.com.br</t>
  </si>
  <si>
    <t>/o=exchangelabs/ou=exchange administrative group (fydibohf23spdlt)/cn=recipients/cn=430b7fc0ccfe4728933af1b3039c7e24-marcus gome;</t>
  </si>
  <si>
    <t>ENC: BP Projeto redução de custo WhatsApp Boticário</t>
  </si>
  <si>
    <t>BP Projeto.xlsx</t>
  </si>
  <si>
    <t>/o=exchangelabs/ou=exchange administrative group (fydibohf23spdlt)/cn=recipients/cn=430b7fc0ccfe4728933af1b3039c7e24-marcus gome</t>
  </si>
  <si>
    <t>D:\OneDrive\AlgarTech\Pré-Vendas\Cliente\2019\Sicoob Parana\214397 - Host Gerenciavel\ENC_ 214397 - SICOOB Maringá - Host Gerenciavel.msg\s137\</t>
  </si>
  <si>
    <t>C:\Users\filemoncmj\OneDrive - Grupo Algar\01. Algar Tech\01. Projetos de Clientes\47. Prudential\15. Análises de Capacidade\</t>
  </si>
  <si>
    <t>Classificação de Itens ISD (1)_RETORNO DISPONIBILIDADE.xlsx</t>
  </si>
  <si>
    <t>/o=exchangelabs/ou=exchange administrative group (fydibohf23spdlt)/cn=recipients/cn=06b756ed7b9b4c61bdbcfb21cdf93e9f-lucas ferna;/o=exchangelabs/ou=exchange administrative group (fydibohf23spdlt)/cn=recipients/cn=287c26b08a0f48578479a15a452f025d-edilson rod;/o=exchangelabs/ou=exchange administrative group (fydibohf23spdlt)/cn=recipients/cn=f71035a74a95411c8b0276261ec8a527-rafael barr;/o=exchangelabs/ou=exchange administrative group (fydibohf23spdlt)/cn=recipients/cn=user9f44a979;</t>
  </si>
  <si>
    <t>RES: Redução de CUSTO Sage</t>
  </si>
  <si>
    <t>/o=exchangelabs/ou=exchange administrative group (fydibohf23spdlt)/cn=recipients/cn=06b756ed7b9b4c61bdbcfb21cdf93e9f-lucas ferna,/o=exchangelabs/ou=exchange administrative group (fydibohf23spdlt)/cn=recipients/cn=287c26b08a0f48578479a15a452f025d-edilson rod,/o=exchangelabs/ou=exchange administrative group (fydibohf23spdlt)/cn=recipients/cn=f71035a74a95411c8b0276261ec8a527-rafael barr,/o=exchangelabs/ou=exchange administrative group (fydibohf23spdlt)/cn=recipients/cn=user9f44a979</t>
  </si>
  <si>
    <t>RP´s ago e set-19.xlt</t>
  </si>
  <si>
    <t>/o=exchangelabs/ou=exchange administrative group (fydibohf23spdlt)/cn=recipients/cn=0ca6cc8d100949a7866a928f62ef5778-rosilene de;/o=exchangelabs/ou=exchange administrative group (fydibohf23spdlt)/cn=recipients/cn=6189712535ea4b50a3625910837af2c9-larissa bra;/o=exchangelabs/ou=exchange administrative group (fydibohf23spdlt)/cn=recipients/cn=7903c13fa0504ff0bc7dd2644020b0e8-mirna prado;</t>
  </si>
  <si>
    <t>/o=exchangelabs/ou=exchange administrative group (fydibohf23spdlt)/cn=recipients/cn=0ca6cc8d100949a7866a928f62ef5778-rosilene de,/o=exchangelabs/ou=exchange administrative group (fydibohf23spdlt)/cn=recipients/cn=6189712535ea4b50a3625910837af2c9-larissa bra,/o=exchangelabs/ou=exchange administrative group (fydibohf23spdlt)/cn=recipients/cn=7903c13fa0504ff0bc7dd2644020b0e8-mirna prado</t>
  </si>
  <si>
    <t>ENC: Volumes Formalização PJ AMEX 10/10/2019</t>
  </si>
  <si>
    <t>CURVA NORMAL - 09/10/2019</t>
  </si>
  <si>
    <t>Planilha NI</t>
  </si>
  <si>
    <t>ENC: URGENTE: Fase Análise de Documentação - BANCO VOTORANTIM - ALGAR TECNOLOGIA CONSULTORIA S.A.</t>
  </si>
  <si>
    <t>KIT HOMOLOGAÇÃO - D.zip\</t>
  </si>
  <si>
    <t>Avalia‡Æo de fornecedor SI v7.xlsm</t>
  </si>
  <si>
    <t>10.200.35.147</t>
  </si>
  <si>
    <t>2C-FD-A1-93-79-02</t>
  </si>
  <si>
    <t>SI-D028P</t>
  </si>
  <si>
    <t>josemfs</t>
  </si>
  <si>
    <t>D:\Users\josemfs\OneDrive - Grupo Algar\2018\Ambiente_BRA\Analises\Ass\laisevdc\</t>
  </si>
  <si>
    <t>Senhas.xlsx</t>
  </si>
  <si>
    <t>C:\Users\waleskamms\OneDrive - Grupo Algar\Gestão área\</t>
  </si>
  <si>
    <t>Acompanhamento - Assuntos Estratégicos set19.xlsx</t>
  </si>
  <si>
    <t>C:\Users\waleskamms\OneDrive - Grupo Algar\</t>
  </si>
  <si>
    <t>DRE Preclosing 2019.xlsx</t>
  </si>
  <si>
    <t>C:\Users\waleskamms\OneDrive - Grupo Algar\Orçamento 2020\</t>
  </si>
  <si>
    <t>Fluxo de Caixa 2020 SG Dep Pag.xlsx</t>
  </si>
  <si>
    <t>C:\Users\marcopaulolr\OneDrive - Grupo Algar\Pessoal\Pescaria\2020\</t>
  </si>
  <si>
    <t>Pescaria 2020.xlsx</t>
  </si>
  <si>
    <t>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db59eaca92dc4389b5f6125984872aa3-elisangela;gracieleses@algartech.com.br;</t>
  </si>
  <si>
    <t>RES: Planejamento de Outubro - Volume PJ UGC</t>
  </si>
  <si>
    <t>Volume UGC.xlsx</t>
  </si>
  <si>
    <t>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db59eaca92dc4389b5f6125984872aa3-elisangela,gracieleses@algartech.com.br</t>
  </si>
  <si>
    <t>/o=exchangelabs/ou=exchange administrative group (fydibohf23spdlt)/cn=recipients/cn=76ab36245b7f4efda852d3513edb6246-gleyce kell;/o=exchangelabs/ou=exchange administrative group (fydibohf23spdlt)/cn=recipients/cn=782d75ab3cda4cfa88d22b405cd49ea0-sueleide al;/o=exchangelabs/ou=exchange administrative group (fydibohf23spdlt)/cn=recipients/cn=a4d4dbc88c434f8ba2bceed730d83878-marcellus r;</t>
  </si>
  <si>
    <t>RES: Conciliação Fluxo de Caixas Mensal -Todas Empresas Setembro/2019</t>
  </si>
  <si>
    <t>/o=exchangelabs/ou=exchange administrative group (fydibohf23spdlt)/cn=recipients/cn=76ab36245b7f4efda852d3513edb6246-gleyce kell,/o=exchangelabs/ou=exchange administrative group (fydibohf23spdlt)/cn=recipients/cn=782d75ab3cda4cfa88d22b405cd49ea0-sueleide al,/o=exchangelabs/ou=exchange administrative group (fydibohf23spdlt)/cn=recipients/cn=a4d4dbc88c434f8ba2bceed730d83878-marcellus r</t>
  </si>
  <si>
    <t>Ocorrências -final Setembro</t>
  </si>
  <si>
    <t>OCORRENCIAS_033_01a3009_emissao1010.csv</t>
  </si>
  <si>
    <t>https://cscatende.algarnet.com.br/html/hd/hdscriptresposta/request/uploadincidentattachment.php?cdclassificacao=&amp;action=1&amp;lastpositionattachement=undefined&amp;cdquestao=8334&amp;idmaisanexos=t</t>
  </si>
  <si>
    <t>\\acsfs\dsti\CIT- Coordenação de Inteligência de Tecnologia\06 - Gerenciamento de Fornecedores\3. Requisições\MICROSOFT\Office 365\2019\09. Setembro\</t>
  </si>
  <si>
    <t>VALOR Setembro.19 OFFICE 365.xlsx</t>
  </si>
  <si>
    <t>Departamental 02 Set 19 - V2.csv</t>
  </si>
  <si>
    <t>Aderência_Idenir.xlsx</t>
  </si>
  <si>
    <t>fabianapm@algartech.com;lucianaas@algartech.com.br;</t>
  </si>
  <si>
    <t>RES: VDE - Resultado SETEMBRO 2019</t>
  </si>
  <si>
    <t>fabianapm@algartech.com,lucianaas@algartech.com.br</t>
  </si>
  <si>
    <t>mail.google.com/_/upload?authuser=0&amp;dcp=asu-n&amp;upload_id=AEnB2UpHYcDGXNX7Ug1GifmFAITM4vI5a9tb7gn0eWwYK7F93FZyCsx3yFtuT8GIELp72sCiUr924HDh-x2R0dI2oeMx2HTxgA&amp;upload_protocol=resumable</t>
  </si>
  <si>
    <t>10.200.99.43</t>
  </si>
  <si>
    <t>/o=exchangelabs/ou=exchange administrative group (fydibohf23spdlt)/cn=recipients/cn=4a863c1fc8ab42089d3c33c848208915-camilla alv;</t>
  </si>
  <si>
    <t>Base dados auditoria Top</t>
  </si>
  <si>
    <t>Base de dados - Faltas.xlsx</t>
  </si>
  <si>
    <t>/o=exchangelabs/ou=exchange administrative group (fydibohf23spdlt)/cn=recipients/cn=4a863c1fc8ab42089d3c33c848208915-camilla alv</t>
  </si>
  <si>
    <t>/o=exchangelabs/ou=exchange administrative group (fydibohf23spdlt)/cn=recipients/cn=5fc1879e1f014f199391214849626ab4-ana paula c;/o=exchangelabs/ou=exchange administrative group (fydibohf23spdlt)/cn=recipients/cn=6123ad995eff4f77aafea5ab16f18aa3-renata beze;/o=exchangelabs/ou=exchange administrative group (fydibohf23spdlt)/cn=recipients/cn=edc736cbd2a041a6acd73cfd7a4435bd-leticia sou;/o=exchangelabs/ou=exchange administrative group (fydibohf23spdlt)/cn=recipients/cn=edson santos de oliveira;</t>
  </si>
  <si>
    <t>RES: Intra diário com PA logada</t>
  </si>
  <si>
    <t>Intradiário-SAC (com PA logada).xlsm</t>
  </si>
  <si>
    <t>/o=exchangelabs/ou=exchange administrative group (fydibohf23spdlt)/cn=recipients/cn=5fc1879e1f014f199391214849626ab4-ana paula c,/o=exchangelabs/ou=exchange administrative group (fydibohf23spdlt)/cn=recipients/cn=6123ad995eff4f77aafea5ab16f18aa3-renata beze,/o=exchangelabs/ou=exchange administrative group (fydibohf23spdlt)/cn=recipients/cn=edc736cbd2a041a6acd73cfd7a4435bd-leticia sou,/o=exchangelabs/ou=exchange administrative group (fydibohf23spdlt)/cn=recipients/cn=edson santos de oliveira</t>
  </si>
  <si>
    <t>ENC: 029 ocorrencias 01a09.10</t>
  </si>
  <si>
    <t>029_OCORRENCIAS_01A09.10.2019.CSV</t>
  </si>
  <si>
    <t>/o=exchangelabs/ou=exchange administrative group (fydibohf23spdlt)/cn=recipients/cn=55f846c335d7437f892f0b0d49c89e92-celma ribei;/o=exchangelabs/ou=exchange administrative group (fydibohf23spdlt)/cn=recipients/cn=6bc6ced03b1b4fafa41bb5c70c178940-antonio per;/o=exchangelabs/ou=exchange administrative group (fydibohf23spdlt)/cn=recipients/cn=b79663656cc44aa3bf06617d1695ae51-carlos faci;/o=exchangelabs/ou=exchange administrative group (fydibohf23spdlt)/cn=recipients/cn=f7a4290a46314a3cbb0d392508a7b5c5-luciana sil;</t>
  </si>
  <si>
    <t>ENC: Clientes Fechado x Internalizados - Reajustes - 2019</t>
  </si>
  <si>
    <t>/o=exchangelabs/ou=exchange administrative group (fydibohf23spdlt)/cn=recipients/cn=55f846c335d7437f892f0b0d49c89e92-celma ribei,/o=exchangelabs/ou=exchange administrative group (fydibohf23spdlt)/cn=recipients/cn=6bc6ced03b1b4fafa41bb5c70c178940-antonio per,/o=exchangelabs/ou=exchange administrative group (fydibohf23spdlt)/cn=recipients/cn=b79663656cc44aa3bf06617d1695ae51-carlos faci,/o=exchangelabs/ou=exchange administrative group (fydibohf23spdlt)/cn=recipients/cn=f7a4290a46314a3cbb0d392508a7b5c5-luciana sil</t>
  </si>
  <si>
    <t>CR 341000085 - Criação MESA DIGITAL_GIAT.xlsx</t>
  </si>
  <si>
    <t>CR 341000086 - Criação MRE SEGURANÇA.xlsx</t>
  </si>
  <si>
    <t>/o=exchangelabs/ou=exchange administrative group (fydibohf23spdlt)/cn=recipients/cn=159cdfa0e5c74c26b87c8e07208fe6a1-moises de o;/o=exchangelabs/ou=exchange administrative group (fydibohf23spdlt)/cn=recipients/cn=2a2dbb67c76e4e33beac0602893fa479-carlos juni;/o=exchangelabs/ou=exchange administrative group (fydibohf23spdlt)/cn=recipients/cn=353d0bf4020f410a88b7fbfc2e5b5302-gerald card;/o=exchangelabs/ou=exchange administrative group (fydibohf23spdlt)/cn=recipients/cn=3720674f67dd4336be39b7fa42f5aac8-wesley silv;/o=exchangelabs/ou=exchange administrative group (fydibohf23spdlt)/cn=recipients/cn=3d76664d4bc241c487f06913aba47ca9-rafael da s;/o=exchangelabs/ou=exchange administrative group (fydibohf23spdlt)/cn=recipients/cn=3e53cb9709eb44f6a5c985e8a116316d-marcelo gil;/o=exchangelabs/ou=exchange administrative group (fydibohf23spdlt)/cn=recipients/cn=49977412a25148daaa52037018015a31-sandro mats;/o=exchangelabs/ou=exchange administrative group (fydibohf23spdlt)/cn=recipients/cn=49f99359e6eb40859d74af84425ca786-rodr</t>
  </si>
  <si>
    <t>RES: Baixas e Aceites Outubro/19</t>
  </si>
  <si>
    <t>Relatório de Aceite de NF.xlsx</t>
  </si>
  <si>
    <t>/o=exchangelabs/ou=exchange administrative group (fydibohf23spdlt)/cn=recipients/cn=159cdfa0e5c74c26b87c8e07208fe6a1-moises de o,/o=exchangelabs/ou=exchange administrative group (fydibohf23spdlt)/cn=recipients/cn=2a2dbb67c76e4e33beac0602893fa479-carlos juni,/o=exchangelabs/ou=exchange administrative group (fydibohf23spdlt)/cn=recipients/cn=353d0bf4020f410a88b7fbfc2e5b5302-gerald card,/o=exchangelabs/ou=exchange administrative group (fydibohf23spdlt)/cn=recipients/cn=3720674f67dd4336be39b7fa42f5aac8-wesley silv,/o=exchangelabs/ou=exchange administrative group (fydibohf23spdlt)/cn=recipients/cn=3d76664d4bc241c487f06913aba47ca9-rafael da s,/o=exchangelabs/ou=exchange administrative group (fydibohf23spdlt)/cn=recipients/cn=3e53cb9709eb44f6a5c985e8a116316d-marcelo gil,/o=exchangelabs/ou=exchange administrative group (fydibohf23spdlt)/cn=recipients/cn=49977412a25148daaa52037018015a31-sandro mats,/o=exchangelabs/ou=exchange administrative group (fydibohf23spdlt)/cn=recipients/cn=49f99359e6eb40859d74af84425ca786-rodr</t>
  </si>
  <si>
    <t>/o=exchangelabs/ou=exchange administrative group (fydibohf23spdlt)/cn=recipients/cn=ab45243d601947128cfe3dec663408bf-pamela tava;/o=exchangelabs/ou=exchange administrative group (fydibohf23spdlt)/cn=recipients/cn=cee041e3afc5419faa2273808d5b57ff-priscila de;/o=exchangelabs/ou=exchange administrative group (fydibohf23spdlt)/cn=recipients/cn=user7c077f95;</t>
  </si>
  <si>
    <t>/o=exchangelabs/ou=exchange administrative group (fydibohf23spdlt)/cn=recipients/cn=ab45243d601947128cfe3dec663408bf-pamela tava,/o=exchangelabs/ou=exchange administrative group (fydibohf23spdlt)/cn=recipients/cn=cee041e3afc5419faa2273808d5b57ff-priscila de,/o=exchangelabs/ou=exchange administrative group (fydibohf23spdlt)/cn=recipients/cn=user7c077f95</t>
  </si>
  <si>
    <t>10.16.76.50</t>
  </si>
  <si>
    <t>Equipamentos</t>
  </si>
  <si>
    <t>Equipamentos Telecom.xlsx</t>
  </si>
  <si>
    <t>aa10266f3b8b4005ae2eb60990998ab8.xls</t>
  </si>
  <si>
    <t>/o=exchangelabs/ou=exchange administrative group (fydibohf23spdlt)/cn=recipients/cn=26984366badb41bea1ad9ee21b28411b-luciene rod;/o=exchangelabs/ou=exchange administrative group (fydibohf23spdlt)/cn=recipients/cn=518d86a2f4064540845859796ca5563b-vinicius sc;/o=exchangelabs/ou=exchange administrative group (fydibohf23spdlt)/cn=recipients/cn=6b9fd660438a463aa668b6c636013344-aline berna;/o=exchangelabs/ou=exchange administrative group (fydibohf23spdlt)/cn=recipients/cn=c35a4dd0dc2d452dbe4ab539d35af5e4-ludmila tog;</t>
  </si>
  <si>
    <t>CPFs para testes</t>
  </si>
  <si>
    <t>Casos de Teste-BOT JÚ.xlsx</t>
  </si>
  <si>
    <t>/o=exchangelabs/ou=exchange administrative group (fydibohf23spdlt)/cn=recipients/cn=26984366badb41bea1ad9ee21b28411b-luciene rod,/o=exchangelabs/ou=exchange administrative group (fydibohf23spdlt)/cn=recipients/cn=518d86a2f4064540845859796ca5563b-vinicius sc,/o=exchangelabs/ou=exchange administrative group (fydibohf23spdlt)/cn=recipients/cn=6b9fd660438a463aa668b6c636013344-aline berna,/o=exchangelabs/ou=exchange administrative group (fydibohf23spdlt)/cn=recipients/cn=c35a4dd0dc2d452dbe4ab539d35af5e4-ludmila tog</t>
  </si>
  <si>
    <t>anapaula.beleli@temposervicos.com.br;camillafc@algartech.com.br;</t>
  </si>
  <si>
    <t>RES: Casos NOK - Setembro 2019</t>
  </si>
  <si>
    <t>Não Conformidade.xlsx</t>
  </si>
  <si>
    <t>anapaula.beleli@temposervicos.com.br,camillafc@algartech.com.br</t>
  </si>
  <si>
    <t>C:\Users\matheusvs\OneDrive - Grupo Algar\Auditoria Top Performance\</t>
  </si>
  <si>
    <t>Base de Estudos.xlsx</t>
  </si>
  <si>
    <t>mail.google.com/_/upload?authuser=2&amp;dcp=asu-n&amp;upload_id=AEnB2UrWePCFxNk-7NKEKa2vVB-qbbXreHpmw9s5wpb8H0n8MB4Ji4RP3Y-6YvwVI4db5mtcBL5Eh-YkYiOoHAqINkrZ-kjOAQ&amp;upload_protocol=resumable</t>
  </si>
  <si>
    <t>Detalhamento Itens_-_ELCANO.xlsx</t>
  </si>
  <si>
    <t>10.200.61.128</t>
  </si>
  <si>
    <t>20-04-0F-FE-47-60</t>
  </si>
  <si>
    <t>/o=exchangelabs/ou=exchange administrative group (fydibohf23spdlt)/cn=recipients/cn=56dc126fba5b4a5f8fb1cd7e4f10477d-thais olive;/o=exchangelabs/ou=exchange administrative group (fydibohf23spdlt)/cn=recipients/cn=d052f9c9a4404e849e00b751758229a8-carlos dos;</t>
  </si>
  <si>
    <t>BP WHP</t>
  </si>
  <si>
    <t>BP Cópia de ajustado_Whirlpool_Red Gustavo TH - Idiretas_v5_Ale.xlsb</t>
  </si>
  <si>
    <t>/o=exchangelabs/ou=exchange administrative group (fydibohf23spdlt)/cn=recipients/cn=56dc126fba5b4a5f8fb1cd7e4f10477d-thais olive,/o=exchangelabs/ou=exchange administrative group (fydibohf23spdlt)/cn=recipients/cn=d052f9c9a4404e849e00b751758229a8-carlos dos</t>
  </si>
  <si>
    <t>mail.google.com/_/upload?authuser=2&amp;dcp=asu-n&amp;upload_id=AEnB2UpAM0336A6ueI6hPrV-x9qeYQL3QQTFeCK7CYRW1mOTrKkm5OANkkEH3nFE3ZZKDnLsDYDuUQN567xFwsByZ1aFpLayXA&amp;upload_protocol=resumable</t>
  </si>
  <si>
    <t>Acionamentos EDP.csv</t>
  </si>
  <si>
    <t>mail.google.com/_/upload?authuser=2&amp;dcp=asu-n&amp;upload_id=AEnB2UqaOne_etkkdyDreUgg0daqdAf3sahbhB_k-Ad0TfALbjCyJQG9TxPvT5AEvJSYqR1SvtuvxgCzYplLem_HnJ-d5eZmzA&amp;upload_protocol=resumable</t>
  </si>
  <si>
    <t>Acionamentos Sicoob.csv</t>
  </si>
  <si>
    <t>C:\Users\lucianafaa\OneDrive - Grupo Algar\2019\PROJETOS\URLL\TABULACAO\Tabulação do receptivo.msg\s439\</t>
  </si>
  <si>
    <t>TABULAÇÃO_URR_RECEPTIVO_v001.xlsx</t>
  </si>
  <si>
    <t>Migrações.xlsx</t>
  </si>
  <si>
    <t>formulario_ferias_irregulares_-_algar_tech_ana carolina de almeida estorno.xlsm</t>
  </si>
  <si>
    <t>C:\Users\lucianafaa\OneDrive - Grupo Algar\2019\PROJETOS\URLL\RELATORIO\SMART - DYNAMICS\RES Demandas - URR - Dynamics.msg\s1\</t>
  </si>
  <si>
    <t>/o=exchangelabs/ou=exchange administrative group (fydibohf23spdlt)/cn=recipients/cn=5865f7bdf6dd4e85886f125a03522b87-paulo ricar;/o=exchangelabs/ou=exchange administrative group (fydibohf23spdlt)/cn=recipients/cn=bec14da9ad4d434b8151ce12587e9186-khassio mar;/o=exchangelabs/ou=exchange administrative group (fydibohf23spdlt)/cn=recipients/cn=user0043920d;flavia@iclicconsultoria.com.br;</t>
  </si>
  <si>
    <t>ENC: Status Report - Demandas Pendentes Migração - 03/10</t>
  </si>
  <si>
    <t>BASE.zip\BASE\</t>
  </si>
  <si>
    <t>Ativida‡Æo de acesso ao edinet.xlsx</t>
  </si>
  <si>
    <t>/o=exchangelabs/ou=exchange administrative group (fydibohf23spdlt)/cn=recipients/cn=5865f7bdf6dd4e85886f125a03522b87-paulo ricar,/o=exchangelabs/ou=exchange administrative group (fydibohf23spdlt)/cn=recipients/cn=bec14da9ad4d434b8151ce12587e9186-khassio mar,/o=exchangelabs/ou=exchange administrative group (fydibohf23spdlt)/cn=recipients/cn=user0043920d,flavia@iclicconsultoria.com.br</t>
  </si>
  <si>
    <t>Categorização.xlsx</t>
  </si>
  <si>
    <t>10.200.35.172</t>
  </si>
  <si>
    <t>64-1C-67-9C-32-25</t>
  </si>
  <si>
    <t>Ficha do Risco - Infra de TI - out19v2.xlsx</t>
  </si>
  <si>
    <t>ENC: Usuários sem email</t>
  </si>
  <si>
    <t>/o=exchangelabs/ou=exchange administrative group (fydibohf23spdlt)/cn=recipients/cn=3604eabf59564dc8baa49b62a099a560-tatielly sa;/o=exchangelabs/ou=exchange administrative group (fydibohf23spdlt)/cn=recipients/cn=user9ad76612;/o=exchangelabs/ou=exchange administrative group (fydibohf23spdlt)/cn=recipients/cn=userd3ef8196;fernanda_campos_martins@whirlpool.com;jvicente@msxi.com;thais_f_pamplona@whirlpool.com;</t>
  </si>
  <si>
    <t>RES: Treinamento Assurant Televendas</t>
  </si>
  <si>
    <t>Escala TRN - Assurant.xlsx</t>
  </si>
  <si>
    <t>/o=exchangelabs/ou=exchange administrative group (fydibohf23spdlt)/cn=recipients/cn=3604eabf59564dc8baa49b62a099a560-tatielly sa,/o=exchangelabs/ou=exchange administrative group (fydibohf23spdlt)/cn=recipients/cn=user9ad76612,/o=exchangelabs/ou=exchange administrative group (fydibohf23spdlt)/cn=recipients/cn=userd3ef8196,fernanda_campos_martins@whirlpool.com,jvicente@msxi.com,thais_f_pamplona@whirlpool.com</t>
  </si>
  <si>
    <t>\\acsfs\DEPTOS\Controladoria\Planejamento\Reuniões Mensais\2017\Controle de CR's\</t>
  </si>
  <si>
    <t>TI - Plataformas - CR 341000090.xlsx</t>
  </si>
  <si>
    <t>C:\Users\alessandroam\OneDrive\OneDrive - Grupo Algar\01 - Historico\02 - Seg Informação\03 - RFP's\BV Votorantin\RES RES BV - URGENTE - DLP e EHT .msg\s633\</t>
  </si>
  <si>
    <t>Avaliação_de_Fornecedor_SI_V7_envio.xlsm</t>
  </si>
  <si>
    <t>TI - Soluções - CR 341000089.xlsx</t>
  </si>
  <si>
    <t>/o=exchangelabs/ou=exchange administrative group (fydibohf23spdlt)/cn=recipients/cn=1e212ef08dab4f26b88cba944f2ab7cb-pmo.governa;/o=exchangelabs/ou=exchange administrative group (fydibohf23spdlt)/cn=recipients/cn=54abac0a4fdc4ad1bec39bb51d85eab1-victor hugo;/o=exchangelabs/ou=exchange administrative group (fydibohf23spdlt)/cn=recipients/cn=65d35bc38c6743d7a55b3ae9726a5893-diego ribei;/o=exchangelabs/ou=exchange administrative group (fydibohf23spdlt)/cn=recipients/cn=89e58c8da071492dbdcb4fee4156b705-gustavo alm;</t>
  </si>
  <si>
    <t>ENC: CAPEX 2019 (pré-closing) e CAPEX 2020 - (Abertura por empresa e CR)</t>
  </si>
  <si>
    <t>/o=exchangelabs/ou=exchange administrative group (fydibohf23spdlt)/cn=recipients/cn=1e212ef08dab4f26b88cba944f2ab7cb-pmo.governa,/o=exchangelabs/ou=exchange administrative group (fydibohf23spdlt)/cn=recipients/cn=54abac0a4fdc4ad1bec39bb51d85eab1-victor hugo,/o=exchangelabs/ou=exchange administrative group (fydibohf23spdlt)/cn=recipients/cn=65d35bc38c6743d7a55b3ae9726a5893-diego ribei,/o=exchangelabs/ou=exchange administrative group (fydibohf23spdlt)/cn=recipients/cn=89e58c8da071492dbdcb4fee4156b705-gustavo alm</t>
  </si>
  <si>
    <t>/o=exchangelabs/ou=exchange administrative group (fydibohf23spdlt)/cn=recipients/cn=72cf7e0bd1fe499886b9c12b4b5b52b6-inacio anto;</t>
  </si>
  <si>
    <t>Informações IBI CRED e AGÊNCIAS</t>
  </si>
  <si>
    <t>0 - DEPARA OPERAÇÕES.xlsx</t>
  </si>
  <si>
    <t>/o=exchangelabs/ou=exchange administrative group (fydibohf23spdlt)/cn=recipients/cn=72cf7e0bd1fe499886b9c12b4b5b52b6-inacio anto</t>
  </si>
  <si>
    <t>/o=exchangelabs/ou=exchange administrative group (fydibohf23spdlt)/cn=recipients/cn=c5057601f2364b0db7ea84dbec10baa4-matheus mor;/o=exchangelabs/ou=exchange administrative group (fydibohf23spdlt)/cn=recipients/cn=ed2578a7fad746b59b0f586e2ee82bbd-heliel de f;</t>
  </si>
  <si>
    <t>ENC: Conciliação Fluxo de Caixas Mensal -Todas Empresas Setembro/2019</t>
  </si>
  <si>
    <t>/o=exchangelabs/ou=exchange administrative group (fydibohf23spdlt)/cn=recipients/cn=c5057601f2364b0db7ea84dbec10baa4-matheus mor,/o=exchangelabs/ou=exchange administrative group (fydibohf23spdlt)/cn=recipients/cn=ed2578a7fad746b59b0f586e2ee82bbd-heliel de f</t>
  </si>
  <si>
    <t>/o=exchangelabs/ou=exchange administrative group (fydibohf23spdlt)/cn=recipients/cn=545f738e0fe740ba856f4eb6ef0135e0-vinicius si;/o=exchangelabs/ou=exchange administrative group (fydibohf23spdlt)/cn=recipients/cn=8da96f497b5c46ee81c2775857a1df84-pedro henri;/o=exchangelabs/ou=exchange administrative group (fydibohf23spdlt)/cn=recipients/cn=a72a765de829420582b78941417073ac-karina rodr;/o=exchangelabs/ou=exchange administrative group (fydibohf23spdlt)/cn=recipients/cn=d1d015f213f648abbf348b5ccdf8e9d9-senilda per;/o=exchangelabs/ou=exchange administrative group (fydibohf23spdlt)/cn=recipients/cn=e174366906884bd1b4d4c5ddfc8c9433-rodrigo men;/o=exchangelabs/ou=exchange administrative group (fydibohf23spdlt)/cn=recipients/cn=matheus vinicius da silva;carinafr@algartech.com;</t>
  </si>
  <si>
    <t>RES: 3003 - impactos</t>
  </si>
  <si>
    <t>/o=exchangelabs/ou=exchange administrative group (fydibohf23spdlt)/cn=recipients/cn=545f738e0fe740ba856f4eb6ef0135e0-vinicius si,/o=exchangelabs/ou=exchange administrative group (fydibohf23spdlt)/cn=recipients/cn=8da96f497b5c46ee81c2775857a1df84-pedro henri,/o=exchangelabs/ou=exchange administrative group (fydibohf23spdlt)/cn=recipients/cn=a72a765de829420582b78941417073ac-karina rodr,/o=exchangelabs/ou=exchange administrative group (fydibohf23spdlt)/cn=recipients/cn=d1d015f213f648abbf348b5ccdf8e9d9-senilda per,/o=exchangelabs/ou=exchange administrative group (fydibohf23spdlt)/cn=recipients/cn=e174366906884bd1b4d4c5ddfc8c9433-rodrigo men,/o=exchangelabs/ou=exchange administrative group (fydibohf23spdlt)/cn=recipients/cn=matheus vinicius da silva,carinafr@algartech.com</t>
  </si>
  <si>
    <t>maurojmdo@algartech.com;</t>
  </si>
  <si>
    <t>RES: Alteração de Ferias -</t>
  </si>
  <si>
    <t>Formulario_Ferias_Irregulares_-_Algar_Tech_Ana Carolina de Almeida Estorno.xlsm</t>
  </si>
  <si>
    <t>maurojmdo@algartech.com</t>
  </si>
  <si>
    <t>/o=exchangelabs/ou=exchange administrative group (fydibohf23spdlt)/cn=recipients/cn=78e8c35ad19040c9aaf5ff65743e172b-adenilson b;</t>
  </si>
  <si>
    <t>Catálogo de produtos</t>
  </si>
  <si>
    <t>/o=exchangelabs/ou=exchange administrative group (fydibohf23spdlt)/cn=recipients/cn=78e8c35ad19040c9aaf5ff65743e172b-adenilson b</t>
  </si>
  <si>
    <t>/o=exchangelabs/ou=exchange administrative group (fydibohf23spdlt)/cn=recipients/cn=7b5ea93fb6624321b4140325b23162ff-lucas andra;/o=exchangelabs/ou=exchange administrative group (fydibohf23spdlt)/cn=recipients/cn=a67b870d47244fa19f0fe0fbb7458d8d-igo henriqu;</t>
  </si>
  <si>
    <t>ENC: Catálogo de produtos</t>
  </si>
  <si>
    <t>/o=exchangelabs/ou=exchange administrative group (fydibohf23spdlt)/cn=recipients/cn=7b5ea93fb6624321b4140325b23162ff-lucas andra,/o=exchangelabs/ou=exchange administrative group (fydibohf23spdlt)/cn=recipients/cn=a67b870d47244fa19f0fe0fbb7458d8d-igo henriqu</t>
  </si>
  <si>
    <t>/o=exchangelabs/ou=exchange administrative group (fydibohf23spdlt)/cn=recipients/cn=b194f014572c4c36b52132f9199df1aa-jairo junio;/o=exchangelabs/ou=exchange administrative group (fydibohf23spdlt)/cn=recipients/cn=fabio martins sampaio - 004327;</t>
  </si>
  <si>
    <t>BP Preço C017 B017-Renault Latam LOT5 (insite) v1.7 - 26%MC (fechamento pós BAFO) - Suelen.xlsb</t>
  </si>
  <si>
    <t>/o=exchangelabs/ou=exchange administrative group (fydibohf23spdlt)/cn=recipients/cn=b194f014572c4c36b52132f9199df1aa-jairo junio,/o=exchangelabs/ou=exchange administrative group (fydibohf23spdlt)/cn=recipients/cn=fabio martins sampaio - 004327</t>
  </si>
  <si>
    <t>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68e6aa2e3fef4ccaba997d98294c9ed5-cristina he;/o=exchangelabs/ou=exchange administrative group (fydibohf23spdlt)/cn=recipients/cn=98ea30ba409149f69837fad4ccd70171-leonardo el;/o=exchangelabs/ou=exchange administrative group (fydibohf23spdlt)/cn=recipients/cn=a75579a499254c2291e852b70c4d70d1-eunice apar;/o=exchangelabs/ou=exchange administrative group (fydibohf23spdlt)/cn=recipients/cn=ab45243d601947128cfe3dec663408bf-pamela tava;/o=exchangelabs/ou=exchange administrative group (fydibohf23spdlt)/cn=recipients/cn=cac18c5388b04f6d979d1bc87a08825a-marcopaulo;/o=exchangelabs/ou=exchange administrative group (fydibohf23spdlt)/cn=recipients/cn=cee041e3afc5419faa2273808d5b57ff-prisc</t>
  </si>
  <si>
    <t>Incentivo / Comissões - Escopo B</t>
  </si>
  <si>
    <t>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68e6aa2e3fef4ccaba997d98294c9ed5-cristina he,/o=exchangelabs/ou=exchange administrative group (fydibohf23spdlt)/cn=recipients/cn=98ea30ba409149f69837fad4ccd70171-leonardo el,/o=exchangelabs/ou=exchange administrative group (fydibohf23spdlt)/cn=recipients/cn=a75579a499254c2291e852b70c4d70d1-eunice apar,/o=exchangelabs/ou=exchange administrative group (fydibohf23spdlt)/cn=recipients/cn=ab45243d601947128cfe3dec663408bf-pamela tava,/o=exchangelabs/ou=exchange administrative group (fydibohf23spdlt)/cn=recipients/cn=cac18c5388b04f6d979d1bc87a08825a-marcopaulo,/o=exchangelabs/ou=exchange administrative group (fydibohf23spdlt)/cn=recipients/cn=cee041e3afc5419faa2273808d5b57ff-prisc</t>
  </si>
  <si>
    <t>mail.google.com/_/upload?authuser=1&amp;dcp=asu-n&amp;upload_id=AEnB2UrP5PHwQB1toMVRH1BLotwzeBCJ53mNVYrfp8cF5wcFV9a3ravnIIN4J5OGNvXmfPKMFcvAYzC653cuycC5Y_NgiC1NkQ&amp;upload_protocol=resumable</t>
  </si>
  <si>
    <t>adrianoms@algartech.com;andreavm@algartech.com.br;antoniojr@algartech.com;carlaicc@algartech.com.br;daianeml@algartech.com;gustavorn@algartech.com;henriqueac@algartech.com;jecienegs@algartech.com;lucianabo@algartech.com;rafaelaas@algartech.com;</t>
  </si>
  <si>
    <t>Transformacao vendas prime.xlsx</t>
  </si>
  <si>
    <t>adrianoms@algartech.com,andreavm@algartech.com.br,antoniojr@algartech.com,carlaicc@algartech.com.br,daianeml@algartech.com,gustavorn@algartech.com,henriqueac@algartech.com,jecienegs@algartech.com,lucianabo@algartech.com,rafaelaas@algartech.com</t>
  </si>
  <si>
    <t>eduardo.medeiros@bombeiros.mg.gov.br;</t>
  </si>
  <si>
    <t>LISTA DE PRESENÇA</t>
  </si>
  <si>
    <t>eduardo.medeiros@bombeiros.mg.gov.br</t>
  </si>
  <si>
    <t>/o=exchangelabs/ou=exchange administrative group (fydibohf23spdlt)/cn=recipients/cn=1698f5af44b14116ad2d0b751d584c7d-danilo rafa;/o=exchangelabs/ou=exchange administrative group (fydibohf23spdlt)/cn=recipients/cn=2af9cbc0e9af4d91b36813b0ff5f73e1-reynaldo pe;/o=exchangelabs/ou=exchange administrative group (fydibohf23spdlt)/cn=recipients/cn=e46cd96e8e9e452c8cc8ba65a6c4ec57-gustavo hen;</t>
  </si>
  <si>
    <t>RES: Projeto Nimbus - Respostas Pendentes</t>
  </si>
  <si>
    <t>Checklist Project Nimbus_Rodolfo_Danilo (002).xlsx</t>
  </si>
  <si>
    <t>/o=exchangelabs/ou=exchange administrative group (fydibohf23spdlt)/cn=recipients/cn=1698f5af44b14116ad2d0b751d584c7d-danilo rafa,/o=exchangelabs/ou=exchange administrative group (fydibohf23spdlt)/cn=recipients/cn=2af9cbc0e9af4d91b36813b0ff5f73e1-reynaldo pe,/o=exchangelabs/ou=exchange administrative group (fydibohf23spdlt)/cn=recipients/cn=e46cd96e8e9e452c8cc8ba65a6c4ec57-gustavo hen</t>
  </si>
  <si>
    <t>ENC: Analise Regulamentado julho</t>
  </si>
  <si>
    <t>Análise Regulamenta do julho Final.xlsx</t>
  </si>
  <si>
    <t>/o=exchangelabs/ou=exchange administrative group (fydibohf23spdlt)/cn=recipients/cn=2b69c7de1a3641269a7eed0596e1ddc2-wayner oliv;/o=exchangelabs/ou=exchange administrative group (fydibohf23spdlt)/cn=recipients/cn=3bff4ffb267e4ea2a4a3347f6a4c5cf8-tatiane mag;/o=exchangelabs/ou=exchange administrative group (fydibohf23spdlt)/cn=recipients/cn=42aadbe8775e4c2cb37c145f9d092a4e-carlos west;/o=exchangelabs/ou=exchange administrative group (fydibohf23spdlt)/cn=recipients/cn=518109802f95454588121e2ff09bd792-marcio roge;/o=exchangelabs/ou=exchange administrative group (fydibohf23spdlt)/cn=recipients/cn=53c2e22be453412dbf889859836f4501-luana regin;/o=exchangelabs/ou=exchange administrative group (fydibohf23spdlt)/cn=recipients/cn=55124587bb9148f5887830eedfe99a77-marilia men;/o=exchangelabs/ou=exchange administrative group (fydibohf23spdlt)/cn=recipients/cn=9e20ba3b6afd447db98f75fb7bdc7037-francisco e;akassiablc@algartech.com;</t>
  </si>
  <si>
    <t>Linhas Telefones GST</t>
  </si>
  <si>
    <t>LEVANTAMENTO TIM MOVEL.zip\</t>
  </si>
  <si>
    <t>LEVANTAMENTO TIM MOVEL.xlsx</t>
  </si>
  <si>
    <t>/o=exchangelabs/ou=exchange administrative group (fydibohf23spdlt)/cn=recipients/cn=2b69c7de1a3641269a7eed0596e1ddc2-wayner oliv,/o=exchangelabs/ou=exchange administrative group (fydibohf23spdlt)/cn=recipients/cn=3bff4ffb267e4ea2a4a3347f6a4c5cf8-tatiane mag,/o=exchangelabs/ou=exchange administrative group (fydibohf23spdlt)/cn=recipients/cn=42aadbe8775e4c2cb37c145f9d092a4e-carlos west,/o=exchangelabs/ou=exchange administrative group (fydibohf23spdlt)/cn=recipients/cn=518109802f95454588121e2ff09bd792-marcio roge,/o=exchangelabs/ou=exchange administrative group (fydibohf23spdlt)/cn=recipients/cn=53c2e22be453412dbf889859836f4501-luana regin,/o=exchangelabs/ou=exchange administrative group (fydibohf23spdlt)/cn=recipients/cn=55124587bb9148f5887830eedfe99a77-marilia men,/o=exchangelabs/ou=exchange administrative group (fydibohf23spdlt)/cn=recipients/cn=9e20ba3b6afd447db98f75fb7bdc7037-francisco e,akassiablc@algartech.com</t>
  </si>
  <si>
    <t>/o=exchangelabs/ou=exchange administrative group (fydibohf23spdlt)/cn=recipients/cn=0ee39e9e189c42369588db5cf6d2866d-celia regin;</t>
  </si>
  <si>
    <t>ENC: Liberação Entrada Thais</t>
  </si>
  <si>
    <t>TELECOM Campinas.xlsx</t>
  </si>
  <si>
    <t>/o=exchangelabs/ou=exchange administrative group (fydibohf23spdlt)/cn=recipients/cn=0ee39e9e189c42369588db5cf6d2866d-celia regin</t>
  </si>
  <si>
    <t>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68e6aa2e3fef4ccaba997d98294c9ed5-cristina he;/o=exchangelabs/ou=exchange administrative group (fydibohf23spdlt)/cn=recipients/cn=98ea30ba409149f69837fad4ccd70171-leonardo el;/o=exchangelabs/ou=exchange administrative group (fydibohf23spdlt)/cn=recipients/cn=a4ba92cba10f4fe498074594f937f3b6-leandro lop;/o=exchangelabs/ou=exchange administrative group (fydibohf23spdlt)/cn=recipients/cn=a75579a499254c2291e852b70c4d70d1-eunice apar;/o=exchangelabs/ou=exchange administrative group (fydibohf23spdlt)/cn=recipients/cn=ab45243d601947128cfe3dec663408bf-pamela tava;/o=exchangelabs/ou=exchange administrative group (fydibohf23spdlt)/cn=recipients/cn=cac18c5388b04f6d979d1bc87a08825a-marc</t>
  </si>
  <si>
    <t>ENC: Incentivo / Comissões - Escopo B</t>
  </si>
  <si>
    <t>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68e6aa2e3fef4ccaba997d98294c9ed5-cristina he,/o=exchangelabs/ou=exchange administrative group (fydibohf23spdlt)/cn=recipients/cn=98ea30ba409149f69837fad4ccd70171-leonardo el,/o=exchangelabs/ou=exchange administrative group (fydibohf23spdlt)/cn=recipients/cn=a4ba92cba10f4fe498074594f937f3b6-leandro lop,/o=exchangelabs/ou=exchange administrative group (fydibohf23spdlt)/cn=recipients/cn=a75579a499254c2291e852b70c4d70d1-eunice apar,/o=exchangelabs/ou=exchange administrative group (fydibohf23spdlt)/cn=recipients/cn=ab45243d601947128cfe3dec663408bf-pamela tava,/o=exchangelabs/ou=exchange administrative group (fydibohf23spdlt)/cn=recipients/cn=cac18c5388b04f6d979d1bc87a08825a-marc</t>
  </si>
  <si>
    <t>/o=exchangelabs/ou=exchange administrative group (fydibohf23spdlt)/cn=recipients/cn=f6d3422253b349b586184278c8c46cf1-guilherme m;</t>
  </si>
  <si>
    <t>ENC: GRU2 - Rack Availability</t>
  </si>
  <si>
    <t>Rack Availability-07032016.xlsx</t>
  </si>
  <si>
    <t>/o=exchangelabs/ou=exchange administrative group (fydibohf23spdlt)/cn=recipients/cn=f6d3422253b349b586184278c8c46cf1-guilherme m</t>
  </si>
  <si>
    <t>/o=exchangelabs/ou=exchange administrative group (fydibohf23spdlt)/cn=recipients/cn=03b4604449d14f37b9ab39dcd5f90edd-algar tech;/o=exchangelabs/ou=exchange administrative group (fydibohf23spdlt)/cn=recipients/cn=08eb5fa051c848a6a179972669456920-algar tech;/o=nt5/ou=00000000000000000000000000000000/cn=5ca83c4cd9f6e04c9f268b351a0a1535;</t>
  </si>
  <si>
    <t>ENC: Divisão da carteira - jurídico - NOVA ALTERAÇÃO</t>
  </si>
  <si>
    <t>/o=exchangelabs/ou=exchange administrative group (fydibohf23spdlt)/cn=recipients/cn=03b4604449d14f37b9ab39dcd5f90edd-algar tech,/o=exchangelabs/ou=exchange administrative group (fydibohf23spdlt)/cn=recipients/cn=08eb5fa051c848a6a179972669456920-algar tech,/o=nt5/ou=00000000000000000000000000000000/cn=5ca83c4cd9f6e04c9f268b351a0a1535</t>
  </si>
  <si>
    <t>/o=exchangelabs/ou=exchange administrative group (fydibohf23spdlt)/cn=recipients/cn=356687541e6d4dba87a6d07b3c4b9c4a-paulinia av;isabelaaf@algartech.com.br;</t>
  </si>
  <si>
    <t>ENC: Produtividade UNE_UCB_Formalização e Casos Especiais até 09/10</t>
  </si>
  <si>
    <t>PRODUÇÃO_ UCB_UNE_CASOS ESP. e FORMALIZAÇÃO_.xlsb</t>
  </si>
  <si>
    <t>/o=exchangelabs/ou=exchange administrative group (fydibohf23spdlt)/cn=recipients/cn=356687541e6d4dba87a6d07b3c4b9c4a-paulinia av,isabelaaf@algartech.com.br</t>
  </si>
  <si>
    <t>Disparo_10.10.csv</t>
  </si>
  <si>
    <t>10.200.66.185</t>
  </si>
  <si>
    <t>/o=exchangelabs/ou=exchange administrative group (fydibohf23spdlt)/cn=recipients/cn=453b61456320491dad510b65b310018f-kelen crist;/o=exchangelabs/ou=exchange administrative group (fydibohf23spdlt)/cn=recipients/cn=68e6aa2e3fef4ccaba997d98294c9ed5-cristina he;/o=exchangelabs/ou=exchange administrative group (fydibohf23spdlt)/cn=recipients/cn=88e4fcbd3ea14730a81286cc0683fb42-manoel eloy;/o=exchangelabs/ou=exchange administrative group (fydibohf23spdlt)/cn=recipients/cn=b712c36eebee42428d3790abe2696417-romario gom;/o=exchangelabs/ou=exchange administrative group (fydibohf23spdlt)/cn=recipients/cn=c54bebbd63a1403e83787e59fcd1acdc-joao sergio;/o=exchangelabs/ou=exchange administrative group (fydibohf23spdlt)/cn=recipients/cn=e4dbda4121b54299b4a719c6aa694894-algar tech;diogo@quilleconsultoria.com.br;</t>
  </si>
  <si>
    <t>RES: MIS Next</t>
  </si>
  <si>
    <t>D-1 - Motivo de contato - 26.09.xlsx</t>
  </si>
  <si>
    <t>/o=exchangelabs/ou=exchange administrative group (fydibohf23spdlt)/cn=recipients/cn=453b61456320491dad510b65b310018f-kelen crist,/o=exchangelabs/ou=exchange administrative group (fydibohf23spdlt)/cn=recipients/cn=68e6aa2e3fef4ccaba997d98294c9ed5-cristina he,/o=exchangelabs/ou=exchange administrative group (fydibohf23spdlt)/cn=recipients/cn=88e4fcbd3ea14730a81286cc0683fb42-manoel eloy,/o=exchangelabs/ou=exchange administrative group (fydibohf23spdlt)/cn=recipients/cn=b712c36eebee42428d3790abe2696417-romario gom,/o=exchangelabs/ou=exchange administrative group (fydibohf23spdlt)/cn=recipients/cn=c54bebbd63a1403e83787e59fcd1acdc-joao sergio,/o=exchangelabs/ou=exchange administrative group (fydibohf23spdlt)/cn=recipients/cn=e4dbda4121b54299b4a719c6aa694894-algar tech,diogo@quilleconsultoria.com.br</t>
  </si>
  <si>
    <t>/o=exchangelabs/ou=exchange administrative group (fydibohf23spdlt)/cn=recipients/cn=2361e4251bf74fc4a50ab766b8d95847-algar tech;/o=exchangelabs/ou=exchange administrative group (fydibohf23spdlt)/cn=recipients/cn=8c89829ad534498fa4c85b5ac11174f1-suelen more;/o=exchangelabs/ou=exchange administrative group (fydibohf23spdlt)/cn=recipients/cn=97d172c8919b4efe9c4a5cda6727a6c7-walter robe;/o=exchangelabs/ou=exchange administrative group (fydibohf23spdlt)/cn=recipients/cn=9a65d8734c444cbc8372a614d17d98e1-lucia maalo;/o=exchangelabs/ou=exchange administrative group (fydibohf23spdlt)/cn=recipients/cn=d34c20e435fc44238499c0f70f47c7e5-ricardo fer;</t>
  </si>
  <si>
    <t>RES: Cotação Proejto EF etiquetas GHS (COS)</t>
  </si>
  <si>
    <t>Etiqueta MP COS (varios artefatos).xlsx</t>
  </si>
  <si>
    <t>/o=exchangelabs/ou=exchange administrative group (fydibohf23spdlt)/cn=recipients/cn=2361e4251bf74fc4a50ab766b8d95847-algar tech,/o=exchangelabs/ou=exchange administrative group (fydibohf23spdlt)/cn=recipients/cn=8c89829ad534498fa4c85b5ac11174f1-suelen more,/o=exchangelabs/ou=exchange administrative group (fydibohf23spdlt)/cn=recipients/cn=97d172c8919b4efe9c4a5cda6727a6c7-walter robe,/o=exchangelabs/ou=exchange administrative group (fydibohf23spdlt)/cn=recipients/cn=9a65d8734c444cbc8372a614d17d98e1-lucia maalo,/o=exchangelabs/ou=exchange administrative group (fydibohf23spdlt)/cn=recipients/cn=d34c20e435fc44238499c0f70f47c7e5-ricardo fer</t>
  </si>
  <si>
    <t>Desligados Setembro 2019.xlsx</t>
  </si>
  <si>
    <t>Preco_213391_V1.xlsb</t>
  </si>
  <si>
    <t>ENC: Produtividade CRCe até 09/10</t>
  </si>
  <si>
    <t>\\acsfs\deptos\dme\cme - coordenacao de marketing e estrategia\assessoria de comunicação\6. endomarketing\2019\ações e campanhas\dia das crianças\uberlândia\</t>
  </si>
  <si>
    <t>dia das crianças - roteiro.xlsx</t>
  </si>
  <si>
    <t>ligaçoes fora de horario PR</t>
  </si>
  <si>
    <t>Ocorrência0110a0910.xlsm</t>
  </si>
  <si>
    <t>mail.google.com/_/upload?authuser=1&amp;dcp=asu-n&amp;upload_id=AEnB2UrpBiq2NSfYzs7-vVw6mxxj0SSCGgB5RljqJ48qBH7TqHBUEgDQxgLXX7ls9F0ARpoIvuST4--zQ4zfqpxBXe8qm7tbIw&amp;upload_protocol=resumable</t>
  </si>
  <si>
    <t>impressão.xlsx</t>
  </si>
  <si>
    <t>64-1C-67-9C-32-2C</t>
  </si>
  <si>
    <t>Log VTEX - requisições aplicação URA PCI.csv</t>
  </si>
  <si>
    <t>D:\Users\josemfs\OneDrive - Grupo Algar\Área de Trabalho\Analises\</t>
  </si>
  <si>
    <t>senhas e acessos_sem_senha.xlsx</t>
  </si>
  <si>
    <t>D:\Users\josemfs\OneDrive - Grupo Algar\Área de Trabalho\</t>
  </si>
  <si>
    <t>09 - Cadastro Geral_setembro_2019.xlsb</t>
  </si>
  <si>
    <t>ENC: WHIRLPOOL - Criação Anexo VI Precos Unitarios e indexadores</t>
  </si>
  <si>
    <t>Anexo VI.xlsx</t>
  </si>
  <si>
    <t>5 stars 10.10.csv</t>
  </si>
  <si>
    <t>/o=exchangelabs/ou=exchange administrative group (fydibohf23spdlt)/cn=recipients/cn=user3cd2f856;</t>
  </si>
  <si>
    <t>Treinamento JAVA - CA</t>
  </si>
  <si>
    <t>/o=exchangelabs/ou=exchange administrative group (fydibohf23spdlt)/cn=recipients/cn=user3cd2f856</t>
  </si>
  <si>
    <t>ENC: STATUS STHs SETEMBRO</t>
  </si>
  <si>
    <t>RES Propostas Piloto e CAP 2019 .msg\s1\</t>
  </si>
  <si>
    <t>206389 - PrecoCrescimento60Posicoes30provisorias_v2.xlsb</t>
  </si>
  <si>
    <t>reag_10.10.csv</t>
  </si>
  <si>
    <t>C:\Users\ruidrt\OneDrive - Grupo Algar\Documentos\Projetos\Whirlpool\Gestão Capacidade\</t>
  </si>
  <si>
    <t>CapacidadePlan_DES.xls</t>
  </si>
  <si>
    <t>Inventario_20181101.xlsx</t>
  </si>
  <si>
    <t>carlosadcj@algartech.com;gustavorn@algartech.com;gvieira@toyota.com.br;lsousa@toyota.com.br;pablodsa@algartech.com;rutiyama@toyota.com.br;taysdss@algartech.com;</t>
  </si>
  <si>
    <t>carlosadcj@algartech.com,gustavorn@algartech.com,gvieira@toyota.com.br,lsousa@toyota.com.br,pablodsa@algartech.com,rutiyama@toyota.com.br,taysdss@algartech.com</t>
  </si>
  <si>
    <t>/o=exchangelabs/ou=exchange administrative group (fydibohf23spdlt)/cn=recipients/cn=23e3be28ac6a4bbf8335736c953c7732-patrick luh;/o=exchangelabs/ou=exchange administrative group (fydibohf23spdlt)/cn=recipients/cn=32fe8a14424941da83c2bf35a8a5709e-fabiana car;/o=exchangelabs/ou=exchange administrative group (fydibohf23spdlt)/cn=recipients/cn=525b3060f0654996a4c2979efbfaed04-douglas sil;/o=exchangelabs/ou=exchange administrative group (fydibohf23spdlt)/cn=recipients/cn=a4725b7c782941fda1d1c00ae0ff9e26-camiller mo;/o=exchangelabs/ou=exchange administrative group (fydibohf23spdlt)/cn=recipients/cn=c08089b92f0643f18c949cb099a06593-tamara luis;/o=exchangelabs/ou=exchange administrative group (fydibohf23spdlt)/cn=recipients/cn=fd4a47c4d251414eb48a57376a49e773-marco tulio;ericsonns@algartech.com;</t>
  </si>
  <si>
    <t>RES: Kit de boas vindas incompleto</t>
  </si>
  <si>
    <t>Cópia de 206389 - PrecoCrescimento60Posicoes30provisorias_v2.xlsb</t>
  </si>
  <si>
    <t>/o=exchangelabs/ou=exchange administrative group (fydibohf23spdlt)/cn=recipients/cn=23e3be28ac6a4bbf8335736c953c7732-patrick luh,/o=exchangelabs/ou=exchange administrative group (fydibohf23spdlt)/cn=recipients/cn=32fe8a14424941da83c2bf35a8a5709e-fabiana car,/o=exchangelabs/ou=exchange administrative group (fydibohf23spdlt)/cn=recipients/cn=525b3060f0654996a4c2979efbfaed04-douglas sil,/o=exchangelabs/ou=exchange administrative group (fydibohf23spdlt)/cn=recipients/cn=a4725b7c782941fda1d1c00ae0ff9e26-camiller mo,/o=exchangelabs/ou=exchange administrative group (fydibohf23spdlt)/cn=recipients/cn=c08089b92f0643f18c949cb099a06593-tamara luis,/o=exchangelabs/ou=exchange administrative group (fydibohf23spdlt)/cn=recipients/cn=fd4a47c4d251414eb48a57376a49e773-marco tulio,ericsonns@algartech.com</t>
  </si>
  <si>
    <t>DistribuiçãoCapacidadeGrade_V3_201910_Sem Insucesso - V2 - 23092019.xlsx</t>
  </si>
  <si>
    <t>ENC: Apresentação RR BV - Agosto/2019</t>
  </si>
  <si>
    <t>PRÉVIA - BV - JUNHO - 19.xlsb</t>
  </si>
  <si>
    <t>/o=exchangelabs/ou=exchange administrative group (fydibohf23spdlt)/cn=recipients/cn=161c8ab454bb4f4ebde8223bf694a34b-pedro felip;/o=exchangelabs/ou=exchange administrative group (fydibohf23spdlt)/cn=recipients/cn=97bf0b4d6b424f9fbf91192510276150-renata de o;rodrigo.amaral@tetrapak.com;</t>
  </si>
  <si>
    <t>RES: Ferias</t>
  </si>
  <si>
    <t>Formulario_Ferias_Irregulares_-_Algar_Tech_JAMES.xlsm</t>
  </si>
  <si>
    <t>/o=exchangelabs/ou=exchange administrative group (fydibohf23spdlt)/cn=recipients/cn=161c8ab454bb4f4ebde8223bf694a34b-pedro felip,/o=exchangelabs/ou=exchange administrative group (fydibohf23spdlt)/cn=recipients/cn=97bf0b4d6b424f9fbf91192510276150-renata de o,rodrigo.amaral@tetrapak.com</t>
  </si>
  <si>
    <t>/o=exchangelabs/ou=exchange administrative group (fydibohf23spdlt)/cn=recipients/cn=a9a1fe1d51ef4ee29617a1c11aa10050-marinalva i;/o=exchangelabs/ou=exchange administrative group (fydibohf23spdlt)/cn=recipients/cn=c94f984236114f79aef3c3ce07971988-leticia gom;/o=exchangelabs/ou=exchange administrative group (fydibohf23spdlt)/cn=recipients/cn=cbea44aca4fb41a1aba289a0475041a1-daiane cris;</t>
  </si>
  <si>
    <t>Incentivo SAC/Sinergia Setembro/19</t>
  </si>
  <si>
    <t>Cópia de Incentivo Sinergia Setembro.xlsx</t>
  </si>
  <si>
    <t>/o=exchangelabs/ou=exchange administrative group (fydibohf23spdlt)/cn=recipients/cn=a9a1fe1d51ef4ee29617a1c11aa10050-marinalva i,/o=exchangelabs/ou=exchange administrative group (fydibohf23spdlt)/cn=recipients/cn=c94f984236114f79aef3c3ce07971988-leticia gom,/o=exchangelabs/ou=exchange administrative group (fydibohf23spdlt)/cn=recipients/cn=cbea44aca4fb41a1aba289a0475041a1-daiane cris</t>
  </si>
  <si>
    <t>0ANALYSIS_PATTERN (94).csv</t>
  </si>
  <si>
    <t>ACOMPANHAMENTO The Oscar</t>
  </si>
  <si>
    <t>ACOMPANHAMENTO TO.xlsx</t>
  </si>
  <si>
    <t>adrianoms@algartech.com;jecienegs@algartech.com;</t>
  </si>
  <si>
    <t>Antecipacao de prevencao a Fraude.xlsx</t>
  </si>
  <si>
    <t>adrianoms@algartech.com,jecienegs@algartech.com</t>
  </si>
  <si>
    <t>Transformacao - ganho consistencia.xlsx</t>
  </si>
  <si>
    <t>Transformação - Qualidade Fraude IN.xlsx</t>
  </si>
  <si>
    <t>https://caey.fa.us2.oraclecloud.com/crmui/faces/fuseoverview?_adf.ctrl-state=1dl6jdrplv_5&amp;fndglobalitemnodeid=moo_opptymgmtopportunities_crm_card</t>
  </si>
  <si>
    <t>/o=exchangelabs/ou=exchange administrative group (fydibohf23spdlt)/cn=recipients/cn=161c8ab454bb4f4ebde8223bf694a34b-pedro felip;maurojmdo@algartech.com;</t>
  </si>
  <si>
    <t>ENC: Alteração de Ferias -</t>
  </si>
  <si>
    <t>/o=exchangelabs/ou=exchange administrative group (fydibohf23spdlt)/cn=recipients/cn=161c8ab454bb4f4ebde8223bf694a34b-pedro felip,maurojmdo@algartech.com</t>
  </si>
  <si>
    <t>ENC: Volume Gerenciadas Amex e Visa - 10/10</t>
  </si>
  <si>
    <t>mail.google.com/_/upload?authuser=0&amp;dcp=asu-n&amp;upload_id=AEnB2UoDl5wvBDLMMV-tvV5uk4PwdTxkasPYWjvfxwKSJ3TRFAJnJdBs4c5qTld5SvuGxmVlOJgbz_25p2ZWhIrCEAF1t2db5w&amp;upload_protocol=resumable</t>
  </si>
  <si>
    <t>Acionanmento Unique.xlsm</t>
  </si>
  <si>
    <t>10.200.32.169</t>
  </si>
  <si>
    <t>20-04-0F-FE-4B-90</t>
  </si>
  <si>
    <t>NB-ROLDINEISM</t>
  </si>
  <si>
    <t>roldineism</t>
  </si>
  <si>
    <t>c:\users\roldineism\documents\</t>
  </si>
  <si>
    <t>officescan agent listing.csv</t>
  </si>
  <si>
    <t>/o=exchangelabs/ou=exchange administrative group (fydibohf23spdlt)/cn=recipients/cn=2946605dcf554cb389220dec598b84fa-adriano mon;/o=exchangelabs/ou=exchange administrative group (fydibohf23spdlt)/cn=recipients/cn=5c0e0b883c0f4ccbb2cf13db05a00b36-luciene ivo;</t>
  </si>
  <si>
    <t>ENC: Transição Escopo B =&gt; Painel de Juniorização.</t>
  </si>
  <si>
    <t>VALIDAR_ALOCAÇÃO.xlsx</t>
  </si>
  <si>
    <t>/o=exchangelabs/ou=exchange administrative group (fydibohf23spdlt)/cn=recipients/cn=2946605dcf554cb389220dec598b84fa-adriano mon,/o=exchangelabs/ou=exchange administrative group (fydibohf23spdlt)/cn=recipients/cn=5c0e0b883c0f4ccbb2cf13db05a00b36-luciene ivo</t>
  </si>
  <si>
    <t>/o=exchangelabs/ou=exchange administrative group (fydibohf23spdlt)/cn=recipients/cn=3aa72ebfe8e5451fada36a54ed3993f1-nikelly da;/o=exchangelabs/ou=exchange administrative group (fydibohf23spdlt)/cn=recipients/cn=bc23c6c7603343db90c2874d8a757022-alef de lim;/o=exchangelabs/ou=exchange administrative group (fydibohf23spdlt)/cn=recipients/cn=e4dbda4121b54299b4a719c6aa694894-algar tech;romariog@algartecnologia.com.br;</t>
  </si>
  <si>
    <t>ENC: Rede Segregada</t>
  </si>
  <si>
    <t>Rede Segregada.xlsx</t>
  </si>
  <si>
    <t>/o=exchangelabs/ou=exchange administrative group (fydibohf23spdlt)/cn=recipients/cn=3aa72ebfe8e5451fada36a54ed3993f1-nikelly da,/o=exchangelabs/ou=exchange administrative group (fydibohf23spdlt)/cn=recipients/cn=bc23c6c7603343db90c2874d8a757022-alef de lim,/o=exchangelabs/ou=exchange administrative group (fydibohf23spdlt)/cn=recipients/cn=e4dbda4121b54299b4a719c6aa694894-algar tech,romariog@algartecnologia.com.br</t>
  </si>
  <si>
    <t>ENC: URGENTE - Associados com atestado lançados no Sinergy e não constam no ponto do FPW</t>
  </si>
  <si>
    <t>Evidencias atestados que nao estao no ponto.xls</t>
  </si>
  <si>
    <t>C:\Users\jairojsa\OneDrive - Grupo Algar\Caixa\LAST CALL\ATIVO CAIXA\BKP\</t>
  </si>
  <si>
    <t>Vendas Cap - 240 PAs - Cópia.xlsb</t>
  </si>
  <si>
    <t>C:\Users\jairojsa\OneDrive - Grupo Algar\Caixa\LAST CALL\ATIVO CAIXA\BKP\Vendas Cap - 240 PAs - Cópia.xlsb\</t>
  </si>
  <si>
    <t>Vendas Cap - 160 PAs - Cópia.xlsb</t>
  </si>
  <si>
    <t>C:\Users\jairojsa\OneDrive - Grupo Algar\Caixa\LAST CALL\ATIVO CAIXA\BKP\Vendas Cap - 160 PAs - Cópia.xlsb\</t>
  </si>
  <si>
    <t>Vendas Cap - 140 PAs - Cópia.xlsb</t>
  </si>
  <si>
    <t>C:\Users\jairojsa\OneDrive - Grupo Algar\Caixa\LAST CALL\ATIVO CAIXA\BKP\Vendas Cap - 140 PAs - Cópia.xlsb\</t>
  </si>
  <si>
    <t>Vendas Cap - 120 PAs - Cópia.xlsb</t>
  </si>
  <si>
    <t>C:\Users\jairojsa\OneDrive - Grupo Algar\Caixa\LAST CALL\ATIVO CAIXA\BKP\Vendas Cap - 120 PAs - Cópia.xlsb\</t>
  </si>
  <si>
    <t>mail.google.com/_/upload?authuser=1&amp;dcp=asu-n&amp;upload_id=AEnB2Upig88qbxS49wS18i6o_ip29DHTSfe81LmQOx3xMJn0AWDgWVOmLFaCHnmPY0dDq9fzra87XUnc2hEhB3DyP_BviBwOSQ&amp;upload_protocol=resumable</t>
  </si>
  <si>
    <t>Impressão pulseiras.xls</t>
  </si>
  <si>
    <t>10.207.12.52</t>
  </si>
  <si>
    <t>D8-9C-67-86-35-0D</t>
  </si>
  <si>
    <t>RES: [KCC] Contrato Field Services - Algar TI e Outsourcing para Compras de I.T.</t>
  </si>
  <si>
    <t>KCC Encerramento das Atividades - Eldorado do Sul - KCC.msg\s1\</t>
  </si>
  <si>
    <t>mail.google.com/_/upload?authuser=0&amp;dcp=asu-n&amp;upload_id=AEnB2Upzt95ud-zHzxLSm7Z-tweWS9BAVrdBpopkocPGfy9MApZ5EHOH6sl4wLNZJcm5VwCEg2XJgpRzKMa4XYxHlVa2MyARDtoRzw-60IG1pNi7hu-Lex4&amp;upload_protocol=resumable</t>
  </si>
  <si>
    <t>\\acsfs\DEPTOS\TI Corporativa\07 - SGSI\02-Equipe-SI\Alef Lima\</t>
  </si>
  <si>
    <t>Usuário grupo de ferias.xlsx</t>
  </si>
  <si>
    <t>ENC: Pagamento contingências e Depósitos 2018</t>
  </si>
  <si>
    <t>Pagamento contingência e Depósitos 2018.xlsx</t>
  </si>
  <si>
    <t>C:\Users\filemoncmj\OneDrive - Grupo Algar\01. Algar Tech\02. Projetos Corporativos\06. PPE\Intuitive Service Desk\12. FTE\2019\09. Setembro\</t>
  </si>
  <si>
    <t>010919 - Registro de FTE Realizado ISD.xlsb</t>
  </si>
  <si>
    <t>Qtde Desktops e Notebooks (evolução de vendas).xlsx</t>
  </si>
  <si>
    <t>/o=exchangelabs/ou=exchange administrative group (fydibohf23spdlt)/cn=recipients/cn=52e670e2f8dd45f6bb83074a02c43b48-priscila ap;/o=exchangelabs/ou=exchange administrative group (fydibohf23spdlt)/cn=recipients/cn=88e4fcbd3ea14730a81286cc0683fb42-manoel eloy;kelencgt@algartech.com;romariog@algartecnologia.com.br;</t>
  </si>
  <si>
    <t>Retorno Mailings Ativo NEXT Outubro/19</t>
  </si>
  <si>
    <t>base retorno mailings qualidade.xlsx</t>
  </si>
  <si>
    <t>/o=exchangelabs/ou=exchange administrative group (fydibohf23spdlt)/cn=recipients/cn=52e670e2f8dd45f6bb83074a02c43b48-priscila ap,/o=exchangelabs/ou=exchange administrative group (fydibohf23spdlt)/cn=recipients/cn=88e4fcbd3ea14730a81286cc0683fb42-manoel eloy,kelencgt@algartech.com,romariog@algartecnologia.com.br</t>
  </si>
  <si>
    <t>mail.google.com/_/upload?authuser=0&amp;dcp=asu-n&amp;upload_id=AEnB2Up36oLZ4mNKcZQb0JsB-lHaKm6yNqXmzFEyo6Br03SdSsAuR2caMGHu0VutCxXONccxyFVH3cj1ga6_zQPSM5RGR2yeVeyws6Gp7FOLkEnzNj_Pn6I&amp;upload_protocol=resumable</t>
  </si>
  <si>
    <t>alinedsdi@algartech.com;camilaammm@algartech.com;</t>
  </si>
  <si>
    <t>C:\Users\gustavoplo\Documents\Telecom\1- TELEVENDAS\7- Book de Qualidade\</t>
  </si>
  <si>
    <t>2019_10_Gerencial_Qualidade_Televendas.xlsx</t>
  </si>
  <si>
    <t>alinedsdi@algartech.com,camilaammm@algartech.com</t>
  </si>
  <si>
    <t>C:\Users\filemoncmj\OneDrive - Grupo Algar\01. Algar Tech\02. Projetos Corporativos\06. PPE\Intuitive Service Desk\12. FTE\2019\10. Outubro\</t>
  </si>
  <si>
    <t>151019 - Registro de FTE Realizado ISD.xlsb</t>
  </si>
  <si>
    <t>C:\Users\filemoncmj\OneDrive - Grupo Algar\01. Algar Tech\02. Projetos Corporativos\06. PPE\GIAT\09. FTE\2019\10. Outubro\</t>
  </si>
  <si>
    <t>151019 - Registro de FTE Realizado GIAT.xlsb</t>
  </si>
  <si>
    <t>/o=exchangelabs/ou=exchange administrative group (fydibohf23spdlt)/cn=recipients/cn=c94f984236114f79aef3c3ce07971988-leticia gom;/o=exchangelabs/ou=exchange administrative group (fydibohf23spdlt)/cn=recipients/cn=e70cc16764ef4e4fac6e4581f29c2881-valeria bet;</t>
  </si>
  <si>
    <t>ENC: FECHAMENTO INCENTIVO CCO E ATIVO</t>
  </si>
  <si>
    <t>Incentivo Ativo.xlsx</t>
  </si>
  <si>
    <t>/o=exchangelabs/ou=exchange administrative group (fydibohf23spdlt)/cn=recipients/cn=c94f984236114f79aef3c3ce07971988-leticia gom,/o=exchangelabs/ou=exchange administrative group (fydibohf23spdlt)/cn=recipients/cn=e70cc16764ef4e4fac6e4581f29c2881-valeria bet</t>
  </si>
  <si>
    <t>mail.google.com/_/upload?authuser=0&amp;dcp=asu-n&amp;upload_id=AEnB2Upv6glIgEhCz6iplTJmLCcj4Rwge3hitoBD8vTEUqq0ZalH7_WtHEOufWYgkPVYlfbUztONDXOBXP_pdWYSxhNGqhZMQA&amp;upload_protocol=resumable</t>
  </si>
  <si>
    <t>2019_10_Gerencial_Qualidade_Canal_Digital.xlsx</t>
  </si>
  <si>
    <t>Inventário Servidores 10102019_v2.xlsx</t>
  </si>
  <si>
    <t>ENC: INCENTIVO CAC</t>
  </si>
  <si>
    <t>Incentivo CAC SETEMBRO.xlsx</t>
  </si>
  <si>
    <t>/o=exchangelabs/ou=exchange administrative group (fydibohf23spdlt)/cn=recipients/cn=68e6aa2e3fef4ccaba997d98294c9ed5-cristina he;/o=exchangelabs/ou=exchange administrative group (fydibohf23spdlt)/cn=recipients/cn=a4ba92cba10f4fe498074594f937f3b6-leandro lop;/o=exchangelabs/ou=exchange administrative group (fydibohf23spdlt)/cn=recipients/cn=b1a72fc2d0234efca84c7771ea70c7ee-roberta cri;/o=exchangelabs/ou=exchange administrative group (fydibohf23spdlt)/cn=recipients/cn=bcc9538754d3496ea31a487e560f8214-silvio mart;/o=exchangelabs/ou=exchange administrative group (fydibohf23spdlt)/cn=recipients/cn=d3d28899a5be4c2c8b5b9e55717f7da7-fabio ribei;/o=exchangelabs/ou=exchange administrative group (fydibohf23spdlt)/cn=recipients/cn=daea76c116d14ba69bf57b6e77a4327e-luana almei;/o=exchangelabs/ou=exchange administrative group (fydibohf23spdlt)/cn=recipients/cn=f45617401bdf436baf70c45766699413-frederico b;/o=exchangelabs/ou=exchange administrative group (fydibohf23spdlt)/cn=recipients/cn=user7c077f95;diogo@quilleconsultoria.</t>
  </si>
  <si>
    <t>RES: Transição Escopo B =&gt; Painel de Juniorização.</t>
  </si>
  <si>
    <t>/o=exchangelabs/ou=exchange administrative group (fydibohf23spdlt)/cn=recipients/cn=68e6aa2e3fef4ccaba997d98294c9ed5-cristina he,/o=exchangelabs/ou=exchange administrative group (fydibohf23spdlt)/cn=recipients/cn=a4ba92cba10f4fe498074594f937f3b6-leandro lop,/o=exchangelabs/ou=exchange administrative group (fydibohf23spdlt)/cn=recipients/cn=b1a72fc2d0234efca84c7771ea70c7ee-roberta cri,/o=exchangelabs/ou=exchange administrative group (fydibohf23spdlt)/cn=recipients/cn=bcc9538754d3496ea31a487e560f8214-silvio mart,/o=exchangelabs/ou=exchange administrative group (fydibohf23spdlt)/cn=recipients/cn=d3d28899a5be4c2c8b5b9e55717f7da7-fabio ribei,/o=exchangelabs/ou=exchange administrative group (fydibohf23spdlt)/cn=recipients/cn=daea76c116d14ba69bf57b6e77a4327e-luana almei,/o=exchangelabs/ou=exchange administrative group (fydibohf23spdlt)/cn=recipients/cn=f45617401bdf436baf70c45766699413-frederico b,/o=exchangelabs/ou=exchange administrative group (fydibohf23spdlt)/cn=recipients/cn=user7c077f95,diogo@quilleconsultoria.</t>
  </si>
  <si>
    <t>10.200.60.147</t>
  </si>
  <si>
    <t>/o=exchangelabs/ou=exchange administrative group (fydibohf23spdlt)/cn=recipients/cn=28ac1f887b394ac4bb89a1a7fe045d32-anna clara;/o=exchangelabs/ou=exchange administrative group (fydibohf23spdlt)/cn=recipients/cn=685a6c7fa4684b9ab51c683ec151a83c-kelly crist;/o=exchangelabs/ou=exchange administrative group (fydibohf23spdlt)/cn=recipients/cn=6d38ba16c020485cbc223d60996da338-cristielly;</t>
  </si>
  <si>
    <t>RES: Apoio - Trabalho Acadêmico sobre inclusão</t>
  </si>
  <si>
    <t>Documentos PCDs - Algar Tecnologia.xlsx</t>
  </si>
  <si>
    <t>/o=exchangelabs/ou=exchange administrative group (fydibohf23spdlt)/cn=recipients/cn=28ac1f887b394ac4bb89a1a7fe045d32-anna clara,/o=exchangelabs/ou=exchange administrative group (fydibohf23spdlt)/cn=recipients/cn=685a6c7fa4684b9ab51c683ec151a83c-kelly crist,/o=exchangelabs/ou=exchange administrative group (fydibohf23spdlt)/cn=recipients/cn=6d38ba16c020485cbc223d60996da338-cristielly</t>
  </si>
  <si>
    <t>C:\Users\jairojsa\OneDrive - Grupo Algar\Caixa\LAST CALL\ATIVO CAIXA\</t>
  </si>
  <si>
    <t>C:\Users\jairojsa\OneDrive - Grupo Algar\Caixa\LAST CALL\ATIVO CAIXA\Vendas Cap - 120 PAs - Cópia.xlsb\</t>
  </si>
  <si>
    <t>reativação 232</t>
  </si>
  <si>
    <t>Reativação 232_191010.xlsb</t>
  </si>
  <si>
    <t>/o=exchangelabs/ou=exchange administrative group (fydibohf23spdlt)/cn=recipients/cn=8a0784ccebb14202a66b1b8f3a285b61-thais de al;/o=exchangelabs/ou=exchange administrative group (fydibohf23spdlt)/cn=recipients/cn=ee68a2a53024446789dc480aef9c7a7c-joao gabrie;</t>
  </si>
  <si>
    <t>Orçamento Projetos</t>
  </si>
  <si>
    <t>/o=exchangelabs/ou=exchange administrative group (fydibohf23spdlt)/cn=recipients/cn=8a0784ccebb14202a66b1b8f3a285b61-thais de al,/o=exchangelabs/ou=exchange administrative group (fydibohf23spdlt)/cn=recipients/cn=ee68a2a53024446789dc480aef9c7a7c-joao gabrie</t>
  </si>
  <si>
    <t>saviodmo@outlook.com;</t>
  </si>
  <si>
    <t>\\acsfs\DEPTOS\Operacao\PCP\5 - Comum\ACOMPANHAMENTO AMEX\10- Acompanhamento PF\B2K\11 - RENOMEAR\</t>
  </si>
  <si>
    <t>Atualiza CMS.xlsm</t>
  </si>
  <si>
    <t>saviodmo@outlook.com</t>
  </si>
  <si>
    <t>crcevmc@algartech.com.br;valeria.coimbra@idemia.com;</t>
  </si>
  <si>
    <t>ENC: RES: Cancelamento P-Card - Idemia do Brasil / CNPJ : 06.137.098/0006-14 - URGENTE CRM:003710002185</t>
  </si>
  <si>
    <t>crcevmc@algartech.com.br,valeria.coimbra@idemia.com</t>
  </si>
  <si>
    <t>C:\OneDrive\OneDrive - Grupo Algar\ONEDRIVE_SegInfo\PROJETOS\Inventarios_10102019\</t>
  </si>
  <si>
    <t>ITCM ITO_10102019_CSV.xlsx</t>
  </si>
  <si>
    <t>ITCM ITO.csv</t>
  </si>
  <si>
    <t>ITCM BPO .xlsx</t>
  </si>
  <si>
    <t>Inventário_Servidores_BPO_BRA_ITO_ 10102019.xlsx</t>
  </si>
  <si>
    <t>AD_BPO_win2016_BRA.xlsx</t>
  </si>
  <si>
    <t>AD_BPO_win2016.xlsx</t>
  </si>
  <si>
    <t>AD_BPO_win2008.csv</t>
  </si>
  <si>
    <t>AD_BPO_win2003.csv</t>
  </si>
  <si>
    <t>VALIDAÇÃO ALESSIO V2.xlsx</t>
  </si>
  <si>
    <t>/o=exchangelabs/ou=exchange administrative group (fydibohf23spdlt)/cn=recipients/cn=ffc642b167cf4375958db2253fd104bd-thais dos s;kelencgt@algartech.com;</t>
  </si>
  <si>
    <t>ENC: Retorno Mailings Ativo NEXT Outubro/19</t>
  </si>
  <si>
    <t>/o=exchangelabs/ou=exchange administrative group (fydibohf23spdlt)/cn=recipients/cn=ffc642b167cf4375958db2253fd104bd-thais dos s,kelencgt@algartech.com</t>
  </si>
  <si>
    <t>PMO_Algar_Tech_-__DETALHAMENTO_DE_ITENS_DE_AQUISICOES_PARA_PROJETOS 3344041.xlsx</t>
  </si>
  <si>
    <t>/o=exchangelabs/ou=exchange administrative group (fydibohf23spdlt)/cn=recipients/cn=88793b682b334bf1913f7e769c56b90d-stefhany ca;</t>
  </si>
  <si>
    <t>/o=exchangelabs/ou=exchange administrative group (fydibohf23spdlt)/cn=recipients/cn=88793b682b334bf1913f7e769c56b90d-stefhany ca</t>
  </si>
  <si>
    <t>/o=exchangelabs/ou=exchange administrative group (fydibohf23spdlt)/cn=recipients/cn=004fbe04a76042fda28a404cff30f61b-vinicius ma;/o=exchangelabs/ou=exchange administrative group (fydibohf23spdlt)/cn=recipients/cn=3231d815809d4256b0da40dff50c3bbc-thiago sora;/o=exchangelabs/ou=exchange administrative group (fydibohf23spdlt)/cn=recipients/cn=52684aee05874b27a5c249763c2fe008-andre mota;/o=exchangelabs/ou=exchange administrative group (fydibohf23spdlt)/cn=recipients/cn=823ff3c9d5fe49399d544dd8d287e4b4-alexandre m;/o=exchangelabs/ou=exchange administrative group (fydibohf23spdlt)/cn=recipients/cn=f0d565e3226340dba8c37ac3cce009ef-rafael espo;/o=exchangelabs/ou=exchange administrative group (fydibohf23spdlt)/cn=recipients/cn=usere11ed38c;igoros@algartech.com;</t>
  </si>
  <si>
    <t>ENC: Apresentação estatística SQM Janeiro</t>
  </si>
  <si>
    <t>DADOS_SQM_JANEIRO.xlsx</t>
  </si>
  <si>
    <t>/o=exchangelabs/ou=exchange administrative group (fydibohf23spdlt)/cn=recipients/cn=004fbe04a76042fda28a404cff30f61b-vinicius ma,/o=exchangelabs/ou=exchange administrative group (fydibohf23spdlt)/cn=recipients/cn=3231d815809d4256b0da40dff50c3bbc-thiago sora,/o=exchangelabs/ou=exchange administrative group (fydibohf23spdlt)/cn=recipients/cn=52684aee05874b27a5c249763c2fe008-andre mota,/o=exchangelabs/ou=exchange administrative group (fydibohf23spdlt)/cn=recipients/cn=823ff3c9d5fe49399d544dd8d287e4b4-alexandre m,/o=exchangelabs/ou=exchange administrative group (fydibohf23spdlt)/cn=recipients/cn=f0d565e3226340dba8c37ac3cce009ef-rafael espo,/o=exchangelabs/ou=exchange administrative group (fydibohf23spdlt)/cn=recipients/cn=usere11ed38c,igoros@algartech.com</t>
  </si>
  <si>
    <t>c:\users\ederleirdr\appdata\local\microsoft\windows\inetcache\content.outlook\1556crsr\</t>
  </si>
  <si>
    <t>modelo_fte_realizado_bmw (003).xlsb</t>
  </si>
  <si>
    <t>/o=exchangelabs/ou=exchange administrative group (fydibohf23spdlt)/cn=recipients/cn=01a1f66a08fd441b860a430efe9babba-cpc - contr;</t>
  </si>
  <si>
    <t>ENC: Reforço Modelos</t>
  </si>
  <si>
    <t>NCM_Melhorias_ASLCP.ppt\</t>
  </si>
  <si>
    <t>/o=exchangelabs/ou=exchange administrative group (fydibohf23spdlt)/cn=recipients/cn=01a1f66a08fd441b860a430efe9babba-cpc - contr</t>
  </si>
  <si>
    <t>/o=exchangelabs/ou=exchange administrative group (fydibohf23spdlt)/cn=recipients/cn=1c3bae1d5aab4c72b84516e819cd16c9-wilton paim;/o=exchangelabs/ou=exchange administrative group (fydibohf23spdlt)/cn=recipients/cn=393fb405d98d45528dd58c52e770b5b3-karlos garc;/o=exchangelabs/ou=exchange administrative group (fydibohf23spdlt)/cn=recipients/cn=d052f9c9a4404e849e00b751758229a8-carlos dos;</t>
  </si>
  <si>
    <t>ENC: Controle de Frentes de Relatórios_02_10_V2.xlsx</t>
  </si>
  <si>
    <t>/o=exchangelabs/ou=exchange administrative group (fydibohf23spdlt)/cn=recipients/cn=1c3bae1d5aab4c72b84516e819cd16c9-wilton paim,/o=exchangelabs/ou=exchange administrative group (fydibohf23spdlt)/cn=recipients/cn=393fb405d98d45528dd58c52e770b5b3-karlos garc,/o=exchangelabs/ou=exchange administrative group (fydibohf23spdlt)/cn=recipients/cn=d052f9c9a4404e849e00b751758229a8-carlos dos</t>
  </si>
  <si>
    <t>C:\Users\jairojsa\OneDrive - Grupo Algar\Caixa\LAST CALL\ATIVO YOUSE\</t>
  </si>
  <si>
    <t>BP Youse Ativo SPO_1.3 - 125_10auditoria.xlsb</t>
  </si>
  <si>
    <t>C:\Users\jairojsa\OneDrive - Grupo Algar\Caixa\LAST CALL\ATIVO YOUSE\BP Youse Ativo SPO_1.3 - 125_10auditoria.xlsb\</t>
  </si>
  <si>
    <t>Preco_V11_Forceoneit_MudancaClassificacao.xlsb</t>
  </si>
  <si>
    <t>evidências_Lenel.xlsx</t>
  </si>
  <si>
    <t>BP Youse Ativo SPO_1.3 - 125_100auditoria.xlsb</t>
  </si>
  <si>
    <t>C:\Users\jairojsa\OneDrive - Grupo Algar\Caixa\LAST CALL\ATIVO YOUSE\BP Youse Ativo SPO_1.3 - 125_100auditoria.xlsb\</t>
  </si>
  <si>
    <t>C:\Users\jairojsa\OneDrive - Grupo Algar\Caixa\</t>
  </si>
  <si>
    <t>formulario_ferias_irregulares_-_algar_tech_nathalia fidelis .xlsm</t>
  </si>
  <si>
    <t>/o=exchangelabs/ou=exchange administrative group (fydibohf23spdlt)/cn=recipients/cn=5412a5c3dbf6470e809115c1b42dde24-algar tech;/o=exchangelabs/ou=exchange administrative group (fydibohf23spdlt)/cn=recipients/cn=782d75ab3cda4cfa88d22b405cd49ea0-sueleide al;/o=exchangelabs/ou=exchange administrative group (fydibohf23spdlt)/cn=recipients/cn=b5ef1f826e364d2aa99a0df5d1906feb-liliane apa;/o=exchangelabs/ou=exchange administrative group (fydibohf23spdlt)/cn=recipients/cn=e09a2f3206d84bde8e1d60233f807a11-caique anto;</t>
  </si>
  <si>
    <t>/o=exchangelabs/ou=exchange administrative group (fydibohf23spdlt)/cn=recipients/cn=5412a5c3dbf6470e809115c1b42dde24-algar tech,/o=exchangelabs/ou=exchange administrative group (fydibohf23spdlt)/cn=recipients/cn=782d75ab3cda4cfa88d22b405cd49ea0-sueleide al,/o=exchangelabs/ou=exchange administrative group (fydibohf23spdlt)/cn=recipients/cn=b5ef1f826e364d2aa99a0df5d1906feb-liliane apa,/o=exchangelabs/ou=exchange administrative group (fydibohf23spdlt)/cn=recipients/cn=e09a2f3206d84bde8e1d60233f807a11-caique anto</t>
  </si>
  <si>
    <t>/o=exchangelabs/ou=exchange administrative group (fydibohf23spdlt)/cn=recipients/cn=cac18c5388b04f6d979d1bc87a08825a-marcopaulo;/o=exchangelabs/ou=exchange administrative group (fydibohf23spdlt)/cn=recipients/cn=fd4a47c4d251414eb48a57376a49e773-marco tulio;</t>
  </si>
  <si>
    <t>Saving Re9</t>
  </si>
  <si>
    <t>/o=exchangelabs/ou=exchange administrative group (fydibohf23spdlt)/cn=recipients/cn=cac18c5388b04f6d979d1bc87a08825a-marcopaulo,/o=exchangelabs/ou=exchange administrative group (fydibohf23spdlt)/cn=recipients/cn=fd4a47c4d251414eb48a57376a49e773-marco tulio</t>
  </si>
  <si>
    <t>alinens</t>
  </si>
  <si>
    <t>C:\Users\alinens\Documents\DOCS PARA PUBLICAR\</t>
  </si>
  <si>
    <t>/o=exchangelabs/ou=exchange administrative group (fydibohf23spdlt)/cn=recipients/cn=525b3060f0654996a4c2979efbfaed04-douglas sil;/o=exchangelabs/ou=exchange administrative group (fydibohf23spdlt)/cn=recipients/cn=d5130784dc81436d9511788de4df376c-jeciene gom;marcotvo@algartech.com;</t>
  </si>
  <si>
    <t>CRESCIMENTO COM BP MARCOPAULO.xlsx</t>
  </si>
  <si>
    <t>/o=exchangelabs/ou=exchange administrative group (fydibohf23spdlt)/cn=recipients/cn=525b3060f0654996a4c2979efbfaed04-douglas sil,/o=exchangelabs/ou=exchange administrative group (fydibohf23spdlt)/cn=recipients/cn=d5130784dc81436d9511788de4df376c-jeciene gom,marcotvo@algartech.com</t>
  </si>
  <si>
    <t>Inventário 10-10-2019 (1).xlsx</t>
  </si>
  <si>
    <t>/o=exchangelabs/ou=exchange administrative group (fydibohf23spdlt)/cn=recipients/cn=b284454839e94314a90d49e7ec00864f-antonio car;sabrinadtdmc@algartech.com;</t>
  </si>
  <si>
    <t>Previa Financeira Setembro/Outubro</t>
  </si>
  <si>
    <t>Plan Setembro -09.Outubro.xlsx</t>
  </si>
  <si>
    <t>/o=exchangelabs/ou=exchange administrative group (fydibohf23spdlt)/cn=recipients/cn=b284454839e94314a90d49e7ec00864f-antonio car,sabrinadtdmc@algartech.com</t>
  </si>
  <si>
    <t>C:\Users\jairojsa\OneDrive - Grupo Algar\Caixa\LAST CALL\ATIVO CAIXA\Vendas Cap - 140 PAs - Cópia.xlsb\</t>
  </si>
  <si>
    <t>C:\Users\jairojsa\OneDrive - Grupo Algar\Caixa\LAST CALL\ATIVO CAIXA\Vendas Cap - 160 PAs - Cópia.xlsb\</t>
  </si>
  <si>
    <t>Crescimento com BP Setembro.xlsx</t>
  </si>
  <si>
    <t>/o=exchangelabs/ou=exchange administrative group (fydibohf23spdlt)/cn=recipients/cn=525b3060f0654996a4c2979efbfaed04-douglas sil;/o=exchangelabs/ou=exchange administrative group (fydibohf23spdlt)/cn=recipients/cn=d5130784dc81436d9511788de4df376c-jeciene gom;/o=exchangelabs/ou=exchange administrative group (fydibohf23spdlt)/cn=recipients/cn=fd4a47c4d251414eb48a57376a49e773-marco tulio;</t>
  </si>
  <si>
    <t>/o=exchangelabs/ou=exchange administrative group (fydibohf23spdlt)/cn=recipients/cn=525b3060f0654996a4c2979efbfaed04-douglas sil,/o=exchangelabs/ou=exchange administrative group (fydibohf23spdlt)/cn=recipients/cn=d5130784dc81436d9511788de4df376c-jeciene gom,/o=exchangelabs/ou=exchange administrative group (fydibohf23spdlt)/cn=recipients/cn=fd4a47c4d251414eb48a57376a49e773-marco tulio</t>
  </si>
  <si>
    <t>10.207.12.97</t>
  </si>
  <si>
    <t>/o=exchangelabs/ou=exchange administrative group (fydibohf23spdlt)/cn=recipients/cn=8c89829ad534498fa4c85b5ac11174f1-suelen more;/o=exchangelabs/ou=exchange administrative group (fydibohf23spdlt)/cn=recipients/cn=a7d54e15e3a94d53b0b5014d75c8d080-wanessa bor;</t>
  </si>
  <si>
    <t>Teste da Nova BP</t>
  </si>
  <si>
    <t>214388_IBM_Field_(C017_B017).xlsb</t>
  </si>
  <si>
    <t>/o=exchangelabs/ou=exchange administrative group (fydibohf23spdlt)/cn=recipients/cn=8c89829ad534498fa4c85b5ac11174f1-suelen more,/o=exchangelabs/ou=exchange administrative group (fydibohf23spdlt)/cn=recipients/cn=a7d54e15e3a94d53b0b5014d75c8d080-wanessa bor</t>
  </si>
  <si>
    <t>CH511_20191010_151038.xls</t>
  </si>
  <si>
    <t>francisco.gouveia@temposervicos.com.br;leonoraat@algartech.com.br;vanusaos@algartech.com.br;</t>
  </si>
  <si>
    <t>RES: Rotina (OCOR-3071962) CRM:002570000669</t>
  </si>
  <si>
    <t>Rotinas.xlsx</t>
  </si>
  <si>
    <t>francisco.gouveia@temposervicos.com.br,leonoraat@algartech.com.br,vanusaos@algartech.com.br</t>
  </si>
  <si>
    <t>/o=exchangelabs/ou=exchange administrative group (fydibohf23spdlt)/cn=recipients/cn=509f93c55ee04a2db0c238b7a3e5d9a0-edval jose;</t>
  </si>
  <si>
    <t>ENC: Prazo Médio Recebimento LATAM</t>
  </si>
  <si>
    <t>APLICAÇÃO PMR E PMF LATAM - ARG.xlsx</t>
  </si>
  <si>
    <t>/o=exchangelabs/ou=exchange administrative group (fydibohf23spdlt)/cn=recipients/cn=509f93c55ee04a2db0c238b7a3e5d9a0-edval jose</t>
  </si>
  <si>
    <t>APLICAÇÃO PMR E PMF LATAM.xlsx México.xlsx</t>
  </si>
  <si>
    <t>ENC: Planilha Solicitações x incidentes A100w</t>
  </si>
  <si>
    <t>2019 9- A100 KPI Report-rev1.xlsx</t>
  </si>
  <si>
    <t>/o=exchangelabs/ou=exchange administrative group (fydibohf23spdlt)/cn=recipients/cn=5876a52919c440598f015f22bceb7eeb-antonio car;/o=exchangelabs/ou=exchange administrative group (fydibohf23spdlt)/cn=recipients/cn=8c01e71056fe4e1a8ecc4e24420bd9ef-fellyp cros;</t>
  </si>
  <si>
    <t>RES: Relação</t>
  </si>
  <si>
    <t>Associados Suprimentos.xlsx</t>
  </si>
  <si>
    <t>/o=exchangelabs/ou=exchange administrative group (fydibohf23spdlt)/cn=recipients/cn=5876a52919c440598f015f22bceb7eeb-antonio car,/o=exchangelabs/ou=exchange administrative group (fydibohf23spdlt)/cn=recipients/cn=8c01e71056fe4e1a8ecc4e24420bd9ef-fellyp cros</t>
  </si>
  <si>
    <t>ENC: RES: Solicitação de Assinatura - REQ12567 - Assinatura de Contrato.</t>
  </si>
  <si>
    <t>RES Lembrete Solicitação de Assinatura - REQ12567 - Assinatura de Contrato..msg\s242\</t>
  </si>
  <si>
    <t>ENC: Prestação de Contas Murer</t>
  </si>
  <si>
    <t>Despesas Murer.xlsx</t>
  </si>
  <si>
    <t>/o=exchangelabs/ou=exchange administrative group (fydibohf23spdlt)/cn=recipients/cn=07c3a56c251e4a1bb0cd5ad248dadf38-lucas costa;/o=exchangelabs/ou=exchange administrative group (fydibohf23spdlt)/cn=recipients/cn=34a28d636a1b4c86b1ec79baed4b846a-marco anton;/o=exchangelabs/ou=exchange administrative group (fydibohf23spdlt)/cn=recipients/cn=402535980e9d4d4788d63e3c9587e129-melissa fer;/o=exchangelabs/ou=exchange administrative group (fydibohf23spdlt)/cn=recipients/cn=4e42be0c35fe437c89a815dbb8f1ffeb-faturamento;/o=exchangelabs/ou=exchange administrative group (fydibohf23spdlt)/cn=recipients/cn=728d1d4924f44f719f0b63307ba2e26f-guilherme d;/o=exchangelabs/ou=exchange administrative group (fydibohf23spdlt)/cn=recipients/cn=userd5d32f69;lcooliveira@corp.bba.com.br;</t>
  </si>
  <si>
    <t>INADIMPLENCIA - ITAU UNIBANCO</t>
  </si>
  <si>
    <t>RES Portal iNotas - Liberação de acesso !!!.msg\s1\</t>
  </si>
  <si>
    <t>Dados para acesso iNotas Fornecedor.xlsx</t>
  </si>
  <si>
    <t>/o=exchangelabs/ou=exchange administrative group (fydibohf23spdlt)/cn=recipients/cn=07c3a56c251e4a1bb0cd5ad248dadf38-lucas costa,/o=exchangelabs/ou=exchange administrative group (fydibohf23spdlt)/cn=recipients/cn=34a28d636a1b4c86b1ec79baed4b846a-marco anton,/o=exchangelabs/ou=exchange administrative group (fydibohf23spdlt)/cn=recipients/cn=402535980e9d4d4788d63e3c9587e129-melissa fer,/o=exchangelabs/ou=exchange administrative group (fydibohf23spdlt)/cn=recipients/cn=4e42be0c35fe437c89a815dbb8f1ffeb-faturamento,/o=exchangelabs/ou=exchange administrative group (fydibohf23spdlt)/cn=recipients/cn=728d1d4924f44f719f0b63307ba2e26f-guilherme d,/o=exchangelabs/ou=exchange administrative group (fydibohf23spdlt)/cn=recipients/cn=userd5d32f69,lcooliveira@corp.bba.com.br</t>
  </si>
  <si>
    <t>mail.google.com/_/upload?authuser=0&amp;dcp=asu-n&amp;upload_id=AEnB2UooiHD_yjpkrMEpiJ5TmCrj2w6WhnkJBgbr_LPFqKb8Bo3td_yH61q8YwX1nI-6UvMZJQDi2ggDfFiDQwumY7WARu7RZw&amp;upload_protocol=resumable</t>
  </si>
  <si>
    <t>rafaelbdt@algartech.com;ricardos@algartech.com;sarah.abreu@cscalgar.com.br;</t>
  </si>
  <si>
    <t>rafaelbdt@algartech.com,ricardos@algartech.com,sarah.abreu@cscalgar.com.br</t>
  </si>
  <si>
    <t>/o=exchangelabs/ou=exchange administrative group (fydibohf23spdlt)/cn=recipients/cn=2f4bb3276da2464096fd9ebe23e1d908-marla jorda;/o=exchangelabs/ou=exchange administrative group (fydibohf23spdlt)/cn=recipients/cn=830ba83a6b9b441ab3f8d8b3a47d0ffe-angelica ma;/o=exchangelabs/ou=exchange administrative group (fydibohf23spdlt)/cn=recipients/cn=8448bc0d964c4200bf3bd8bd54310da1-kesley isai;/o=exchangelabs/ou=exchange administrative group (fydibohf23spdlt)/cn=recipients/cn=ac27634bb2ba4092a4bb28b0811ce15a-alessandra;/o=exchangelabs/ou=exchange administrative group (fydibohf23spdlt)/cn=recipients/cn=b00eb05119d14bbeac53a3bf5979e6c2-elena crist;/o=exchangelabs/ou=exchange administrative group (fydibohf23spdlt)/cn=recipients/cn=f0e6b231679d41b89fbbc682e6e3a6ca-daiane barb;</t>
  </si>
  <si>
    <t>ENC: COMISSÃO PILOTOS</t>
  </si>
  <si>
    <t>Fechamento Setembro PILOTOS.xlsx</t>
  </si>
  <si>
    <t>/o=exchangelabs/ou=exchange administrative group (fydibohf23spdlt)/cn=recipients/cn=2f4bb3276da2464096fd9ebe23e1d908-marla jorda,/o=exchangelabs/ou=exchange administrative group (fydibohf23spdlt)/cn=recipients/cn=830ba83a6b9b441ab3f8d8b3a47d0ffe-angelica ma,/o=exchangelabs/ou=exchange administrative group (fydibohf23spdlt)/cn=recipients/cn=8448bc0d964c4200bf3bd8bd54310da1-kesley isai,/o=exchangelabs/ou=exchange administrative group (fydibohf23spdlt)/cn=recipients/cn=ac27634bb2ba4092a4bb28b0811ce15a-alessandra,/o=exchangelabs/ou=exchange administrative group (fydibohf23spdlt)/cn=recipients/cn=b00eb05119d14bbeac53a3bf5979e6c2-elena crist,/o=exchangelabs/ou=exchange administrative group (fydibohf23spdlt)/cn=recipients/cn=f0e6b231679d41b89fbbc682e6e3a6ca-daiane barb</t>
  </si>
  <si>
    <t>isabelaaf@algartech.com.br;</t>
  </si>
  <si>
    <t>ENC: Painel Acompanhamento - FORMALIZAÇÃO AMEX E VISA</t>
  </si>
  <si>
    <t>isabelaaf@algartech.com.br</t>
  </si>
  <si>
    <t>Pipeline Detalhado Latam 2019_10_10.xlsx</t>
  </si>
  <si>
    <t>Pipeline Detalhado Argentina 2019_10_10.xlsx</t>
  </si>
  <si>
    <t>mail.google.com/_/upload?authuser=1&amp;dcp=asu-n&amp;upload_id=AEnB2Uo0nBn2BjyavjqMq0w_Twy_V0FW0-P_KnYdBu0lHWecW1JeIFr7YIRxxdWs8WQyGaJaru4P84tj_-FXU2dexJeFnhBtHuam6io_SIVp_SpAhWq3Kxk&amp;upload_protocol=resumable</t>
  </si>
  <si>
    <t>cruzamento divergência Qlikview.xlsx</t>
  </si>
  <si>
    <t>/o=exchangelabs/ou=exchange administrative group (fydibohf23spdlt)/cn=recipients/cn=60c79fa1bc994449ac17a5e2109f7abd-claudio fer;</t>
  </si>
  <si>
    <t>Outubro_ Formalização.xlsm</t>
  </si>
  <si>
    <t>/o=exchangelabs/ou=exchange administrative group (fydibohf23spdlt)/cn=recipients/cn=60c79fa1bc994449ac17a5e2109f7abd-claudio fer</t>
  </si>
  <si>
    <t>CH542_20191010_163413.xls</t>
  </si>
  <si>
    <t>Pipeline Detalhado Colombia 2019_10_10.xlsx</t>
  </si>
  <si>
    <t>'marciamdf@algatech.com;/o=exchangelabs/ou=exchange administrative group (fydibohf23spdlt)/cn=recipients/cn=356687541e6d4dba87a6d07b3c4b9c4a-paulinia av;/o=exchangelabs/ou=exchange administrative group (fydibohf23spdlt)/cn=recipients/cn=822f65115a2046059fff20a916dd90e9-thais marti;/o=exchangelabs/ou=exchange administrative group (fydibohf23spdlt)/cn=recipients/cn=82e9af7034e542b3a622ab8e7d09ff5d-ricardo de;/o=exchangelabs/ou=exchange administrative group (fydibohf23spdlt)/cn=recipients/cn=8b5b63d67af648d081a40c45cc800804-fabiana per;/o=exchangelabs/ou=exchange administrative group (fydibohf23spdlt)/cn=recipients/cn=a78f7dae304e472e9f75bd537683f6e5-hugo de oli;/o=exchangelabs/ou=exchange administrative group (fydibohf23spdlt)/cn=recipients/cn=aff8c3b9538840fe9b9778861292fbea-everton pau;/o=exchangelabs/ou=exchange administrative group (fydibohf23spdlt)/cn=recipients/cn=f45617401bdf436baf70c45766699413-frederico b;adrianofo@algartech.com.br;aurio.nogueira@bradesco.com.br;brunosr@algartech.com.br;isabelaaf@algar</t>
  </si>
  <si>
    <t>'marciamdf@algatech.com,/o=exchangelabs/ou=exchange administrative group (fydibohf23spdlt)/cn=recipients/cn=356687541e6d4dba87a6d07b3c4b9c4a-paulinia av,/o=exchangelabs/ou=exchange administrative group (fydibohf23spdlt)/cn=recipients/cn=822f65115a2046059fff20a916dd90e9-thais marti,/o=exchangelabs/ou=exchange administrative group (fydibohf23spdlt)/cn=recipients/cn=82e9af7034e542b3a622ab8e7d09ff5d-ricardo de,/o=exchangelabs/ou=exchange administrative group (fydibohf23spdlt)/cn=recipients/cn=8b5b63d67af648d081a40c45cc800804-fabiana per,/o=exchangelabs/ou=exchange administrative group (fydibohf23spdlt)/cn=recipients/cn=a78f7dae304e472e9f75bd537683f6e5-hugo de oli,/o=exchangelabs/ou=exchange administrative group (fydibohf23spdlt)/cn=recipients/cn=aff8c3b9538840fe9b9778861292fbea-everton pau,/o=exchangelabs/ou=exchange administrative group (fydibohf23spdlt)/cn=recipients/cn=f45617401bdf436baf70c45766699413-frederico b,adrianofo@algartech.com.br,aurio.nogueira@bradesco.com.br,brunosr@algartech.com.br,isabelaaf@algar</t>
  </si>
  <si>
    <t>ENC: Fechamento Setembro_ UNE e Casos Especiais</t>
  </si>
  <si>
    <t>'marciamdf@algatech.com;/o=exchangelabs/ou=exchange administrative group (fydibohf23spdlt)/cn=recipients/cn=356687541e6d4dba87a6d07b3c4b9c4a-paulinia av;/o=exchangelabs/ou=exchange administrative group (fydibohf23spdlt)/cn=recipients/cn=822f65115a2046059fff20a916dd90e9-thais marti;/o=exchangelabs/ou=exchange administrative group (fydibohf23spdlt)/cn=recipients/cn=82e9af7034e542b3a622ab8e7d09ff5d-ricardo de;/o=exchangelabs/ou=exchange administrative group (fydibohf23spdlt)/cn=recipients/cn=8b5b63d67af648d081a40c45cc800804-fabiana per;/o=exchangelabs/ou=exchange administrative group (fydibohf23spdlt)/cn=recipients/cn=a78f7dae304e472e9f75bd537683f6e5-hugo de oli;/o=exchangelabs/ou=exchange administrative group (fydibohf23spdlt)/cn=recipients/cn=aff8c3b9538840fe9b9778861292fbea-everton pau;/o=exchangelabs/ou=exchange administrative group (fydibohf23spdlt)/cn=recipients/cn=f45617401bdf436baf70c45766699413-frederico b;aurio.nogueira@bradesco.com.br;brunosr@algartech.com.br;isabelaaf@algartech.com.br;jackson.diniz@b</t>
  </si>
  <si>
    <t>'marciamdf@algatech.com,/o=exchangelabs/ou=exchange administrative group (fydibohf23spdlt)/cn=recipients/cn=356687541e6d4dba87a6d07b3c4b9c4a-paulinia av,/o=exchangelabs/ou=exchange administrative group (fydibohf23spdlt)/cn=recipients/cn=822f65115a2046059fff20a916dd90e9-thais marti,/o=exchangelabs/ou=exchange administrative group (fydibohf23spdlt)/cn=recipients/cn=82e9af7034e542b3a622ab8e7d09ff5d-ricardo de,/o=exchangelabs/ou=exchange administrative group (fydibohf23spdlt)/cn=recipients/cn=8b5b63d67af648d081a40c45cc800804-fabiana per,/o=exchangelabs/ou=exchange administrative group (fydibohf23spdlt)/cn=recipients/cn=a78f7dae304e472e9f75bd537683f6e5-hugo de oli,/o=exchangelabs/ou=exchange administrative group (fydibohf23spdlt)/cn=recipients/cn=aff8c3b9538840fe9b9778861292fbea-everton pau,/o=exchangelabs/ou=exchange administrative group (fydibohf23spdlt)/cn=recipients/cn=f45617401bdf436baf70c45766699413-frederico b,aurio.nogueira@bradesco.com.br,brunosr@algartech.com.br,isabelaaf@algartech.com.br,jackson.diniz@b</t>
  </si>
  <si>
    <t>'marciamdf@algatech.com;/o=exchangelabs/ou=exchange administrative group (fydibohf23spdlt)/cn=recipients/cn=356687541e6d4dba87a6d07b3c4b9c4a-paulinia av;/o=exchangelabs/ou=exchange administrative group (fydibohf23spdlt)/cn=recipients/cn=60c79fa1bc994449ac17a5e2109f7abd-claudio fer;/o=exchangelabs/ou=exchange administrative group (fydibohf23spdlt)/cn=recipients/cn=822f65115a2046059fff20a916dd90e9-thais marti;/o=exchangelabs/ou=exchange administrative group (fydibohf23spdlt)/cn=recipients/cn=82e9af7034e542b3a622ab8e7d09ff5d-ricardo de;/o=exchangelabs/ou=exchange administrative group (fydibohf23spdlt)/cn=recipients/cn=8b5b63d67af648d081a40c45cc800804-fabiana per;/o=exchangelabs/ou=exchange administrative group (fydibohf23spdlt)/cn=recipients/cn=a78f7dae304e472e9f75bd537683f6e5-hugo de oli;/o=exchangelabs/ou=exchange administrative group (fydibohf23spdlt)/cn=recipients/cn=aff8c3b9538840fe9b9778861292fbea-everton pau;/o=exchangelabs/ou=exchange administrative group (fydibohf23spdlt)/cn=recipients/cn=f45617401bdf43</t>
  </si>
  <si>
    <t>Painel Fechamento - FORMALIZAÇÃO AMEX E VISA</t>
  </si>
  <si>
    <t>'marciamdf@algatech.com,/o=exchangelabs/ou=exchange administrative group (fydibohf23spdlt)/cn=recipients/cn=356687541e6d4dba87a6d07b3c4b9c4a-paulinia av,/o=exchangelabs/ou=exchange administrative group (fydibohf23spdlt)/cn=recipients/cn=60c79fa1bc994449ac17a5e2109f7abd-claudio fer,/o=exchangelabs/ou=exchange administrative group (fydibohf23spdlt)/cn=recipients/cn=822f65115a2046059fff20a916dd90e9-thais marti,/o=exchangelabs/ou=exchange administrative group (fydibohf23spdlt)/cn=recipients/cn=82e9af7034e542b3a622ab8e7d09ff5d-ricardo de,/o=exchangelabs/ou=exchange administrative group (fydibohf23spdlt)/cn=recipients/cn=8b5b63d67af648d081a40c45cc800804-fabiana per,/o=exchangelabs/ou=exchange administrative group (fydibohf23spdlt)/cn=recipients/cn=a78f7dae304e472e9f75bd537683f6e5-hugo de oli,/o=exchangelabs/ou=exchange administrative group (fydibohf23spdlt)/cn=recipients/cn=aff8c3b9538840fe9b9778861292fbea-everton pau,/o=exchangelabs/ou=exchange administrative group (fydibohf23spdlt)/cn=recipients/cn=f45617401bdf43</t>
  </si>
  <si>
    <t>/o=exchangelabs/ou=exchange administrative group (fydibohf23spdlt)/cn=recipients/cn=081ad68d80e54f56a50fae744302756c-daniel inac;/o=exchangelabs/ou=exchange administrative group (fydibohf23spdlt)/cn=recipients/cn=0a343ab60c904ee9b25c54f941bc50a2-elincon pis;/o=exchangelabs/ou=exchange administrative group (fydibohf23spdlt)/cn=recipients/cn=1698f5af44b14116ad2d0b751d584c7d-danilo rafa;/o=exchangelabs/ou=exchange administrative group (fydibohf23spdlt)/cn=recipients/cn=3bff4ffb267e4ea2a4a3347f6a4c5cf8-tatiane mag;/o=exchangelabs/ou=exchange administrative group (fydibohf23spdlt)/cn=recipients/cn=b3a7bf82b39e4280974e293162e4da11-charles de;/o=exchangelabs/ou=exchange administrative group (fydibohf23spdlt)/cn=recipients/cn=e6e5d1dfc5374d3ba06e9d8ded621798-vitor nunes;/o=exchangelabs/ou=exchange administrative group (fydibohf23spdlt)/cn=recipients/cn=eea27db2efac4c00b111a6ef74a37080-francinaldo;/o=exchangelabs/ou=exchange administrative group (fydibohf23spdlt)/cn=recipients/cn=f8fd70aa32d7446da2fb12b31879bfda-denil</t>
  </si>
  <si>
    <t>RES: Não conformidade de Acesso- ETD Penha</t>
  </si>
  <si>
    <t>Levantamento_Prestadores de serviço_Integração_2019_ (002).xlsx</t>
  </si>
  <si>
    <t>/o=exchangelabs/ou=exchange administrative group (fydibohf23spdlt)/cn=recipients/cn=081ad68d80e54f56a50fae744302756c-daniel inac,/o=exchangelabs/ou=exchange administrative group (fydibohf23spdlt)/cn=recipients/cn=0a343ab60c904ee9b25c54f941bc50a2-elincon pis,/o=exchangelabs/ou=exchange administrative group (fydibohf23spdlt)/cn=recipients/cn=1698f5af44b14116ad2d0b751d584c7d-danilo rafa,/o=exchangelabs/ou=exchange administrative group (fydibohf23spdlt)/cn=recipients/cn=3bff4ffb267e4ea2a4a3347f6a4c5cf8-tatiane mag,/o=exchangelabs/ou=exchange administrative group (fydibohf23spdlt)/cn=recipients/cn=b3a7bf82b39e4280974e293162e4da11-charles de,/o=exchangelabs/ou=exchange administrative group (fydibohf23spdlt)/cn=recipients/cn=e6e5d1dfc5374d3ba06e9d8ded621798-vitor nunes,/o=exchangelabs/ou=exchange administrative group (fydibohf23spdlt)/cn=recipients/cn=eea27db2efac4c00b111a6ef74a37080-francinaldo,/o=exchangelabs/ou=exchange administrative group (fydibohf23spdlt)/cn=recipients/cn=f8fd70aa32d7446da2fb12b31879bfda-denil</t>
  </si>
  <si>
    <t>Pipeline Detalhado Mexico 2019_10_10.xlsx</t>
  </si>
  <si>
    <t>/o=exchangelabs/ou=exchange administrative group (fydibohf23spdlt)/cn=recipients/cn=c82d742f5f1e4122a86db0495b71e095-nilton j. g;</t>
  </si>
  <si>
    <t>Multi</t>
  </si>
  <si>
    <t>Evolução das Negociações.xlsx</t>
  </si>
  <si>
    <t>/o=exchangelabs/ou=exchange administrative group (fydibohf23spdlt)/cn=recipients/cn=c82d742f5f1e4122a86db0495b71e095-nilton j. g</t>
  </si>
  <si>
    <t>/o=exchangelabs/ou=exchange administrative group (fydibohf23spdlt)/cn=recipients/cn=515d9b808d0f4fa9afcf67b343194fe8-victor edua;/o=exchangelabs/ou=exchange administrative group (fydibohf23spdlt)/cn=recipients/cn=5876a52919c440598f015f22bceb7eeb-antonio car;/o=exchangelabs/ou=exchange administrative group (fydibohf23spdlt)/cn=recipients/cn=8c01e71056fe4e1a8ecc4e24420bd9ef-fellyp cros;acessotim@timbrasil.com.br;aleal@timbrasil.com.br;cracha@timbrasil.com.br;</t>
  </si>
  <si>
    <t>SOLICITAÇÃO DE ACESSO PLAYER JUIZ DE FORA</t>
  </si>
  <si>
    <t>Solicitação de Acesso TIM MG JUIZ DE FORA.xls</t>
  </si>
  <si>
    <t>/o=exchangelabs/ou=exchange administrative group (fydibohf23spdlt)/cn=recipients/cn=515d9b808d0f4fa9afcf67b343194fe8-victor edua,/o=exchangelabs/ou=exchange administrative group (fydibohf23spdlt)/cn=recipients/cn=5876a52919c440598f015f22bceb7eeb-antonio car,/o=exchangelabs/ou=exchange administrative group (fydibohf23spdlt)/cn=recipients/cn=8c01e71056fe4e1a8ecc4e24420bd9ef-fellyp cros,acessotim@timbrasil.com.br,aleal@timbrasil.com.br,cracha@timbrasil.com.br</t>
  </si>
  <si>
    <t>C:\Users\filemoncmj\OneDrive - Grupo Algar\01. Algar Tech\01. Projetos de Clientes\47. Prudential\15. Análises de Capacidade\Chamado_ 3352854_.eml\</t>
  </si>
  <si>
    <t>Classificacao_de_Itens_GIAT Classificado.xlsx</t>
  </si>
  <si>
    <t>Classificacao_de_Itens_ISD Classificado.xlsx</t>
  </si>
  <si>
    <t>10.200.111.24</t>
  </si>
  <si>
    <t>ENC: Equiparação Salarial - CRC</t>
  </si>
  <si>
    <t>Casos de enquadramento Mercedes - set-19.xlsx</t>
  </si>
  <si>
    <t>/o=exchangelabs/ou=exchange administrative group (fydibohf23spdlt)/cn=recipients/cn=0addf5d63aa844c7a80c4c80b8d6351e-edson barbo;ersantana@timbrasil.com.br;</t>
  </si>
  <si>
    <t>Não conformidade de Acesso- ETD Penha</t>
  </si>
  <si>
    <t>Levantamento_Prestadores de serviço_Integração_2019_ (002) (002).xlsx</t>
  </si>
  <si>
    <t>/o=exchangelabs/ou=exchange administrative group (fydibohf23spdlt)/cn=recipients/cn=0addf5d63aa844c7a80c4c80b8d6351e-edson barbo,ersantana@timbrasil.com.br</t>
  </si>
  <si>
    <t>214360_Preco_rev04.xlsb</t>
  </si>
  <si>
    <t>alessandroam@algartech.com</t>
  </si>
  <si>
    <t>almezindosn@algartech.com;edilsonrb@algartech.com;igorpc@algartech.com;leonardoafa@algartech.com;leonardocso@algartech.com;luisfno@algartech.com;marceloat@algartech.com;marianesg@algartech.com;nikellydcs@algartech.com;reginaldort@algartech.com;</t>
  </si>
  <si>
    <t>NEXT - Adequações 10102019.xlsx</t>
  </si>
  <si>
    <t>almezindosn@algartech.com,edilsonrb@algartech.com,igorpc@algartech.com,leonardoafa@algartech.com,leonardocso@algartech.com,luisfno@algartech.com,marceloat@algartech.com,marianesg@algartech.com,nikellydcs@algartech.com,reginaldort@algartech.com</t>
  </si>
  <si>
    <t>mail.google.com/_/upload?authuser=0&amp;dcp=asu-n&amp;upload_id=AEnB2UpFIObA6hMLSGajhMPNkk4wdGnGmOO5-xPcEp81Yj-B_dNZFg90mPoUwgZL5AwwpnU49lU2O_F9R3YDTNbWv42j1cZP1LCsHZhHXeEEQ9ac8Iu0jfc&amp;upload_protocol=resumable</t>
  </si>
  <si>
    <t>PMO_-_Detalhamento_de_Itens_-_Infraestrutura_e_troca_de_tomadas_Office_A100_Classificado.xlsx</t>
  </si>
  <si>
    <t>C:\Users\lucianafaa\OneDrive - Grupo Algar\2019\PROJETOS\PROGRAMA\CUSTOMER SUCCESS- LUIS\Re Projeto Customer Success - Código do Número do CR9-10.msg\s1\</t>
  </si>
  <si>
    <t>CH516_20190710_091101.V1.xlsb</t>
  </si>
  <si>
    <t>CH542_20191010_163655.xls</t>
  </si>
  <si>
    <t>DYEGO.xlsx</t>
  </si>
  <si>
    <t>/o=exchangelabs/ou=exchange administrative group (fydibohf23spdlt)/cn=recipients/cn=5c622a418fd946f4953ddb5f89bb73ce-vanessa da;/o=exchangelabs/ou=exchange administrative group (fydibohf23spdlt)/cn=recipients/cn=7094e3830c7149b2a48be9648c62854e-lorrana apa;/o=exchangelabs/ou=exchange administrative group (fydibohf23spdlt)/cn=recipients/cn=8f4e3aa524514f919832da77d1e13730-giselle nar;</t>
  </si>
  <si>
    <t>Nespresso: Relatório Midias/ Setembro 2019</t>
  </si>
  <si>
    <t>Nespresso Setembro - NEWCRC-BR-PowerBIDataSource.xlsx</t>
  </si>
  <si>
    <t>/o=exchangelabs/ou=exchange administrative group (fydibohf23spdlt)/cn=recipients/cn=5c622a418fd946f4953ddb5f89bb73ce-vanessa da,/o=exchangelabs/ou=exchange administrative group (fydibohf23spdlt)/cn=recipients/cn=7094e3830c7149b2a48be9648c62854e-lorrana apa,/o=exchangelabs/ou=exchange administrative group (fydibohf23spdlt)/cn=recipients/cn=8f4e3aa524514f919832da77d1e13730-giselle nar</t>
  </si>
  <si>
    <t>/o=exchangelabs/ou=exchange administrative group (fydibohf23spdlt)/cn=recipients/cn=1191856b4ea3436db68a95ceb07dc6d1-fernanda fe;/o=exchangelabs/ou=exchange administrative group (fydibohf23spdlt)/cn=recipients/cn=14ec7c958b2e46f09b74d4ea7735b36d-luiz fernan;/o=exchangelabs/ou=exchange administrative group (fydibohf23spdlt)/cn=recipients/cn=545f738e0fe740ba856f4eb6ef0135e0-vinicius si;/o=exchangelabs/ou=exchange administrative group (fydibohf23spdlt)/cn=recipients/cn=7903c13fa0504ff0bc7dd2644020b0e8-mirna prado;/o=exchangelabs/ou=exchange administrative group (fydibohf23spdlt)/cn=recipients/cn=9216c91f88944fa9915f6d1b2c6a77a0-renato kass;/o=exchangelabs/ou=exchange administrative group (fydibohf23spdlt)/cn=recipients/cn=eb3a8d47e16546c381d649c124fcfbb7-cpc - contr;/o=exchangelabs/ou=exchange administrative group (fydibohf23spdlt)/cn=recipients/cn=eeccfec6dd26453db576a7c3b3bc44ec-pablo perei;</t>
  </si>
  <si>
    <t>RES: Suporte</t>
  </si>
  <si>
    <t>ACOMPANHAMENTO AVON.msg\s1\</t>
  </si>
  <si>
    <t>Novo material de Apoio.xlsx</t>
  </si>
  <si>
    <t>/o=exchangelabs/ou=exchange administrative group (fydibohf23spdlt)/cn=recipients/cn=1191856b4ea3436db68a95ceb07dc6d1-fernanda fe,/o=exchangelabs/ou=exchange administrative group (fydibohf23spdlt)/cn=recipients/cn=14ec7c958b2e46f09b74d4ea7735b36d-luiz fernan,/o=exchangelabs/ou=exchange administrative group (fydibohf23spdlt)/cn=recipients/cn=545f738e0fe740ba856f4eb6ef0135e0-vinicius si,/o=exchangelabs/ou=exchange administrative group (fydibohf23spdlt)/cn=recipients/cn=7903c13fa0504ff0bc7dd2644020b0e8-mirna prado,/o=exchangelabs/ou=exchange administrative group (fydibohf23spdlt)/cn=recipients/cn=9216c91f88944fa9915f6d1b2c6a77a0-renato kass,/o=exchangelabs/ou=exchange administrative group (fydibohf23spdlt)/cn=recipients/cn=eb3a8d47e16546c381d649c124fcfbb7-cpc - contr,/o=exchangelabs/ou=exchange administrative group (fydibohf23spdlt)/cn=recipients/cn=eeccfec6dd26453db576a7c3b3bc44ec-pablo perei</t>
  </si>
  <si>
    <t>/o=exchangelabs/ou=exchange administrative group (fydibohf23spdlt)/cn=recipients/cn=75cdb831ed9b44aca8d8bbc1f13d5a1d-rafaela sam;</t>
  </si>
  <si>
    <t>Banco de dados ativo</t>
  </si>
  <si>
    <t>Banco de Dados ATIVO NEXT.xlsx</t>
  </si>
  <si>
    <t>/o=exchangelabs/ou=exchange administrative group (fydibohf23spdlt)/cn=recipients/cn=75cdb831ed9b44aca8d8bbc1f13d5a1d-rafaela sam</t>
  </si>
  <si>
    <t>C:\Users\jairojsa\OneDrive - Grupo Algar\Caixa\LAST CALL\ATIVO CAIXA\Vendas Cap - 240 PAs - Cópia.xlsb\</t>
  </si>
  <si>
    <t>karolinasr@algartech.com;paulohm@algartech.com;vivianeppe@algartech.com;</t>
  </si>
  <si>
    <t>Daily Operador_09-10-2019.xlsx</t>
  </si>
  <si>
    <t>karolinasr@algartech.com,paulohm@algartech.com,vivianeppe@algartech.com</t>
  </si>
  <si>
    <t>/o=exchangelabs/ou=exchange administrative group (fydibohf23spdlt)/cn=recipients/cn=ab45243d601947128cfe3dec663408bf-pamela tava;/o=exchangelabs/ou=exchange administrative group (fydibohf23spdlt)/cn=recipients/cn=b67cad4ecfa344baaa94d716e7554f49-bruno camel;</t>
  </si>
  <si>
    <t>STH's Crescimento CAIXA SEGURADORA</t>
  </si>
  <si>
    <t>/o=exchangelabs/ou=exchange administrative group (fydibohf23spdlt)/cn=recipients/cn=ab45243d601947128cfe3dec663408bf-pamela tava,/o=exchangelabs/ou=exchange administrative group (fydibohf23spdlt)/cn=recipients/cn=b67cad4ecfa344baaa94d716e7554f49-bruno camel</t>
  </si>
  <si>
    <t>NOVO MODELO DE IMPORTAÇAO GERENCIADAS AMEX E VMC.xls</t>
  </si>
  <si>
    <t>Cronograma Atividades Núcleo Business</t>
  </si>
  <si>
    <t>Cronograma das Atividades Business Performance.xlsx</t>
  </si>
  <si>
    <t>FORMULARIO DE CADASTRO DE FORNECEDOR.xlsx</t>
  </si>
  <si>
    <t>FORMULARIO_DE_CADASTRO_DE_FORNECEDOR_-_R12_e_SOMAR_-_Socios (1).xlsx</t>
  </si>
  <si>
    <t>10.200.60.194</t>
  </si>
  <si>
    <t>D8-9C-67-6F-23-AB</t>
  </si>
  <si>
    <t>mail.google.com/_/upload?authuser=0&amp;dcp=asu-n&amp;upload_id=AEnB2UqF6br1bm8OMlcxClbOxkbLMxVHktUg4R6ZSYhtLdRK0_k97OJY9yuztApOdkcfVeOnk-ljgBQbfX-qyhWWvNpTtQ9fnw&amp;upload_protocol=resumable</t>
  </si>
  <si>
    <t>Migração SAGE.xlsx</t>
  </si>
  <si>
    <t>mail.google.com/_/upload?authuser=0&amp;dcp=asu-n&amp;upload_id=AEnB2UqMRoukv-GWjEOfw5BHysl1wy2SozzRcw3hlfOVJtlIply94PsOCeOkiU4wLLsZFsMVlOGMmSfhP4EnUvq9emVqWDA1SQ&amp;upload_protocol=resumable</t>
  </si>
  <si>
    <t>alinedsdi@algartech.com;anabonito@algartelecom.com.br;brunocss@algartech.com;</t>
  </si>
  <si>
    <t>2019_10_Gerencial_Qualidade_Retenção.xlsx</t>
  </si>
  <si>
    <t>alinedsdi@algartech.com,anabonito@algartelecom.com.br,brunocss@algartech.com</t>
  </si>
  <si>
    <t>/o=exchangelabs/ou=exchange administrative group (fydibohf23spdlt)/cn=recipients/cn=2083875ab19146848e9acf6dbac781d4-cleiton gom;/o=exchangelabs/ou=exchange administrative group (fydibohf23spdlt)/cn=recipients/cn=5876a52919c440598f015f22bceb7eeb-antonio car;/o=exchangelabs/ou=exchange administrative group (fydibohf23spdlt)/cn=recipients/cn=789dec4dad7d44908ec466b75359c302-amanda robe;/o=exchangelabs/ou=exchange administrative group (fydibohf23spdlt)/cn=recipients/cn=e0545d347d844f999a1a0bbd1a977e94-joao jose m;</t>
  </si>
  <si>
    <t>RES: Reparo/Conserto De Gerador Móvel - CMMC/ANF38</t>
  </si>
  <si>
    <t>/o=exchangelabs/ou=exchange administrative group (fydibohf23spdlt)/cn=recipients/cn=2083875ab19146848e9acf6dbac781d4-cleiton gom,/o=exchangelabs/ou=exchange administrative group (fydibohf23spdlt)/cn=recipients/cn=5876a52919c440598f015f22bceb7eeb-antonio car,/o=exchangelabs/ou=exchange administrative group (fydibohf23spdlt)/cn=recipients/cn=789dec4dad7d44908ec466b75359c302-amanda robe,/o=exchangelabs/ou=exchange administrative group (fydibohf23spdlt)/cn=recipients/cn=e0545d347d844f999a1a0bbd1a977e94-joao jose m</t>
  </si>
  <si>
    <t>mail.google.com/_/upload?authuser=1&amp;dcp=asu-n&amp;upload_id=AEnB2UoB3Zo5hj0Jjbt7qVHiXcFncWPYHnGCmn9-QYP9kqNvMsGSj7mAsPygqzoBBGjKeUHNqVqO6pTjfGQR33YKTLMR8zX2mw&amp;upload_protocol=resumable</t>
  </si>
  <si>
    <t>C:\_Marco Tulio\0 - Coach\2 - Qualidade\01 - Estrategico\10 - Next\</t>
  </si>
  <si>
    <t>193360 Next Bradesco Versao Final.xlsb</t>
  </si>
  <si>
    <t>C:\_Marco Tulio\0 - Coach\2 - Qualidade\01 - Estrategico\10 - Next\193360 Next Bradesco Versao Final.xlsb\</t>
  </si>
  <si>
    <t>RES: CAPEX 2019 (pré-closing) e CAPEX 2020 - (Abertura por empresa e CR) --- Ajuste LGPD</t>
  </si>
  <si>
    <t>CAPEX_2020_Oficial - Info_Caixa_Depreciação_Cenário2_ajuste_LGPD.xlsx</t>
  </si>
  <si>
    <t>FAT - T-SYSTEMS - Janeiro a Setembro/2019</t>
  </si>
  <si>
    <t>FAT_T SYSTEMS_JAN A SET_2019.xlsx</t>
  </si>
  <si>
    <t>Revisão LP GAT.xlsx</t>
  </si>
  <si>
    <t>PMO_-_Detalhamento_de_Itens_-_Troca_dos_Disjuntores_Classificado.xlsx</t>
  </si>
  <si>
    <t>https://caey.fa.us2.oraclecloud.com/crmui/faces/fusewelcome?_adf.ctrl-state=caipvqi3q_9</t>
  </si>
  <si>
    <t>Classificação: SIGILOSO - Manifestação Ouvidoria Algar - Protocolo [#26327]</t>
  </si>
  <si>
    <t>BaseAlgar_10102019.xlsx</t>
  </si>
  <si>
    <t>10.200.58.111</t>
  </si>
  <si>
    <t>/o=exchangelabs/ou=exchange administrative group (fydibohf23spdlt)/cn=recipients/cn=3d76664d4bc241c487f06913aba47ca9-rafael da s;cristianecsa@algartech.com;</t>
  </si>
  <si>
    <t>BAIXA DE ATIVOS</t>
  </si>
  <si>
    <t>FATURAMENTO MESAS ALGAR TI UBERLANDIA.xlsx</t>
  </si>
  <si>
    <t>/o=exchangelabs/ou=exchange administrative group (fydibohf23spdlt)/cn=recipients/cn=3d76664d4bc241c487f06913aba47ca9-rafael da s,cristianecsa@algartech.com</t>
  </si>
  <si>
    <t>/o=exchangelabs/ou=exchange administrative group (fydibohf23spdlt)/cn=recipients/cn=3a10c1d788234688b257ab253389ec06-mateus mala;</t>
  </si>
  <si>
    <t>cenários bf</t>
  </si>
  <si>
    <t>Cenários Black Friday.xlsx</t>
  </si>
  <si>
    <t>/o=exchangelabs/ou=exchange administrative group (fydibohf23spdlt)/cn=recipients/cn=3a10c1d788234688b257ab253389ec06-mateus mala</t>
  </si>
  <si>
    <t>\\acsfs\QLD\Gestão por Processos\Oficiais\Indicadores\Automação de Processos\01 - APLICAÇÕES\02 - QLIKVIEW\01 - INPUTS\24 - ANALISE FINANCEIRA MENSAL\ARQUIVOS\AUXILIAR\</t>
  </si>
  <si>
    <t>10.200.58.187</t>
  </si>
  <si>
    <t>D8-9C-67-6F-30-2F</t>
  </si>
  <si>
    <t>/o=exchangelabs/ou=exchange administrative group (fydibohf23spdlt)/cn=recipients/cn=b67cad4ecfa344baaa94d716e7554f49-bruno camel;/o=exchangelabs/ou=exchange administrative group (fydibohf23spdlt)/cn=recipients/cn=d73974a6e555442cafd74cda95746e86-denia alves;/o=exchangelabs/ou=exchange administrative group (fydibohf23spdlt)/cn=recipients/cn=usera699e94b;</t>
  </si>
  <si>
    <t>RES: Planejamento Sicoob e EDP</t>
  </si>
  <si>
    <t>Planejamento QLD e TRN - Setembro.xlsx</t>
  </si>
  <si>
    <t>/o=exchangelabs/ou=exchange administrative group (fydibohf23spdlt)/cn=recipients/cn=b67cad4ecfa344baaa94d716e7554f49-bruno camel,/o=exchangelabs/ou=exchange administrative group (fydibohf23spdlt)/cn=recipients/cn=d73974a6e555442cafd74cda95746e86-denia alves,/o=exchangelabs/ou=exchange administrative group (fydibohf23spdlt)/cn=recipients/cn=usera699e94b</t>
  </si>
  <si>
    <t>Orçamento somente com os Scrums</t>
  </si>
  <si>
    <t>/o=exchangelabs/ou=exchange administrative group (fydibohf23spdlt)/cn=recipients/cn=52684aee05874b27a5c249763c2fe008-andre mota;/o=exchangelabs/ou=exchange administrative group (fydibohf23spdlt)/cn=recipients/cn=d5130784dc81436d9511788de4df376c-jeciene gom;/o=exchangelabs/ou=exchange administrative group (fydibohf23spdlt)/cn=recipients/cn=ee68a2a53024446789dc480aef9c7a7c-joao gabrie;/o=exchangelabs/ou=exchange administrative group (fydibohf23spdlt)/cn=recipients/cn=fe134ce6f7124ebfa00395a14326bd71-luciana ber;</t>
  </si>
  <si>
    <t>Ganhos projeto transformação Caixa Cap setembro/19</t>
  </si>
  <si>
    <t>09-2019 - Caixa Capitalização.xlsx</t>
  </si>
  <si>
    <t>/o=exchangelabs/ou=exchange administrative group (fydibohf23spdlt)/cn=recipients/cn=52684aee05874b27a5c249763c2fe008-andre mota,/o=exchangelabs/ou=exchange administrative group (fydibohf23spdlt)/cn=recipients/cn=d5130784dc81436d9511788de4df376c-jeciene gom,/o=exchangelabs/ou=exchange administrative group (fydibohf23spdlt)/cn=recipients/cn=ee68a2a53024446789dc480aef9c7a7c-joao gabrie,/o=exchangelabs/ou=exchange administrative group (fydibohf23spdlt)/cn=recipients/cn=fe134ce6f7124ebfa00395a14326bd71-luciana ber</t>
  </si>
  <si>
    <t>ENC: Rateio SETEMBRO/2019 --- seguir como norte para Nov</t>
  </si>
  <si>
    <t>/o=exchangelabs/ou=exchange administrative group (fydibohf23spdlt)/cn=recipients/cn=2504d5028b6b4fb89d14a5df6031358d-jane carla;/o=exchangelabs/ou=exchange administrative group (fydibohf23spdlt)/cn=recipients/cn=c5057601f2364b0db7ea84dbec10baa4-matheus mor;</t>
  </si>
  <si>
    <t>cAPEX</t>
  </si>
  <si>
    <t>CAPEX_HFM_ACUM 2019.xlsb</t>
  </si>
  <si>
    <t>/o=exchangelabs/ou=exchange administrative group (fydibohf23spdlt)/cn=recipients/cn=2504d5028b6b4fb89d14a5df6031358d-jane carla,/o=exchangelabs/ou=exchange administrative group (fydibohf23spdlt)/cn=recipients/cn=c5057601f2364b0db7ea84dbec10baa4-matheus mor</t>
  </si>
  <si>
    <t>Cópia de RV Para apuração v4.xlsx</t>
  </si>
  <si>
    <t>10.250.255.61</t>
  </si>
  <si>
    <t>\\acsfs\DEPTOS\Controladoria\3. CSC\CONTROLES CSC\Drivers de custo - 2019\08.2019\Cost Driver Algar Tech (08_19)\</t>
  </si>
  <si>
    <t>Cost Driver 2019-2 Algar Tech.xlsx</t>
  </si>
  <si>
    <t>10.250.255.80</t>
  </si>
  <si>
    <t>Acompanhamento Férias</t>
  </si>
  <si>
    <t>9368 - MESAS ALGAR TECNOLOGIA UBERLANDIA.xls</t>
  </si>
  <si>
    <t>/o=exchangelabs/ou=exchange administrative group (fydibohf23spdlt)/cn=recipients/cn=8c89829ad534498fa4c85b5ac11174f1-suelen more;/o=exchangelabs/ou=exchange administrative group (fydibohf23spdlt)/cn=recipients/cn=fabio martins sampaio - 004327;</t>
  </si>
  <si>
    <t>/o=exchangelabs/ou=exchange administrative group (fydibohf23spdlt)/cn=recipients/cn=8c89829ad534498fa4c85b5ac11174f1-suelen more,/o=exchangelabs/ou=exchange administrative group (fydibohf23spdlt)/cn=recipients/cn=fabio martins sampaio - 004327</t>
  </si>
  <si>
    <t>/o=exchangelabs/ou=exchange administrative group (fydibohf23spdlt)/cn=recipients/cn=2504d5028b6b4fb89d14a5df6031358d-jane carla;/o=exchangelabs/ou=exchange administrative group (fydibohf23spdlt)/cn=recipients/cn=adf9f91d3cf5433d98d0a80a1a22fe72-rogerio cip;/o=exchangelabs/ou=exchange administrative group (fydibohf23spdlt)/cn=recipients/cn=c5057601f2364b0db7ea84dbec10baa4-matheus mor;</t>
  </si>
  <si>
    <t>Acompanhamento Holding Setembro 2019</t>
  </si>
  <si>
    <t>Acompanhamento Mensal_Setembro_ 2019 Holding- Sem IFRS.xlsx</t>
  </si>
  <si>
    <t>/o=exchangelabs/ou=exchange administrative group (fydibohf23spdlt)/cn=recipients/cn=2504d5028b6b4fb89d14a5df6031358d-jane carla,/o=exchangelabs/ou=exchange administrative group (fydibohf23spdlt)/cn=recipients/cn=adf9f91d3cf5433d98d0a80a1a22fe72-rogerio cip,/o=exchangelabs/ou=exchange administrative group (fydibohf23spdlt)/cn=recipients/cn=c5057601f2364b0db7ea84dbec10baa4-matheus mor</t>
  </si>
  <si>
    <t>cristianecsa@algartech.com;</t>
  </si>
  <si>
    <t>Ferias</t>
  </si>
  <si>
    <t>ENC PWEB PROVISAO DIFAL - Reclassificação.msg\s1\</t>
  </si>
  <si>
    <t>ITENS NA TRANSITORIA MES 05 a 08-2019.xlsx</t>
  </si>
  <si>
    <t>cristianecsa@algartech.com</t>
  </si>
  <si>
    <t>ASSESSORIA DE SEGURANCA</t>
  </si>
  <si>
    <t>10.200.57.59</t>
  </si>
  <si>
    <t>DC-A2-66-40-EA-AF</t>
  </si>
  <si>
    <t>NB-MARCELODD</t>
  </si>
  <si>
    <t>marcelodds</t>
  </si>
  <si>
    <t>Marcelo Domingues dos Santos</t>
  </si>
  <si>
    <t>/o=exchangelabs/ou=exchange administrative group (fydibohf23spdlt)/cn=recipients/cn=0ee39e9e189c42369588db5cf6d2866d-celia regin;/o=exchangelabs/ou=exchange administrative group (fydibohf23spdlt)/cn=recipients/cn=19275ad2b6234b5588bebcc55045d4ad-viviane de;/o=exchangelabs/ou=exchange administrative group (fydibohf23spdlt)/cn=recipients/cn=bebd9f2d6db54def938124d8c6a8104b-adriana mar;/o=exchangelabs/ou=exchange administrative group (fydibohf23spdlt)/cn=recipients/cn=user3cd2f856;</t>
  </si>
  <si>
    <t>RES: PRIORIDADE: chamado 788472 -Liberação de Wifi para evento Conversas de Cultura 11/10</t>
  </si>
  <si>
    <t>/o=exchangelabs/ou=exchange administrative group (fydibohf23spdlt)/cn=recipients/cn=0ee39e9e189c42369588db5cf6d2866d-celia regin,/o=exchangelabs/ou=exchange administrative group (fydibohf23spdlt)/cn=recipients/cn=19275ad2b6234b5588bebcc55045d4ad-viviane de,/o=exchangelabs/ou=exchange administrative group (fydibohf23spdlt)/cn=recipients/cn=bebd9f2d6db54def938124d8c6a8104b-adriana mar,/o=exchangelabs/ou=exchange administrative group (fydibohf23spdlt)/cn=recipients/cn=user3cd2f856</t>
  </si>
  <si>
    <t>/o=exchangelabs/ou=exchange administrative group (fydibohf23spdlt)/cn=recipients/cn=5cef64c2c56e40bd9d6045f5af3e08b3-bruna pires;/o=exchangelabs/ou=exchange administrative group (fydibohf23spdlt)/cn=recipients/cn=cbe0503d4e2f45b7829777176658c86d-sucielle ro;gleysonsf@algartech.com.br;lilianbcr@algartech.com;supervisoreseunice@algartech.com.br;</t>
  </si>
  <si>
    <t>Qualidade Contestação_urgente</t>
  </si>
  <si>
    <t>Monitorias pontuadas.xlsx</t>
  </si>
  <si>
    <t>/o=exchangelabs/ou=exchange administrative group (fydibohf23spdlt)/cn=recipients/cn=5cef64c2c56e40bd9d6045f5af3e08b3-bruna pires,/o=exchangelabs/ou=exchange administrative group (fydibohf23spdlt)/cn=recipients/cn=cbe0503d4e2f45b7829777176658c86d-sucielle ro,gleysonsf@algartech.com.br,lilianbcr@algartech.com,supervisoreseunice@algartech.com.br</t>
  </si>
  <si>
    <t>supervisoreseunice@algartech.com.br;</t>
  </si>
  <si>
    <t>ENC: Relatório Raízes e Ofensores - ROF</t>
  </si>
  <si>
    <t>supervisoreseunice@algartech.com.br</t>
  </si>
  <si>
    <t>C:\Users\filemoncmj\OneDrive - Grupo Algar\01. Algar Tech\01. Projetos de Clientes\47. Prudential\07. Aquisições\08. Ramais e Headphones\Atualização de Cotação.eml\</t>
  </si>
  <si>
    <t>Aligera - Planilha de Preços Algar - 07.10.19.xlsx</t>
  </si>
  <si>
    <t>C:\Users\filemoncmj\OneDrive - Grupo Algar\01. Algar Tech\01. Projetos de Clientes\47. Prudential\07. Aquisições\08. Ramais e Headphones\</t>
  </si>
  <si>
    <t>Compras 2020v3.xlsx</t>
  </si>
  <si>
    <t>Saving CAPEX E OPEX 1010.xlsx</t>
  </si>
  <si>
    <t>Saving CAPEX E OPEX v2.xlsx</t>
  </si>
  <si>
    <t>Base Distribuição 2019 Agosto 1010.xlsx</t>
  </si>
  <si>
    <t>Saving CAPEX E OPEX.xlsx</t>
  </si>
  <si>
    <t>C:\Users\mariannacsm\OneDrive - Grupo Algar\0- PMO-POOL\POOL\02 - Volumes CCC 2020\Old\</t>
  </si>
  <si>
    <t>Base Distribuição 2019 Agostov3 (2).xlsx</t>
  </si>
  <si>
    <t>michelecdc@algartech.com;</t>
  </si>
  <si>
    <t>michelecdc@algartech.com</t>
  </si>
  <si>
    <t>Compras 2020v3 - Cópia.xlsx</t>
  </si>
  <si>
    <t>10.200.35.184</t>
  </si>
  <si>
    <t>64-1C-67-9C-32-F9</t>
  </si>
  <si>
    <t>NB-AGUINALDOAS</t>
  </si>
  <si>
    <t>aguinaldoasj</t>
  </si>
  <si>
    <t>aguinaldoasj@algartech.com</t>
  </si>
  <si>
    <t>mail.google.com/_/upload?authuser=0&amp;dcp=asu-n&amp;upload_id=AEnB2UqNG1tVjKH8jWTfDopFioMb06NFkLQbIZDLQ_IIwtlPSK6wtDbrqP2CtPMvL7z8e9d7QBcwkEN6rcy52w_M8NBqcZiAIw&amp;upload_protocol=resumable</t>
  </si>
  <si>
    <t>C:\Users\aguinaldoasj\Desktop\</t>
  </si>
  <si>
    <t>Matriz de Projetos e Demandas - v6.xlsx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651324bc204a42f6bbcdf62273ebdc5c-aluisio ant;/o=exchangelabs/ou=exchange administrative group (fydibohf23spdlt)/cn=recipients/cn=9a3ba6096e184fb5837abcf6a6214283-daniel henr;</t>
  </si>
  <si>
    <t>RES: Recuperação de custos CR 341000070</t>
  </si>
  <si>
    <t>341000090_341000070_PPE PLATAFORMA COMPARTILHADA.xlsb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651324bc204a42f6bbcdf62273ebdc5c-aluisio ant,/o=exchangelabs/ou=exchange administrative group (fydibohf23spdlt)/cn=recipients/cn=9a3ba6096e184fb5837abcf6a6214283-daniel henr</t>
  </si>
  <si>
    <t>/o=exchangelabs/ou=exchange administrative group (fydibohf23spdlt)/cn=recipients/cn=2072905e221e44cd93713caf57a4301f-roberta igi;/o=exchangelabs/ou=exchange administrative group (fydibohf23spdlt)/cn=recipients/cn=2482bf2ac5d744968702f5d67f34f2a4-gabriela al;/o=exchangelabs/ou=exchange administrative group (fydibohf23spdlt)/cn=recipients/cn=3975f847ff8048f683702df727006829-melissa bet;/o=exchangelabs/ou=exchange administrative group (fydibohf23spdlt)/cn=recipients/cn=6386feea3fdb4b8e93b300d4e88d721f-selaine de;/o=exchangelabs/ou=exchange administrative group (fydibohf23spdlt)/cn=recipients/cn=8f4e3aa524514f919832da77d1e13730-giselle nar;/o=exchangelabs/ou=exchange administrative group (fydibohf23spdlt)/cn=recipients/cn=c52a157e02d64dd1a81927cd619e2686-keila prisc;</t>
  </si>
  <si>
    <t>/o=exchangelabs/ou=exchange administrative group (fydibohf23spdlt)/cn=recipients/cn=2072905e221e44cd93713caf57a4301f-roberta igi,/o=exchangelabs/ou=exchange administrative group (fydibohf23spdlt)/cn=recipients/cn=2482bf2ac5d744968702f5d67f34f2a4-gabriela al,/o=exchangelabs/ou=exchange administrative group (fydibohf23spdlt)/cn=recipients/cn=3975f847ff8048f683702df727006829-melissa bet,/o=exchangelabs/ou=exchange administrative group (fydibohf23spdlt)/cn=recipients/cn=6386feea3fdb4b8e93b300d4e88d721f-selaine de,/o=exchangelabs/ou=exchange administrative group (fydibohf23spdlt)/cn=recipients/cn=8f4e3aa524514f919832da77d1e13730-giselle nar,/o=exchangelabs/ou=exchange administrative group (fydibohf23spdlt)/cn=recipients/cn=c52a157e02d64dd1a81927cd619e2686-keila prisc</t>
  </si>
  <si>
    <t>ENC: Emails - next</t>
  </si>
  <si>
    <t>Emails - next.xlsx</t>
  </si>
  <si>
    <t>ENC: E-mails de Turma Douglas</t>
  </si>
  <si>
    <t>E-mail turma Douglas.xlsx</t>
  </si>
  <si>
    <t>/o=exchangelabs/ou=exchange administrative group (fydibohf23spdlt)/cn=recipients/cn=f02063cbdda94e86bd7b618a58952198-iramilda si;</t>
  </si>
  <si>
    <t>ENC: Cópia de Usuarios_sem_email_0810.xlsx</t>
  </si>
  <si>
    <t>Cópia de Usuarios_sem_email_0810.xlsx</t>
  </si>
  <si>
    <t>/o=exchangelabs/ou=exchange administrative group (fydibohf23spdlt)/cn=recipients/cn=f02063cbdda94e86bd7b618a58952198-iramilda si</t>
  </si>
  <si>
    <t>CURVA NORMAL - 10/10/2019</t>
  </si>
  <si>
    <t>C:\Users\jairojsa\OneDrive - Grupo Algar\Caixa\LAST CALL\RECEPTIVO YOUSE - VOLUMES\</t>
  </si>
  <si>
    <t>BP 6000 chamadas - Chat_SINISTRO.xlsb</t>
  </si>
  <si>
    <t>C:\Users\jairojsa\OneDrive - Grupo Algar\Caixa\LAST CALL\RECEPTIVO YOUSE - VOLUMES\BP 6000 chamadas - Chat_SINISTRO.xlsb\</t>
  </si>
  <si>
    <t>BP 4500 chamadas - VOZ_SINISTRO.xlsb</t>
  </si>
  <si>
    <t>C:\Users\jairojsa\OneDrive - Grupo Algar\Caixa\LAST CALL\RECEPTIVO YOUSE - VOLUMES\BP 4500 chamadas - VOZ_SINISTRO.xlsb\</t>
  </si>
  <si>
    <t>BP 3000 chamadas - Chat_SINISTRO.xlsb</t>
  </si>
  <si>
    <t>C:\Users\jairojsa\OneDrive - Grupo Algar\Caixa\LAST CALL\RECEPTIVO YOUSE - VOLUMES\BP 3000 chamadas - Chat_SINISTRO.xlsb\</t>
  </si>
  <si>
    <t>BP 29000 chamadas - Chat_Time de Ajuda.xlsb</t>
  </si>
  <si>
    <t>C:\Users\jairojsa\OneDrive - Grupo Algar\Caixa\LAST CALL\RECEPTIVO YOUSE - VOLUMES\BP 29000 chamadas - Chat_Time de Ajuda.xlsb\</t>
  </si>
  <si>
    <t>BP 28000 chamadas - VOZ_Time de Ajuda.xlsb</t>
  </si>
  <si>
    <t>C:\Users\jairojsa\OneDrive - Grupo Algar\Caixa\LAST CALL\RECEPTIVO YOUSE - VOLUMES\BP 28000 chamadas - VOZ_Time de Ajuda.xlsb\</t>
  </si>
  <si>
    <t>BP 23000 chamadas - Chat_Time de Ajuda.xlsb</t>
  </si>
  <si>
    <t>C:\Users\jairojsa\OneDrive - Grupo Algar\Caixa\LAST CALL\RECEPTIVO YOUSE - VOLUMES\BP 23000 chamadas - Chat_Time de Ajuda.xlsb\</t>
  </si>
  <si>
    <t>BP 20000 chamadas - VOZ_Time de Ajuda.xlsb</t>
  </si>
  <si>
    <t>C:\Users\jairojsa\OneDrive - Grupo Algar\Caixa\LAST CALL\RECEPTIVO YOUSE - VOLUMES\BP 20000 chamadas - VOZ_Time de Ajuda.xlsb\</t>
  </si>
  <si>
    <t>0ANALYSIS_PATTERN (96).csv</t>
  </si>
  <si>
    <t>C:\OneDrive\OneDrive - Grupo Algar\ONEDRIVE_SegInfo\ITO\Diversos\</t>
  </si>
  <si>
    <t>Computers_McAfee_Campinas_08102019.csv</t>
  </si>
  <si>
    <t>Sistemas_exportados_2.csv</t>
  </si>
  <si>
    <t>Computers_McAfee_Campinas_08102019_2.csv</t>
  </si>
  <si>
    <t>Computers_McAfee_Campinas_08102019_3.csv</t>
  </si>
  <si>
    <t>Deep_Version9.csv</t>
  </si>
  <si>
    <t>Deep_Version11.csv</t>
  </si>
  <si>
    <t>planilha estoque atualizado</t>
  </si>
  <si>
    <t>BP 17000 chamadas - Chat_Time de Ajuda.xlsb</t>
  </si>
  <si>
    <t>C:\Users\jairojsa\OneDrive - Grupo Algar\Caixa\LAST CALL\RECEPTIVO YOUSE - VOLUMES\BP 17000 chamadas - Chat_Time de Ajuda.xlsb\</t>
  </si>
  <si>
    <t>BP 12500 chamadas - VOZ_Time de Ajuda.xlsb</t>
  </si>
  <si>
    <t>C:\Users\jairojsa\OneDrive - Grupo Algar\Caixa\LAST CALL\RECEPTIVO YOUSE - VOLUMES\BP 12500 chamadas - VOZ_Time de Ajuda.xlsb\</t>
  </si>
  <si>
    <t>BP 10000 chamadas - VOZ_SINISTRO.xlsb</t>
  </si>
  <si>
    <t>C:\Users\jairojsa\OneDrive - Grupo Algar\Caixa\LAST CALL\RECEPTIVO YOUSE - VOLUMES\BP 10000 chamadas - VOZ_SINISTRO.xlsb\</t>
  </si>
  <si>
    <t>BP 1000 chamadas - VOZ_OUVIDORIA.xlsb</t>
  </si>
  <si>
    <t>C:\Users\jairojsa\OneDrive - Grupo Algar\Caixa\LAST CALL\RECEPTIVO YOUSE - VOLUMES\BP 1000 chamadas - VOZ_OUVIDORIA.xlsb\</t>
  </si>
  <si>
    <t>C:\Users\jairojsa\OneDrive - Grupo Algar\Caixa\LAST CALL\RECEPTIVO YOUSE - PA\</t>
  </si>
  <si>
    <t>Receptivo Youse - SP - LAST CALL.xlsb</t>
  </si>
  <si>
    <t>C:\Users\jairojsa\OneDrive - Grupo Algar\Caixa\LAST CALL\RECEPTIVO YOUSE - PA\Receptivo Youse - SP - LAST CALL.xlsb\</t>
  </si>
  <si>
    <t>Apresentação Comitê - Renault</t>
  </si>
  <si>
    <t>Apresentacao - Business Performance_Renault v1.0 - Suelen.zip\Apresentacao - Business Performance_Renault v1.0 - Suelen.pptx\</t>
  </si>
  <si>
    <t>C:\Users\filemoncmj\OneDrive - Grupo Algar\01. Algar Tech\02. Projetos Corporativos\06. PPE\Comum GIAT x ISD\05. FTE\Plataforma API\GAT\</t>
  </si>
  <si>
    <t>151019 - Registro de FTE Realizado Plataforma API GAT GIAT.xlsb</t>
  </si>
  <si>
    <t>151019 - Registro de FTE Realizado Plataforma API GAT ISD.xlsb</t>
  </si>
  <si>
    <t>eversonmc@algartech.com.br;janainapa@algartech.com.br;lorrainepmdf@algartech.com.br;</t>
  </si>
  <si>
    <t>ENC: Rotina (OCOR-3071962) CRM:002570000669</t>
  </si>
  <si>
    <t>eversonmc@algartech.com.br,janainapa@algartech.com.br,lorrainepmdf@algartech.com.br</t>
  </si>
  <si>
    <t>C:\Users\filemoncmj\OneDrive - Grupo Algar\01. Algar Tech\02. Projetos Corporativos\06. PPE\Comum GIAT x ISD\05. FTE\Plataforma DW\GAT\</t>
  </si>
  <si>
    <t>151019 - Registro de FTE Realizado Plataforma DW GAT GIAT.xlsb</t>
  </si>
  <si>
    <t>010919 - Registro de FTE Realizado Plataforma DW GAT ISD.xlsb</t>
  </si>
  <si>
    <t>c:\users\filemoncmj\onedrive - grupo algar\01. algar tech\02. projetos corporativos\06. ppe\comum giat x isd\05. fte\plataforma dw\gat\</t>
  </si>
  <si>
    <t>010919 - registro de fte realizado plataforma dw gat giat.xlsb</t>
  </si>
  <si>
    <t>010919 - registro de fte realizado plataforma dw gat isd.xlsb</t>
  </si>
  <si>
    <t>c:\users\filemoncmj\onedrive - grupo algar\01. algar tech\02. projetos corporativos\06. ppe\comum giat x isd\05. fte\plataforma api\gat\</t>
  </si>
  <si>
    <t>010919 - registro de fte realizado plataforma api gat giat.xlsb</t>
  </si>
  <si>
    <t>010919 - registro de fte realizado plataforma api gat isd.xlsb</t>
  </si>
  <si>
    <t>151019 - registro de fte realizado plataforma api gat giat.xlsb</t>
  </si>
  <si>
    <t>ENC: Volume Gerenciadas Amex e Visa - 11/10</t>
  </si>
  <si>
    <t>Base Distribuição 2018v4 1010.xlsx</t>
  </si>
  <si>
    <t>10.200.58.147</t>
  </si>
  <si>
    <t>c:\users\filemoncmj\onedrive - grupo algar\01. algar tech\02. projetos corporativos\06. ppe\giat\09. fte\2019\10. outubro\</t>
  </si>
  <si>
    <t>151019 - registro de fte realizado giat.xlsb</t>
  </si>
  <si>
    <t>c:\users\filemoncmj\onedrive - grupo algar\01. algar tech\02. projetos corporativos\06. ppe\giat\09. fte\2019\09. setembro\</t>
  </si>
  <si>
    <t>010919 - registro de fte realizado giat.xlsb</t>
  </si>
  <si>
    <t>c:\users\filemoncmj\onedrive - grupo algar\01. algar tech\02. projetos corporativos\06. ppe\intuitive service desk\12. fte\2019\09. setembro\</t>
  </si>
  <si>
    <t>010919 - registro de fte realizado isd.xlsb</t>
  </si>
  <si>
    <t>c:\users\filemoncmj\onedrive - grupo algar\01. algar tech\02. projetos corporativos\06. ppe\intuitive service desk\12. fte\2019\10. outubro\</t>
  </si>
  <si>
    <t>151019 - registro de fte realizado isd.xlsb</t>
  </si>
  <si>
    <t>Receita e EBITDA recorrentes - 2019.xlsx</t>
  </si>
  <si>
    <t>mail.google.com/_/upload?authuser=2&amp;dcp=asu-n&amp;upload_id=AEnB2UqEHIMbHHEOfF7gQh6D0BzsbLApP0QugPhSAE_OzeUHVB86A5KkU-su8NW5OOqFICaqx0SgajqiTpbvNTWRZivMQy3JzPEVWVBEe8S7e1DB2jGZ7pM&amp;upload_protocol=resumable</t>
  </si>
  <si>
    <t>C:\Users\gabrielar\Desktop\</t>
  </si>
  <si>
    <t>Sicoob registro duplicado.xlsx</t>
  </si>
  <si>
    <t>mail.google.com/_/upload?authuser=0&amp;dcp=asu-n&amp;upload_id=AEnB2UrtwEEoq1ZmO2o59mbxwe3f7u-g60T0IRGja5r2t9esbkfvxslpW_lknRsXlZDeOikrzzINeleVv_KQOmr2KwTM4wLsI7qO6lAe2d2bN1vUvVyWpn4&amp;upload_protocol=resumable</t>
  </si>
  <si>
    <t>Importação ALELO 007.csv</t>
  </si>
  <si>
    <t>Margem Real - torres</t>
  </si>
  <si>
    <t>CH516_20191011_092402.xls</t>
  </si>
  <si>
    <t>C:\Users\lucianafaa\OneDrive - Grupo Algar\2019\PROJETOS\CACs WEB\EXECUCAO\TAI(TERMO DE ACEITE INTERNALIZACAO) - CACSWEB.docx\Microsoft_Word_Document.docx\</t>
  </si>
  <si>
    <t>Cadastro de CR - Sistema Recuperação de Custo</t>
  </si>
  <si>
    <t>Cadastro CR - Recuperação de Custo_v1.xlsx</t>
  </si>
  <si>
    <t>Faturamento.Sage.Outubro.V2.xlsx</t>
  </si>
  <si>
    <t>C:\Users\lucianafaa\OneDrive - Grupo Algar\2019\PROJETOS\CACs WEB\EXECUCAO\DE - BRADESCO_NOVA_OPERACAO_v2.docx\</t>
  </si>
  <si>
    <t>ENC: Solicitação de Acessos Almoxarifado</t>
  </si>
  <si>
    <t>Solicitação de acessos.xlsx</t>
  </si>
  <si>
    <t>\\acsfs\DEPTOS\Controladoria\3. CSC\CONTROLES CSC\3-Pre closing 2018 e orçamento 2019\2- Acompanhamento orçamentário\</t>
  </si>
  <si>
    <t>FATURAMENTO DIRETO ALGAR TECH 2019.xlsx</t>
  </si>
  <si>
    <t>10.211.10.141</t>
  </si>
  <si>
    <t>Cópia de Chamados_Mesa_Digital_02_08_2019.xlsx</t>
  </si>
  <si>
    <t>C:\Users\nadiagds\OneDrive - Grupo Algar\Mesa Digital\ISD_Análise\Projeto ISD - T-systems\Mapeamento_Tracy.zip\Mapeamento_Tracy\</t>
  </si>
  <si>
    <t>Mapeamento_impressora.xlsx</t>
  </si>
  <si>
    <t>Projeto_ISD_T-Systems.xlsx</t>
  </si>
  <si>
    <t>C:\Users\nadiagds\OneDrive - Grupo Algar\Mesa Digital\ISD_Análise\Projeto ISD - T-systems\Mapeamento_Tracy.zip\Mapeamento_Tracy\Projeto_ISD_T-Systems.xlsx\</t>
  </si>
  <si>
    <t>MESA DIGITAL_MATRIZ DE RISCO (Modelo).xlsx</t>
  </si>
  <si>
    <t>C:\Users\nadiagds\OneDrive - Grupo Algar\Mesa Digital\ISD_Análise\Projeto ISD - T-systems\00. Material de Apoio\Mapeamento_Tracy\</t>
  </si>
  <si>
    <t>Compras 2020 1010.xlsx</t>
  </si>
  <si>
    <t>Base Categorização - BBlend - Out19.xlsx</t>
  </si>
  <si>
    <t>/o=exchangelabs/ou=exchange administrative group (fydibohf23spdlt)/cn=recipients/cn=2d3379e2d04c40db810b4b1f41dd2aea-erica carol;jesssilva@deloitte.com;rayasilva@deloitte.com;</t>
  </si>
  <si>
    <t>RES: Exemplo de Fluxo de caixa</t>
  </si>
  <si>
    <t>1.1.1 - Fluxo de Caixa Algar TI 2019.xlsx</t>
  </si>
  <si>
    <t>/o=exchangelabs/ou=exchange administrative group (fydibohf23spdlt)/cn=recipients/cn=2d3379e2d04c40db810b4b1f41dd2aea-erica carol,jesssilva@deloitte.com,rayasilva@deloitte.com</t>
  </si>
  <si>
    <t>0ANALYSIS_PATTERN (97).csv</t>
  </si>
  <si>
    <t>ENC: REVISÃO - PR205385 2019 - IBM 6819095C1A - Field LASA Quotation Number 6819095C1A</t>
  </si>
  <si>
    <t>Localidades e Horarios.xlsx</t>
  </si>
  <si>
    <t>gabrielbc@algartech.com;iramildass@algartech.com;lauanedjs@algartech.com;nikellydcs@algartech.com;ricardo.rodarte@gpssa.com.br;wilsianemf@algartech.com;</t>
  </si>
  <si>
    <t>Importar_Quadro_Colaboradores_SinergyRH_20190913_EQUIPE UDI.xlsx</t>
  </si>
  <si>
    <t>gabrielbc@algartech.com,iramildass@algartech.com,lauanedjs@algartech.com,nikellydcs@algartech.com,ricardo.rodarte@gpssa.com.br,wilsianemf@algartech.com</t>
  </si>
  <si>
    <t>Comitê de Precificação Renault</t>
  </si>
  <si>
    <t>Apresentacao - Business Performance_Renault v1.0 - Ata.pptx\</t>
  </si>
  <si>
    <t>10.207.12.67</t>
  </si>
  <si>
    <t>formulário de precificação 11-09.xlsx</t>
  </si>
  <si>
    <t>mail.google.com/_/upload?authuser=0&amp;dcp=asu-n&amp;upload_id=AEnB2UrXJeSLem1uL-onWWz8ZDH4YYnfkvbg_xo875PfbMeLmWu4r9nM-JzSQvF85a7q_1HSn4UhPNf74JFtL0rnH4QPUN0tmpu4C4DMzo7l0LpYPR9DjcE&amp;upload_protocol=resumable</t>
  </si>
  <si>
    <t>D:\Users\josemfs\OneDrive - Grupo Algar\2019\Ambiente\Administracao\</t>
  </si>
  <si>
    <t>Inventário_Servidores_BPO_BRA_ITO_ 10102019_v2.xlsx</t>
  </si>
  <si>
    <t>/o=exchangelabs/ou=exchange administrative group (fydibohf23spdlt)/cn=recipients/cn=65d35bc38c6743d7a55b3ae9726a5893-diego ribei;/o=exchangelabs/ou=exchange administrative group (fydibohf23spdlt)/cn=recipients/cn=6e7b87b0f7a44f4babcd04c4dc7042e1-silke kraus;/o=exchangelabs/ou=exchange administrative group (fydibohf23spdlt)/cn=recipients/cn=a208dc8cbe6e49ba9e1a5ae0804f17ec-ana.rugai;</t>
  </si>
  <si>
    <t>Saving de OPEX 2020</t>
  </si>
  <si>
    <t>/o=exchangelabs/ou=exchange administrative group (fydibohf23spdlt)/cn=recipients/cn=65d35bc38c6743d7a55b3ae9726a5893-diego ribei,/o=exchangelabs/ou=exchange administrative group (fydibohf23spdlt)/cn=recipients/cn=6e7b87b0f7a44f4babcd04c4dc7042e1-silke kraus,/o=exchangelabs/ou=exchange administrative group (fydibohf23spdlt)/cn=recipients/cn=a208dc8cbe6e49ba9e1a5ae0804f17ec-ana.rugai</t>
  </si>
  <si>
    <t>Cópia de HORA EXTRAS_JUNHO_2019_01A30_DOUGLAS.xlsm</t>
  </si>
  <si>
    <t>Cópia de HORA EXTRAS_JUNHO_2019_01A30.xlsm</t>
  </si>
  <si>
    <t>Cópia de Anexo I_Lista de Preços Unitários.xlsx</t>
  </si>
  <si>
    <t>Cópia de AGOSTO _ FECHAMENTO 01A31.08.xlsx</t>
  </si>
  <si>
    <t>BP Homologação DataCom rev1.xlsb</t>
  </si>
  <si>
    <t>C:\Users\douglasxm\OneDrive\Documentos - Algar Tech\BP Homologação DataCom rev1.xlsb\</t>
  </si>
  <si>
    <t>Anexo I_Lista de Preços Unitários.xlsx</t>
  </si>
  <si>
    <t>200256 - Pedido Transacional-B2B_ATIVAÇÃO.xls</t>
  </si>
  <si>
    <t>C:\Users\douglasxm\OneDrive\Documentos - Algar Tech\174261-INGRAM-Homologação APs HP.msg\s1\</t>
  </si>
  <si>
    <t>174261-Projeto PPA.xlsx</t>
  </si>
  <si>
    <t>AtividadesHomologacao_v1.xlsx</t>
  </si>
  <si>
    <t>16b6052fe2a94aaf8c92bda867136ffc.csv</t>
  </si>
  <si>
    <t>000714012_RELRB20_20190911112505.CSV</t>
  </si>
  <si>
    <t>C:\Users\douglasxm\OneDrive\Documentos - Algar Tech\Itens Somar_ativos e inativos_03.07\</t>
  </si>
  <si>
    <t>Itens Somar_ativos e inativos_03.07.xlsb</t>
  </si>
  <si>
    <t>rafaelqs@algartecnologia.com.br;</t>
  </si>
  <si>
    <t>Engeset para TI.xlsx</t>
  </si>
  <si>
    <t>rafaelqs@algartecnologia.com.br</t>
  </si>
  <si>
    <t>10.211.2.104</t>
  </si>
  <si>
    <t>ENC: ocorrencias</t>
  </si>
  <si>
    <t>033 OCORRENCIAS NO PONTO 1ª SEMANA_01A06.10.2019.CSV</t>
  </si>
  <si>
    <t>carloselo@algartech.com;</t>
  </si>
  <si>
    <t>carloselo@algartech.com</t>
  </si>
  <si>
    <t>ENC: Resultados de Qualidade Setembro-19</t>
  </si>
  <si>
    <t>Book Qualidade Setembro - Service.xlsx</t>
  </si>
  <si>
    <t>/o=exchangelabs/ou=exchange administrative group (fydibohf23spdlt)/cn=recipients/cn=2be3fa2db03f4d399261f643401355ea-rafael pere;/o=exchangelabs/ou=exchange administrative group (fydibohf23spdlt)/cn=recipients/cn=66892ec7505c4d138347b8eda5fa01e7-tassiana ap;/o=exchangelabs/ou=exchange administrative group (fydibohf23spdlt)/cn=recipients/cn=user07db2088;/o=exchangelabs/ou=exchange administrative group (fydibohf23spdlt)/cn=recipients/cn=userd3ef8196;thalita_y_cardoso@whirlpool.com;</t>
  </si>
  <si>
    <t>Dashboard PA Digital Compra Certa - Parcial Outubro</t>
  </si>
  <si>
    <t>10 - PA DIGITAL COMPRA CERTA.xlsx</t>
  </si>
  <si>
    <t>/o=exchangelabs/ou=exchange administrative group (fydibohf23spdlt)/cn=recipients/cn=2be3fa2db03f4d399261f643401355ea-rafael pere,/o=exchangelabs/ou=exchange administrative group (fydibohf23spdlt)/cn=recipients/cn=66892ec7505c4d138347b8eda5fa01e7-tassiana ap,/o=exchangelabs/ou=exchange administrative group (fydibohf23spdlt)/cn=recipients/cn=user07db2088,/o=exchangelabs/ou=exchange administrative group (fydibohf23spdlt)/cn=recipients/cn=userd3ef8196,thalita_y_cardoso@whirlpool.com</t>
  </si>
  <si>
    <t>Template_folha_retificadora_(1).xlsx</t>
  </si>
  <si>
    <t>Template_folha_retificadora_(1)..xlsx</t>
  </si>
  <si>
    <t>Template_-_Comprovante_de_Pagamento_OLAVO.xlsx</t>
  </si>
  <si>
    <t>Template Recuperação de Custos_JUNHO_19.xlsx</t>
  </si>
  <si>
    <t>C:\Users\douglasxm\OneDrive\Documentos - Algar Tech\Resumo Final - 174252-AlgarTelecom-Serviços GPON - Passagem de Pasta.msg\s1\</t>
  </si>
  <si>
    <t>174252-Projeto PPA_150119.xlsx</t>
  </si>
  <si>
    <t>renovacoes.xlsx</t>
  </si>
  <si>
    <t>Racional OC´s.xlsx</t>
  </si>
  <si>
    <t>Racional GPON.xlsx</t>
  </si>
  <si>
    <t>Programação férias_GAT_MG_DOUGLAS.xlsx</t>
  </si>
  <si>
    <t>PROGRAMAÇÃO FERIAS ORÇADA - GAT.xlsx</t>
  </si>
  <si>
    <t>LISTA_DOUGLAS_ASSOCIADOS.csv</t>
  </si>
  <si>
    <t>LISTA_DOUGLAS.csv</t>
  </si>
  <si>
    <t>C:\Users\douglasxm\OneDrive\Documentos - Algar Tech\Itens Somar_ativos e inativos_03.07.zip\</t>
  </si>
  <si>
    <t>gkww4qth.cp1.csv</t>
  </si>
  <si>
    <t>FORMULARIO_DE_CADASTRO_DE_FORNECEDOR_ENGESET.xls</t>
  </si>
  <si>
    <t>Dados_Completos.csv</t>
  </si>
  <si>
    <t>Cópia de KAWE SILVA - Template_folha_retificadora_(1.) (4).xlsx</t>
  </si>
  <si>
    <t>Cópia de Indicadores SLA 2019 Abril - Daniel Magalhães.xlsx</t>
  </si>
  <si>
    <t>Cópia de HORA EXTRAS_JUNHO_2019_01A30_RACIONAL_DOUGLAS.xlsm</t>
  </si>
  <si>
    <t>mail.google.com/_/upload?authuser=0&amp;dcp=asu-n&amp;upload_id=AEnB2UpWTFb5AjV7ZUqRxpOHOFyEJqO2jXUl4Dhf0HlcayaDQvLgzOEYsJQikltjlr0nsw_Ilyt8r3sCW_zprUJ7FFerYQ4sCA&amp;upload_protocol=resumable</t>
  </si>
  <si>
    <t>https://avon.beedoo.io/wiki/api/save</t>
  </si>
  <si>
    <t>\\acsfs\ACS\Consultoria de Qualidade\Uberlândia\3. Monitores\07 - Avon\12. Aline Nunes\2019\Treinamento\Publicações\</t>
  </si>
  <si>
    <t>BASE TELEFONES GERENTES DE SETOR.xls</t>
  </si>
  <si>
    <t>cibeleag@algartech.com;lucianasg@algartech.com;mirianppb@algartech.com;taysdss@algartech.com;thiagocso@algartech.com;</t>
  </si>
  <si>
    <t>C:\Users\moiragt\Downloads\Apresentação Dia D BV Cartões.pptx\</t>
  </si>
  <si>
    <t>cibeleag@algartech.com,lucianasg@algartech.com,mirianppb@algartech.com,taysdss@algartech.com,thiagocso@algartech.com</t>
  </si>
  <si>
    <t>ENGESET06122016#57463#124839 - DMAE-Serviço revitalização do DATA CENTER.xlsx</t>
  </si>
  <si>
    <t>/o=exchangelabs/ou=exchange administrative group (fydibohf23spdlt)/cn=recipients/cn=49457acaa5584c6d8daec8f0ad186be2-carlos maur;/o=exchangelabs/ou=exchange administrative group (fydibohf23spdlt)/cn=recipients/cn=89e58c8da071492dbdcb4fee4156b705-gustavo alm;</t>
  </si>
  <si>
    <t>ENC: Projeto Precificação - Quick Wins Fase 1</t>
  </si>
  <si>
    <t>/o=exchangelabs/ou=exchange administrative group (fydibohf23spdlt)/cn=recipients/cn=49457acaa5584c6d8daec8f0ad186be2-carlos maur,/o=exchangelabs/ou=exchange administrative group (fydibohf23spdlt)/cn=recipients/cn=89e58c8da071492dbdcb4fee4156b705-gustavo alm</t>
  </si>
  <si>
    <t>/o=exchangelabs/ou=exchange administrative group (fydibohf23spdlt)/cn=recipients/cn=e9519d1407044c56a7b8fe1bbc24bebc-michele cam;fernanda.sperandio@bradesco.com.br;</t>
  </si>
  <si>
    <t>ENC: _ Setembro 2019 - Cliente se sentiu mal atendido/ Mau atendimento</t>
  </si>
  <si>
    <t>_Pesquisa agosto.xlsx</t>
  </si>
  <si>
    <t>/o=exchangelabs/ou=exchange administrative group (fydibohf23spdlt)/cn=recipients/cn=e9519d1407044c56a7b8fe1bbc24bebc-michele cam,fernanda.sperandio@bradesco.com.br</t>
  </si>
  <si>
    <t>Produtividade RAF - Out-2019 - Parcial - 10-10-19.xlsm</t>
  </si>
  <si>
    <t>Base BW % Conversão - Out-2019 - Parcial - 10-10-2019.xlsm</t>
  </si>
  <si>
    <t>AcompanhamentoOnlineCategorizacoes DIA - Categoria 2.xlsm</t>
  </si>
  <si>
    <t>422acd9e-655f-42d4-9cb9-1ccb881f48c8; btctl=8b; rmtrk.id=a3941c14-6aad-4ed7-9b00-e999fd8157e7; _gac_ua-88310706-1=1.1568043256.eaiaiqobchmixvzmmije5aiveogrch3h5goveaayasaaegklvvd_bwe; _gac_ua-93689456-3=1.1568043256.eaiaiqobchmixvzmmije5aiveogrch3h5goveaay</t>
  </si>
  <si>
    <t>mail.google.com/_/upload?authuser=2&amp;dcp=asu-n&amp;upload_id=AEnB2Up7dapLppmyb6KwsglWwDJZ9oT8rGVOMstCm4Xt_zbZGp6scuH7qBnlwOmVzYgM4tUg8qEGzy8C4iVaylhzLA2FpKcnrEOtUu2Uvcfxx01-xPybbXk&amp;upload_protocol=resumable</t>
  </si>
  <si>
    <t>C:\Users\raphaelapm\Desktop\AD_IMPRENSA_FREELANCE\SERVIÇOS FREELANCE\SERVIÇOS FREELANCE.rar\</t>
  </si>
  <si>
    <t>CONTROLE DE CLIENTES.xlsx</t>
  </si>
  <si>
    <t>New_CONTROLE DE CLIENTES_PAGSEGURO.xlsx</t>
  </si>
  <si>
    <t>mail.google.com/_/upload?authuser=2&amp;dcp=asu-n&amp;upload_id=AEnB2UrezS0nTzT9zlR7M0e2rIr9b9q4q2SFp-bMfgeftrY65jUwjdoQzq_voAu_g-4XBg8-Mk6DHxhMiG4HpX-jMgZQfwb2mQ&amp;upload_protocol=resumable</t>
  </si>
  <si>
    <t>C:\Users\raphaelapm\Desktop\AD_IMPRENSA_FREELANCE\AD_IMPRENSA_FREELANCE.rar\</t>
  </si>
  <si>
    <t>Controle de Apostas e GestÃ£o de Banca - Seguir_DANILO MARTINS.xlsm</t>
  </si>
  <si>
    <t>Controle Racha_atÃ© 26-11.xlsx</t>
  </si>
  <si>
    <t>Skils Sinergia - 19-06-19.xls</t>
  </si>
  <si>
    <t>C:\Users\rodrigombu\OneDrive - Grupo Algar\Whirlpool\Query e Extrator\</t>
  </si>
  <si>
    <t>Extrator AHT_TMA_CA_POR OPERADOR DIA POR SKILL - Whirlpool.xls</t>
  </si>
  <si>
    <t>C:\Users\ricardobal\OneDrive - Grupo Algar\Algar Tecnologia\01 - CLIENTES\DMAE\SMARTNET NEXUS 2020\</t>
  </si>
  <si>
    <t>https://caey.fa.us2.oraclecloud.com/crmui/faces/fusewelcome?_adf.ctrl-state=3a2n8cded_5</t>
  </si>
  <si>
    <t>/o=exchangelabs/ou=exchange administrative group (fydibohf23spdlt)/cn=recipients/cn=2361e4251bf74fc4a50ab766b8d95847-algar tech;/o=exchangelabs/ou=exchange administrative group (fydibohf23spdlt)/cn=recipients/cn=8c89829ad534498fa4c85b5ac11174f1-suelen more;/o=exchangelabs/ou=exchange administrative group (fydibohf23spdlt)/cn=recipients/cn=user9cdd3979;</t>
  </si>
  <si>
    <t>215400 - DMAE - RENOVAÇÃO SMARTNETS CISCO.</t>
  </si>
  <si>
    <t>/o=exchangelabs/ou=exchange administrative group (fydibohf23spdlt)/cn=recipients/cn=2361e4251bf74fc4a50ab766b8d95847-algar tech,/o=exchangelabs/ou=exchange administrative group (fydibohf23spdlt)/cn=recipients/cn=8c89829ad534498fa4c85b5ac11174f1-suelen more,/o=exchangelabs/ou=exchange administrative group (fydibohf23spdlt)/cn=recipients/cn=user9cdd3979</t>
  </si>
  <si>
    <t>Diferença Dash x Advanced.xlsx</t>
  </si>
  <si>
    <t>/o=exchangelabs/ou=exchange administrative group (fydibohf23spdlt)/cn=recipients/cn=b3b3e588898842db813e69c542d02bb6-elaine marc;</t>
  </si>
  <si>
    <t>realizado jan a set.xlsb</t>
  </si>
  <si>
    <t>/o=exchangelabs/ou=exchange administrative group (fydibohf23spdlt)/cn=recipients/cn=b3b3e588898842db813e69c542d02bb6-elaine marc</t>
  </si>
  <si>
    <t>Dashboard.</t>
  </si>
  <si>
    <t>Dashboard Implantações.xlsx</t>
  </si>
  <si>
    <t>/o=exchangelabs/ou=exchange administrative group (fydibohf23spdlt)/cn=recipients/cn=0ca6cc8d100949a7866a928f62ef5778-rosilene de;/o=exchangelabs/ou=exchange administrative group (fydibohf23spdlt)/cn=recipients/cn=a9a1fe1d51ef4ee29617a1c11aa10050-marinalva i;/o=exchangelabs/ou=exchange administrative group (fydibohf23spdlt)/cn=recipients/cn=cbea44aca4fb41a1aba289a0475041a1-daiane cris;</t>
  </si>
  <si>
    <t>Mascara Categorizações Online e % Conversão</t>
  </si>
  <si>
    <t>/o=exchangelabs/ou=exchange administrative group (fydibohf23spdlt)/cn=recipients/cn=0ca6cc8d100949a7866a928f62ef5778-rosilene de,/o=exchangelabs/ou=exchange administrative group (fydibohf23spdlt)/cn=recipients/cn=a9a1fe1d51ef4ee29617a1c11aa10050-marinalva i,/o=exchangelabs/ou=exchange administrative group (fydibohf23spdlt)/cn=recipients/cn=cbea44aca4fb41a1aba289a0475041a1-daiane cris</t>
  </si>
  <si>
    <t>/o=exchangelabs/ou=exchange administrative group (fydibohf23spdlt)/cn=recipients/cn=1867d5fca12044e08946537995369baf-diego rodri;/o=exchangelabs/ou=exchange administrative group (fydibohf23spdlt)/cn=recipients/cn=28ac1f887b394ac4bb89a1a7fe045d32-anna clara;/o=exchangelabs/ou=exchange administrative group (fydibohf23spdlt)/cn=recipients/cn=685a6c7fa4684b9ab51c683ec151a83c-kelly crist;/o=exchangelabs/ou=exchange administrative group (fydibohf23spdlt)/cn=recipients/cn=6d38ba16c020485cbc223d60996da338-cristielly;</t>
  </si>
  <si>
    <t>PCDs - Algar Tecnologia.xlsx</t>
  </si>
  <si>
    <t>/o=exchangelabs/ou=exchange administrative group (fydibohf23spdlt)/cn=recipients/cn=1867d5fca12044e08946537995369baf-diego rodri,/o=exchangelabs/ou=exchange administrative group (fydibohf23spdlt)/cn=recipients/cn=28ac1f887b394ac4bb89a1a7fe045d32-anna clara,/o=exchangelabs/ou=exchange administrative group (fydibohf23spdlt)/cn=recipients/cn=685a6c7fa4684b9ab51c683ec151a83c-kelly crist,/o=exchangelabs/ou=exchange administrative group (fydibohf23spdlt)/cn=recipients/cn=6d38ba16c020485cbc223d60996da338-cristielly</t>
  </si>
  <si>
    <t>Consolidado_Evolução MC 09102019</t>
  </si>
  <si>
    <t>Consolidado_Evolução MC 09102019.xls</t>
  </si>
  <si>
    <t>daianeml@algartech.com;</t>
  </si>
  <si>
    <t>ORC_2020_LUCIANA BERNARDES 10102019</t>
  </si>
  <si>
    <t>daianeml@algartech.com</t>
  </si>
  <si>
    <t>ENC: Consolidado_Evolução MC 09102019</t>
  </si>
  <si>
    <t>ENC: OLOS - Levantamento</t>
  </si>
  <si>
    <t>RAZÃO CONTÁBIL JAN A ABR.19 - OLOS.xlsx</t>
  </si>
  <si>
    <t>ENC: Transformação: resultados projetos set/2019</t>
  </si>
  <si>
    <t>Login TLV 10-10.xlsx</t>
  </si>
  <si>
    <t>Controle_de_Apostas_e_GestÃ£o_de Banca - RAPHAEL MOURA.xlsm</t>
  </si>
  <si>
    <t>POWER RANKK Serie C.xlsx</t>
  </si>
  <si>
    <t>_Probabilidade com ODD_Gols_Tabela.xlsx</t>
  </si>
  <si>
    <t>_Tabela_Poisson_BRASILEIRO SERIE A_Atual.xlsx</t>
  </si>
  <si>
    <t>_Tabela_Poisson_MINEIRO SUB20_Atual.xlsx</t>
  </si>
  <si>
    <t>/o=exchangelabs/ou=exchange administrative group (fydibohf23spdlt)/cn=recipients/cn=66edf19ebc2742d0aad16b8a34a09b10-andre luiz;/o=exchangelabs/ou=exchange administrative group (fydibohf23spdlt)/cn=recipients/cn=d0093b7063a942388b31a7ba794f9061-dener benic;/o=exchangelabs/ou=exchange administrative group (fydibohf23spdlt)/cn=recipients/cn=f8583aae88d4485dac542c395d25e6fc-diego dos r;victorhp@algartelecom.com.br;</t>
  </si>
  <si>
    <t>RES: Reativação 232</t>
  </si>
  <si>
    <t>Reativação 232_191011.xls</t>
  </si>
  <si>
    <t>/o=exchangelabs/ou=exchange administrative group (fydibohf23spdlt)/cn=recipients/cn=66edf19ebc2742d0aad16b8a34a09b10-andre luiz,/o=exchangelabs/ou=exchange administrative group (fydibohf23spdlt)/cn=recipients/cn=d0093b7063a942388b31a7ba794f9061-dener benic,/o=exchangelabs/ou=exchange administrative group (fydibohf23spdlt)/cn=recipients/cn=f8583aae88d4485dac542c395d25e6fc-diego dos r,victorhp@algartelecom.com.br</t>
  </si>
  <si>
    <t>mail.google.com/_/upload?authuser=0&amp;dcp=asu-n&amp;upload_id=AEnB2UrfNC9jJeHvnSMNQiRT97TSNQoO_jMtbfDEPYeBQTAauYKl_lFXjfoaenTGqQkoI7YZbzMo_mwcIhduQ6IqbNxyB9dzBQ&amp;upload_protocol=resumable</t>
  </si>
  <si>
    <t>augustocdam@algartech.com;helbertbb@algartech.com;henriqueac@algartech.com;leandrosma@algartech.com;lucasm@algartech.com;maurojmdo@algartech.com;pmo@algartech.com;rafaela.pratti@dell.com;ricardo.campos@dell.com;vinicius.nunes@dell.com;</t>
  </si>
  <si>
    <t>C:\Users\fabriciovs\Desktop\Desktops Bradesco 2019\</t>
  </si>
  <si>
    <t>augustocdam@algartech.com,helbertbb@algartech.com,henriqueac@algartech.com,leandrosma@algartech.com,lucasm@algartech.com,maurojmdo@algartech.com,pmo@algartech.com,rafaela.pratti@dell.com,ricardo.campos@dell.com,vinicius.nunes@dell.com</t>
  </si>
  <si>
    <t>mail.google.com/_/upload?authuser=0&amp;dcp=asu-n&amp;upload_id=AEnB2UqOQb9TGIvMtzso4ojvKhkGmFQluE99YKQK0i4brUTnAhoxbRG7rhLRLZyAY0QnptORay1A5Q3gz89nkiZlGi_qTQIbTMARRHKDf3vBWOh2fXZVQFE&amp;upload_protocol=resumable</t>
  </si>
  <si>
    <t>diegorg@algartech.com;ederleirdr@algartech.com;edilsonrb@algartech.com;governancacapex@algartech.com;mariannacsm@algartech.com;pmo@algartech.com;ricardos@algartech.com;</t>
  </si>
  <si>
    <t>C:\Users\daniloasb\Desktop\RE ATEC-2019-0026-001 - IMPLANTACAO DR ELCANO HOSTING.msg\s1\</t>
  </si>
  <si>
    <t>diegorg@algartech.com,ederleirdr@algartech.com,edilsonrb@algartech.com,governancacapex@algartech.com,mariannacsm@algartech.com,pmo@algartech.com,ricardos@algartech.com</t>
  </si>
  <si>
    <t>Prêmio - Reconhecimento: Eu cuido do sucesso do cliente</t>
  </si>
  <si>
    <t>Critérios para seleção.xls</t>
  </si>
  <si>
    <t>10_10_2019 - Relatório Pipeline Hunter</t>
  </si>
  <si>
    <t>Relatório Pipeline_Raul_ 10_10_19.xlsx</t>
  </si>
  <si>
    <t>aana_act@timbrasil.com.br;ccm_gestao_pospo@timbrasil.com.br;clenneberg@timbrasil.com.br;cnunes_act@timbrasil.com.br;fdsalves@timbrasil.com.br;mchaves_act@timbrasil.com.br;</t>
  </si>
  <si>
    <t>aana_act@timbrasil.com.br,ccm_gestao_pospo@timbrasil.com.br,clenneberg@timbrasil.com.br,cnunes_act@timbrasil.com.br,fdsalves@timbrasil.com.br,mchaves_act@timbrasil.com.br</t>
  </si>
  <si>
    <t>10_10_2019 - Relatório Pipeline - Time Afonso</t>
  </si>
  <si>
    <t>Relatório Pipeline_Afonso_ 10_10_19.xlsx</t>
  </si>
  <si>
    <t>10.200.36.0</t>
  </si>
  <si>
    <t>Formulário TTV - Lançamento de Atraso de Jornada.xlsx</t>
  </si>
  <si>
    <t>C:\Users\jairojsa\OneDrive - Grupo Algar\Desktop\BP's finais\</t>
  </si>
  <si>
    <t>Whirlpool - Preco sem Multas - desafio.xlsb</t>
  </si>
  <si>
    <t>C:\Users\jairojsa\OneDrive - Grupo Algar\Desktop\BP's finais\Whirlpool - Preco sem Multas - desafio.xlsb\</t>
  </si>
  <si>
    <t>/o=exchangelabs/ou=exchange administrative group (fydibohf23spdlt)/cn=recipients/cn=249f643ba1e044588b45a020c76dadde-daniel de o;/o=exchangelabs/ou=exchange administrative group (fydibohf23spdlt)/cn=recipients/cn=cd93dacc38404a95a829585c2e317a9f-dionizio ri;/o=exchangelabs/ou=exchange administrative group (fydibohf23spdlt)/cn=recipients/cn=e5dfe65308934e02acfffcb2185133f4-daniel bier;/o=exchangelabs/ou=exchange administrative group (fydibohf23spdlt)/cn=recipients/cn=userdc05fc7c;</t>
  </si>
  <si>
    <t>ENC: BRADESCO SD: Documentação arquitetura ISD</t>
  </si>
  <si>
    <t>ISD - BRADESCO.pptx\</t>
  </si>
  <si>
    <t>/o=exchangelabs/ou=exchange administrative group (fydibohf23spdlt)/cn=recipients/cn=249f643ba1e044588b45a020c76dadde-daniel de o,/o=exchangelabs/ou=exchange administrative group (fydibohf23spdlt)/cn=recipients/cn=cd93dacc38404a95a829585c2e317a9f-dionizio ri,/o=exchangelabs/ou=exchange administrative group (fydibohf23spdlt)/cn=recipients/cn=e5dfe65308934e02acfffcb2185133f4-daniel bier,/o=exchangelabs/ou=exchange administrative group (fydibohf23spdlt)/cn=recipients/cn=userdc05fc7c</t>
  </si>
  <si>
    <t>/o=exchangelabs/ou=exchange administrative group (fydibohf23spdlt)/cn=recipients/cn=a72a765de829420582b78941417073ac-karina rodr;/o=exchangelabs/ou=exchange administrative group (fydibohf23spdlt)/cn=recipients/cn=c29ec9dae022497281c840087cccddec-patricia ar;/o=exchangelabs/ou=exchange administrative group (fydibohf23spdlt)/cn=recipients/cn=e3778f57d65f4c17a6287602f9eb0cdc-alessandra;/o=nt5/ou=00000000000000000000000000000000/cn=c4cea0fb67fae245a51c188ba266b215;</t>
  </si>
  <si>
    <t>Staff RFP Whirlpool</t>
  </si>
  <si>
    <t>SPAN_RFP_WHP.xlsx</t>
  </si>
  <si>
    <t>/o=exchangelabs/ou=exchange administrative group (fydibohf23spdlt)/cn=recipients/cn=a72a765de829420582b78941417073ac-karina rodr,/o=exchangelabs/ou=exchange administrative group (fydibohf23spdlt)/cn=recipients/cn=c29ec9dae022497281c840087cccddec-patricia ar,/o=exchangelabs/ou=exchange administrative group (fydibohf23spdlt)/cn=recipients/cn=e3778f57d65f4c17a6287602f9eb0cdc-alessandra,/o=nt5/ou=00000000000000000000000000000000/cn=c4cea0fb67fae245a51c188ba266b215</t>
  </si>
  <si>
    <t>D:\Users\josemfs\OneDrive - Grupo Algar\Documentos\</t>
  </si>
  <si>
    <t>Antivirus_NEXT_11102019.xlsx</t>
  </si>
  <si>
    <t>10_10_2019 - Relatório Pipeline - Time Dionizio ( Reunião cancelada / Atualizado cronograma Account Plan)</t>
  </si>
  <si>
    <t>Relatório Pipeline_Dionizio_ 19_10_10.xlsx</t>
  </si>
  <si>
    <t>C:\Users\raphaelapm\AppData\Local\Temp\</t>
  </si>
  <si>
    <t>MASCARA__ENCONTRAR UPH.xlsx</t>
  </si>
  <si>
    <t>Relatório UPH Consumidor.gov - 2018 01 Janeiro __ Dynamics Nativo.xlsx</t>
  </si>
  <si>
    <t>/o=exchangelabs/ou=exchange administrative group (fydibohf23spdlt)/cn=recipients/cn=23e3be28ac6a4bbf8335736c953c7732-patrick luh;/o=exchangelabs/ou=exchange administrative group (fydibohf23spdlt)/cn=recipients/cn=a4725b7c782941fda1d1c00ae0ff9e26-camiller mo;/o=exchangelabs/ou=exchange administrative group (fydibohf23spdlt)/cn=recipients/cn=b3b3e588898842db813e69c542d02bb6-elaine marc;/o=exchangelabs/ou=exchange administrative group (fydibohf23spdlt)/cn=recipients/cn=b67cad4ecfa344baaa94d716e7554f49-bruno camel;</t>
  </si>
  <si>
    <t>ENC: AGOOORAAAA SIMMMMM Entrega atualizada_Plan x Real</t>
  </si>
  <si>
    <t>Controle de Expansão DIREN Set19.xlsx</t>
  </si>
  <si>
    <t>/o=exchangelabs/ou=exchange administrative group (fydibohf23spdlt)/cn=recipients/cn=23e3be28ac6a4bbf8335736c953c7732-patrick luh,/o=exchangelabs/ou=exchange administrative group (fydibohf23spdlt)/cn=recipients/cn=a4725b7c782941fda1d1c00ae0ff9e26-camiller mo,/o=exchangelabs/ou=exchange administrative group (fydibohf23spdlt)/cn=recipients/cn=b3b3e588898842db813e69c542d02bb6-elaine marc,/o=exchangelabs/ou=exchange administrative group (fydibohf23spdlt)/cn=recipients/cn=b67cad4ecfa344baaa94d716e7554f49-bruno camel</t>
  </si>
  <si>
    <t>/o=exchangelabs/ou=exchange administrative group (fydibohf23spdlt)/cn=recipients/cn=08eb5fa051c848a6a179972669456920-algar tech;/o=exchangelabs/ou=exchange administrative group (fydibohf23spdlt)/cn=recipients/cn=0b6a994899de4cd3af0f6d1091e97ebf-arones abre;</t>
  </si>
  <si>
    <t>RES: 10_10_2019 - Relatório Pipeline Hunter</t>
  </si>
  <si>
    <t>Relatório Pipeline_Raul_ 2019_10_10.xlsx</t>
  </si>
  <si>
    <t>/o=exchangelabs/ou=exchange administrative group (fydibohf23spdlt)/cn=recipients/cn=08eb5fa051c848a6a179972669456920-algar tech,/o=exchangelabs/ou=exchange administrative group (fydibohf23spdlt)/cn=recipients/cn=0b6a994899de4cd3af0f6d1091e97ebf-arones abre</t>
  </si>
  <si>
    <t>10.08 TI Faturamento IOB SAGE Refat e Complmt.xlsx</t>
  </si>
  <si>
    <t>C:\Users\alessandroam\Desktop\</t>
  </si>
  <si>
    <t>C:\Users\brunop\Desktop\Docs Visão Receptivo\Cadastro Skill BI GO\</t>
  </si>
  <si>
    <t>/o=exchangelabs/ou=exchange administrative group (fydibohf23spdlt)/cn=recipients/cn=03b4604449d14f37b9ab39dcd5f90edd-algar tech;/o=exchangelabs/ou=exchange administrative group (fydibohf23spdlt)/cn=recipients/cn=1635ed1077024674b65c52767dacde9a-jullian pac;</t>
  </si>
  <si>
    <t>ENC: 10_10_2019 - Relatório Pipeline - Time Dionizio ( Reunião cancelada / Atualizado cronograma Account Plan) - CONSIDEREM ESTE</t>
  </si>
  <si>
    <t>/o=exchangelabs/ou=exchange administrative group (fydibohf23spdlt)/cn=recipients/cn=03b4604449d14f37b9ab39dcd5f90edd-algar tech,/o=exchangelabs/ou=exchange administrative group (fydibohf23spdlt)/cn=recipients/cn=1635ed1077024674b65c52767dacde9a-jullian pac</t>
  </si>
  <si>
    <t>10.200.58.175</t>
  </si>
  <si>
    <t>/o=exchangelabs/ou=exchange administrative group (fydibohf23spdlt)/cn=recipients/cn=55f846c335d7437f892f0b0d49c89e92-celma ribei;/o=exchangelabs/ou=exchange administrative group (fydibohf23spdlt)/cn=recipients/cn=d66a262ea1e040adaf711e9b38c488e7-adine paula;</t>
  </si>
  <si>
    <t>Indicadores GAT</t>
  </si>
  <si>
    <t>Demandas - 11-10.xlsx</t>
  </si>
  <si>
    <t>/o=exchangelabs/ou=exchange administrative group (fydibohf23spdlt)/cn=recipients/cn=55f846c335d7437f892f0b0d49c89e92-celma ribei,/o=exchangelabs/ou=exchange administrative group (fydibohf23spdlt)/cn=recipients/cn=d66a262ea1e040adaf711e9b38c488e7-adine paula</t>
  </si>
  <si>
    <t>ENC: Ponto de controle - Reclame Aqui</t>
  </si>
  <si>
    <t>Relatório Mensal Toyota - Setembr1.pptx\</t>
  </si>
  <si>
    <t>\\acsfs\DEPTOS\Controladoria\32.Tesouraria\4 - Endividamento\8 - Mútuos_AFAC\AFAC\AFAC 2019\México\07 - JULHO\</t>
  </si>
  <si>
    <t>ACC - AFAC 04072019.xlsx</t>
  </si>
  <si>
    <t>ENC: Indicador SLA Contratado - Julho/19</t>
  </si>
  <si>
    <t>SLA GRC - Setembro.xlsx</t>
  </si>
  <si>
    <t>/o=exchangelabs/ou=exchange administrative group (fydibohf23spdlt)/cn=recipients/cn=0bafe1ed27024338be4e911e19871cd1-william rob;/o=exchangelabs/ou=exchange administrative group (fydibohf23spdlt)/cn=recipients/cn=1262e099c0f24b3489b19e6494cd5fca-rayssa da c;/o=exchangelabs/ou=exchange administrative group (fydibohf23spdlt)/cn=recipients/cn=161c8ab454bb4f4ebde8223bf694a34b-pedro felip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32b20a28d31f440a8435af323365cdb0-wesley doug;/o=exchangelabs/ou=exchange administrative group (fydibohf23spdlt)/cn=recipients/cn=34a28d636a1b4c86b1ec79baed4b846a-marco anton;/o=exchangelabs/ou=exchange administrative group (fydibohf23spdlt)/cn=recipients/cn=5cdc4a7b917a447c993600ca829a0a39-elis</t>
  </si>
  <si>
    <t>IMPORTANTE Ocorrências no ponto período de 01 A 10/10</t>
  </si>
  <si>
    <t>Ocorrências 2ª Semana_0110a10102019.xlsm</t>
  </si>
  <si>
    <t>/o=exchangelabs/ou=exchange administrative group (fydibohf23spdlt)/cn=recipients/cn=0bafe1ed27024338be4e911e19871cd1-william rob,/o=exchangelabs/ou=exchange administrative group (fydibohf23spdlt)/cn=recipients/cn=1262e099c0f24b3489b19e6494cd5fca-rayssa da c,/o=exchangelabs/ou=exchange administrative group (fydibohf23spdlt)/cn=recipients/cn=161c8ab454bb4f4ebde8223bf694a34b-pedro felip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32b20a28d31f440a8435af323365cdb0-wesley doug,/o=exchangelabs/ou=exchange administrative group (fydibohf23spdlt)/cn=recipients/cn=34a28d636a1b4c86b1ec79baed4b846a-marco anton,/o=exchangelabs/ou=exchange administrative group (fydibohf23spdlt)/cn=recipients/cn=5cdc4a7b917a447c993600ca829a0a39-elis</t>
  </si>
  <si>
    <t>10.200.61.141</t>
  </si>
  <si>
    <t>18-66-DA-FE-9D-7E</t>
  </si>
  <si>
    <t>/o=exchangelabs/ou=exchange administrative group (fydibohf23spdlt)/cn=recipients/cn=3241a0d6cde94fd1bcaf7717d71a00b2-moira gnemm;/o=exchangelabs/ou=exchange administrative group (fydibohf23spdlt)/cn=recipients/cn=3fc2777bb8ee48fa9fadbf3ceb1b065d-cibele anal;</t>
  </si>
  <si>
    <t>Ação Final de Ano 2019.xlsx</t>
  </si>
  <si>
    <t>/o=exchangelabs/ou=exchange administrative group (fydibohf23spdlt)/cn=recipients/cn=3241a0d6cde94fd1bcaf7717d71a00b2-moira gnemm,/o=exchangelabs/ou=exchange administrative group (fydibohf23spdlt)/cn=recipients/cn=3fc2777bb8ee48fa9fadbf3ceb1b065d-cibele anal</t>
  </si>
  <si>
    <t>/o=exchangelabs/ou=exchange administrative group (fydibohf23spdlt)/cn=recipients/cn=5cdc4a7b917a447c993600ca829a0a39-elisangela;/o=exchangelabs/ou=exchange administrative group (fydibohf23spdlt)/cn=recipients/cn=d376cbd484f64104bc8476daf590c7dc-paulo eduar;karen.algar.ext@bayer.com;</t>
  </si>
  <si>
    <t>RES: Revisões de propostas Monsanto - MDM e CIM</t>
  </si>
  <si>
    <t>FAT_MONSANTO_CIM e MDM_2017_2018.xlsx</t>
  </si>
  <si>
    <t>/o=exchangelabs/ou=exchange administrative group (fydibohf23spdlt)/cn=recipients/cn=5cdc4a7b917a447c993600ca829a0a39-elisangela,/o=exchangelabs/ou=exchange administrative group (fydibohf23spdlt)/cn=recipients/cn=d376cbd484f64104bc8476daf590c7dc-paulo eduar,karen.algar.ext@bayer.com</t>
  </si>
  <si>
    <t>formulario_ferias_irregulares_-_algar_tech_edilson borges.xlsm</t>
  </si>
  <si>
    <t>crce@algartech.com.br;eduardo.santos@libertyseguros.com.br;mariar@libertyseguros.com.br;natalia.toma@bradesco.com.br;vagner.ernesto@libertyseguros.com.br;</t>
  </si>
  <si>
    <t>ENC: URGENTE !!! PENDENCIA SERASA CRM:000280002153</t>
  </si>
  <si>
    <t>Relatorio EBTA CompID 02702012.xlsx</t>
  </si>
  <si>
    <t>crce@algartech.com.br,eduardo.santos@libertyseguros.com.br,mariar@libertyseguros.com.br,natalia.toma@bradesco.com.br,vagner.ernesto@libertyseguros.com.br</t>
  </si>
  <si>
    <t>/o=exchangelabs/ou=exchange administrative group (fydibohf23spdlt)/cn=recipients/cn=2504d5028b6b4fb89d14a5df6031358d-jane carla;/o=exchangelabs/ou=exchange administrative group (fydibohf23spdlt)/cn=recipients/cn=ed2578a7fad746b59b0f586e2ee82bbd-heliel de f;rogerio@algar.com.br;</t>
  </si>
  <si>
    <t>RES: Acompanhamento Holding Setembro 2019</t>
  </si>
  <si>
    <t>/o=exchangelabs/ou=exchange administrative group (fydibohf23spdlt)/cn=recipients/cn=2504d5028b6b4fb89d14a5df6031358d-jane carla,/o=exchangelabs/ou=exchange administrative group (fydibohf23spdlt)/cn=recipients/cn=ed2578a7fad746b59b0f586e2ee82bbd-heliel de f,rogerio@algar.com.br</t>
  </si>
  <si>
    <t>Orçamento 0060</t>
  </si>
  <si>
    <t>CH542_20191011_131319.xls</t>
  </si>
  <si>
    <t>PAULO HENRIQUE DE OLIVEIRA CASSIANO</t>
  </si>
  <si>
    <t>claudio_marben@hotmail.com;</t>
  </si>
  <si>
    <t>Extrato</t>
  </si>
  <si>
    <t>relatorio pagamento 01 a 30 09.xlsx</t>
  </si>
  <si>
    <t>claudio_marben@hotmail.com</t>
  </si>
  <si>
    <t>10.200.62.5</t>
  </si>
  <si>
    <t>64-1C-67-A0-2A-D6</t>
  </si>
  <si>
    <t>claudia.siqueira@temposervicos.com.br;coordenadorespf@algartech.com;demetrio.joaquim@bradesco.com.br;eunice.pimenta@algartech.com;fernanda.sperandio@bradesco.com.br;fernanda.sperandio@fisglobal.com;jacqueline.mariano@temposervicos.com.br;juliana.azevedo@fisglobal.com.;michelecdc@algartech.com;micheless@algartech.com;rodrigo.cunha@temposervicos.com.br;viviane.virgilio@temposervicos.com.br;</t>
  </si>
  <si>
    <t>Mis Pesquisa de Satisfação - URA</t>
  </si>
  <si>
    <t>claudia.siqueira@temposervicos.com.br,coordenadorespf@algartech.com,demetrio.joaquim@bradesco.com.br,eunice.pimenta@algartech.com,fernanda.sperandio@bradesco.com.br,fernanda.sperandio@fisglobal.com,jacqueline.mariano@temposervicos.com.br,juliana.azevedo@fisglobal.com.,michelecdc@algartech.com,micheless@algartech.com,rodrigo.cunha@temposervicos.com.br,viviane.virgilio@temposervicos.com.br</t>
  </si>
  <si>
    <t>/o=exchangelabs/ou=exchange administrative group (fydibohf23spdlt)/cn=recipients/cn=083204b1bd464d0fbbd2451a3a305923-katia gonca;/o=exchangelabs/ou=exchange administrative group (fydibohf23spdlt)/cn=recipients/cn=4adb6e0b3de84bf2bfdb543494159749-leandro lim;/o=exchangelabs/ou=exchange administrative group (fydibohf23spdlt)/cn=recipients/cn=b033d620f1154cb8be89325f89766ea7-laura celia;/o=exchangelabs/ou=exchange administrative group (fydibohf23spdlt)/cn=recipients/cn=cd9a537135134b65a0d7151c4bba7129-brenda bruc;/o=exchangelabs/ou=exchange administrative group (fydibohf23spdlt)/cn=recipients/cn=userd3ef8196;</t>
  </si>
  <si>
    <t>RES: Procedimentos Van</t>
  </si>
  <si>
    <t>/o=exchangelabs/ou=exchange administrative group (fydibohf23spdlt)/cn=recipients/cn=083204b1bd464d0fbbd2451a3a305923-katia gonca,/o=exchangelabs/ou=exchange administrative group (fydibohf23spdlt)/cn=recipients/cn=4adb6e0b3de84bf2bfdb543494159749-leandro lim,/o=exchangelabs/ou=exchange administrative group (fydibohf23spdlt)/cn=recipients/cn=b033d620f1154cb8be89325f89766ea7-laura celia,/o=exchangelabs/ou=exchange administrative group (fydibohf23spdlt)/cn=recipients/cn=cd9a537135134b65a0d7151c4bba7129-brenda bruc,/o=exchangelabs/ou=exchange administrative group (fydibohf23spdlt)/cn=recipients/cn=userd3ef8196</t>
  </si>
  <si>
    <t>Base Pesquisa Satisfação</t>
  </si>
  <si>
    <t>/o=exchangelabs/ou=exchange administrative group (fydibohf23spdlt)/cn=recipients/cn=453b61456320491dad510b65b310018f-kelen crist;/o=exchangelabs/ou=exchange administrative group (fydibohf23spdlt)/cn=recipients/cn=52e670e2f8dd45f6bb83074a02c43b48-priscila ap;/o=exchangelabs/ou=exchange administrative group (fydibohf23spdlt)/cn=recipients/cn=88e4fcbd3ea14730a81286cc0683fb42-manoel eloy;/o=exchangelabs/ou=exchange administrative group (fydibohf23spdlt)/cn=recipients/cn=b712c36eebee42428d3790abe2696417-romario gom;</t>
  </si>
  <si>
    <t>RES: Retorno Mailings Ativo NEXT Outubro/19</t>
  </si>
  <si>
    <t>retorno mailing 09 - 11_10.xlsx</t>
  </si>
  <si>
    <t>/o=exchangelabs/ou=exchange administrative group (fydibohf23spdlt)/cn=recipients/cn=453b61456320491dad510b65b310018f-kelen crist,/o=exchangelabs/ou=exchange administrative group (fydibohf23spdlt)/cn=recipients/cn=52e670e2f8dd45f6bb83074a02c43b48-priscila ap,/o=exchangelabs/ou=exchange administrative group (fydibohf23spdlt)/cn=recipients/cn=88e4fcbd3ea14730a81286cc0683fb42-manoel eloy,/o=exchangelabs/ou=exchange administrative group (fydibohf23spdlt)/cn=recipients/cn=b712c36eebee42428d3790abe2696417-romario gom</t>
  </si>
  <si>
    <t>/o=exchangelabs/ou=exchange administrative group (fydibohf23spdlt)/cn=recipients/cn=ffc642b167cf4375958db2253fd104bd-thais dos s;</t>
  </si>
  <si>
    <t>/o=exchangelabs/ou=exchange administrative group (fydibohf23spdlt)/cn=recipients/cn=ffc642b167cf4375958db2253fd104bd-thais dos s</t>
  </si>
  <si>
    <t>/o=exchangelabs/ou=exchange administrative group (fydibohf23spdlt)/cn=recipients/cn=7094e3830c7149b2a48be9648c62854e-lorrana apa;/o=exchangelabs/ou=exchange administrative group (fydibohf23spdlt)/cn=recipients/cn=8f4e3aa524514f919832da77d1e13730-giselle nar;</t>
  </si>
  <si>
    <t>/o=exchangelabs/ou=exchange administrative group (fydibohf23spdlt)/cn=recipients/cn=7094e3830c7149b2a48be9648c62854e-lorrana apa,/o=exchangelabs/ou=exchange administrative group (fydibohf23spdlt)/cn=recipients/cn=8f4e3aa524514f919832da77d1e13730-giselle nar</t>
  </si>
  <si>
    <t>54-BF-64-F5-7E-34</t>
  </si>
  <si>
    <t>/o=exchangelabs/ou=exchange administrative group (fydibohf23spdlt)/cn=recipients/cn=60c79fa1bc994449ac17a5e2109f7abd-claudio fer;/o=exchangelabs/ou=exchange administrative group (fydibohf23spdlt)/cn=recipients/cn=8d66bf0fd9334a81b7c67eda8652a948-guilherme c;/o=exchangelabs/ou=exchange administrative group (fydibohf23spdlt)/cn=recipients/cn=d1ca1bbb859d4bb997649640237ba7cd-paulla rena;</t>
  </si>
  <si>
    <t>ENC: Fechamento Sicoob 10/10</t>
  </si>
  <si>
    <t>RES Relatório 08 e 09.msg\s1\</t>
  </si>
  <si>
    <t>Cópia de 1010.xlsx</t>
  </si>
  <si>
    <t>/o=exchangelabs/ou=exchange administrative group (fydibohf23spdlt)/cn=recipients/cn=60c79fa1bc994449ac17a5e2109f7abd-claudio fer,/o=exchangelabs/ou=exchange administrative group (fydibohf23spdlt)/cn=recipients/cn=8d66bf0fd9334a81b7c67eda8652a948-guilherme c,/o=exchangelabs/ou=exchange administrative group (fydibohf23spdlt)/cn=recipients/cn=d1ca1bbb859d4bb997649640237ba7cd-paulla rena</t>
  </si>
  <si>
    <t>c:\users\rafaelqs\downloads\</t>
  </si>
  <si>
    <t>temp_criacao_alteracao_inativacao_de_gh.xls</t>
  </si>
  <si>
    <t>C:\Users\kaiohas\OneDrive - Grupo Algar\4-CAPACIDADE\Histórico_TABELÃO\</t>
  </si>
  <si>
    <t>Tabelão capacidade - 201701.xlsb</t>
  </si>
  <si>
    <t>10.250.254.56</t>
  </si>
  <si>
    <t>mail.google.com/_/upload?authuser=0&amp;dcp=asu-n&amp;upload_id=AEnB2Uoqs99uFjMR8yJwQBqf8Juxv0L-NUNcs3JeSY9uYiGaPKax2lvjzQxNwlNcgVRDiWL1ubScT0R2Il2AFihqKFPDOdiojQ&amp;upload_protocol=resumable</t>
  </si>
  <si>
    <t>Export O365 - MailboxSize and LastActivity.xlsx</t>
  </si>
  <si>
    <t>Disparo_11.10.csv</t>
  </si>
  <si>
    <t>bbbssn@amazon.com;forasc@amazon.com;ghstopa@amazon.com;kmmelvey@amazon.com;sbokhar@amazon.com;</t>
  </si>
  <si>
    <t>GRU2 - Billing</t>
  </si>
  <si>
    <t>2019_10_A100 Billing Detail Summary.xlsx</t>
  </si>
  <si>
    <t>bbbssn@amazon.com,forasc@amazon.com,ghstopa@amazon.com,kmmelvey@amazon.com,sbokhar@amazon.com</t>
  </si>
  <si>
    <t>mail.google.com/_/upload?authuser=1&amp;dcp=asu-n&amp;upload_id=AEnB2UqM0bI1f63y_igaX7FNo8TyDiswkIil-AJmOeZAj2lIaBx_Nwwt8PrSQCYBAmKjy7qEMHX4Yqvj77d57X-13Uxg7eKbTg&amp;upload_protocol=resumable</t>
  </si>
  <si>
    <t>10.200.32.163</t>
  </si>
  <si>
    <t>C:\Users\fabriciovs\Desktop\Capex 2020 - BPO\SUBSTITUICAO DESKTOPS BRADESCO - (UBERLANDIA)\</t>
  </si>
  <si>
    <t>/o=exchangelabs/ou=exchange administrative group (fydibohf23spdlt)/cn=recipients/cn=2361e4251bf74fc4a50ab766b8d95847-algar tech;/o=exchangelabs/ou=exchange administrative group (fydibohf23spdlt)/cn=recipients/cn=d376cbd484f64104bc8476daf590c7dc-paulo eduar;/o=exchangelabs/ou=exchange administrative group (fydibohf23spdlt)/cn=recipients/cn=dc302903ac1a4151bcd049b90df4486f-ricardo soa;</t>
  </si>
  <si>
    <t>RES: Oportunidade - 215397 - Comfrio Upgrade ERP - ambiente homologação</t>
  </si>
  <si>
    <t>/o=exchangelabs/ou=exchange administrative group (fydibohf23spdlt)/cn=recipients/cn=2361e4251bf74fc4a50ab766b8d95847-algar tech,/o=exchangelabs/ou=exchange administrative group (fydibohf23spdlt)/cn=recipients/cn=d376cbd484f64104bc8476daf590c7dc-paulo eduar,/o=exchangelabs/ou=exchange administrative group (fydibohf23spdlt)/cn=recipients/cn=dc302903ac1a4151bcd049b90df4486f-ricardo soa</t>
  </si>
  <si>
    <t>/o=exchangelabs/ou=exchange administrative group (fydibohf23spdlt)/cn=recipients/cn=14a70e6ea48e469fb92836fb9681d216-nayara barr;/o=exchangelabs/ou=exchange administrative group (fydibohf23spdlt)/cn=recipients/cn=2361e4251bf74fc4a50ab766b8d95847-algar tech;/o=exchangelabs/ou=exchange administrative group (fydibohf23spdlt)/cn=recipients/cn=c514dbe8b91547adb4618232d1a650ba-afonso domi;/o=exchangelabs/ou=exchange administrative group (fydibohf23spdlt)/cn=recipients/cn=dc302903ac1a4151bcd049b90df4486f-ricardo soa;</t>
  </si>
  <si>
    <t>RES: 215399 - CNEC - Servidor Outubro</t>
  </si>
  <si>
    <t>/o=exchangelabs/ou=exchange administrative group (fydibohf23spdlt)/cn=recipients/cn=14a70e6ea48e469fb92836fb9681d216-nayara barr,/o=exchangelabs/ou=exchange administrative group (fydibohf23spdlt)/cn=recipients/cn=2361e4251bf74fc4a50ab766b8d95847-algar tech,/o=exchangelabs/ou=exchange administrative group (fydibohf23spdlt)/cn=recipients/cn=c514dbe8b91547adb4618232d1a650ba-afonso domi,/o=exchangelabs/ou=exchange administrative group (fydibohf23spdlt)/cn=recipients/cn=dc302903ac1a4151bcd049b90df4486f-ricardo soa</t>
  </si>
  <si>
    <t>ENC: RELAÇÃO DE ASSOCIADOS</t>
  </si>
  <si>
    <t>102019 - CADASTRO GERAL.xlsx</t>
  </si>
  <si>
    <t>/o=exchangelabs/ou=exchange administrative group (fydibohf23spdlt)/cn=recipients/cn=19e1a2319fff47b59c502f41cebee6af-marcio pere;/o=exchangelabs/ou=exchange administrative group (fydibohf23spdlt)/cn=recipients/cn=2361e4251bf74fc4a50ab766b8d95847-algar tech;/o=exchangelabs/ou=exchange administrative group (fydibohf23spdlt)/cn=recipients/cn=fe8fdec9c88140d18f5303035fad45f0-ricardo bor;/o=exchangelabs/ou=exchange administrative group (fydibohf23spdlt)/cn=recipients/cn=user9cdd3979;</t>
  </si>
  <si>
    <t>RES: 215400 - DMAE - RENOVAÇÃO SMARTNETS CISCO.</t>
  </si>
  <si>
    <t>/o=exchangelabs/ou=exchange administrative group (fydibohf23spdlt)/cn=recipients/cn=19e1a2319fff47b59c502f41cebee6af-marcio pere,/o=exchangelabs/ou=exchange administrative group (fydibohf23spdlt)/cn=recipients/cn=2361e4251bf74fc4a50ab766b8d95847-algar tech,/o=exchangelabs/ou=exchange administrative group (fydibohf23spdlt)/cn=recipients/cn=fe8fdec9c88140d18f5303035fad45f0-ricardo bor,/o=exchangelabs/ou=exchange administrative group (fydibohf23spdlt)/cn=recipients/cn=user9cdd3979</t>
  </si>
  <si>
    <t>E:\1.2 - Segurança\</t>
  </si>
  <si>
    <t>CODIGO Q_Seg_Crachá.xlsx</t>
  </si>
  <si>
    <t>E:\1.2 - Segurança\CODIGO Q_Seg_Crachá.xlsx</t>
  </si>
  <si>
    <t>https://caey.fa.us2.oraclecloud.com/crmui/faces/fuseoverview?_adf.ctrl-state=1t85sl46w_5&amp;fnd=;;;;false;256;;;&amp;fndglobalitemnodeid=moo_opptymgmtopportunities_crm_card</t>
  </si>
  <si>
    <t>\\acsfs\Deptos\CAS - Coordenação de Arquitetura de Soluções\Projetos\2019\Faber Castell\214404 - EF Etiquetas GHS\1. Precificação\</t>
  </si>
  <si>
    <t>\\acsfs\Deptos\CAS - Coordenação de Arquitetura de Soluções\Projetos\2019\Faber Castell\214404 - EF Etiquetas GHS\1. Precificação\Plan Precificacao C017 B017.xlsb\</t>
  </si>
  <si>
    <t>mail.google.com/_/upload?authuser=2&amp;dcp=asu-n&amp;upload_id=AEnB2Up2Yigmx7tH9zr_r7DA54h6pECOuBrkyI7COdjWKTnbyMgc_24TBd8bjiz7p8OHzMKVKIltKe76YMPj_em5_Oxm0MV-w0Ywgyqpragl_9HbzM598sI&amp;upload_protocol=resumable</t>
  </si>
  <si>
    <t>retorno inserção pyspark.csv</t>
  </si>
  <si>
    <t>layla.saueia@avon.com;</t>
  </si>
  <si>
    <t>20191003 EDUCAÇÃO FINANCEIRA 0210.xls</t>
  </si>
  <si>
    <t>layla.saueia@avon.com</t>
  </si>
  <si>
    <t>/o=exchangelabs/ou=exchange administrative group (fydibohf23spdlt)/cn=recipients/cn=5876a52919c440598f015f22bceb7eeb-antonio car;/o=exchangelabs/ou=exchange administrative group (fydibohf23spdlt)/cn=recipients/cn=8c01e71056fe4e1a8ecc4e24420bd9ef-fellyp cros;/o=exchangelabs/ou=exchange administrative group (fydibohf23spdlt)/cn=recipients/cn=ac622658720d425d9736d1dea3c26ef7-juliano cal;llana@timbrasil.com.br;logisticatimopm@grupotpc.com;ppaternina@timbrasil.com.br;</t>
  </si>
  <si>
    <t>BAIXA DE MATERIAIS VANDALISMO FURTO 08/10/2019</t>
  </si>
  <si>
    <t>VANDALISMO BELO HORIZONTE.xlsx</t>
  </si>
  <si>
    <t>/o=exchangelabs/ou=exchange administrative group (fydibohf23spdlt)/cn=recipients/cn=5876a52919c440598f015f22bceb7eeb-antonio car,/o=exchangelabs/ou=exchange administrative group (fydibohf23spdlt)/cn=recipients/cn=8c01e71056fe4e1a8ecc4e24420bd9ef-fellyp cros,/o=exchangelabs/ou=exchange administrative group (fydibohf23spdlt)/cn=recipients/cn=ac622658720d425d9736d1dea3c26ef7-juliano cal,llana@timbrasil.com.br,logisticatimopm@grupotpc.com,ppaternina@timbrasil.com.br</t>
  </si>
  <si>
    <t>gustavovdo</t>
  </si>
  <si>
    <t>C:\Users\gustavovdo.ACS\OneDrive - Grupo Algar\BASES Power Shell\</t>
  </si>
  <si>
    <t>Users.generico.csv</t>
  </si>
  <si>
    <t>Relatorio_Usuarios_Corporativo_COR.csv</t>
  </si>
  <si>
    <t>Relatorio_Domain.Admins.csv</t>
  </si>
  <si>
    <t>Relatorio_acs.it.helpdesk.csv</t>
  </si>
  <si>
    <t>mail.google.com/_/upload?authuser=2&amp;dcp=asu-n&amp;upload_id=AEnB2UrYbA9f6zcZbYxavIVCt7A4SO07MYeDP1S495H8GQBujRr3RxiVUK0P-nR5enTqLgSJ4RyYDdB8zkAdCU_BEdFNsfVp0G-xks-ACsHEBjrDajgwbwo&amp;upload_protocol=resumable</t>
  </si>
  <si>
    <t>C:\Users\elainemdlp\OD\_Projetos\Em andamento\Expansao Caixa\PMO\PMO - STATUS DE GOVERNANÇA - Expansao Caixa - 20191019.pptx\</t>
  </si>
  <si>
    <t>Computers_McAfee_Campinas_08102019_4.csv</t>
  </si>
  <si>
    <t>/o=exchangelabs/ou=exchange administrative group (fydibohf23spdlt)/cn=recipients/cn=2f8300fc6f8b4714a77c0227cba72162-vinicius pi;/o=exchangelabs/ou=exchange administrative group (fydibohf23spdlt)/cn=recipients/cn=3188323005a04a70962871b2b980355d-humberto pi;/o=exchangelabs/ou=exchange administrative group (fydibohf23spdlt)/cn=recipients/cn=32fe8a14424941da83c2bf35a8a5709e-fabiana car;/o=exchangelabs/ou=exchange administrative group (fydibohf23spdlt)/cn=recipients/cn=430b7fc0ccfe4728933af1b3039c7e24-marcus gome;/o=exchangelabs/ou=exchange administrative group (fydibohf23spdlt)/cn=recipients/cn=545f738e0fe740ba856f4eb6ef0135e0-vinicius si;/o=exchangelabs/ou=exchange administrative group (fydibohf23spdlt)/cn=recipients/cn=56c2af2d07fd48c0aebfc00ddc006494-alessio rod;/o=exchangelabs/ou=exchange administrative group (fydibohf23spdlt)/cn=recipients/cn=5dd8c9ed3a4046cd98a0997ecbb8c57d-tiago matto;/o=exchangelabs/ou=exchange administrative group (fydibohf23spdlt)/cn=recipients/cn=78e530b5e3244cc1a89eba7f7b0af42f-marc</t>
  </si>
  <si>
    <t>/o=exchangelabs/ou=exchange administrative group (fydibohf23spdlt)/cn=recipients/cn=2f8300fc6f8b4714a77c0227cba72162-vinicius pi,/o=exchangelabs/ou=exchange administrative group (fydibohf23spdlt)/cn=recipients/cn=3188323005a04a70962871b2b980355d-humberto pi,/o=exchangelabs/ou=exchange administrative group (fydibohf23spdlt)/cn=recipients/cn=32fe8a14424941da83c2bf35a8a5709e-fabiana car,/o=exchangelabs/ou=exchange administrative group (fydibohf23spdlt)/cn=recipients/cn=430b7fc0ccfe4728933af1b3039c7e24-marcus gome,/o=exchangelabs/ou=exchange administrative group (fydibohf23spdlt)/cn=recipients/cn=545f738e0fe740ba856f4eb6ef0135e0-vinicius si,/o=exchangelabs/ou=exchange administrative group (fydibohf23spdlt)/cn=recipients/cn=56c2af2d07fd48c0aebfc00ddc006494-alessio rod,/o=exchangelabs/ou=exchange administrative group (fydibohf23spdlt)/cn=recipients/cn=5dd8c9ed3a4046cd98a0997ecbb8c57d-tiago matto,/o=exchangelabs/ou=exchange administrative group (fydibohf23spdlt)/cn=recipients/cn=78e530b5e3244cc1a89eba7f7b0af42f-marc</t>
  </si>
  <si>
    <t>https://caey.fa.us2.oraclecloud.com/crmui/faces/fuseoverview?_adf.ctrl-state=1186h79q7o_5&amp;fnd=;;;;false;256;;;&amp;fndglobalitemnodeid=moo_opptymgmtopportunities_crm_card</t>
  </si>
  <si>
    <t>Cópia de Etiqueta MP COS (varios artefatos).xlsx</t>
  </si>
  <si>
    <t>/o=exchangelabs/ou=exchange administrative group (fydibohf23spdlt)/cn=recipients/cn=3a10c1d788234688b257ab253389ec06-mateus mala;/o=exchangelabs/ou=exchange administrative group (fydibohf23spdlt)/cn=recipients/cn=9216c91f88944fa9915f6d1b2c6a77a0-renato kass;</t>
  </si>
  <si>
    <t>ENC: Planejamento</t>
  </si>
  <si>
    <t>Comportamental Avon.xlsx</t>
  </si>
  <si>
    <t>/o=exchangelabs/ou=exchange administrative group (fydibohf23spdlt)/cn=recipients/cn=3a10c1d788234688b257ab253389ec06-mateus mala,/o=exchangelabs/ou=exchange administrative group (fydibohf23spdlt)/cn=recipients/cn=9216c91f88944fa9915f6d1b2c6a77a0-renato kass</t>
  </si>
  <si>
    <t>avaliacoes.xlsx</t>
  </si>
  <si>
    <t>RATEIO BRADESCO.xls</t>
  </si>
  <si>
    <t>/o=exchangelabs/ou=exchange administrative group (fydibohf23spdlt)/cn=recipients/cn=094e5194d5c94cdf9d444ee50a911800-thalles hen;/o=exchangelabs/ou=exchange administrative group (fydibohf23spdlt)/cn=recipients/cn=2b05fb64124641c794278ebec1c98b6d-joao batist;/o=exchangelabs/ou=exchange administrative group (fydibohf23spdlt)/cn=recipients/cn=a35622ae1b534401a6dd99bd801d1f97-marcos paul;/o=exchangelabs/ou=exchange administrative group (fydibohf23spdlt)/cn=recipients/cn=ca1f2dadbd0542a8ad075275acf52ff3-rondinele s;/o=exchangelabs/ou=exchange administrative group (fydibohf23spdlt)/cn=recipients/cn=userd3ef8196;</t>
  </si>
  <si>
    <t>RES: Pendências da reunião do relatório financeiro - Compra Certa</t>
  </si>
  <si>
    <t>CH05_20191011_154736.xls</t>
  </si>
  <si>
    <t>/o=exchangelabs/ou=exchange administrative group (fydibohf23spdlt)/cn=recipients/cn=094e5194d5c94cdf9d444ee50a911800-thalles hen,/o=exchangelabs/ou=exchange administrative group (fydibohf23spdlt)/cn=recipients/cn=2b05fb64124641c794278ebec1c98b6d-joao batist,/o=exchangelabs/ou=exchange administrative group (fydibohf23spdlt)/cn=recipients/cn=a35622ae1b534401a6dd99bd801d1f97-marcos paul,/o=exchangelabs/ou=exchange administrative group (fydibohf23spdlt)/cn=recipients/cn=ca1f2dadbd0542a8ad075275acf52ff3-rondinele s,/o=exchangelabs/ou=exchange administrative group (fydibohf23spdlt)/cn=recipients/cn=userd3ef8196</t>
  </si>
  <si>
    <t>NPS Total_11019.pptx</t>
  </si>
  <si>
    <t>NPS Total_11019.pptx\</t>
  </si>
  <si>
    <t>54-BF-64-F4-4C-3A</t>
  </si>
  <si>
    <t>C:\Users\mariannacsm\OneDrive - Grupo Algar\0- PMO-POOL\PMO\CAPEX\SAVING CAPEX 2020\</t>
  </si>
  <si>
    <t>Status CSC.xlsx</t>
  </si>
  <si>
    <t>/o=exchangelabs/ou=exchange administrative group (fydibohf23spdlt)/cn=recipients/cn=2361e4251bf74fc4a50ab766b8d95847-algar tech;/o=exchangelabs/ou=exchange administrative group (fydibohf23spdlt)/cn=recipients/cn=372a4aee70df4061aed129651510b96b-raul montei;/o=exchangelabs/ou=exchange administrative group (fydibohf23spdlt)/cn=recipients/cn=7d13fcff1e804d05afcf907fc6d75650-piero crede;/o=exchangelabs/ou=exchange administrative group (fydibohf23spdlt)/cn=recipients/cn=97028c61ebe04c3ca84c604712943944-fabiano wil;/o=exchangelabs/ou=exchange administrative group (fydibohf23spdlt)/cn=recipients/cn=a67b870d47244fa19f0fe0fbb7458d8d-igo henriqu;</t>
  </si>
  <si>
    <t>RES: 215371 - SUPORTE ISD E WIT - HARALD</t>
  </si>
  <si>
    <t>nventário de Routing Switching Wireles e Firewall - v2.xlsx</t>
  </si>
  <si>
    <t>/o=exchangelabs/ou=exchange administrative group (fydibohf23spdlt)/cn=recipients/cn=2361e4251bf74fc4a50ab766b8d95847-algar tech,/o=exchangelabs/ou=exchange administrative group (fydibohf23spdlt)/cn=recipients/cn=372a4aee70df4061aed129651510b96b-raul montei,/o=exchangelabs/ou=exchange administrative group (fydibohf23spdlt)/cn=recipients/cn=7d13fcff1e804d05afcf907fc6d75650-piero crede,/o=exchangelabs/ou=exchange administrative group (fydibohf23spdlt)/cn=recipients/cn=97028c61ebe04c3ca84c604712943944-fabiano wil,/o=exchangelabs/ou=exchange administrative group (fydibohf23spdlt)/cn=recipients/cn=a67b870d47244fa19f0fe0fbb7458d8d-igo henriqu</t>
  </si>
  <si>
    <t>C:\Users\nadiagds\OneDrive - Grupo Algar\Mesa Digital\ISD_Análise\Projeto ISD - Banco Toyota\01.Fluxos\</t>
  </si>
  <si>
    <t>Projeto_ISD_BancoToyota_V1.1.xlsx</t>
  </si>
  <si>
    <t>/o=exchangelabs/ou=exchange administrative group (fydibohf23spdlt)/cn=recipients/cn=283819749ec64a3ca4621139a057108b-julia apare;/o=exchangelabs/ou=exchange administrative group (fydibohf23spdlt)/cn=recipients/cn=2d3379e2d04c40db810b4b1f41dd2aea-erica carol;/o=exchangelabs/ou=exchange administrative group (fydibohf23spdlt)/cn=recipients/cn=604f009b179249efb92e93be01f9c288-bruno perei;/o=exchangelabs/ou=exchange administrative group (fydibohf23spdlt)/cn=recipients/cn=9c45709fa79545fd9e2dfd27fd6c0303-guilherme r;/o=exchangelabs/ou=exchange administrative group (fydibohf23spdlt)/cn=recipients/cn=userb4ca559d;</t>
  </si>
  <si>
    <t>ENC: Chamado: 3361187;</t>
  </si>
  <si>
    <t>189ACC_-_AFAC_04072019-3361187-VF.xlsx</t>
  </si>
  <si>
    <t>/o=exchangelabs/ou=exchange administrative group (fydibohf23spdlt)/cn=recipients/cn=283819749ec64a3ca4621139a057108b-julia apare,/o=exchangelabs/ou=exchange administrative group (fydibohf23spdlt)/cn=recipients/cn=2d3379e2d04c40db810b4b1f41dd2aea-erica carol,/o=exchangelabs/ou=exchange administrative group (fydibohf23spdlt)/cn=recipients/cn=604f009b179249efb92e93be01f9c288-bruno perei,/o=exchangelabs/ou=exchange administrative group (fydibohf23spdlt)/cn=recipients/cn=9c45709fa79545fd9e2dfd27fd6c0303-guilherme r,/o=exchangelabs/ou=exchange administrative group (fydibohf23spdlt)/cn=recipients/cn=userb4ca559d</t>
  </si>
  <si>
    <t>matheuscsa@algartech.com.br;</t>
  </si>
  <si>
    <t>ENC: Consumidor</t>
  </si>
  <si>
    <t>matheuscsa@algartech.com.br</t>
  </si>
  <si>
    <t>/o=exchangelabs/ou=exchange administrative group (fydibohf23spdlt)/cn=recipients/cn=1e212ef08dab4f26b88cba944f2ab7cb-pmo.governa;/o=exchangelabs/ou=exchange administrative group (fydibohf23spdlt)/cn=recipients/cn=65d35bc38c6743d7a55b3ae9726a5893-diego ribei;/o=exchangelabs/ou=exchange administrative group (fydibohf23spdlt)/cn=recipients/cn=7e3d7035f32e4cc0a9eb7add5ad645d7-wexley cris;/o=exchangelabs/ou=exchange administrative group (fydibohf23spdlt)/cn=recipients/cn=a208dc8cbe6e49ba9e1a5ae0804f17ec-ana.rugai;/o=exchangelabs/ou=exchange administrative group (fydibohf23spdlt)/cn=recipients/cn=fc0c3c31150d437b934e665b69661b8f-poliana.ass;</t>
  </si>
  <si>
    <t>Quantidade de Desktops e Notebooks (evolução de vendas)</t>
  </si>
  <si>
    <t>Qtde Desktops e Notebooks (evolução de vendas) OFICIAL.xlsx</t>
  </si>
  <si>
    <t>/o=exchangelabs/ou=exchange administrative group (fydibohf23spdlt)/cn=recipients/cn=1e212ef08dab4f26b88cba944f2ab7cb-pmo.governa,/o=exchangelabs/ou=exchange administrative group (fydibohf23spdlt)/cn=recipients/cn=65d35bc38c6743d7a55b3ae9726a5893-diego ribei,/o=exchangelabs/ou=exchange administrative group (fydibohf23spdlt)/cn=recipients/cn=7e3d7035f32e4cc0a9eb7add5ad645d7-wexley cris,/o=exchangelabs/ou=exchange administrative group (fydibohf23spdlt)/cn=recipients/cn=a208dc8cbe6e49ba9e1a5ae0804f17ec-ana.rugai,/o=exchangelabs/ou=exchange administrative group (fydibohf23spdlt)/cn=recipients/cn=fc0c3c31150d437b934e665b69661b8f-poliana.ass</t>
  </si>
  <si>
    <t>C:\Users\rodrigombu\OneDrive - Grupo Algar\Whirlpool\2019\10 - Outubro\Arquivo\Relatório de Pontos Retenção URA RECEPTIVA - Até 03-10-19.rar\</t>
  </si>
  <si>
    <t>RelatÃ³rio de Pontos RetenÃ§Ã£o URA RECEPTIVA - AtÃ© 03-10-19.xlsx</t>
  </si>
  <si>
    <t>/o=exchangelabs/ou=exchange administrative group (fydibohf23spdlt)/cn=recipients/cn=5037aa398cdf4d9cae5ff1914ad4e4b1-joao paulo;</t>
  </si>
  <si>
    <t>URA Receptiva</t>
  </si>
  <si>
    <t>Relatório de Pontos Retenção URA RECEPTIVA - Até 03-10-19.rar\</t>
  </si>
  <si>
    <t>/o=exchangelabs/ou=exchange administrative group (fydibohf23spdlt)/cn=recipients/cn=5037aa398cdf4d9cae5ff1914ad4e4b1-joao paulo</t>
  </si>
  <si>
    <t>/o=exchangelabs/ou=exchange administrative group (fydibohf23spdlt)/cn=recipients/cn=5b573f4befac4475aa016fa1a1706cf0-roberto da;</t>
  </si>
  <si>
    <t>ENC: LinkedIn Navigator LICENSE TERMINATION from SAP's program 2019</t>
  </si>
  <si>
    <t>/o=exchangelabs/ou=exchange administrative group (fydibohf23spdlt)/cn=recipients/cn=5b573f4befac4475aa016fa1a1706cf0-roberto da</t>
  </si>
  <si>
    <t>planodecontas.xlsx</t>
  </si>
  <si>
    <t>mail.google.com/_/upload?authuser=0&amp;dcp=asu-n&amp;upload_id=AEnB2Url3FecI5QtetTruqDTf-JLbtxjD0tSKSsA9N1tzoHiGVFxONw6OkjIVG52Qoj3lIs71jgDdV7RsIrjnsQ3y9IyW_iZYw&amp;upload_protocol=resumable</t>
  </si>
  <si>
    <t>csavino@algartech.com;edsonnsj@algartech.com;h2;rafaelbdt@algartech.com;roberto.gagliardi@algartech.com;</t>
  </si>
  <si>
    <t>Report_INVENTARIO_-_MONITORAMENTO_ORION_GUAIRA.xls</t>
  </si>
  <si>
    <t>csavino@algartech.com,edsonnsj@algartech.com,h2,rafaelbdt@algartech.com,roberto.gagliardi@algartech.com</t>
  </si>
  <si>
    <t>mail.google.com/_/upload?authuser=1&amp;dcp=asu-n&amp;upload_id=AEnB2UqMESjTJeygsFSSJz0UkpRYSKDIr8MHj6tqbrGQX6K-VGgHg3RC9GnDj2jFiXRrcv6RfOFzI5IO_8FIBQ7cd-CmCYoa0g&amp;upload_protocol=resumable</t>
  </si>
  <si>
    <t>/o=exchangelabs/ou=exchange administrative group (fydibohf23spdlt)/cn=recipients/cn=2af9cbc0e9af4d91b36813b0ff5f73e1-reynaldo pe;/o=exchangelabs/ou=exchange administrative group (fydibohf23spdlt)/cn=recipients/cn=55f846c335d7437f892f0b0d49c89e92-celma ribei;/o=exchangelabs/ou=exchange administrative group (fydibohf23spdlt)/cn=recipients/cn=a7d54e15e3a94d53b0b5014d75c8d080-wanessa bor;/o=exchangelabs/ou=exchange administrative group (fydibohf23spdlt)/cn=recipients/cn=d5130784dc81436d9511788de4df376c-jeciene gom;/o=exchangelabs/ou=exchange administrative group (fydibohf23spdlt)/cn=recipients/cn=d66a262ea1e040adaf711e9b38c488e7-adine paula;</t>
  </si>
  <si>
    <t>Status Report Semanal - Projeto Precificação</t>
  </si>
  <si>
    <t>Status Report Semanal - Projeto Precificação - 20191010.pptx\</t>
  </si>
  <si>
    <t>/o=exchangelabs/ou=exchange administrative group (fydibohf23spdlt)/cn=recipients/cn=2af9cbc0e9af4d91b36813b0ff5f73e1-reynaldo pe,/o=exchangelabs/ou=exchange administrative group (fydibohf23spdlt)/cn=recipients/cn=55f846c335d7437f892f0b0d49c89e92-celma ribei,/o=exchangelabs/ou=exchange administrative group (fydibohf23spdlt)/cn=recipients/cn=a7d54e15e3a94d53b0b5014d75c8d080-wanessa bor,/o=exchangelabs/ou=exchange administrative group (fydibohf23spdlt)/cn=recipients/cn=d5130784dc81436d9511788de4df376c-jeciene gom,/o=exchangelabs/ou=exchange administrative group (fydibohf23spdlt)/cn=recipients/cn=d66a262ea1e040adaf711e9b38c488e7-adine paula</t>
  </si>
  <si>
    <t>10.201.28.54</t>
  </si>
  <si>
    <t>78-2B-CB-C0-F7-43</t>
  </si>
  <si>
    <t>CPNB-LARISSACO</t>
  </si>
  <si>
    <t>larissaco</t>
  </si>
  <si>
    <t>mail.google.com/_/upload?authuser=0&amp;dcp=asu-n&amp;upload_id=AEnB2UrH9ca7D6gVzQ1qqIihj-pkpkQg2rh2x6vE2M6F9qdO3MXZ7MAz3a3-o8iIi_MXYrDT-HFQYtF9nl3bE0FjfxoTkuyIeQXNvyh4TZp-P1I1TnR1AAs&amp;upload_protocol=resumable</t>
  </si>
  <si>
    <t>C:\Users\larissaco\Relatórios\</t>
  </si>
  <si>
    <t>Cópia de Dados PPR 2019.xlsx</t>
  </si>
  <si>
    <t>mail.google.com/_/upload?authuser=0&amp;dcp=asu-n&amp;upload_id=AEnB2UpUSuOPs1rs6UnAJYaoQsToWjmCsaoz3Us0AgwNox4J3lg8InvQrSQVTjJeujC2Vnjhq20q1fgl5JWyYmP8ocniCTCD2zEgjVI7umBV-xk5V_h0JcU&amp;upload_protocol=resumable</t>
  </si>
  <si>
    <t>Cópia de S24XXBRAJ12_Job Aid_Special_Process.xlsx</t>
  </si>
  <si>
    <t>larissacoliveira10@gmail.com</t>
  </si>
  <si>
    <t>Descrição de Atividades Fleetboard.xlsx</t>
  </si>
  <si>
    <t>Eixos MB v2.xlsx</t>
  </si>
  <si>
    <t>Eixos MB.xlsx</t>
  </si>
  <si>
    <t>22037 - UDI - WHIRLPOOL - SERV TLV CC RECEPTIVO.xlsx</t>
  </si>
  <si>
    <t>Detalhado Campos Plan Capacidade.xlsx</t>
  </si>
  <si>
    <t>10.250.255.89</t>
  </si>
  <si>
    <t>5 stars 11.10.csv</t>
  </si>
  <si>
    <t>10.200.111.26</t>
  </si>
  <si>
    <t>/o=exchangelabs/ou=exchange administrative group (fydibohf23spdlt)/cn=recipients/cn=33eadc062e4e444685992c7de4b20cbb-ana carolin;/o=exchangelabs/ou=exchange administrative group (fydibohf23spdlt)/cn=recipients/cn=3415fc6de1734fcdbc342cacddc4ffc6-felicia rab;/o=exchangelabs/ou=exchange administrative group (fydibohf23spdlt)/cn=recipients/cn=e46cd96e8e9e452c8cc8ba65a6c4ec57-gustavo hen;</t>
  </si>
  <si>
    <t>ENC: Relatório de Fator</t>
  </si>
  <si>
    <t>Relatorio Com custo de pessoal_gestores.xlsx</t>
  </si>
  <si>
    <t>/o=exchangelabs/ou=exchange administrative group (fydibohf23spdlt)/cn=recipients/cn=33eadc062e4e444685992c7de4b20cbb-ana carolin,/o=exchangelabs/ou=exchange administrative group (fydibohf23spdlt)/cn=recipients/cn=3415fc6de1734fcdbc342cacddc4ffc6-felicia rab,/o=exchangelabs/ou=exchange administrative group (fydibohf23spdlt)/cn=recipients/cn=e46cd96e8e9e452c8cc8ba65a6c4ec57-gustavo hen</t>
  </si>
  <si>
    <t>/o=exchangelabs/ou=exchange administrative group (fydibohf23spdlt)/cn=recipients/cn=3262123ab1534746a91b362bb3b84436-higor silva;/o=exchangelabs/ou=exchange administrative group (fydibohf23spdlt)/cn=recipients/cn=a112e7960ad74f0b922e46db95422f27-angelica ta;</t>
  </si>
  <si>
    <t>Relatório Ebit Por Cliente - 3T</t>
  </si>
  <si>
    <t>CH547_20191011_170718.xls</t>
  </si>
  <si>
    <t>/o=exchangelabs/ou=exchange administrative group (fydibohf23spdlt)/cn=recipients/cn=3262123ab1534746a91b362bb3b84436-higor silva,/o=exchangelabs/ou=exchange administrative group (fydibohf23spdlt)/cn=recipients/cn=a112e7960ad74f0b922e46db95422f27-angelica ta</t>
  </si>
  <si>
    <t>/o=exchangelabs/ou=exchange administrative group (fydibohf23spdlt)/cn=recipients/cn=188cf119266646948ce1364b0256b875-geysila tal;/o=exchangelabs/ou=exchange administrative group (fydibohf23spdlt)/cn=recipients/cn=437660f2d7104c728fd02934d309f657-erik lenis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68e6aa2e3fef4ccaba997d98294c9ed5-cristina he;/o=exchangelabs/ou=exchange administrative group (fydibohf23spdlt)/cn=recipients/cn=88e4fcbd3ea14730a81286cc0683fb42-manoel eloy;/o=exchangelabs/ou=exchange administrative group (fydibohf23spdlt)/cn=recipients/cn=8d77119d2f8247d39c0b1cfda92ac304-matheus pei;/o=exchangelabs/ou=exchange administrative group (fydibohf23spdlt)/cn=recipients/cn=90bbd36f936b4bc78e1fbd0a7eb4aa7d-saman</t>
  </si>
  <si>
    <t>RES: Análise de Horas Logadas e Projeção Financeira Next Outburo.19</t>
  </si>
  <si>
    <t>Turmas NEXT - Entrega Outubro_19.xlsx</t>
  </si>
  <si>
    <t>/o=exchangelabs/ou=exchange administrative group (fydibohf23spdlt)/cn=recipients/cn=188cf119266646948ce1364b0256b875-geysila tal,/o=exchangelabs/ou=exchange administrative group (fydibohf23spdlt)/cn=recipients/cn=437660f2d7104c728fd02934d309f657-erik lenis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68e6aa2e3fef4ccaba997d98294c9ed5-cristina he,/o=exchangelabs/ou=exchange administrative group (fydibohf23spdlt)/cn=recipients/cn=88e4fcbd3ea14730a81286cc0683fb42-manoel eloy,/o=exchangelabs/ou=exchange administrative group (fydibohf23spdlt)/cn=recipients/cn=8d77119d2f8247d39c0b1cfda92ac304-matheus pei,/o=exchangelabs/ou=exchange administrative group (fydibohf23spdlt)/cn=recipients/cn=90bbd36f936b4bc78e1fbd0a7eb4aa7d-saman</t>
  </si>
  <si>
    <t>10.200.61.250</t>
  </si>
  <si>
    <t>20-04-0F-FE-46-90</t>
  </si>
  <si>
    <t>/o=exchangelabs/ou=exchange administrative group (fydibohf23spdlt)/cn=recipients/cn=823ff3c9d5fe49399d544dd8d287e4b4-alexandre m;/o=exchangelabs/ou=exchange administrative group (fydibohf23spdlt)/cn=recipients/cn=af00c80bce784ca9bd95642b341cba0b-victor more;/o=exchangelabs/ou=exchange administrative group (fydibohf23spdlt)/cn=recipients/cn=bf4eddda9145453fb4e2bdb3c1b5ffbc-igor olivei;</t>
  </si>
  <si>
    <t>RES: Resultado operações de cobrança</t>
  </si>
  <si>
    <t>09-2019 - RL Operações - Transformação.xlsx</t>
  </si>
  <si>
    <t>/o=exchangelabs/ou=exchange administrative group (fydibohf23spdlt)/cn=recipients/cn=823ff3c9d5fe49399d544dd8d287e4b4-alexandre m,/o=exchangelabs/ou=exchange administrative group (fydibohf23spdlt)/cn=recipients/cn=af00c80bce784ca9bd95642b341cba0b-victor more,/o=exchangelabs/ou=exchange administrative group (fydibohf23spdlt)/cn=recipients/cn=bf4eddda9145453fb4e2bdb3c1b5ffbc-igor olivei</t>
  </si>
  <si>
    <t>C:\Users\gustavovdo.ACS\OneDrive - Grupo Algar\</t>
  </si>
  <si>
    <t>mail.google.com/_/upload?authuser=0&amp;dcp=asu-n&amp;upload_id=AEnB2Up6VLAGxWQKIo52zHQ_wcIeB8cKUResIHylqN4Hv7_tzz58mdB5rad7CeS9rbBUUwKXbC6UL7mdNbM1XC1_flX4ZKxI3w&amp;upload_protocol=resumable</t>
  </si>
  <si>
    <t>/o=exchangelabs/ou=exchange administrative group (fydibohf23spdlt)/cn=recipients/cn=9bb376e8b4c74d45963b1165e99fb0ea-fernando ro;</t>
  </si>
  <si>
    <t>/o=exchangelabs/ou=exchange administrative group (fydibohf23spdlt)/cn=recipients/cn=9bb376e8b4c74d45963b1165e99fb0ea-fernando ro</t>
  </si>
  <si>
    <t>/o=exchangelabs/ou=exchange administrative group (fydibohf23spdlt)/cn=recipients/cn=3fdae55f800a40bf81283bd4e9732f23-ludimila ti;/o=exchangelabs/ou=exchange administrative group (fydibohf23spdlt)/cn=recipients/cn=545f738e0fe740ba856f4eb6ef0135e0-vinicius si;/o=exchangelabs/ou=exchange administrative group (fydibohf23spdlt)/cn=recipients/cn=56dc126fba5b4a5f8fb1cd7e4f10477d-thais olive;/o=exchangelabs/ou=exchange administrative group (fydibohf23spdlt)/cn=recipients/cn=8da96f497b5c46ee81c2775857a1df84-pedro henri;/o=exchangelabs/ou=exchange administrative group (fydibohf23spdlt)/cn=recipients/cn=ba307e7ec0fc4bdbb07006aa828c05f7-carina ferr;/o=exchangelabs/ou=exchange administrative group (fydibohf23spdlt)/cn=recipients/cn=dd910368577c476fa125a61033b7deb1-gean carlos;/o=exchangelabs/ou=exchange administrative group (fydibohf23spdlt)/cn=recipients/cn=eb3a8d47e16546c381d649c124fcfbb7-cpc - contr;</t>
  </si>
  <si>
    <t>ENC: Pesquisa Mithology</t>
  </si>
  <si>
    <t>Pesquisa GSs.xlsx</t>
  </si>
  <si>
    <t>/o=exchangelabs/ou=exchange administrative group (fydibohf23spdlt)/cn=recipients/cn=3fdae55f800a40bf81283bd4e9732f23-ludimila ti,/o=exchangelabs/ou=exchange administrative group (fydibohf23spdlt)/cn=recipients/cn=545f738e0fe740ba856f4eb6ef0135e0-vinicius si,/o=exchangelabs/ou=exchange administrative group (fydibohf23spdlt)/cn=recipients/cn=56dc126fba5b4a5f8fb1cd7e4f10477d-thais olive,/o=exchangelabs/ou=exchange administrative group (fydibohf23spdlt)/cn=recipients/cn=8da96f497b5c46ee81c2775857a1df84-pedro henri,/o=exchangelabs/ou=exchange administrative group (fydibohf23spdlt)/cn=recipients/cn=ba307e7ec0fc4bdbb07006aa828c05f7-carina ferr,/o=exchangelabs/ou=exchange administrative group (fydibohf23spdlt)/cn=recipients/cn=dd910368577c476fa125a61033b7deb1-gean carlos,/o=exchangelabs/ou=exchange administrative group (fydibohf23spdlt)/cn=recipients/cn=eb3a8d47e16546c381d649c124fcfbb7-cpc - contr</t>
  </si>
  <si>
    <t>RATEIO CRS STAFF</t>
  </si>
  <si>
    <t>RATEIO CRS STAFF.xlsx</t>
  </si>
  <si>
    <t>7;</t>
  </si>
  <si>
    <t>C:\Users\lucianarba\Desktop\</t>
  </si>
  <si>
    <t>Template_Alteracao_CR_ou_Sindicato_(1) Novo GH.xlsx</t>
  </si>
  <si>
    <t>https://7</t>
  </si>
  <si>
    <t>mail.google.com/_/upload?authuser=0&amp;dcp=asu-n&amp;upload_id=AEnB2Uq8d_Z4ht8-o_VEGRQY9e6MD3ERRGFMmb9q9sD9QDGMAkBF4KOQgta8D8fBVsJ_G3clzJ9vlCh4A7i_P7ipriat4U475Q&amp;upload_protocol=resumable</t>
  </si>
  <si>
    <t>Status-11-10.xlsx</t>
  </si>
  <si>
    <t>mail.google.com/_/upload?authuser=0&amp;dcp=asu-n&amp;upload_id=AEnB2UrAiuiGbq1xW_y4dBDQP0_NZNFuSJwwVOEYE323D2cJOQ025PX9RT1TiDpITir1GKtNBJziJjRJt12EGjP5GR9KDVCmsNfy25W79aUJIt5Y_JFyZgw&amp;upload_protocol=resumable</t>
  </si>
  <si>
    <t>Processo desativação Sage.xlsx</t>
  </si>
  <si>
    <t>10.211.10.250</t>
  </si>
  <si>
    <t>/o=exchangelabs/ou=exchange administrative group (fydibohf23spdlt)/cn=recipients/cn=0bafe1ed27024338be4e911e19871cd1-william rob;/o=exchangelabs/ou=exchange administrative group (fydibohf23spdlt)/cn=recipients/cn=161c8ab454bb4f4ebde8223bf694a34b-pedro felip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34a28d636a1b4c86b1ec79baed4b846a-marco anton;/o=exchangelabs/ou=exchange administrative group (fydibohf23spdlt)/cn=recipients/cn=97bf0b4d6b424f9fbf91192510276150-renata de o;/o=exchangelabs/ou=exchange administrative group (fydibohf23spdlt)/cn=recipients/cn=e9b12c05d40743aeabb473b63d3b57f6-camila tirs;/o=exchangelabs/ou=exchange administrative group (fydibohf23spdlt)/cn=recipients/cn=f9f7ff8c593c4c869b053771ddd5846a-simo</t>
  </si>
  <si>
    <t>Prévia - Quitação Banco de Horas 01 a 10/10 - FOLHA NOV</t>
  </si>
  <si>
    <t>Quitação Banco de Horas 01a101019.xlsx</t>
  </si>
  <si>
    <t>/o=exchangelabs/ou=exchange administrative group (fydibohf23spdlt)/cn=recipients/cn=0bafe1ed27024338be4e911e19871cd1-william rob,/o=exchangelabs/ou=exchange administrative group (fydibohf23spdlt)/cn=recipients/cn=161c8ab454bb4f4ebde8223bf694a34b-pedro felip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34a28d636a1b4c86b1ec79baed4b846a-marco anton,/o=exchangelabs/ou=exchange administrative group (fydibohf23spdlt)/cn=recipients/cn=97bf0b4d6b424f9fbf91192510276150-renata de o,/o=exchangelabs/ou=exchange administrative group (fydibohf23spdlt)/cn=recipients/cn=e9b12c05d40743aeabb473b63d3b57f6-camila tirs,/o=exchangelabs/ou=exchange administrative group (fydibohf23spdlt)/cn=recipients/cn=f9f7ff8c593c4c869b053771ddd5846a-simo</t>
  </si>
  <si>
    <t>/o=exchangelabs/ou=exchange administrative group (fydibohf23spdlt)/cn=recipients/cn=aef94c0f98b44279a41d719230c27333-sabrina dan;/o=exchangelabs/ou=exchange administrative group (fydibohf23spdlt)/cn=recipients/cn=b284454839e94314a90d49e7ec00864f-antonio car;</t>
  </si>
  <si>
    <t>RES: ENC: Impactos Financeiros - Cobrança (Urgente)</t>
  </si>
  <si>
    <t>Detalhamento Impactos Agosto_Bradesco_CPS.xlsx</t>
  </si>
  <si>
    <t>/o=exchangelabs/ou=exchange administrative group (fydibohf23spdlt)/cn=recipients/cn=aef94c0f98b44279a41d719230c27333-sabrina dan,/o=exchangelabs/ou=exchange administrative group (fydibohf23spdlt)/cn=recipients/cn=b284454839e94314a90d49e7ec00864f-antonio car</t>
  </si>
  <si>
    <t>luizfsm@algartech.com;</t>
  </si>
  <si>
    <t>luizfsm@algartech.com</t>
  </si>
  <si>
    <t>SL XXXXX FACEBOOK - SET.19</t>
  </si>
  <si>
    <t>C:\Users\ruidrt\OneDrive - Grupo Algar\Documentos\Projetos\Whirlpool\</t>
  </si>
  <si>
    <t>Whp - repasse férias Out_19.xlsx</t>
  </si>
  <si>
    <t>09/30/2019 20:57:32</t>
  </si>
  <si>
    <t>09/30/2019 20:57:33</t>
  </si>
  <si>
    <t>09/30/2019 21:03:09</t>
  </si>
  <si>
    <t>C:\Users\fellypcsj\OneDrive - Grupo Algar\Engeset\MEDIÇÕES TERCEIROS\MEDIÇÃO ALUGUEIS\</t>
  </si>
  <si>
    <t>MEDICAO - GOIANIA WANIA ALVES.xlsx</t>
  </si>
  <si>
    <t>2019 - ATUALIZAÇÃO PATRICIA TIM.xlsx</t>
  </si>
  <si>
    <t>C:\Users\fellypcsj\OneDrive - Grupo Algar\Engeset\ADMINISTRATIVO FINANCEIRO\GEO GOVERNANÇA\LOGISTÍCA\ESTOQUE TERCEIRO\INSERVIVEIS\08 - AGOSTO\Teste\</t>
  </si>
  <si>
    <t>RptEstoqueSerial_consolidado v1.csv</t>
  </si>
  <si>
    <t>C:\Users\fellypcsj\OneDrive - Grupo Algar\Engeset\ADMINISTRATIVO FINANCEIRO\GEO GOVERNANÇA\GESTÃO DE COMPRAS\</t>
  </si>
  <si>
    <t>GESTÃO DE COMPRAS v1.xlsx</t>
  </si>
  <si>
    <t>C:\Users\fellypcsj\OneDrive - Grupo Algar\Fellyp\</t>
  </si>
  <si>
    <t>Ponto CJR.xlsx</t>
  </si>
  <si>
    <t>C:\Users\fellypcsj\OneDrive - Grupo Algar\Engeset\ADMINISTRATIVO FINANCEIRO\GEO GOVERNANÇA\LOGISTÍCA\ESTOQUE TERCEIRO\APRESENTAÇÃO\Mensal\Baixa\</t>
  </si>
  <si>
    <t>11 - Requisicao Material 27.11.xlsx</t>
  </si>
  <si>
    <t>ENC: [Fatura B] Resumo Reunião 09/10/2019</t>
  </si>
  <si>
    <t>Planilha de Apoio.xlsx</t>
  </si>
  <si>
    <t>C:\Users\fellypcsj\OneDrive - Grupo Algar\Engeset\MEDIÇÕES TERCEIROS\</t>
  </si>
  <si>
    <t>Inviolavel Palmas - Monitoramento Palmas v.1.xlsx</t>
  </si>
  <si>
    <t>RV Para apuração v4.xlsx</t>
  </si>
  <si>
    <t>10/13/2019 02:59:31</t>
  </si>
  <si>
    <t>10/13/2019 03:02:57</t>
  </si>
  <si>
    <t>/o=exchangelabs/ou=exchange administrative group (fydibohf23spdlt)/cn=recipients/cn=55a7ca9a5b3a4eab9b205245f89f7d3d-juliana ram;/o=exchangelabs/ou=exchange administrative group (fydibohf23spdlt)/cn=recipients/cn=fa4fe69c1dfb4d71beaaa5d64a4e88f8-carlos rodr;/o=exchangelabs/ou=exchange administrative group (fydibohf23spdlt)/cn=recipients/cn=user3cd2f856;</t>
  </si>
  <si>
    <t>Novo processo para crachás duplicados no COI</t>
  </si>
  <si>
    <t>Busca de Crachá duplicados para 2 via.xlsx</t>
  </si>
  <si>
    <t>/o=exchangelabs/ou=exchange administrative group (fydibohf23spdlt)/cn=recipients/cn=55a7ca9a5b3a4eab9b205245f89f7d3d-juliana ram,/o=exchangelabs/ou=exchange administrative group (fydibohf23spdlt)/cn=recipients/cn=fa4fe69c1dfb4d71beaaa5d64a4e88f8-carlos rodr,/o=exchangelabs/ou=exchange administrative group (fydibohf23spdlt)/cn=recipients/cn=user3cd2f856</t>
  </si>
  <si>
    <t>10/13/2019 15:59:01</t>
  </si>
  <si>
    <t>Controle_Compras_Caixa.xlsx</t>
  </si>
  <si>
    <t>10/13/2019 17:50:12</t>
  </si>
  <si>
    <t>10/13/2019 18:03:03</t>
  </si>
  <si>
    <t>10/13/2019 17:58:47</t>
  </si>
  <si>
    <t>10/13/2019 18:12:40</t>
  </si>
  <si>
    <t>10/13/2019 18:13:02</t>
  </si>
  <si>
    <t>10/13/2019 18:13:19</t>
  </si>
  <si>
    <t>10/13/2019 18:19:02</t>
  </si>
  <si>
    <t>C:\Users\elainemdlp\OD\_Projetos\Em andamento\Relacionamento Cartoes BV\04 - Controle\Status\PMO - STATUS DE GOVERNANÇA - Relacionamento de Cartoes BV - 20190917_v2 - Copia.pptx\</t>
  </si>
  <si>
    <t>10/13/2019 22:12:14</t>
  </si>
  <si>
    <t>10/13/2019 22:21:01</t>
  </si>
  <si>
    <t>10/13/2019 22:13:04</t>
  </si>
  <si>
    <t>carloselo@algartech.com;luizccga@algartech.com;</t>
  </si>
  <si>
    <t>carloselo@algartech.com,luizccga@algartech.com</t>
  </si>
  <si>
    <t>10/14/2019 07:32:07</t>
  </si>
  <si>
    <t>mail.google.com/_/upload?authuser=1&amp;dcp=asu-n&amp;upload_id=AEnB2UpJAP4Dy0OoAc_dIDDqXfyHptu3XBIeZBUHxT17t5C15jEpN5ts5f5nKJOCNUNcSdTMkGyXjhah_Jpz5kWALv0D79t5PnWMPMocyx115fSUAz6GTZk&amp;upload_protocol=resumable</t>
  </si>
  <si>
    <t>C:\Users\raphaelapm\Desktop\AD_IMPRENSA_FREELANCE\SERVIÇOS FREELANCE\</t>
  </si>
  <si>
    <t>10/14/2019 07:50:41</t>
  </si>
  <si>
    <t>10/14/2019 07:51:06</t>
  </si>
  <si>
    <t>64-1C-67-9D-34-D2</t>
  </si>
  <si>
    <t>/o=exchangelabs/ou=exchange administrative group (fydibohf23spdlt)/cn=recipients/cn=2c1aa4043c2c4bb3ada52ba81c03ebd9-camila ales;</t>
  </si>
  <si>
    <t>Base 14/10/2019 Oportunidades em aberto - Pipeline Detalhado</t>
  </si>
  <si>
    <t>BASE 14-10-2019 - Pipeline Detalhado v2 - 2019-10-14T074651.704.xlsx</t>
  </si>
  <si>
    <t>/o=exchangelabs/ou=exchange administrative group (fydibohf23spdlt)/cn=recipients/cn=2c1aa4043c2c4bb3ada52ba81c03ebd9-camila ales</t>
  </si>
  <si>
    <t>10/14/2019 08:03:13</t>
  </si>
  <si>
    <t>10/14/2019 08:08:07</t>
  </si>
  <si>
    <t>https://cscatende.algarnet.com.br/html/hd/hdscriptresposta/request/uploadincidentattachment.php?cdclassificacao=7&amp;action=1&amp;lastpositionattachement=undefined&amp;cdquestao=10838&amp;idmaisanexos=t</t>
  </si>
  <si>
    <t>\\acsfs\DEPTOS\TH\24 - Gestão Aprendiz\Controle\Férias\Nova pasta\</t>
  </si>
  <si>
    <t>FERIAS ALGAR 44.xlsx</t>
  </si>
  <si>
    <t>10/13/2019 09:56:10</t>
  </si>
  <si>
    <t>10/14/2019 08:11:07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fileSize%2Cowners(kind%2CpermissionId%2CdisplayName%2Cpicture%2CemailAddress%2Cdomain%2Cid)%2ClastModifyingUser(kind%2CpermissionId%2CdisplayName%2Cpicture%2CemailAddress%2Cid)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editable%2Crecency%2CrecencyReason%2Cversion%2CactionItems%2CteamDriveId%2ChasAugmentedPermissions%2CcreatedDate%2CprimaryDomainName%2CorganizationDisplayName%2CpassivelySubscribed%2CtrashingUser(kind%2CpermissionI</t>
  </si>
  <si>
    <t>10/14/2019 08:12:10</t>
  </si>
  <si>
    <t>10/14/2019 08:15:07</t>
  </si>
  <si>
    <t>0ANALYSIS_PATTERN (98).csv</t>
  </si>
  <si>
    <t>10/14/2019 08:14:51</t>
  </si>
  <si>
    <t>10/14/2019 08:16:07</t>
  </si>
  <si>
    <t>ENC: BV - Faturamento detalhado Julho, Agosto e Setembro</t>
  </si>
  <si>
    <t>V1 - FATURAMENTO ALGAR - JULHO_2019.xlsb</t>
  </si>
  <si>
    <t>10/14/2019 08:11:04</t>
  </si>
  <si>
    <t>C:\Users\elainemdlp\OD\_Projetos\Em andamento\Expansao Caixa\ATEC-2019-0024-013 - EXPANSÃO CAIXA.msg\s132\</t>
  </si>
  <si>
    <t>10/14/2019 08:17:07</t>
  </si>
  <si>
    <t>alencar.zanella@bradesco.com.br;diana.zeck@lojasrenner.com.br;priscila.pinto@lojasrenner.com.br;</t>
  </si>
  <si>
    <t>RES: Bradesco Cartões - GRUPO LOJAS RENNER</t>
  </si>
  <si>
    <t>alencar.zanella@bradesco.com.br,diana.zeck@lojasrenner.com.br,priscila.pinto@lojasrenner.com.br</t>
  </si>
  <si>
    <t>/o=exchangelabs/ou=exchange administrative group (fydibohf23spdlt)/cn=recipients/cn=5865f7bdf6dd4e85886f125a03522b87-paulo ricar;natalia.toma@bradesco.com.br;</t>
  </si>
  <si>
    <t>ENC: Formulario implementação Liberty</t>
  </si>
  <si>
    <t>Formulário de Implementação Liberty 02.10.xlsx</t>
  </si>
  <si>
    <t>/o=exchangelabs/ou=exchange administrative group (fydibohf23spdlt)/cn=recipients/cn=5865f7bdf6dd4e85886f125a03522b87-paulo ricar,natalia.toma@bradesco.com.br</t>
  </si>
  <si>
    <t>10/14/2019 08:19:30</t>
  </si>
  <si>
    <t>10/14/2019 08:23:08</t>
  </si>
  <si>
    <t>10/14/2019 08:24:08</t>
  </si>
  <si>
    <t>10/14/2019 08:22:52</t>
  </si>
  <si>
    <t>10/14/2019 08:27:08</t>
  </si>
  <si>
    <t>10/14/2019 08:24:49</t>
  </si>
  <si>
    <t>10/14/2019 08:25:44</t>
  </si>
  <si>
    <t>Valores CAPEX</t>
  </si>
  <si>
    <t>10/14/2019 08:31:08</t>
  </si>
  <si>
    <t>10.211.2.82</t>
  </si>
  <si>
    <t>/o=exchangelabs/ou=exchange administrative group (fydibohf23spdlt)/cn=recipients/cn=4a12565b1fd641949c422bae61f78467-antonia jaq;/o=exchangelabs/ou=exchange administrative group (fydibohf23spdlt)/cn=recipients/cn=aac3e825e7b24e62aa9146c1926f4033-taina de ol;/o=exchangelabs/ou=exchange administrative group (fydibohf23spdlt)/cn=recipients/cn=c6f5c50e91244036872327464dc6624a-cinthia mar;</t>
  </si>
  <si>
    <t>RES: Rollout de PDVs farmacias</t>
  </si>
  <si>
    <t>/o=exchangelabs/ou=exchange administrative group (fydibohf23spdlt)/cn=recipients/cn=4a12565b1fd641949c422bae61f78467-antonia jaq,/o=exchangelabs/ou=exchange administrative group (fydibohf23spdlt)/cn=recipients/cn=aac3e825e7b24e62aa9146c1926f4033-taina de ol,/o=exchangelabs/ou=exchange administrative group (fydibohf23spdlt)/cn=recipients/cn=c6f5c50e91244036872327464dc6624a-cinthia mar</t>
  </si>
  <si>
    <t>10/14/2019 08:34:08</t>
  </si>
  <si>
    <t>Preco_178268_V2_OPEX.xlsb</t>
  </si>
  <si>
    <t>Preco_178268_V2_CAPEX.xlsb</t>
  </si>
  <si>
    <t>LPU - Data Center</t>
  </si>
  <si>
    <t>10/14/2019 08:35:08</t>
  </si>
  <si>
    <t>10.200.57.109</t>
  </si>
  <si>
    <t>ENC: Login e senha de associados.</t>
  </si>
  <si>
    <t>/o=exchangelabs/ou=exchange administrative group (fydibohf23spdlt)/cn=recipients/cn=525b3060f0654996a4c2979efbfaed04-douglas sil;/o=exchangelabs/ou=exchange administrative group (fydibohf23spdlt)/cn=recipients/cn=b284454839e94314a90d49e7ec00864f-antonio car;</t>
  </si>
  <si>
    <t>ENC: Estrutura Relatórios &amp; Dashboards - Apresentação e Base de Dados Associados</t>
  </si>
  <si>
    <t>/o=exchangelabs/ou=exchange administrative group (fydibohf23spdlt)/cn=recipients/cn=525b3060f0654996a4c2979efbfaed04-douglas sil,/o=exchangelabs/ou=exchange administrative group (fydibohf23spdlt)/cn=recipients/cn=b284454839e94314a90d49e7ec00864f-antonio car</t>
  </si>
  <si>
    <t>10/13/2019 22:11:04</t>
  </si>
  <si>
    <t>10/14/2019 08:37:07</t>
  </si>
  <si>
    <t>C:\Users\ederleirdr\Desktop\Material Mestrado\</t>
  </si>
  <si>
    <t>cronograma_v2.xlsx</t>
  </si>
  <si>
    <t>4d9_e x-goog-authuser: 0 --=====3zjw962y31aa=====-- =====-- ,bsps44sjf0g5"}]},bsps44sjf0g5?opendrive=false&amp;reason=102&amp;synctype=0&amp;errorrecovery=false&amp;fields=kind,containsunsubscribed,containsunsubscribedchildren,containsunsubscribedchildren�,copyable,displ,displa,displayname,domain,emai,emailadd,emailaddr,emailaddress,explicitlytrashed,file(kind,fileid,filesize,foldercolor,foldercolor�,hasthumbnail,hasvisitorpermissions,id,id),items(deleted,items(kind,ken,kind,lastmodifyinguser(kind,lastviewedbymedate,mimetype,mixo8dz?opendrive=false&amp;reason=102&amp;synctype=0&amp;errorrecovery=false&amp;fields=kind,modifiedbymedate,modifieddate,ontainsunsubscribedchildren,owners(kind,permissionid,picture,quotabytesused,rpermissions,shar,share,shareable,shared,sharedwithmedate,subscribed,thum,thumb,thumbnailversion,title,user,userpermission(role)</t>
  </si>
  <si>
    <t>10/13/2019 22:11:25</t>
  </si>
  <si>
    <t>cronograma.xlsx</t>
  </si>
  <si>
    <t>analise consumidor</t>
  </si>
  <si>
    <t>estudo consumidor.xlsx</t>
  </si>
  <si>
    <t>10/14/2019 08:39:46</t>
  </si>
  <si>
    <t>10/14/2019 08:42:08</t>
  </si>
  <si>
    <t>10/14/2019 08:39:48</t>
  </si>
  <si>
    <t>10/14/2019 08:44:08</t>
  </si>
  <si>
    <t>https://caey.fa.us2.oraclecloud.com/crmui/faces/fusewelcome?_adf.ctrl-state=aiyx3c8g3_9</t>
  </si>
  <si>
    <t>10/14/2019 08:40:42</t>
  </si>
  <si>
    <t>10/14/2019 08:46:08</t>
  </si>
  <si>
    <t>10.200.99.90</t>
  </si>
  <si>
    <t>74-86-7A-F7-9E-52</t>
  </si>
  <si>
    <t>C:\Users\alinens\Downloads\</t>
  </si>
  <si>
    <t>PLANILHA DE ENTREGA DE CAIXA - CAMPANHA 17.xls</t>
  </si>
  <si>
    <t>PLANILHA DE ENTREGA DE CAIXA - CAMPANHA 18.xls</t>
  </si>
  <si>
    <t>10/14/2019 08:44:45</t>
  </si>
  <si>
    <t>10/14/2019 08:49:08</t>
  </si>
  <si>
    <t>Modelo - Defesa CAPEX</t>
  </si>
  <si>
    <t>PMO Algar Tech - SOLICITAÇÃO DE CAPEX _ Detecção Precoce - DC Sede.pptx\</t>
  </si>
  <si>
    <t>10/14/2019 08:48:47</t>
  </si>
  <si>
    <t>10/14/2019 08:51:08</t>
  </si>
  <si>
    <t>C:\Users\lauravx\Desktop\23.CANCELAMENTOS CHAMADO\</t>
  </si>
  <si>
    <t>Arquivo de Interface.xlsb</t>
  </si>
  <si>
    <t>CANCELAMENTO TIM.xlsx</t>
  </si>
  <si>
    <t>Template_-_Cancelamento.xlsx</t>
  </si>
  <si>
    <t>10/14/2019 08:49:32</t>
  </si>
  <si>
    <t>mail.google.com/_/upload?authuser=0&amp;dcp=asu-n&amp;upload_id=AEnB2Uo2ILGoQIUaWKGvTEF65zVD32wWhlBoHPBQGaOs_iV4eViESGTMsXp9MxK11XGsP6CXlMG5tFLe00_8nCDS0hXd6BQZDw&amp;upload_protocol=resumable</t>
  </si>
  <si>
    <t>C:\Users\lauravx\Desktop\23.CANCELAMENTOS CHAMADO CHAMADO FIS 3362744.zip\23.CANCELAMENTOS CHAMADO CHAMADO FIS 3362744\</t>
  </si>
  <si>
    <t>CANC FORA COMP.xlsx</t>
  </si>
  <si>
    <t>10/14/2019 08:49:36</t>
  </si>
  <si>
    <t>10/14/2019 08:55:08</t>
  </si>
  <si>
    <t>0ANALYSIS_PATTERN (99).csv</t>
  </si>
  <si>
    <t>10/14/2019 08:50:44</t>
  </si>
  <si>
    <t>10/14/2019 08:53:31</t>
  </si>
  <si>
    <t>10/14/2019 08:55:33</t>
  </si>
  <si>
    <t>10/14/2019 08:56:07</t>
  </si>
  <si>
    <t>10.200.60.29</t>
  </si>
  <si>
    <t>/o=exchangelabs/ou=exchange administrative group (fydibohf23spdlt)/cn=recipients/cn=ead082e8b94049fc88ead7cfecc4b31f-marcelo aug;</t>
  </si>
  <si>
    <t>Dados alteração de URA Avon</t>
  </si>
  <si>
    <t>/o=exchangelabs/ou=exchange administrative group (fydibohf23spdlt)/cn=recipients/cn=ead082e8b94049fc88ead7cfecc4b31f-marcelo aug</t>
  </si>
  <si>
    <t>10/14/2019 08:59:07</t>
  </si>
  <si>
    <t>/o=exchangelabs/ou=exchange administrative group (fydibohf23spdlt)/cn=recipients/cn=2af9cbc0e9af4d91b36813b0ff5f73e1-reynaldo pe;/o=exchangelabs/ou=exchange administrative group (fydibohf23spdlt)/cn=recipients/cn=55f846c335d7437f892f0b0d49c89e92-celma ribei;/o=exchangelabs/ou=exchange administrative group (fydibohf23spdlt)/cn=recipients/cn=a7d54e15e3a94d53b0b5014d75c8d080-wanessa bor;/o=exchangelabs/ou=exchange administrative group (fydibohf23spdlt)/cn=recipients/cn=carlos henrique vilarinho_db6c0fb3df;/o=exchangelabs/ou=exchange administrative group (fydibohf23spdlt)/cn=recipients/cn=d5130784dc81436d9511788de4df376c-jeciene gom;/o=exchangelabs/ou=exchange administrative group (fydibohf23spdlt)/cn=recipients/cn=d66a262ea1e040adaf711e9b38c488e7-adine paula;</t>
  </si>
  <si>
    <t>Projeto Precificação - Status Report - 14 10 2019.pptx\</t>
  </si>
  <si>
    <t>/o=exchangelabs/ou=exchange administrative group (fydibohf23spdlt)/cn=recipients/cn=2af9cbc0e9af4d91b36813b0ff5f73e1-reynaldo pe,/o=exchangelabs/ou=exchange administrative group (fydibohf23spdlt)/cn=recipients/cn=55f846c335d7437f892f0b0d49c89e92-celma ribei,/o=exchangelabs/ou=exchange administrative group (fydibohf23spdlt)/cn=recipients/cn=a7d54e15e3a94d53b0b5014d75c8d080-wanessa bor,/o=exchangelabs/ou=exchange administrative group (fydibohf23spdlt)/cn=recipients/cn=carlos henrique vilarinho_db6c0fb3df,/o=exchangelabs/ou=exchange administrative group (fydibohf23spdlt)/cn=recipients/cn=d5130784dc81436d9511788de4df376c-jeciene gom,/o=exchangelabs/ou=exchange administrative group (fydibohf23spdlt)/cn=recipients/cn=d66a262ea1e040adaf711e9b38c488e7-adine paula</t>
  </si>
  <si>
    <t>10/14/2019 08:58:33</t>
  </si>
  <si>
    <t>10/14/2019 09:01:07</t>
  </si>
  <si>
    <t>C:\Users\wanessabds\OneDrive - Grupo Algar\</t>
  </si>
  <si>
    <t>Controle de Ponto.xlsx</t>
  </si>
  <si>
    <t>10/14/2019 09:00:34</t>
  </si>
  <si>
    <t>10/14/2019 09:03:07</t>
  </si>
  <si>
    <t>10/14/2019 09:05:15</t>
  </si>
  <si>
    <t>10/14/2019 09:07:07</t>
  </si>
  <si>
    <t>10/14/2019 09:09:51</t>
  </si>
  <si>
    <t>10/14/2019 09:11:07</t>
  </si>
  <si>
    <t>mail.google.com/_/upload?authuser=0&amp;dcp=asu-n&amp;upload_id=AEnB2UqjZwp681hQjDc6QsrAT3_yzJ-6-Ds_KvYf4ZfXP8RdSiyLExk84__vpKfXh1jVjoa6zcEk0Lv3yZzQ7g97uDpOdpjxHA&amp;upload_protocol=resumable</t>
  </si>
  <si>
    <t>\\acsfs\engeset\financeiro_ula\FATURAMENTO\08. Relatórios Faturamento\03. 2019\</t>
  </si>
  <si>
    <t>RELATÓRIO FATURAMENTO 01.01.2019 a 30.09.2019.xlsx</t>
  </si>
  <si>
    <t>10/14/2019 09:13:08</t>
  </si>
  <si>
    <t>10.200.57.110</t>
  </si>
  <si>
    <t>10/14/2019 09:13:33</t>
  </si>
  <si>
    <t>10/14/2019 09:16:07</t>
  </si>
  <si>
    <t>/o=exchangelabs/ou=exchange administrative group (fydibohf23spdlt)/cn=recipients/cn=0724131ea0e6413f81b96734f1d8db35-larissa men;/o=exchangelabs/ou=exchange administrative group (fydibohf23spdlt)/cn=recipients/cn=0ee39e9e189c42369588db5cf6d2866d-celia regin;/o=exchangelabs/ou=exchange administrative group (fydibohf23spdlt)/cn=recipients/cn=2144abc9537143519f505fcb8550b74c-juliana emi;/o=exchangelabs/ou=exchange administrative group (fydibohf23spdlt)/cn=recipients/cn=54cf668de64942668ba57ef9adce46bc-rafael quin;/o=exchangelabs/ou=exchange administrative group (fydibohf23spdlt)/cn=recipients/cn=9ec15fdf8a374c6f80ea1bf33684216e-roberta alv;/o=exchangelabs/ou=exchange administrative group (fydibohf23spdlt)/cn=recipients/cn=ab45243d601947128cfe3dec663408bf-pamela tava;/o=exchangelabs/ou=exchange administrative group (fydibohf23spdlt)/cn=recipients/cn=cce783223f4944368b1f97b2b2cb217f-robson vini;</t>
  </si>
  <si>
    <t>ENC: Nova descrição Cargos Tech</t>
  </si>
  <si>
    <t>Associados x Cargos inativos.xlsx</t>
  </si>
  <si>
    <t>/o=exchangelabs/ou=exchange administrative group (fydibohf23spdlt)/cn=recipients/cn=0724131ea0e6413f81b96734f1d8db35-larissa men,/o=exchangelabs/ou=exchange administrative group (fydibohf23spdlt)/cn=recipients/cn=0ee39e9e189c42369588db5cf6d2866d-celia regin,/o=exchangelabs/ou=exchange administrative group (fydibohf23spdlt)/cn=recipients/cn=2144abc9537143519f505fcb8550b74c-juliana emi,/o=exchangelabs/ou=exchange administrative group (fydibohf23spdlt)/cn=recipients/cn=54cf668de64942668ba57ef9adce46bc-rafael quin,/o=exchangelabs/ou=exchange administrative group (fydibohf23spdlt)/cn=recipients/cn=9ec15fdf8a374c6f80ea1bf33684216e-roberta alv,/o=exchangelabs/ou=exchange administrative group (fydibohf23spdlt)/cn=recipients/cn=ab45243d601947128cfe3dec663408bf-pamela tava,/o=exchangelabs/ou=exchange administrative group (fydibohf23spdlt)/cn=recipients/cn=cce783223f4944368b1f97b2b2cb217f-robson vini</t>
  </si>
  <si>
    <t>10/14/2019 09:14:26</t>
  </si>
  <si>
    <t>10/14/2019 09:18:07</t>
  </si>
  <si>
    <t>Compras 2020 - 191014.xlsx</t>
  </si>
  <si>
    <t>10/14/2019 09:16:40</t>
  </si>
  <si>
    <t>10/14/2019 09:13:44</t>
  </si>
  <si>
    <t>10/14/2019 09:19:07</t>
  </si>
  <si>
    <t>10/14/2019 09:14:02</t>
  </si>
  <si>
    <t>10/14/2019 09:14:22</t>
  </si>
  <si>
    <t>10/14/2019 09:14:38</t>
  </si>
  <si>
    <t>10/14/2019 09:18:58</t>
  </si>
  <si>
    <t>10/14/2019 09:24:08</t>
  </si>
  <si>
    <t>ENC: Volume Gerenciadas Amex e Visa - 14/10</t>
  </si>
  <si>
    <t>10/14/2019 09:25:07</t>
  </si>
  <si>
    <t>/o=exchangelabs/ou=exchange administrative group (fydibohf23spdlt)/cn=recipients/cn=e602fe975e9346f78626c2947e4d3cb0-mayoral_cod;eduardo.machado@codeploy.com.br;</t>
  </si>
  <si>
    <t>Min(primeiiro Login)</t>
  </si>
  <si>
    <t>data (13).xlsx</t>
  </si>
  <si>
    <t>/o=exchangelabs/ou=exchange administrative group (fydibohf23spdlt)/cn=recipients/cn=e602fe975e9346f78626c2947e4d3cb0-mayoral_cod,eduardo.machado@codeploy.com.br</t>
  </si>
  <si>
    <t>10/14/2019 09:26:06</t>
  </si>
  <si>
    <t>10/14/2019 09:31:07</t>
  </si>
  <si>
    <t>10/14/2019 09:27:35</t>
  </si>
  <si>
    <t>10/14/2019 09:33:08</t>
  </si>
  <si>
    <t>luizfsm</t>
  </si>
  <si>
    <t>mail.google.com/_/upload?authuser=0&amp;dcp=asu-n&amp;upload_id=AEnB2UoUC974tLsPjJKuG4RQdVP9nujS0-4qTikGKW3-XGmyBTMf5YnF8BoTQbodbXAHCAWqhx8yKOQYCKAUqIDiltkkEIBbmg&amp;upload_protocol=resumable</t>
  </si>
  <si>
    <t>edilsonrb@algartech.com;lucasfbr@algartech.com;</t>
  </si>
  <si>
    <t>\\acsfs\dsti\CIT- Coordenação de Inteligência de Tecnologia\17 - Gerenciamento da Configuração\02 - DO (EXECUTAR)\01 - CONTROLE DE LIC\02 - REPORTS MICROSOFT (SPLA)\2019\10 - REPORT OUTUBRO 2019\</t>
  </si>
  <si>
    <t>03 -Report_SPLA_AlgarTech_10_19_v2.xlsx</t>
  </si>
  <si>
    <t>edilsonrb@algartech.com,lucasfbr@algartech.com</t>
  </si>
  <si>
    <t>10/14/2019 09:29:29</t>
  </si>
  <si>
    <t>10/14/2019 09:32:08</t>
  </si>
  <si>
    <t>10/14/2019 09:34:07</t>
  </si>
  <si>
    <t>10.200.61.131</t>
  </si>
  <si>
    <t>\\acsfs\DEPTOS\Governança da Estratégia\Planejamento\2020\Projetos Estratégicos\Megatendências - Atualização 09-19\</t>
  </si>
  <si>
    <t>Ficha do Risco - Ruptura do Negócio - set19.xlsx</t>
  </si>
  <si>
    <t>10/14/2019 09:31:28</t>
  </si>
  <si>
    <t>10/14/2019 09:37:07</t>
  </si>
  <si>
    <t>ENC: Compras 2020 - 191014.xlsx</t>
  </si>
  <si>
    <t>10/14/2019 09:35:54</t>
  </si>
  <si>
    <t>10/14/2019 09:38:08</t>
  </si>
  <si>
    <t>mail.google.com/_/upload?authuser=0&amp;dcp=asu-n&amp;upload_id=AEnB2UpBiy76mkua2fewD0RObb-14-1epJK3puSC_UFecvpT____vzfj4Of3iNQhJbF9rSQxvpmCERR5nb5mb7zVU8FJx_AR_w&amp;upload_protocol=resumable</t>
  </si>
  <si>
    <t>02 - REPORT SPLA 10_19_TECH.xlsx</t>
  </si>
  <si>
    <t>10/14/2019 09:39:46</t>
  </si>
  <si>
    <t>10/14/2019 09:41:07</t>
  </si>
  <si>
    <t>CURVA NORMAL - 11/10/2019</t>
  </si>
  <si>
    <t>10/14/2019 09:39:13</t>
  </si>
  <si>
    <t>10/14/2019 09:43:07</t>
  </si>
  <si>
    <t>10/14/2019 09:39:15</t>
  </si>
  <si>
    <t>10/14/2019 09:39:25</t>
  </si>
  <si>
    <t>10/14/2019 09:39:55</t>
  </si>
  <si>
    <t>10/14/2019 09:37:47</t>
  </si>
  <si>
    <t>\\acsfs\dsti\CIT- Coordenação de Inteligência de Tecnologia\05 - Gerenciamento Orçamento e Contabilização\6. Contabilidade 2020\0. Orçamento\Recuperações de Outros Custos e Pessoal\</t>
  </si>
  <si>
    <t>Florencio 2020.xlsx</t>
  </si>
  <si>
    <t>10/14/2019 09:39:53</t>
  </si>
  <si>
    <t>ENC: Macrocronograma CP</t>
  </si>
  <si>
    <t>Macrocronograma 2020.xlsx</t>
  </si>
  <si>
    <t>10/14/2019 09:43:04</t>
  </si>
  <si>
    <t>10/14/2019 09:48:09</t>
  </si>
  <si>
    <t>10/14/2019 09:47:59</t>
  </si>
  <si>
    <t>10/14/2019 09:49:08</t>
  </si>
  <si>
    <t>10/13/2019 21:40:31</t>
  </si>
  <si>
    <t>10/14/2019 09:50:08</t>
  </si>
  <si>
    <t>claudia.siqueira@bradesco.com.br;cristinahe@algartech.com;jacqueline.mariano@bradesco.com.br;lucas.jose@bradesco.com.br;viviane.virgilio@bradesco.com.br;</t>
  </si>
  <si>
    <t>C:\Users\rafaelaas\Desktop\Apresentação - Vendas Outubro 2019.pptx\</t>
  </si>
  <si>
    <t>claudia.siqueira@bradesco.com.br,cristinahe@algartech.com,jacqueline.mariano@bradesco.com.br,lucas.jose@bradesco.com.br,viviane.virgilio@bradesco.com.br</t>
  </si>
  <si>
    <t>10/13/2019 21:40:32</t>
  </si>
  <si>
    <t>10/14/2019 09:51:09</t>
  </si>
  <si>
    <t>10/14/2019 09:52:08</t>
  </si>
  <si>
    <t>/o=exchangelabs/ou=exchange administrative group (fydibohf23spdlt)/cn=recipients/cn=0cbce90bdb1a497884c650ccf6bb3f11-denise marq;/o=exchangelabs/ou=exchange administrative group (fydibohf23spdlt)/cn=recipients/cn=9b3c029cc2ba4212bb4247e9ef6df7f1-andressa cr;/o=exchangelabs/ou=exchange administrative group (fydibohf23spdlt)/cn=recipients/cn=f12a8a47728048b0a734508ea6226c04-michele dos;</t>
  </si>
  <si>
    <t>RES: ENTRANTES BACEN - POSIÇÃO ATÉ 10/10</t>
  </si>
  <si>
    <t>importacao.xlsx</t>
  </si>
  <si>
    <t>/o=exchangelabs/ou=exchange administrative group (fydibohf23spdlt)/cn=recipients/cn=0cbce90bdb1a497884c650ccf6bb3f11-denise marq,/o=exchangelabs/ou=exchange administrative group (fydibohf23spdlt)/cn=recipients/cn=9b3c029cc2ba4212bb4247e9ef6df7f1-andressa cr,/o=exchangelabs/ou=exchange administrative group (fydibohf23spdlt)/cn=recipients/cn=f12a8a47728048b0a734508ea6226c04-michele dos</t>
  </si>
  <si>
    <t>10/14/2019 09:48:51</t>
  </si>
  <si>
    <t>10/14/2019 09:54:08</t>
  </si>
  <si>
    <t>10/14/2019 09:56:16</t>
  </si>
  <si>
    <t>10/14/2019 09:57:08</t>
  </si>
  <si>
    <t>ENC: Status Orçamento GAT 2020</t>
  </si>
  <si>
    <t>Consolidação_Oficial_2020.xlsb</t>
  </si>
  <si>
    <t>10/14/2019 09:55:06</t>
  </si>
  <si>
    <t>10/14/2019 09:58:08</t>
  </si>
  <si>
    <t>/o=exchangelabs/ou=exchange administrative group (fydibohf23spdlt)/cn=recipients/cn=54abac0a4fdc4ad1bec39bb51d85eab1-victor hugo;/o=exchangelabs/ou=exchange administrative group (fydibohf23spdlt)/cn=recipients/cn=570802ee0d7e42cba7189b1affb39b89-rafael liza;/o=exchangelabs/ou=exchange administrative group (fydibohf23spdlt)/cn=recipients/cn=651324bc204a42f6bbcdf62273ebdc5c-aluisio ant;/o=exchangelabs/ou=exchange administrative group (fydibohf23spdlt)/cn=recipients/cn=89e58c8da071492dbdcb4fee4156b705-gustavo alm;/o=exchangelabs/ou=exchange administrative group (fydibohf23spdlt)/cn=recipients/cn=fedd0b8e2dbf442f837981a40559d630-viviane bar;/o=exchangelabs/ou=exchange administrative group (fydibohf23spdlt)/cn=recipients/cn=user3949317b;</t>
  </si>
  <si>
    <t>RES: Revisão LP GAT (PPE + AS IS)</t>
  </si>
  <si>
    <t>GAT_LP Anterior.xlsx</t>
  </si>
  <si>
    <t>/o=exchangelabs/ou=exchange administrative group (fydibohf23spdlt)/cn=recipients/cn=54abac0a4fdc4ad1bec39bb51d85eab1-victor hugo,/o=exchangelabs/ou=exchange administrative group (fydibohf23spdlt)/cn=recipients/cn=570802ee0d7e42cba7189b1affb39b89-rafael liza,/o=exchangelabs/ou=exchange administrative group (fydibohf23spdlt)/cn=recipients/cn=651324bc204a42f6bbcdf62273ebdc5c-aluisio ant,/o=exchangelabs/ou=exchange administrative group (fydibohf23spdlt)/cn=recipients/cn=89e58c8da071492dbdcb4fee4156b705-gustavo alm,/o=exchangelabs/ou=exchange administrative group (fydibohf23spdlt)/cn=recipients/cn=fedd0b8e2dbf442f837981a40559d630-viviane bar,/o=exchangelabs/ou=exchange administrative group (fydibohf23spdlt)/cn=recipients/cn=user3949317b</t>
  </si>
  <si>
    <t>10/14/2019 09:59:08</t>
  </si>
  <si>
    <t>/o=exchangelabs/ou=exchange administrative group (fydibohf23spdlt)/cn=recipients/cn=2504d5028b6b4fb89d14a5df6031358d-jane carla;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carlos henrique vilarinho_db6c0fb3df;/o=exchangelabs/ou=exchange administrative group (fydibohf23spdlt)/cn=recipients/cn=ed2578a7fad746b59b0f586e2ee82bbd-heliel de f;</t>
  </si>
  <si>
    <t>RES: Visão Fatores Pontuais</t>
  </si>
  <si>
    <t>EBITDA_RECORRENTE_v2.xlsx</t>
  </si>
  <si>
    <t>/o=exchangelabs/ou=exchange administrative group (fydibohf23spdlt)/cn=recipients/cn=2504d5028b6b4fb89d14a5df6031358d-jane carla,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carlos henrique vilarinho_db6c0fb3df,/o=exchangelabs/ou=exchange administrative group (fydibohf23spdlt)/cn=recipients/cn=ed2578a7fad746b59b0f586e2ee82bbd-heliel de f</t>
  </si>
  <si>
    <t>10/14/2019 09:58:59</t>
  </si>
  <si>
    <t>10/14/2019 10:00:08</t>
  </si>
  <si>
    <t>ENC: Escala de Treinamento ID UNICO - cenários de escalas</t>
  </si>
  <si>
    <t>Cópia de Escala TRN - ID ÚNICO.xlsx</t>
  </si>
  <si>
    <t>10/14/2019 10:01:33</t>
  </si>
  <si>
    <t>10/14/2019 10:02:09</t>
  </si>
  <si>
    <t>/o=exchangelabs/ou=exchange administrative group (fydibohf23spdlt)/cn=recipients/cn=c7de0e5d776f4b3e940d4f9143600171-suzidarleng;deivisson.goncalves@voetur.com.br;erica.chaves@bradesco.com.br;fernando.beyer@benner.com.br;</t>
  </si>
  <si>
    <t>RES: Contato IT - VOETUR TURISMO E REPRESENTACOES</t>
  </si>
  <si>
    <t>VOETUR_Relatório_BTB_-_B2B_Excel.xls</t>
  </si>
  <si>
    <t>/o=exchangelabs/ou=exchange administrative group (fydibohf23spdlt)/cn=recipients/cn=c7de0e5d776f4b3e940d4f9143600171-suzidarleng,deivisson.goncalves@voetur.com.br,erica.chaves@bradesco.com.br,fernando.beyer@benner.com.br</t>
  </si>
  <si>
    <t>10/14/2019 09:59:43</t>
  </si>
  <si>
    <t>10/14/2019 10:03:08</t>
  </si>
  <si>
    <t>10/14/2019 09:59:27</t>
  </si>
  <si>
    <t>10/14/2019 10:01:17</t>
  </si>
  <si>
    <t>10/14/2019 10:01:30</t>
  </si>
  <si>
    <t>10/14/2019 10:01:46</t>
  </si>
  <si>
    <t>10/14/2019 09:57:51</t>
  </si>
  <si>
    <t>10/14/2019 10:02:00</t>
  </si>
  <si>
    <t>10/14/2019 10:04:09</t>
  </si>
  <si>
    <t>10.200.32.36</t>
  </si>
  <si>
    <t>64-1C-67-80-3E-62</t>
  </si>
  <si>
    <t>NB-FERNANDAMLG</t>
  </si>
  <si>
    <t>fernandamlg</t>
  </si>
  <si>
    <t>C:\Users\fernandamlg\Desktop\REPASSE_BASE_ALGAR_DEEPCENTER_Fer.docx\</t>
  </si>
  <si>
    <t>10/14/2019 10:02:19</t>
  </si>
  <si>
    <t>10/14/2019 10:08:08</t>
  </si>
  <si>
    <t>10/14/2019 10:05:40</t>
  </si>
  <si>
    <t>10/14/2019 10:04:04</t>
  </si>
  <si>
    <t>denerbb@algartech.com;gabrielbc@algartech.com;henriqueac@algartech.com;joao.batista@graberseguranca.com.br;julianarcda@algartech.com;marcelodds@algartech.com;recepcaocrv@algartelecom.com.br;secorp@algartech.com;vinicius.marques@gpssa.com.br;wilsianemf@algartech.com;</t>
  </si>
  <si>
    <t>Importar_Quadro_Colaboradores_SinergyRH_20190913_EQUIPE SP.xlsx</t>
  </si>
  <si>
    <t>denerbb@algartech.com,gabrielbc@algartech.com,henriqueac@algartech.com,joao.batista@graberseguranca.com.br,julianarcda@algartech.com,marcelodds@algartech.com,recepcaocrv@algartelecom.com.br,secorp@algartech.com,vinicius.marques@gpssa.com.br,wilsianemf@algartech.com</t>
  </si>
  <si>
    <t>10/14/2019 10:06:54</t>
  </si>
  <si>
    <t>C:\Users\ricardoft\OneDrive - Grupo Algar\Documentos\Projetos\2019\Santander\Esfera\</t>
  </si>
  <si>
    <t>BP - 204254 - Esfera - GIAT FULL - Monitoração Operação Expert Team v4 final.xlsb</t>
  </si>
  <si>
    <t>C:\Users\ricardoft\OneDrive - Grupo Algar\Documentos\Projetos\2019\Santander\Esfera\BP - 204254 - Esfera - GIAT FULL - Monitoração Operação Expert Team v4 final.xlsb\</t>
  </si>
  <si>
    <t>10/14/2019 10:06:34</t>
  </si>
  <si>
    <t>ENC: Urgente - Avaliação de BP - 188270 - Banco PAN</t>
  </si>
  <si>
    <t>188270_v3 - Plan Precificacao C017 B017 Last Call r2.xlsb</t>
  </si>
  <si>
    <t>10/14/2019 10:09:30</t>
  </si>
  <si>
    <t>10/14/2019 10:12:09</t>
  </si>
  <si>
    <t>/o=exchangelabs/ou=exchange administrative group (fydibohf23spdlt)/cn=recipients/cn=3262123ab1534746a91b362bb3b84436-higor silva;/o=exchangelabs/ou=exchange administrative group (fydibohf23spdlt)/cn=recipients/cn=98ea30ba409149f69837fad4ccd70171-leonardo el;/o=exchangelabs/ou=exchange administrative group (fydibohf23spdlt)/cn=recipients/cn=c5057601f2364b0db7ea84dbec10baa4-matheus mor;</t>
  </si>
  <si>
    <t>Orçamento 2020 - fluxo de caixa</t>
  </si>
  <si>
    <t>/o=exchangelabs/ou=exchange administrative group (fydibohf23spdlt)/cn=recipients/cn=3262123ab1534746a91b362bb3b84436-higor silva,/o=exchangelabs/ou=exchange administrative group (fydibohf23spdlt)/cn=recipients/cn=98ea30ba409149f69837fad4ccd70171-leonardo el,/o=exchangelabs/ou=exchange administrative group (fydibohf23spdlt)/cn=recipients/cn=c5057601f2364b0db7ea84dbec10baa4-matheus mor</t>
  </si>
  <si>
    <t>10/14/2019 10:10:39</t>
  </si>
  <si>
    <t>10/14/2019 10:13:08</t>
  </si>
  <si>
    <t>10/14/2019 10:08:04</t>
  </si>
  <si>
    <t>/o=exchangelabs/ou=exchange administrative group (fydibohf23spdlt)/cn=recipients/cn=5b573f4befac4475aa016fa1a1706cf0-roberto da;/o=exchangelabs/ou=exchange administrative group (fydibohf23spdlt)/cn=recipients/cn=8c89829ad534498fa4c85b5ac11174f1-suelen more;</t>
  </si>
  <si>
    <t>BP Esfera</t>
  </si>
  <si>
    <t>/o=exchangelabs/ou=exchange administrative group (fydibohf23spdlt)/cn=recipients/cn=5b573f4befac4475aa016fa1a1706cf0-roberto da,/o=exchangelabs/ou=exchange administrative group (fydibohf23spdlt)/cn=recipients/cn=8c89829ad534498fa4c85b5ac11174f1-suelen more</t>
  </si>
  <si>
    <t>10/14/2019 10:12:22</t>
  </si>
  <si>
    <t>10/14/2019 10:15:08</t>
  </si>
  <si>
    <t>CR de envio - Extração 11.10.2019.xlsx</t>
  </si>
  <si>
    <t>10/14/2019 10:14:09</t>
  </si>
  <si>
    <t>10/14/2019 10:16:09</t>
  </si>
  <si>
    <t>/o=exchangelabs/ou=exchange administrative group (fydibohf23spdlt)/cn=recipients/cn=ff6ab8a4a6ba44dfbf3d1eca776dd02e-esther barb;</t>
  </si>
  <si>
    <t>Mailing</t>
  </si>
  <si>
    <t>Pesquisa_Satisfacao_RA_20191010.xlsx</t>
  </si>
  <si>
    <t>/o=exchangelabs/ou=exchange administrative group (fydibohf23spdlt)/cn=recipients/cn=ff6ab8a4a6ba44dfbf3d1eca776dd02e-esther barb</t>
  </si>
  <si>
    <t>10/14/2019 10:16:08</t>
  </si>
  <si>
    <t>10/14/2019 10:17:09</t>
  </si>
  <si>
    <t>Tabela comparativa da clientes vendidos x real PPE GAT</t>
  </si>
  <si>
    <t>Receita e MC Vendida Clientes PPE GAT 2019.xlsx</t>
  </si>
  <si>
    <t>10/14/2019 10:16:38</t>
  </si>
  <si>
    <t>10/14/2019 10:19:09</t>
  </si>
  <si>
    <t>/o=exchangelabs/ou=exchange administrative group (fydibohf23spdlt)/cn=recipients/cn=6a0fd08e5860463194752aefe60d70a7-diego de an;</t>
  </si>
  <si>
    <t>Controle de férias - Equipe Diego de Andrade</t>
  </si>
  <si>
    <t>/o=exchangelabs/ou=exchange administrative group (fydibohf23spdlt)/cn=recipients/cn=6a0fd08e5860463194752aefe60d70a7-diego de an</t>
  </si>
  <si>
    <t>10/14/2019 10:18:42</t>
  </si>
  <si>
    <t>10/14/2019 10:21:09</t>
  </si>
  <si>
    <t>/o=exchangelabs/ou=exchange administrative group (fydibohf23spdlt)/cn=recipients/cn=e70cc16764ef4e4fac6e4581f29c2881-valeria bet;/o=exchangelabs/ou=exchange administrative group (fydibohf23spdlt)/cn=recipients/cn=user776b6484;</t>
  </si>
  <si>
    <t>ENC: Hora/Homem - Desenvolvimento de Relatórios</t>
  </si>
  <si>
    <t>/o=exchangelabs/ou=exchange administrative group (fydibohf23spdlt)/cn=recipients/cn=e70cc16764ef4e4fac6e4581f29c2881-valeria bet,/o=exchangelabs/ou=exchange administrative group (fydibohf23spdlt)/cn=recipients/cn=user776b6484</t>
  </si>
  <si>
    <t>10/13/2019 22:28:26</t>
  </si>
  <si>
    <t>10/14/2019 10:22:09</t>
  </si>
  <si>
    <t>10.200.57.222</t>
  </si>
  <si>
    <t>C:\Users\douglassp\OneDrive - Grupo Algar\Base de Conhecimento\Apresentação\Diagnóstico - Cobranca.ppt\s2\</t>
  </si>
  <si>
    <t>Microsoft Graph Chart.dat</t>
  </si>
  <si>
    <t>Microsoft Graph Chart1.dat</t>
  </si>
  <si>
    <t>Microsoft Graph Chart10.dat</t>
  </si>
  <si>
    <t>Microsoft Graph Chart11.dat</t>
  </si>
  <si>
    <t>Microsoft Graph Chart12.dat</t>
  </si>
  <si>
    <t>Microsoft Graph Chart13.dat</t>
  </si>
  <si>
    <t>Microsoft Graph Chart14.dat</t>
  </si>
  <si>
    <t>Microsoft Graph Chart15.dat</t>
  </si>
  <si>
    <t>Microsoft Graph Chart16.dat</t>
  </si>
  <si>
    <t>Microsoft Graph Chart17.dat</t>
  </si>
  <si>
    <t>Microsoft Graph Chart18.dat</t>
  </si>
  <si>
    <t>Microsoft Graph Chart19.dat</t>
  </si>
  <si>
    <t>Microsoft Graph Chart2.dat</t>
  </si>
  <si>
    <t>Microsoft Graph Chart20.dat</t>
  </si>
  <si>
    <t>Microsoft Graph Chart21.dat</t>
  </si>
  <si>
    <t>10/13/2019 22:28:27</t>
  </si>
  <si>
    <t>Microsoft Graph Chart22.dat</t>
  </si>
  <si>
    <t>Microsoft Graph Chart23.dat</t>
  </si>
  <si>
    <t>Microsoft Graph Chart3.dat</t>
  </si>
  <si>
    <t>Microsoft Graph Chart4.dat</t>
  </si>
  <si>
    <t>Microsoft Graph Chart5.dat</t>
  </si>
  <si>
    <t>Microsoft Graph Chart6.dat</t>
  </si>
  <si>
    <t>Microsoft Graph Chart7.dat</t>
  </si>
  <si>
    <t>Microsoft Graph Chart8.dat</t>
  </si>
  <si>
    <t>Microsoft Graph Chart9.dat</t>
  </si>
  <si>
    <t>think-cell Slide.dat</t>
  </si>
  <si>
    <t>think-cell Slide1.dat</t>
  </si>
  <si>
    <t>think-cell Slide10.dat</t>
  </si>
  <si>
    <t>think-cell Slide2.dat</t>
  </si>
  <si>
    <t>think-cell Slide5.dat</t>
  </si>
  <si>
    <t>think-cell Slide6.dat</t>
  </si>
  <si>
    <t>think-cell Slide7.dat</t>
  </si>
  <si>
    <t>think-cell Slide8.dat</t>
  </si>
  <si>
    <t>think-cell Slide9.dat</t>
  </si>
  <si>
    <t>C:\Users\douglassp\OneDrive - Grupo Algar\Base de Conhecimento\Apresentação\Diagnóstico - Cobranca.ppt\s2\Microsoft PowerPoint Slide.dat\s5\</t>
  </si>
  <si>
    <t>C:\Users\douglassp\OneDrive - Grupo Algar\Base de Conhecimento\Apresentação\Diagnóstico - Cobranca.ppt\s2\Microsoft PowerPoint Slide1.dat\s5\</t>
  </si>
  <si>
    <t>10/13/2019 22:28:28</t>
  </si>
  <si>
    <t>C:\Users\douglassp\OneDrive - Grupo Algar\Base de Conhecimento\Apresentação\Diagnóstico - Cobranca.ppt\s2\Microsoft PowerPoint Slide2.dat\s5\</t>
  </si>
  <si>
    <t>C:\Users\douglassp\OneDrive - Grupo Algar\Base de Conhecimento\Apresentação\Diagnóstico - Cobranca.ppt\s2\think-cell Slide4.dat\s5\</t>
  </si>
  <si>
    <t>10/13/2019 22:33:01</t>
  </si>
  <si>
    <t>C:\Users\douglassp\OneDrive - Grupo Algar\Base de Conhecimento\Apresentação\Oportunidades Processo de Compras v9.ppt\s4\</t>
  </si>
  <si>
    <t>Microsoft Excel Chart.dat</t>
  </si>
  <si>
    <t>Microsoft Excel Chart1.dat</t>
  </si>
  <si>
    <t>Slide do think-cell2.dat</t>
  </si>
  <si>
    <t>10/13/2019 22:33:31</t>
  </si>
  <si>
    <t>C:\Users\douglassp\OneDrive - Grupo Algar\Base de Conhecimento\Apresentação\Solution generation workshop - Bench v10.ppt\s4\</t>
  </si>
  <si>
    <t>10/13/2019 22:33:32</t>
  </si>
  <si>
    <t>think-cell Slide31.dat</t>
  </si>
  <si>
    <t>think-cell Slide32.dat</t>
  </si>
  <si>
    <t>think-cell Slide33.dat</t>
  </si>
  <si>
    <t>think-cell Slide35.dat</t>
  </si>
  <si>
    <t>think-cell Slide36.dat</t>
  </si>
  <si>
    <t>think-cell Slide37.dat</t>
  </si>
  <si>
    <t>think-cell Slide38.dat</t>
  </si>
  <si>
    <t>think-cell Slide39.dat</t>
  </si>
  <si>
    <t>10/13/2019 22:34:11</t>
  </si>
  <si>
    <t>C:\Users\douglassp\OneDrive - Grupo Algar\Base de Conhecimento\Apresentação\Solution generation workshop - Inter-agent performance variation FINAL.ppt\s4\</t>
  </si>
  <si>
    <t>think-cell Slide11.dat</t>
  </si>
  <si>
    <t>10/13/2019 22:35:25</t>
  </si>
  <si>
    <t>C:\Users\douglassp\OneDrive - Grupo Algar\Base de Conhecimento\Apresentação\Solution generation workshop - Productivity v9.ppt\s4\</t>
  </si>
  <si>
    <t>think-cell Slide12.dat</t>
  </si>
  <si>
    <t>think-cell Slide13.dat</t>
  </si>
  <si>
    <t>10/13/2019 22:36:06</t>
  </si>
  <si>
    <t>C:\Users\douglassp\OneDrive - Grupo Algar\Base de Conhecimento\Apresentação\Solution generation workshop - Span, support and G&amp;A v5.ppt\s4\</t>
  </si>
  <si>
    <t>10/14/2019 10:17:50</t>
  </si>
  <si>
    <t>10/14/2019 10:23:09</t>
  </si>
  <si>
    <t>10/14/2019 10:18:40</t>
  </si>
  <si>
    <t>10/14/2019 10:20:16</t>
  </si>
  <si>
    <t>10/14/2019 10:21:03</t>
  </si>
  <si>
    <t>10/14/2019 10:22:52</t>
  </si>
  <si>
    <t>10/14/2019 10:26:09</t>
  </si>
  <si>
    <t>/o=exchangelabs/ou=exchange administrative group (fydibohf23spdlt)/cn=recipients/cn=user776b6484;</t>
  </si>
  <si>
    <t>ENC: Nova árvore de tabulação NPS/5 STARS</t>
  </si>
  <si>
    <t>Árvore NPS (1).xlsx</t>
  </si>
  <si>
    <t>/o=exchangelabs/ou=exchange administrative group (fydibohf23spdlt)/cn=recipients/cn=user776b6484</t>
  </si>
  <si>
    <t>10/14/2019 10:23:44</t>
  </si>
  <si>
    <t>10/14/2019 10:28:09</t>
  </si>
  <si>
    <t>10/14/2019 10:24:36</t>
  </si>
  <si>
    <t>10/14/2019 10:26:08</t>
  </si>
  <si>
    <t>10/14/2019 10:27:51</t>
  </si>
  <si>
    <t>10/14/2019 10:29:10</t>
  </si>
  <si>
    <t>Componentização Segurança da Informação.xlsx</t>
  </si>
  <si>
    <t>10/14/2019 10:27:00</t>
  </si>
  <si>
    <t>10/14/2019 10:31:09</t>
  </si>
  <si>
    <t>ENC: Operações Whirlpool - OAs de Auditoria</t>
  </si>
  <si>
    <t>10/14/2019 10:28:53</t>
  </si>
  <si>
    <t>10/14/2019 10:33:09</t>
  </si>
  <si>
    <t>10/14/2019 10:28:59</t>
  </si>
  <si>
    <t>https://algarnet-my.sharepoint.com/personal/ederleirdr_algartech_com/_layouts/15/upload.aspx?isajax=1&amp;list={0716580c-a173-4592-bd81-4d30e5fe8be6}&amp;rootfolder=/personal/ederleirdr_algartech_com/documents/forecast capex 2019</t>
  </si>
  <si>
    <t>\\acsfs\DEPTOS\PMO Governança\06 - GOVERNANÇA DO CAPEX\CAPEX 2019\EXECUÇÃO\04 - EMPENHADO\</t>
  </si>
  <si>
    <t>EXTRACAO_COMPROMISSOS_A19M10D14_v1.xlsb</t>
  </si>
  <si>
    <t>10/14/2019 10:32:46</t>
  </si>
  <si>
    <t>10/14/2019 10:38:10</t>
  </si>
  <si>
    <t>10/14/2019 10:36:32</t>
  </si>
  <si>
    <t>10/14/2019 10:39:11</t>
  </si>
  <si>
    <t>Disparo_14.10.csv</t>
  </si>
  <si>
    <t>10/14/2019 10:35:05</t>
  </si>
  <si>
    <t>Cálculo de meta de TCV mensal.xlsx</t>
  </si>
  <si>
    <t>10/14/2019 10:39:12</t>
  </si>
  <si>
    <t>10/14/2019 10:42:10</t>
  </si>
  <si>
    <t>/o=exchangelabs/ou=exchange administrative group (fydibohf23spdlt)/cn=recipients/cn=30f74284082a40308b3cb42ff978db0b-lucas faund;/o=exchangelabs/ou=exchange administrative group (fydibohf23spdlt)/cn=recipients/cn=5865f7bdf6dd4e85886f125a03522b87-paulo ricar;novacontahotel@bradescocartoes.com.br;suporte.tecnico@bradescocartoes.com.br;upc@bradescocartoes.com.br;</t>
  </si>
  <si>
    <t>RES: *** CADASTRO DE CHA **** PROSEGUR BR - PROPOSTA SAPC 324858</t>
  </si>
  <si>
    <t>PROSEGUR BR.xlsx</t>
  </si>
  <si>
    <t>/o=exchangelabs/ou=exchange administrative group (fydibohf23spdlt)/cn=recipients/cn=30f74284082a40308b3cb42ff978db0b-lucas faund,/o=exchangelabs/ou=exchange administrative group (fydibohf23spdlt)/cn=recipients/cn=5865f7bdf6dd4e85886f125a03522b87-paulo ricar,novacontahotel@bradescocartoes.com.br,suporte.tecnico@bradescocartoes.com.br,upc@bradescocartoes.com.br</t>
  </si>
  <si>
    <t>10/14/2019 10:42:24</t>
  </si>
  <si>
    <t>10/14/2019 10:45:11</t>
  </si>
  <si>
    <t>10/14/2019 10:42:05</t>
  </si>
  <si>
    <t>10/14/2019 10:47:11</t>
  </si>
  <si>
    <t>Devolutiva chamado CSC CR 1228</t>
  </si>
  <si>
    <t>Razão 1228 3009.xlsx</t>
  </si>
  <si>
    <t>/o=exchangelabs/ou=exchange administrative group (fydibohf23spdlt)/cn=recipients/cn=5865f7bdf6dd4e85886f125a03522b87-paulo ricar;/o=exchangelabs/ou=exchange administrative group (fydibohf23spdlt)/cn=recipients/cn=user0043920d;suporte.tecnico@bradescocartoes.com.br;</t>
  </si>
  <si>
    <t>RES: Inclusão de Company KR1025 CHA - PROSEGUR - PROTOCOLO 72202 PROTOCOLO:72333 NOVO PROTOCOLO 76039</t>
  </si>
  <si>
    <t>RES CADASTRO DE CHA PROSEGUR BR - PROPOSTA SAPC 324858.msg\s1\</t>
  </si>
  <si>
    <t>/o=exchangelabs/ou=exchange administrative group (fydibohf23spdlt)/cn=recipients/cn=5865f7bdf6dd4e85886f125a03522b87-paulo ricar,/o=exchangelabs/ou=exchange administrative group (fydibohf23spdlt)/cn=recipients/cn=user0043920d,suporte.tecnico@bradescocartoes.com.br</t>
  </si>
  <si>
    <t>10/14/2019 10:45:04</t>
  </si>
  <si>
    <t>10/14/2019 10:48:11</t>
  </si>
  <si>
    <t>/o=exchangelabs/ou=exchange administrative group (fydibohf23spdlt)/cn=recipients/cn=1d548783c10f4c62bcdf5de7a0f55a3e-lucas marqu;/o=exchangelabs/ou=exchange administrative group (fydibohf23spdlt)/cn=recipients/cn=24e9a045d8f54be4b10091040f36aa67-cristiane f;/o=exchangelabs/ou=exchange administrative group (fydibohf23spdlt)/cn=recipients/cn=2af9cbc0e9af4d91b36813b0ff5f73e1-reynaldo pe;/o=exchangelabs/ou=exchange administrative group (fydibohf23spdlt)/cn=recipients/cn=443a648e2bd247c69659ca2ac6a18582-adriele fer;/o=exchangelabs/ou=exchange administrative group (fydibohf23spdlt)/cn=recipients/cn=4ada91d5dca14c9b91ce4ae2425863c4-raphael afo;/o=exchangelabs/ou=exchange administrative group (fydibohf23spdlt)/cn=recipients/cn=56f1ed18d0b4438e8484a989403b0f53-ana paula c;/o=exchangelabs/ou=exchange administrative group (fydibohf23spdlt)/cn=recipients/cn=65d35bc38c6743d7a55b3ae9726a5893-diego ribei;/o=exchangelabs/ou=exchange administrative group (fydibohf23spdlt)/cn=recipients/cn=66edf19ebc2742d0aad16b8a34a09b10-andr</t>
  </si>
  <si>
    <t>OCs e RAs em aberto para internalização na competência 2019 (14.10.19)</t>
  </si>
  <si>
    <t>/o=exchangelabs/ou=exchange administrative group (fydibohf23spdlt)/cn=recipients/cn=1d548783c10f4c62bcdf5de7a0f55a3e-lucas marqu,/o=exchangelabs/ou=exchange administrative group (fydibohf23spdlt)/cn=recipients/cn=24e9a045d8f54be4b10091040f36aa67-cristiane f,/o=exchangelabs/ou=exchange administrative group (fydibohf23spdlt)/cn=recipients/cn=2af9cbc0e9af4d91b36813b0ff5f73e1-reynaldo pe,/o=exchangelabs/ou=exchange administrative group (fydibohf23spdlt)/cn=recipients/cn=443a648e2bd247c69659ca2ac6a18582-adriele fer,/o=exchangelabs/ou=exchange administrative group (fydibohf23spdlt)/cn=recipients/cn=4ada91d5dca14c9b91ce4ae2425863c4-raphael afo,/o=exchangelabs/ou=exchange administrative group (fydibohf23spdlt)/cn=recipients/cn=56f1ed18d0b4438e8484a989403b0f53-ana paula c,/o=exchangelabs/ou=exchange administrative group (fydibohf23spdlt)/cn=recipients/cn=65d35bc38c6743d7a55b3ae9726a5893-diego ribei,/o=exchangelabs/ou=exchange administrative group (fydibohf23spdlt)/cn=recipients/cn=66edf19ebc2742d0aad16b8a34a09b10-andr</t>
  </si>
  <si>
    <t>10/14/2019 10:46:07</t>
  </si>
  <si>
    <t>10/14/2019 10:49:11</t>
  </si>
  <si>
    <t>10/14/2019 10:47:20</t>
  </si>
  <si>
    <t>10/14/2019 10:51:11</t>
  </si>
  <si>
    <t>Preço - Açao Black Friday 2019 - v3.xlsx</t>
  </si>
  <si>
    <t>10/14/2019 10:50:21</t>
  </si>
  <si>
    <t>10/14/2019 10:52:11</t>
  </si>
  <si>
    <t>10.16.72.52</t>
  </si>
  <si>
    <t>/o=exchangelabs/ou=exchange administrative group (fydibohf23spdlt)/cn=recipients/cn=3bff4ffb267e4ea2a4a3347f6a4c5cf8-tatiane mag;/o=exchangelabs/ou=exchange administrative group (fydibohf23spdlt)/cn=recipients/cn=453b0661f3484e2bb744d0c86b45aba7-natallia ma;/o=exchangelabs/ou=exchange administrative group (fydibohf23spdlt)/cn=recipients/cn=98ea30ba409149f69837fad4ccd70171-leonardo el;/o=exchangelabs/ou=exchange administrative group (fydibohf23spdlt)/cn=recipients/cn=bee5cd1773f149bc808960891bcd0085-amanda de l;</t>
  </si>
  <si>
    <t>RES: Esclarecimentos - Reclamatória trabalhista - Marcio Rodrigues Vaz x Engeset</t>
  </si>
  <si>
    <t>Formulario_Engeset-_nova_versao (11).xls</t>
  </si>
  <si>
    <t>/o=exchangelabs/ou=exchange administrative group (fydibohf23spdlt)/cn=recipients/cn=3bff4ffb267e4ea2a4a3347f6a4c5cf8-tatiane mag,/o=exchangelabs/ou=exchange administrative group (fydibohf23spdlt)/cn=recipients/cn=453b0661f3484e2bb744d0c86b45aba7-natallia ma,/o=exchangelabs/ou=exchange administrative group (fydibohf23spdlt)/cn=recipients/cn=98ea30ba409149f69837fad4ccd70171-leonardo el,/o=exchangelabs/ou=exchange administrative group (fydibohf23spdlt)/cn=recipients/cn=bee5cd1773f149bc808960891bcd0085-amanda de l</t>
  </si>
  <si>
    <t>10/14/2019 10:48:09</t>
  </si>
  <si>
    <t>10/14/2019 10:53:10</t>
  </si>
  <si>
    <t>/o=exchangelabs/ou=exchange administrative group (fydibohf23spdlt)/cn=recipients/cn=1e212ef08dab4f26b88cba944f2ab7cb-pmo.governa;/o=nt5/ou=00000000000000000000000000000000/cn=6e8df6a380398146a7103979f179b545;</t>
  </si>
  <si>
    <t>/o=exchangelabs/ou=exchange administrative group (fydibohf23spdlt)/cn=recipients/cn=1e212ef08dab4f26b88cba944f2ab7cb-pmo.governa,/o=nt5/ou=00000000000000000000000000000000/cn=6e8df6a380398146a7103979f179b545</t>
  </si>
  <si>
    <t>10/14/2019 10:49:53</t>
  </si>
  <si>
    <t>/o=exchangelabs/ou=exchange administrative group (fydibohf23spdlt)/cn=recipients/cn=69cc68072bd74472a6fed235e590fc65-cassia alve;</t>
  </si>
  <si>
    <t>Toyota</t>
  </si>
  <si>
    <t>/o=exchangelabs/ou=exchange administrative group (fydibohf23spdlt)/cn=recipients/cn=69cc68072bd74472a6fed235e590fc65-cassia alve</t>
  </si>
  <si>
    <t>10/14/2019 10:51:03</t>
  </si>
  <si>
    <t>10/14/2019 10:54:11</t>
  </si>
  <si>
    <t>10/14/2019 10:53:31</t>
  </si>
  <si>
    <t>ENC: Fwd: Linha digitavel TERRAS DE AVENTURA INDUSTRIA DE ARTIGOS CRM:000280002074</t>
  </si>
  <si>
    <t>NOVO TEMPLATE ESTORNO WO STOP OSKLEN.xlsx</t>
  </si>
  <si>
    <t>10/14/2019 10:54:48</t>
  </si>
  <si>
    <t>10/14/2019 10:57:10</t>
  </si>
  <si>
    <t>C:\Users\raphaelapm\Desktop\MATERIAL DYNAMICS\DESORGANIZADOS\OPERACOES\PJ\_Implantação EBTA_Jul-Ago_2019\Arquivos para Carga\</t>
  </si>
  <si>
    <t>EBTA_7_Usuários.xlsx</t>
  </si>
  <si>
    <t>10/14/2019 10:54:29</t>
  </si>
  <si>
    <t>10/14/2019 10:58:10</t>
  </si>
  <si>
    <t>10.200.58.126</t>
  </si>
  <si>
    <t>C:\Users\vilarinho\OneDrive - Grupo Algar\Algar Tech\Orçamento\Orçamento2020\Previa 2020_Jul19\</t>
  </si>
  <si>
    <t>Consolidado Projeção 2020_27.7.19.xlsx</t>
  </si>
  <si>
    <t>10/14/2019 10:54:32</t>
  </si>
  <si>
    <t>2018 - Resumo Testes Impairment_v6.xlsx</t>
  </si>
  <si>
    <t>10/14/2019 10:56:15</t>
  </si>
  <si>
    <t>C:\Users\vilarinho\OneDrive - Grupo Algar\Algar Tech\Orçamento\Orçamento2020\Simulações19_20\</t>
  </si>
  <si>
    <t>Simulação Projeção 2020_Alterado.xlsx</t>
  </si>
  <si>
    <t>10/14/2019 10:55:21</t>
  </si>
  <si>
    <t>10/14/2019 10:59:11</t>
  </si>
  <si>
    <t>bianca.natucci@fisglobal.com;</t>
  </si>
  <si>
    <t>bianca.natucci@fisglobal.com</t>
  </si>
  <si>
    <t>10/14/2019 11:00:10</t>
  </si>
  <si>
    <t>10.200.58.155</t>
  </si>
  <si>
    <t>18-66-DA-FF-08-9D</t>
  </si>
  <si>
    <t>C:\Users\viniciussg\Desktop\</t>
  </si>
  <si>
    <t>Precificação PCP - RCV + HD +102.xlsx</t>
  </si>
  <si>
    <t>Precificação PCP - RCV +HD + 102 + TLV.xlsx</t>
  </si>
  <si>
    <t>Status - MIS WHP.xlsx</t>
  </si>
  <si>
    <t>C:\Users\viniciussg\OneDrive\Backup Mac\Transferências\</t>
  </si>
  <si>
    <t>Casa Gigabloco.xlsx</t>
  </si>
  <si>
    <t>10/14/2019 11:00:04</t>
  </si>
  <si>
    <t>10/14/2019 11:03:10</t>
  </si>
  <si>
    <t>10/14/2019 11:00:37</t>
  </si>
  <si>
    <t>10/14/2019 11:01:02</t>
  </si>
  <si>
    <t>Macro Cronograma_v3</t>
  </si>
  <si>
    <t>Macro Cronograma_v3.xlsx</t>
  </si>
  <si>
    <t>10/14/2019 11:04:50</t>
  </si>
  <si>
    <t>10/14/2019 11:08:11</t>
  </si>
  <si>
    <t>http://shareit.global.avon.com/sites/arrmcm/forca-de-vendas/_layouts/upload.aspx?list={a89cd46c-19fa-458c-809f-d246a5e48452}&amp;rootfolder=/sites/arrmcm/forca-de-vendas/ficaadicatreinamento/novo modelo de neg?0d3cio/new model eva&amp;source=http://shareit.global.avon.com/sites/arrmcm/forca-de-vendas/ficaadicatreinamento/forms/allitems.aspx?rootfolder=%2fsites%2farrmcm%2fforca%2dde%2dvendas%2fficaadicatreinamento%2fnovo%20modelo%20de%20neg%c3%93cio%2fnew%20model%20eva&amp;folderctid=&amp;view=%7bb9ba0dba%2db197%2d49b7%2d8048%2d506553e03103%7d</t>
  </si>
  <si>
    <t>Bônus_ating. Req_Cresc. Vendas_NCM_Por EVA - CP.18.xls</t>
  </si>
  <si>
    <t>http://shareit.global.avon.com/sites/arrmcm/forca-de-vendas/_layouts/upload.aspx?list={a89cd46c-19fa-458c-809f-d246a5e48452}&amp;rootfolder=/sites/arrmcm/forca-de-vendas/ficaadicatreinamento/novo modelo de neg�0d3cio/new model eva&amp;source=http://shareit.global.avon.com/sites/arrmcm/forca-de-vendas/ficaadicatreinamento/forms/allitems.aspx?rootfolder=%2fsites%2farrmcm%2fforca%2dde%2dvendas%2fficaadicatreinamento%2fnovo%20modelo%20de%20neg%c3%93cio%2fnew%20model%20eva&amp;folderctid=&amp;view=%7bb9ba0dba%2db197%2d49b7%2d8048%2d506553e03103%7d</t>
  </si>
  <si>
    <t>10/14/2019 11:05:27</t>
  </si>
  <si>
    <t>Bônus_ating. Req_Cresc. Vendas_NCM_Por Nível - CP.18.xls</t>
  </si>
  <si>
    <t>10/14/2019 11:07:00</t>
  </si>
  <si>
    <t>10/14/2019 11:10:11</t>
  </si>
  <si>
    <t>/o=exchangelabs/ou=exchange administrative group (fydibohf23spdlt)/cn=recipients/cn=e39e329fc16a43329eb2766bae675122-mariana gon;/o=exchangelabs/ou=exchange administrative group (fydibohf23spdlt)/cn=recipients/cn=e70cc16764ef4e4fac6e4581f29c2881-valeria bet;</t>
  </si>
  <si>
    <t>/o=exchangelabs/ou=exchange administrative group (fydibohf23spdlt)/cn=recipients/cn=e39e329fc16a43329eb2766bae675122-mariana gon,/o=exchangelabs/ou=exchange administrative group (fydibohf23spdlt)/cn=recipients/cn=e70cc16764ef4e4fac6e4581f29c2881-valeria bet</t>
  </si>
  <si>
    <t>10/14/2019 11:08:49</t>
  </si>
  <si>
    <t>10/14/2019 11:11:11</t>
  </si>
  <si>
    <t>C:\Users\gustavovdo.ACS\OneDrive - Grupo Algar\Estrutura\Download\Downloads\</t>
  </si>
  <si>
    <t>OfficeScan Outside Server Management Report (15).csv</t>
  </si>
  <si>
    <t>10/14/2019 11:12:26</t>
  </si>
  <si>
    <t>10/14/2019 11:16:11</t>
  </si>
  <si>
    <t>10.200.99.124</t>
  </si>
  <si>
    <t>/o=exchangelabs/ou=exchange administrative group (fydibohf23spdlt)/cn=recipients/cn=d1d015f213f648abbf348b5ccdf8e9d9-senilda per;adriana.oliveira@avon.com;juan.lopes@avon.com;mayza.costa@avon.com;</t>
  </si>
  <si>
    <t>RES: Melhoria de Processos</t>
  </si>
  <si>
    <t>Self Appointment.xlsx</t>
  </si>
  <si>
    <t>/o=exchangelabs/ou=exchange administrative group (fydibohf23spdlt)/cn=recipients/cn=d1d015f213f648abbf348b5ccdf8e9d9-senilda per,adriana.oliveira@avon.com,juan.lopes@avon.com,mayza.costa@avon.com</t>
  </si>
  <si>
    <t>10/14/2019 11:13:45</t>
  </si>
  <si>
    <t>10/14/2019 11:18:11</t>
  </si>
  <si>
    <t>10/14/2019 11:15:30</t>
  </si>
  <si>
    <t>10/14/2019 11:21:11</t>
  </si>
  <si>
    <t>/o=exchangelabs/ou=exchange administrative group (fydibohf23spdlt)/cn=recipients/cn=f701196445cc4cd494c258b6fe596d27-pamela cris;</t>
  </si>
  <si>
    <t>ENC: Mapeamento e cronometria</t>
  </si>
  <si>
    <t>ello esther 11 10 (2).xlsx</t>
  </si>
  <si>
    <t>/o=exchangelabs/ou=exchange administrative group (fydibohf23spdlt)/cn=recipients/cn=f701196445cc4cd494c258b6fe596d27-pamela cris</t>
  </si>
  <si>
    <t>10/14/2019 11:17:18</t>
  </si>
  <si>
    <t>10/14/2019 11:23:11</t>
  </si>
  <si>
    <t>anapaps@algartech.com.br;talouanecsr@algartech.com.br;</t>
  </si>
  <si>
    <t>Casos pendentes</t>
  </si>
  <si>
    <t>anapaps@algartech.com.br,talouanecsr@algartech.com.br</t>
  </si>
  <si>
    <t>10/14/2019 11:23:17</t>
  </si>
  <si>
    <t>10/14/2019 11:27:11</t>
  </si>
  <si>
    <t>/o=exchangelabs/ou=exchange administrative group (fydibohf23spdlt)/cn=recipients/cn=38cb943dd1ac413a953757a4a5a53053-fabio welze;/o=exchangelabs/ou=exchange administrative group (fydibohf23spdlt)/cn=recipients/cn=89ca346ee974400aae0c2ce74e5bf4c3-ademir de s;/o=exchangelabs/ou=exchange administrative group (fydibohf23spdlt)/cn=recipients/cn=8c89829ad534498fa4c85b5ac11174f1-suelen more;/o=exchangelabs/ou=exchange administrative group (fydibohf23spdlt)/cn=recipients/cn=9590810d44524cf49acee6103c18936a-denys guidi;/o=exchangelabs/ou=exchange administrative group (fydibohf23spdlt)/cn=recipients/cn=967d3dfeef4040ed9c6de32a4bd686af-sap basis;/o=exchangelabs/ou=exchange administrative group (fydibohf23spdlt)/cn=recipients/cn=f71035a74a95411c8b0276261ec8a527-rafael barr;/o=exchangelabs/ou=exchange administrative group (fydibohf23spdlt)/cn=recipients/cn=wilson achilles alves pereira neto - 004255;</t>
  </si>
  <si>
    <t>RES: Alinhamento WEG</t>
  </si>
  <si>
    <t>proposta_planilha.xlsx</t>
  </si>
  <si>
    <t>/o=exchangelabs/ou=exchange administrative group (fydibohf23spdlt)/cn=recipients/cn=38cb943dd1ac413a953757a4a5a53053-fabio welze,/o=exchangelabs/ou=exchange administrative group (fydibohf23spdlt)/cn=recipients/cn=89ca346ee974400aae0c2ce74e5bf4c3-ademir de s,/o=exchangelabs/ou=exchange administrative group (fydibohf23spdlt)/cn=recipients/cn=8c89829ad534498fa4c85b5ac11174f1-suelen more,/o=exchangelabs/ou=exchange administrative group (fydibohf23spdlt)/cn=recipients/cn=9590810d44524cf49acee6103c18936a-denys guidi,/o=exchangelabs/ou=exchange administrative group (fydibohf23spdlt)/cn=recipients/cn=967d3dfeef4040ed9c6de32a4bd686af-sap basis,/o=exchangelabs/ou=exchange administrative group (fydibohf23spdlt)/cn=recipients/cn=f71035a74a95411c8b0276261ec8a527-rafael barr,/o=exchangelabs/ou=exchange administrative group (fydibohf23spdlt)/cn=recipients/cn=wilson achilles alves pereira neto - 004255</t>
  </si>
  <si>
    <t>10/14/2019 11:28:28</t>
  </si>
  <si>
    <t>10/14/2019 11:33:11</t>
  </si>
  <si>
    <t>10/14/2019 11:29:02</t>
  </si>
  <si>
    <t>10/14/2019 11:32:07</t>
  </si>
  <si>
    <t>10/14/2019 11:34:11</t>
  </si>
  <si>
    <t>/o=exchangelabs/ou=exchange administrative group (fydibohf23spdlt)/cn=recipients/cn=3d559cad8a6b4c9ba2e512604e1484a2-marcelo mal;larissa.mendonca@br.experian.com;tania.salvador@br.experian.com;</t>
  </si>
  <si>
    <t>RES: Doc1813243275 - RFP - Field Services e Service Desk - Questionamentos</t>
  </si>
  <si>
    <t>/o=exchangelabs/ou=exchange administrative group (fydibohf23spdlt)/cn=recipients/cn=3d559cad8a6b4c9ba2e512604e1484a2-marcelo mal,larissa.mendonca@br.experian.com,tania.salvador@br.experian.com</t>
  </si>
  <si>
    <t>10/14/2019 11:33:17</t>
  </si>
  <si>
    <t>10/14/2019 11:38:10</t>
  </si>
  <si>
    <t>10/14/2019 11:35:25</t>
  </si>
  <si>
    <t>10/14/2019 11:36:12</t>
  </si>
  <si>
    <t>10/14/2019 11:39:11</t>
  </si>
  <si>
    <t>5 stars 14.10.csv</t>
  </si>
  <si>
    <t>10/14/2019 11:32:17</t>
  </si>
  <si>
    <t>10/14/2019 11:44:11</t>
  </si>
  <si>
    <t>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98ea30ba409149f69837fad4ccd70171-leonardo el;/o=exchangelabs/ou=exchange administrative group (fydibohf23spdlt)/cn=recipients/cn=a4ba92cba10f4fe498074594f937f3b6-leandro lop;/o=exchangelabs/ou=exchange administrative group (fydibohf23spdlt)/cn=recipients/cn=a75579a499254c2291e852b70c4d70d1-eunice apar;/o=exchangelabs/ou=exchange administrative group (fydibohf23spdlt)/cn=recipients/cn=ab45243d601947128cfe3dec663408bf-pamela tava;/o=exchangelabs/ou=exchange administrative group (fydibohf23spdlt)/cn=recipients/cn=cac18c5388b04f6d979d1bc87a08825a-marcopaulo;/o=exchangelabs/ou=exchange administrative group (fydibohf23spdlt)/cn=recipients/cn=cee041e3afc5419faa2273808d5b57ff-prisc</t>
  </si>
  <si>
    <t>RES: Incentivo / Comissões - Escopo B</t>
  </si>
  <si>
    <t>Cópia de Folha_jan a set 2019.xlsx</t>
  </si>
  <si>
    <t>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98ea30ba409149f69837fad4ccd70171-leonardo el,/o=exchangelabs/ou=exchange administrative group (fydibohf23spdlt)/cn=recipients/cn=a4ba92cba10f4fe498074594f937f3b6-leandro lop,/o=exchangelabs/ou=exchange administrative group (fydibohf23spdlt)/cn=recipients/cn=a75579a499254c2291e852b70c4d70d1-eunice apar,/o=exchangelabs/ou=exchange administrative group (fydibohf23spdlt)/cn=recipients/cn=ab45243d601947128cfe3dec663408bf-pamela tava,/o=exchangelabs/ou=exchange administrative group (fydibohf23spdlt)/cn=recipients/cn=cac18c5388b04f6d979d1bc87a08825a-marcopaulo,/o=exchangelabs/ou=exchange administrative group (fydibohf23spdlt)/cn=recipients/cn=cee041e3afc5419faa2273808d5b57ff-prisc</t>
  </si>
  <si>
    <t>10/14/2019 11:45:05</t>
  </si>
  <si>
    <t>10/14/2019 11:47:12</t>
  </si>
  <si>
    <t>10/14/2019 11:43:52</t>
  </si>
  <si>
    <t>10/14/2019 11:48:11</t>
  </si>
  <si>
    <t>10/14/2019 11:41:03</t>
  </si>
  <si>
    <t>10/14/2019 11:51:11</t>
  </si>
  <si>
    <t>roberto.barbosa@genesys.com;</t>
  </si>
  <si>
    <t>roberto.barbosa@genesys.com</t>
  </si>
  <si>
    <t>10/14/2019 11:52:12</t>
  </si>
  <si>
    <t>ENC: Consultoria Genesys</t>
  </si>
  <si>
    <t>RCV_COMPORTAMENTO_VQ.zip\</t>
  </si>
  <si>
    <t>RCV_COMPORTAMENTO_VQ.xlsb</t>
  </si>
  <si>
    <t>10/14/2019 11:48:02</t>
  </si>
  <si>
    <t>10/14/2019 11:48:08</t>
  </si>
  <si>
    <t>10/14/2019 11:53:11</t>
  </si>
  <si>
    <t>/o=exchangelabs/ou=exchange administrative group (fydibohf23spdlt)/cn=recipients/cn=0724131ea0e6413f81b96734f1d8db35-larissa men;/o=exchangelabs/ou=exchange administrative group (fydibohf23spdlt)/cn=recipients/cn=1698f5af44b14116ad2d0b751d584c7d-danilo rafa;/o=exchangelabs/ou=exchange administrative group (fydibohf23spdlt)/cn=recipients/cn=1867d5fca12044e08946537995369baf-diego rodri;/o=exchangelabs/ou=exchange administrative group (fydibohf23spdlt)/cn=recipients/cn=2144abc9537143519f505fcb8550b74c-juliana emi;/o=exchangelabs/ou=exchange administrative group (fydibohf23spdlt)/cn=recipients/cn=9ec15fdf8a374c6f80ea1bf33684216e-roberta alv;/o=exchangelabs/ou=exchange administrative group (fydibohf23spdlt)/cn=recipients/cn=ab45243d601947128cfe3dec663408bf-pamela tava;/o=exchangelabs/ou=exchange administrative group (fydibohf23spdlt)/cn=recipients/cn=b60c7f02b7944b639da5c2f90b0fe2f5-diogo soare;/o=exchangelabs/ou=exchange administrative group (fydibohf23spdlt)/cn=recipients/cn=b63d7f09ae264ee197cf923a77c993b6-dgrc</t>
  </si>
  <si>
    <t>SEGUNTA ETAPA - FORMAÇÃO DE BRIGADA</t>
  </si>
  <si>
    <t>2Escala de brigada 2019.xlsx</t>
  </si>
  <si>
    <t>/o=exchangelabs/ou=exchange administrative group (fydibohf23spdlt)/cn=recipients/cn=0724131ea0e6413f81b96734f1d8db35-larissa men,/o=exchangelabs/ou=exchange administrative group (fydibohf23spdlt)/cn=recipients/cn=1698f5af44b14116ad2d0b751d584c7d-danilo rafa,/o=exchangelabs/ou=exchange administrative group (fydibohf23spdlt)/cn=recipients/cn=1867d5fca12044e08946537995369baf-diego rodri,/o=exchangelabs/ou=exchange administrative group (fydibohf23spdlt)/cn=recipients/cn=2144abc9537143519f505fcb8550b74c-juliana emi,/o=exchangelabs/ou=exchange administrative group (fydibohf23spdlt)/cn=recipients/cn=9ec15fdf8a374c6f80ea1bf33684216e-roberta alv,/o=exchangelabs/ou=exchange administrative group (fydibohf23spdlt)/cn=recipients/cn=ab45243d601947128cfe3dec663408bf-pamela tava,/o=exchangelabs/ou=exchange administrative group (fydibohf23spdlt)/cn=recipients/cn=b60c7f02b7944b639da5c2f90b0fe2f5-diogo soare,/o=exchangelabs/ou=exchange administrative group (fydibohf23spdlt)/cn=recipients/cn=b63d7f09ae264ee197cf923a77c993b6-dgrc</t>
  </si>
  <si>
    <t>10/14/2019 11:53:41</t>
  </si>
  <si>
    <t>10/14/2019 11:54:12</t>
  </si>
  <si>
    <t>/o=exchangelabs/ou=exchange administrative group (fydibohf23spdlt)/cn=recipients/cn=a75579a499254c2291e852b70c4d70d1-eunice apar;/o=exchangelabs/ou=exchange administrative group (fydibohf23spdlt)/cn=recipients/cn=groupadd70873;</t>
  </si>
  <si>
    <t>ENC: SEGUNTA ETAPA - FORMAÇÃO DE BRIGADA</t>
  </si>
  <si>
    <t>/o=exchangelabs/ou=exchange administrative group (fydibohf23spdlt)/cn=recipients/cn=a75579a499254c2291e852b70c4d70d1-eunice apar,/o=exchangelabs/ou=exchange administrative group (fydibohf23spdlt)/cn=recipients/cn=groupadd70873</t>
  </si>
  <si>
    <t>10/14/2019 11:54:48</t>
  </si>
  <si>
    <t>10/14/2019 11:58:11</t>
  </si>
  <si>
    <t>10/14/2019 11:55:21</t>
  </si>
  <si>
    <t>10/14/2019 11:55:31</t>
  </si>
  <si>
    <t>/o=exchangelabs/ou=exchange administrative group (fydibohf23spdlt)/cn=recipients/cn=60faf2b5b04b4809ba6e5fa8b0b884a6-evelise tri;/o=exchangelabs/ou=exchange administrative group (fydibohf23spdlt)/cn=recipients/cn=f48bc909e3f2454b818a99b2dee82c74-vinicius re;</t>
  </si>
  <si>
    <t>RES: Árvore de categorização Ilha Kitchenaid</t>
  </si>
  <si>
    <t>ÁRVORE CATEG KAID.xlsx</t>
  </si>
  <si>
    <t>/o=exchangelabs/ou=exchange administrative group (fydibohf23spdlt)/cn=recipients/cn=60faf2b5b04b4809ba6e5fa8b0b884a6-evelise tri,/o=exchangelabs/ou=exchange administrative group (fydibohf23spdlt)/cn=recipients/cn=f48bc909e3f2454b818a99b2dee82c74-vinicius re</t>
  </si>
  <si>
    <t>10/14/2019 11:55:30</t>
  </si>
  <si>
    <t>10/14/2019 11:59:12</t>
  </si>
  <si>
    <t>/o=exchangelabs/ou=exchange administrative group (fydibohf23spdlt)/cn=recipients/cn=65d35bc38c6743d7a55b3ae9726a5893-diego ribei;/o=exchangelabs/ou=exchange administrative group (fydibohf23spdlt)/cn=recipients/cn=93fbfc821dab48cf91184b5c6c1bf60c-ianny raiss;</t>
  </si>
  <si>
    <t>Programação de Férias DAF.xlsx</t>
  </si>
  <si>
    <t>/o=exchangelabs/ou=exchange administrative group (fydibohf23spdlt)/cn=recipients/cn=65d35bc38c6743d7a55b3ae9726a5893-diego ribei,/o=exchangelabs/ou=exchange administrative group (fydibohf23spdlt)/cn=recipients/cn=93fbfc821dab48cf91184b5c6c1bf60c-ianny raiss</t>
  </si>
  <si>
    <t>10/14/2019 11:56:45</t>
  </si>
  <si>
    <t>10/14/2019 12:02:11</t>
  </si>
  <si>
    <t>C:\Users\ericsonns\Desktop\</t>
  </si>
  <si>
    <t>Lista Candidatos STH 367582 - Chamado 3339901.xls</t>
  </si>
  <si>
    <t>10/14/2019 12:00:48</t>
  </si>
  <si>
    <t>10/14/2019 12:04:11</t>
  </si>
  <si>
    <t>FORMALIZAÇÃO_Volumetria - Novembro_2019 -Algar.xlsx</t>
  </si>
  <si>
    <t>10/14/2019 12:10:42</t>
  </si>
  <si>
    <t>10/14/2019 12:14:11</t>
  </si>
  <si>
    <t>ENC: Análise de Horas Logadas e Projeção Financeira Next Outburo.19</t>
  </si>
  <si>
    <t>Análise de Tempo Logado Outubro.19.xlsx</t>
  </si>
  <si>
    <t>10/14/2019 12:14:30</t>
  </si>
  <si>
    <t>10/14/2019 12:17:11</t>
  </si>
  <si>
    <t>10/14/2019 12:21:35</t>
  </si>
  <si>
    <t>10/14/2019 12:23:11</t>
  </si>
  <si>
    <t>10/14/2019 12:24:47</t>
  </si>
  <si>
    <t>10/14/2019 12:28:11</t>
  </si>
  <si>
    <t>10/14/2019 12:26:40</t>
  </si>
  <si>
    <t>10/14/2019 12:31:10</t>
  </si>
  <si>
    <t>C:\Users\elainemdlp\OD\_Projetos\Em andamento\Expansao Caixa\FTE\</t>
  </si>
  <si>
    <t>FTE_Caixa_Set19 - Copia.xlsb</t>
  </si>
  <si>
    <t>10/14/2019 12:29:10</t>
  </si>
  <si>
    <t>c:\users\elainemdlp\od\_projetos\em andamento\expansao caixa\fte\</t>
  </si>
  <si>
    <t>fte_caixa_out19.xlsb</t>
  </si>
  <si>
    <t>10/14/2019 12:29:22</t>
  </si>
  <si>
    <t>10/14/2019 12:29:20</t>
  </si>
  <si>
    <t>10/14/2019 12:33:11</t>
  </si>
  <si>
    <t>10/14/2019 12:29:49</t>
  </si>
  <si>
    <t>10/14/2019 12:31:40</t>
  </si>
  <si>
    <t>10/14/2019 12:32:28</t>
  </si>
  <si>
    <t>10/14/2019 12:34:11</t>
  </si>
  <si>
    <t>/o=exchangelabs/ou=exchange administrative group (fydibohf23spdlt)/cn=recipients/cn=66edf19ebc2742d0aad16b8a34a09b10-andre luiz;</t>
  </si>
  <si>
    <t>ENC: Documentação - Adequação NR20 ( Prédio 238 ) - Parte1</t>
  </si>
  <si>
    <t>ANÁLISE DE RISCO.rar\ANÃLISE DE RISCO\</t>
  </si>
  <si>
    <t>Planilha APR - Algar 238.xlsx</t>
  </si>
  <si>
    <t>/o=exchangelabs/ou=exchange administrative group (fydibohf23spdlt)/cn=recipients/cn=66edf19ebc2742d0aad16b8a34a09b10-andre luiz</t>
  </si>
  <si>
    <t>10/14/2019 12:32:41</t>
  </si>
  <si>
    <t>ENC: Documentação - Adequação NR20 ( Prédio 238 ) - Parte2</t>
  </si>
  <si>
    <t>PLANO DE EMERGÊNCIA ALGAR TECH 238.rar\PLANO DE EMERGÃŠNCIA ALGAR TECH 238\</t>
  </si>
  <si>
    <t>1 - Anexo A - AÃ§Ãµes de resposta da EOR.xls</t>
  </si>
  <si>
    <t>10/14/2019 12:32:51</t>
  </si>
  <si>
    <t>ENC: Documentação - Adequação NR20 ( Prédio 238 ) - Parte3</t>
  </si>
  <si>
    <t>Pendências Projeto ULA 238 - Adequações Sistema de Diesel (NR20 CONAMA CETESB).xlsx</t>
  </si>
  <si>
    <t>10/14/2019 12:35:26</t>
  </si>
  <si>
    <t>10/14/2019 12:38:10</t>
  </si>
  <si>
    <t>temp_criacao_alteracao_inativacao_de_gh (1).xls</t>
  </si>
  <si>
    <t>10/14/2019 12:37:02</t>
  </si>
  <si>
    <t>10/14/2019 12:39:15</t>
  </si>
  <si>
    <t>10/14/2019 12:40:10</t>
  </si>
  <si>
    <t>10/14/2019 12:40:41</t>
  </si>
  <si>
    <t>10/14/2019 12:43:10</t>
  </si>
  <si>
    <t>Mapeamento</t>
  </si>
  <si>
    <t>10/14/2019 12:46:19</t>
  </si>
  <si>
    <t>10/14/2019 12:48:11</t>
  </si>
  <si>
    <t>https://isd1.algar.tech/chat/asc/upload/</t>
  </si>
  <si>
    <t>C:\Users\nadiagds\Desktop\</t>
  </si>
  <si>
    <t>10/14/2019 12:46:37</t>
  </si>
  <si>
    <t>10/14/2019 13:07:40</t>
  </si>
  <si>
    <t>10/14/2019 13:11:11</t>
  </si>
  <si>
    <t>Action Itensv12-v2-07-10 - Copia.xlsx</t>
  </si>
  <si>
    <t>10/14/2019 13:08:15</t>
  </si>
  <si>
    <t>C:\Users\lucianafaa\OneDrive - Grupo Algar\2019\PROJETOS\CACs WEB\CONTROLE\ACTION\</t>
  </si>
  <si>
    <t>Action 10-10.xlsx</t>
  </si>
  <si>
    <t>10/14/2019 13:14:54</t>
  </si>
  <si>
    <t>10/14/2019 13:19:10</t>
  </si>
  <si>
    <t>marciags@algartech.com.br;suzanasb@algartech.com.br;</t>
  </si>
  <si>
    <t>ENC: Cartão de crédito corporativo - Carlos Silva CRM:005220000847</t>
  </si>
  <si>
    <t>CARLOS EDUARDO SILVA.xls</t>
  </si>
  <si>
    <t>marciags@algartech.com.br,suzanasb@algartech.com.br</t>
  </si>
  <si>
    <t>10/14/2019 13:31:11</t>
  </si>
  <si>
    <t>Alinhamento WEG</t>
  </si>
  <si>
    <t>10/14/2019 13:32:22</t>
  </si>
  <si>
    <t>10/14/2019 13:35:11</t>
  </si>
  <si>
    <t>10/14/2019 13:33:40</t>
  </si>
  <si>
    <t>10/14/2019 13:36:10</t>
  </si>
  <si>
    <t>C:\Users\fabianacscg\Desktop\</t>
  </si>
  <si>
    <t>Pontos de Contato - Comunicação.xlsx</t>
  </si>
  <si>
    <t>10/14/2019 11:34:52</t>
  </si>
  <si>
    <t>10/14/2019 13:37:11</t>
  </si>
  <si>
    <t>/o=exchangelabs/ou=exchange administrative group (fydibohf23spdlt)/cn=recipients/cn=122c3ad8b401472e84885d44a2466b4c-jair de pau;/o=exchangelabs/ou=exchange administrative group (fydibohf23spdlt)/cn=recipients/cn=fedd0b8e2dbf442f837981a40559d630-viviane bar;</t>
  </si>
  <si>
    <t>/o=exchangelabs/ou=exchange administrative group (fydibohf23spdlt)/cn=recipients/cn=122c3ad8b401472e84885d44a2466b4c-jair de pau,/o=exchangelabs/ou=exchange administrative group (fydibohf23spdlt)/cn=recipients/cn=fedd0b8e2dbf442f837981a40559d630-viviane bar</t>
  </si>
  <si>
    <t>10/14/2019 13:35:36</t>
  </si>
  <si>
    <t>10/14/2019 13:38:10</t>
  </si>
  <si>
    <t>10/14/2019 13:35:19</t>
  </si>
  <si>
    <t>brenda_n_sousa_contractor@whirlpool.com;mariana_f_pimentel@whirlpool.com;</t>
  </si>
  <si>
    <t>RES: Entradas 0800</t>
  </si>
  <si>
    <t>Categorizações Serv Kaid N1.xlsx</t>
  </si>
  <si>
    <t>brenda_n_sousa_contractor@whirlpool.com,mariana_f_pimentel@whirlpool.com</t>
  </si>
  <si>
    <t>10/14/2019 13:37:13</t>
  </si>
  <si>
    <t>10/14/2019 13:39:11</t>
  </si>
  <si>
    <t>10/14/2019 13:34:25</t>
  </si>
  <si>
    <t>10/14/2019 13:40:10</t>
  </si>
  <si>
    <t>10/14/2019 13:38:32</t>
  </si>
  <si>
    <t>10/14/2019 13:38:47</t>
  </si>
  <si>
    <t>\\acsfs\deptos\seguranca do trabalho\7 - treinamentos nrs - geral\7.4 - escalas - agendamentos nr17, integração staff e cipa\treinamentos 2019\</t>
  </si>
  <si>
    <t>lista de presença em branco (atualizada).xlsx</t>
  </si>
  <si>
    <t>10/14/2019 13:38:53</t>
  </si>
  <si>
    <t>10/14/2019 13:41:16</t>
  </si>
  <si>
    <t>10/14/2019 13:42:11</t>
  </si>
  <si>
    <t>PMO</t>
  </si>
  <si>
    <t>PMO - COMITÊ DE INVESTIMENTOS - Informações.pptx\</t>
  </si>
  <si>
    <t>10/14/2019 13:38:50</t>
  </si>
  <si>
    <t>10/14/2019 13:44:12</t>
  </si>
  <si>
    <t>10/14/2019 13:40:15</t>
  </si>
  <si>
    <t>10/14/2019 13:45:11</t>
  </si>
  <si>
    <t>10/14/2019 13:40:38</t>
  </si>
  <si>
    <t>10/14/2019 13:42:17</t>
  </si>
  <si>
    <t>10/14/2019 13:43:17</t>
  </si>
  <si>
    <t>10/14/2019 13:44:06</t>
  </si>
  <si>
    <t>10/14/2019 13:44:40</t>
  </si>
  <si>
    <t>10/14/2019 13:46:12</t>
  </si>
  <si>
    <t>10/14/2019 13:46:24</t>
  </si>
  <si>
    <t>10/14/2019 13:48:12</t>
  </si>
  <si>
    <t>ENC: Fechamento Financeiro - Fraude IN e BO Setembro</t>
  </si>
  <si>
    <t>01 - Fechamento Financeiro - Fraude - SETEMBRO.xlsx</t>
  </si>
  <si>
    <t>10/14/2019 13:44:28</t>
  </si>
  <si>
    <t>10/14/2019 13:50:12</t>
  </si>
  <si>
    <t>10/14/2019 13:46:27</t>
  </si>
  <si>
    <t>10/14/2019 13:46:33</t>
  </si>
  <si>
    <t>10/14/2019 13:52:12</t>
  </si>
  <si>
    <t>C:\Users\mariannacsm\OneDrive - Grupo Algar\0- PMO-POOL\PMO\Compras, CAPEX, OPEX e Projetos.pptx\</t>
  </si>
  <si>
    <t>10/14/2019 13:46:36</t>
  </si>
  <si>
    <t>10/14/2019 13:46:39</t>
  </si>
  <si>
    <t>10/14/2019 13:46:41</t>
  </si>
  <si>
    <t>10/14/2019 13:49:51</t>
  </si>
  <si>
    <t>10/14/2019 13:53:12</t>
  </si>
  <si>
    <t>C:\Users\nadiagds\OneDrive - Grupo Algar\Mesa Digital\ISD_Gerência de Projetos\ISD_DECLARAÇÃO DE ESCOPO\T-SYSTEMS CORP\</t>
  </si>
  <si>
    <t>T-SYSTEMS_Lista de Contatos.xlsx</t>
  </si>
  <si>
    <t>10/14/2019 13:50:40</t>
  </si>
  <si>
    <t>10/14/2019 13:51:34</t>
  </si>
  <si>
    <t>10/14/2019 13:52:30</t>
  </si>
  <si>
    <t>10/14/2019 13:58:11</t>
  </si>
  <si>
    <t>10/14/2019 13:54:06</t>
  </si>
  <si>
    <t>10/14/2019 14:04:49</t>
  </si>
  <si>
    <t>10/14/2019 14:07:11</t>
  </si>
  <si>
    <t>10/14/2019 14:13:25</t>
  </si>
  <si>
    <t>10/14/2019 14:18:12</t>
  </si>
  <si>
    <t>mail.google.com/_/upload?authuser=0&amp;dcp=asu-n&amp;upload_id=AEnB2UpG1JCaTfzXkgYvOP547p7I9cG6ieEzj5fgY4WbCV92e5QFgSI8P0n23IpuAi5P1hoON9lmRpgl9E38VkJQd2wUOs90nw&amp;upload_protocol=resumable</t>
  </si>
  <si>
    <t>C:\Users\alefl\Documents\VPn\</t>
  </si>
  <si>
    <t>2019-10-14-data_export.xlsx</t>
  </si>
  <si>
    <t>10/14/2019 14:18:40</t>
  </si>
  <si>
    <t>10/14/2019 14:21:12</t>
  </si>
  <si>
    <t>/o=exchangelabs/ou=exchange administrative group (fydibohf23spdlt)/cn=recipients/cn=0ca6cc8d100949a7866a928f62ef5778-rosilene de;/o=exchangelabs/ou=exchange administrative group (fydibohf23spdlt)/cn=recipients/cn=a72a765de829420582b78941417073ac-karina rodr;/o=exchangelabs/ou=exchange administrative group (fydibohf23spdlt)/cn=recipients/cn=d1d015f213f648abbf348b5ccdf8e9d9-senilda per;/o=exchangelabs/ou=exchange administrative group (fydibohf23spdlt)/cn=recipients/cn=e39e329fc16a43329eb2766bae675122-mariana gon;/o=exchangelabs/ou=exchange administrative group (fydibohf23spdlt)/cn=recipients/cn=userd3ef8196;</t>
  </si>
  <si>
    <t>RES: Divulgação do Resultado EBIT por cliente Agosto 2019</t>
  </si>
  <si>
    <t>ORÇADO X REAL 2019 - OPERAÇÕES - KARIN1.xlsb</t>
  </si>
  <si>
    <t>/o=exchangelabs/ou=exchange administrative group (fydibohf23spdlt)/cn=recipients/cn=0ca6cc8d100949a7866a928f62ef5778-rosilene de,/o=exchangelabs/ou=exchange administrative group (fydibohf23spdlt)/cn=recipients/cn=a72a765de829420582b78941417073ac-karina rodr,/o=exchangelabs/ou=exchange administrative group (fydibohf23spdlt)/cn=recipients/cn=d1d015f213f648abbf348b5ccdf8e9d9-senilda per,/o=exchangelabs/ou=exchange administrative group (fydibohf23spdlt)/cn=recipients/cn=e39e329fc16a43329eb2766bae675122-mariana gon,/o=exchangelabs/ou=exchange administrative group (fydibohf23spdlt)/cn=recipients/cn=userd3ef8196</t>
  </si>
  <si>
    <t>10/14/2019 14:21:48</t>
  </si>
  <si>
    <t>10/14/2019 14:24:12</t>
  </si>
  <si>
    <t>Natalia Meneses Amaral</t>
  </si>
  <si>
    <t>/o=exchangelabs/ou=exchange administrative group (fydibohf23spdlt)/cn=recipients/cn=0e77e0b4028e44e3926a461e54e7b999-ediene luzi;/o=exchangelabs/ou=exchange administrative group (fydibohf23spdlt)/cn=recipients/cn=e0001a1553fb4b9a9be687db68a2ec15-yuri ian fr;guilherme_andrade@whirlpool.com;</t>
  </si>
  <si>
    <t>Materiais Reunião 14/10</t>
  </si>
  <si>
    <t>/o=exchangelabs/ou=exchange administrative group (fydibohf23spdlt)/cn=recipients/cn=0e77e0b4028e44e3926a461e54e7b999-ediene luzi,/o=exchangelabs/ou=exchange administrative group (fydibohf23spdlt)/cn=recipients/cn=e0001a1553fb4b9a9be687db68a2ec15-yuri ian fr,guilherme_andrade@whirlpool.com</t>
  </si>
  <si>
    <t>10/14/2019 14:23:28</t>
  </si>
  <si>
    <t>10/14/2019 14:29:12</t>
  </si>
  <si>
    <t>10/14/2019 14:26:52</t>
  </si>
  <si>
    <t>10/14/2019 14:31:12</t>
  </si>
  <si>
    <t>ENC: LOGIN/LOGOUT UNICA 11/10</t>
  </si>
  <si>
    <t>RELATORIO LOGIN-LOGOUT UNICA 11.10.xlsm</t>
  </si>
  <si>
    <t>10/14/2019 14:29:21</t>
  </si>
  <si>
    <t>OfficeScan Outside Server Management Report (14).csv</t>
  </si>
  <si>
    <t>10/14/2019 14:31:08</t>
  </si>
  <si>
    <t>10/14/2019 14:33:13</t>
  </si>
  <si>
    <t>10/14/2019 14:33:49</t>
  </si>
  <si>
    <t>10/14/2019 14:38:12</t>
  </si>
  <si>
    <t>10.207.12.87</t>
  </si>
  <si>
    <t>RES: Relatório Raul</t>
  </si>
  <si>
    <t>Cópia de Relatorio - Rau1.xlsx</t>
  </si>
  <si>
    <t>10/14/2019 14:38:30</t>
  </si>
  <si>
    <t>10/14/2019 14:39:12</t>
  </si>
  <si>
    <t>/o=exchangelabs/ou=exchange administrative group (fydibohf23spdlt)/cn=recipients/cn=48b9d80b3de74b6889aab1a91d02512b-ivanete da;</t>
  </si>
  <si>
    <t>ENC: Envio de Arquivo com Consolidado de Aulão B2K</t>
  </si>
  <si>
    <t>Aulão - B2K (1).xlsx</t>
  </si>
  <si>
    <t>/o=exchangelabs/ou=exchange administrative group (fydibohf23spdlt)/cn=recipients/cn=48b9d80b3de74b6889aab1a91d02512b-ivanete da</t>
  </si>
  <si>
    <t>10/14/2019 14:34:40</t>
  </si>
  <si>
    <t>10/14/2019 14:40:13</t>
  </si>
  <si>
    <t>10/14/2019 14:37:39</t>
  </si>
  <si>
    <t>10/14/2019 14:38:25</t>
  </si>
  <si>
    <t>10/14/2019 14:42:39</t>
  </si>
  <si>
    <t>10/14/2019 14:43:12</t>
  </si>
  <si>
    <t>Abertura DRE final.xlsx</t>
  </si>
  <si>
    <t>10/14/2019 14:41:02</t>
  </si>
  <si>
    <t>10/14/2019 14:45:13</t>
  </si>
  <si>
    <t>10/14/2019 14:45:24</t>
  </si>
  <si>
    <t>10/14/2019 14:48:13</t>
  </si>
  <si>
    <t>gente e gestão 2019</t>
  </si>
  <si>
    <t>10/14/2019 14:44:15</t>
  </si>
  <si>
    <t>10/14/2019 14:50:13</t>
  </si>
  <si>
    <t>10/14/2019 14:47:24</t>
  </si>
  <si>
    <t>10/14/2019 14:48:51</t>
  </si>
  <si>
    <t>10/14/2019 14:52:12</t>
  </si>
  <si>
    <t>/o=exchangelabs/ou=exchange administrative group (fydibohf23spdlt)/cn=recipients/cn=2946605dcf554cb389220dec598b84fa-adriano mon;/o=exchangelabs/ou=exchange administrative group (fydibohf23spdlt)/cn=recipients/cn=b1a72fc2d0234efca84c7771ea70c7ee-roberta cri;daiane.alves@bradesco.com.br;leonardo.calicchio@bradesco.com.br;paula.tavares@bradesco.com.br;</t>
  </si>
  <si>
    <t>RES: Apresentação Comissão de Planejamento - Setembro</t>
  </si>
  <si>
    <t>Volume e Valores de Contrato Cerrado - Alteração PJ e Credito.msg\s1\</t>
  </si>
  <si>
    <t>Cerrado_ VOLUME CONTRATADO 06 10 2016 _ 1847HS.xlsx</t>
  </si>
  <si>
    <t>/o=exchangelabs/ou=exchange administrative group (fydibohf23spdlt)/cn=recipients/cn=2946605dcf554cb389220dec598b84fa-adriano mon,/o=exchangelabs/ou=exchange administrative group (fydibohf23spdlt)/cn=recipients/cn=b1a72fc2d0234efca84c7771ea70c7ee-roberta cri,daiane.alves@bradesco.com.br,leonardo.calicchio@bradesco.com.br,paula.tavares@bradesco.com.br</t>
  </si>
  <si>
    <t>10/14/2019 14:49:39</t>
  </si>
  <si>
    <t>/o=exchangelabs/ou=exchange administrative group (fydibohf23spdlt)/cn=recipients/cn=2946605dcf554cb389220dec598b84fa-adriano mon;/o=exchangelabs/ou=exchange administrative group (fydibohf23spdlt)/cn=recipients/cn=a4ba92cba10f4fe498074594f937f3b6-leandro lop;</t>
  </si>
  <si>
    <t>ENC: Apresentação Comissão de Planejamento - Setembro</t>
  </si>
  <si>
    <t>/o=exchangelabs/ou=exchange administrative group (fydibohf23spdlt)/cn=recipients/cn=2946605dcf554cb389220dec598b84fa-adriano mon,/o=exchangelabs/ou=exchange administrative group (fydibohf23spdlt)/cn=recipients/cn=a4ba92cba10f4fe498074594f937f3b6-leandro lop</t>
  </si>
  <si>
    <t>10/14/2019 14:50:12</t>
  </si>
  <si>
    <t>10/14/2019 14:53:13</t>
  </si>
  <si>
    <t>/o=exchangelabs/ou=exchange administrative group (fydibohf23spdlt)/cn=recipients/cn=5cdc4a7b917a447c993600ca829a0a39-elisangela;/o=exchangelabs/ou=exchange administrative group (fydibohf23spdlt)/cn=recipients/cn=f57085c43b12445a92941f3abeb425c0-ricardo gre;</t>
  </si>
  <si>
    <t>RES: Valores</t>
  </si>
  <si>
    <t>Controle Diario_Janeiro a Setembro_2019.xls</t>
  </si>
  <si>
    <t>/o=exchangelabs/ou=exchange administrative group (fydibohf23spdlt)/cn=recipients/cn=5cdc4a7b917a447c993600ca829a0a39-elisangela,/o=exchangelabs/ou=exchange administrative group (fydibohf23spdlt)/cn=recipients/cn=f57085c43b12445a92941f3abeb425c0-ricardo gre</t>
  </si>
  <si>
    <t>10/14/2019 14:50:25</t>
  </si>
  <si>
    <t>10/14/2019 14:50:56</t>
  </si>
  <si>
    <t>10/14/2019 14:51:30</t>
  </si>
  <si>
    <t>Relatório Pipeline_Afonso_ 19_10_10.xlsx</t>
  </si>
  <si>
    <t>10/14/2019 14:54:29</t>
  </si>
  <si>
    <t>10/14/2019 14:56:13</t>
  </si>
  <si>
    <t>/o=exchangelabs/ou=exchange administrative group (fydibohf23spdlt)/cn=recipients/cn=443a648e2bd247c69659ca2ac6a18582-adriele fer;/o=exchangelabs/ou=exchange administrative group (fydibohf23spdlt)/cn=recipients/cn=56f1ed18d0b4438e8484a989403b0f53-ana paula c;/o=exchangelabs/ou=exchange administrative group (fydibohf23spdlt)/cn=recipients/cn=8a0784ccebb14202a66b1b8f3a285b61-thais de al;/o=exchangelabs/ou=exchange administrative group (fydibohf23spdlt)/cn=recipients/cn=d05b086490f84e1380a430afb1101aa7-giofrerdane;</t>
  </si>
  <si>
    <t>ENC: COMITÊ DE INVESTIMENTOS * ELECTROLUX *</t>
  </si>
  <si>
    <t>/o=exchangelabs/ou=exchange administrative group (fydibohf23spdlt)/cn=recipients/cn=443a648e2bd247c69659ca2ac6a18582-adriele fer,/o=exchangelabs/ou=exchange administrative group (fydibohf23spdlt)/cn=recipients/cn=56f1ed18d0b4438e8484a989403b0f53-ana paula c,/o=exchangelabs/ou=exchange administrative group (fydibohf23spdlt)/cn=recipients/cn=8a0784ccebb14202a66b1b8f3a285b61-thais de al,/o=exchangelabs/ou=exchange administrative group (fydibohf23spdlt)/cn=recipients/cn=d05b086490f84e1380a430afb1101aa7-giofrerdane</t>
  </si>
  <si>
    <t>10/14/2019 14:52:34</t>
  </si>
  <si>
    <t>10/14/2019 14:58:13</t>
  </si>
  <si>
    <t>10/14/2019 14:57:14</t>
  </si>
  <si>
    <t>10/14/2019 15:00:13</t>
  </si>
  <si>
    <t>10/14/2019 14:59:15</t>
  </si>
  <si>
    <t>10/14/2019 15:03:12</t>
  </si>
  <si>
    <t>10/14/2019 14:59:50</t>
  </si>
  <si>
    <t>10/14/2019 15:00:56</t>
  </si>
  <si>
    <t>10/14/2019 15:01:29</t>
  </si>
  <si>
    <t>10/14/2019 15:02:03</t>
  </si>
  <si>
    <t>10/14/2019 14:58:10</t>
  </si>
  <si>
    <t>10/14/2019 15:01:11</t>
  </si>
  <si>
    <t>10/14/2019 15:04:13</t>
  </si>
  <si>
    <t>LPU_DataCenter_Comercial_V8_Maio-2019_V2COMFRIO.xlsm</t>
  </si>
  <si>
    <t>10/14/2019 15:05:15</t>
  </si>
  <si>
    <t>10/14/2019 15:08:13</t>
  </si>
  <si>
    <t>10/14/2019 15:05:47</t>
  </si>
  <si>
    <t>10/14/2019 15:09:29</t>
  </si>
  <si>
    <t>10/14/2019 15:13:13</t>
  </si>
  <si>
    <t>10/14/2019 15:10:01</t>
  </si>
  <si>
    <t>10/14/2019 15:07:59</t>
  </si>
  <si>
    <t>/o=exchangelabs/ou=exchange administrative group (fydibohf23spdlt)/cn=recipients/cn=830ba83a6b9b441ab3f8d8b3a47d0ffe-angelica ma;</t>
  </si>
  <si>
    <t>ENC: Comissão supervisor setembro</t>
  </si>
  <si>
    <t>Comissão supervisão setembro.xls</t>
  </si>
  <si>
    <t>/o=exchangelabs/ou=exchange administrative group (fydibohf23spdlt)/cn=recipients/cn=830ba83a6b9b441ab3f8d8b3a47d0ffe-angelica ma</t>
  </si>
  <si>
    <t>10/14/2019 15:09:37</t>
  </si>
  <si>
    <t>/o=exchangelabs/ou=exchange administrative group (fydibohf23spdlt)/cn=recipients/cn=usere11ed38c;</t>
  </si>
  <si>
    <t>RES: Premissas Revisão Dimensionamento WHP</t>
  </si>
  <si>
    <t>Premissas RFP_Outubro_19_CC.xlsx</t>
  </si>
  <si>
    <t>/o=exchangelabs/ou=exchange administrative group (fydibohf23spdlt)/cn=recipients/cn=usere11ed38c</t>
  </si>
  <si>
    <t>10/14/2019 15:11:12</t>
  </si>
  <si>
    <t>10/14/2019 15:15:12</t>
  </si>
  <si>
    <t>FERNANDA MALAGOLI</t>
  </si>
  <si>
    <t>/o=exchangelabs/ou=exchange administrative group (fydibohf23spdlt)/cn=recipients/cn=35d7a5dd4230471b9bd6562ec33a0120-rodrigo da;danielhdm@algartech.com;</t>
  </si>
  <si>
    <t>RES: Doc Repasse</t>
  </si>
  <si>
    <t>REPASSE_BASE_ALGAR_DEEPCENTER_14-10.docx\</t>
  </si>
  <si>
    <t>/o=exchangelabs/ou=exchange administrative group (fydibohf23spdlt)/cn=recipients/cn=35d7a5dd4230471b9bd6562ec33a0120-rodrigo da,danielhdm@algartech.com</t>
  </si>
  <si>
    <t>10/14/2019 15:14:50</t>
  </si>
  <si>
    <t>10/14/2019 15:16:12</t>
  </si>
  <si>
    <t>/o=exchangelabs/ou=exchange administrative group (fydibohf23spdlt)/cn=recipients/cn=3fdae55f800a40bf81283bd4e9732f23-ludimila ti;adriana.oliveira@avon.com;carinafr@algartech.com;</t>
  </si>
  <si>
    <t>RES: Pesquisa de satisfação - Dia da Revendedora 27/05</t>
  </si>
  <si>
    <t>20191004 PESQUISA DIA DA REVENDEDORA 1909.xlsm</t>
  </si>
  <si>
    <t>/o=exchangelabs/ou=exchange administrative group (fydibohf23spdlt)/cn=recipients/cn=3fdae55f800a40bf81283bd4e9732f23-ludimila ti,adriana.oliveira@avon.com,carinafr@algartech.com</t>
  </si>
  <si>
    <t>10/14/2019 15:15:03</t>
  </si>
  <si>
    <t>ENC: Alinhamento WEG</t>
  </si>
  <si>
    <t>10/14/2019 15:12:21</t>
  </si>
  <si>
    <t>10/14/2019 15:18:12</t>
  </si>
  <si>
    <t>10/14/2019 15:17:03</t>
  </si>
  <si>
    <t>10/14/2019 15:21:12</t>
  </si>
  <si>
    <t>/o=exchangelabs/ou=exchange administrative group (fydibohf23spdlt)/cn=recipients/cn=545f738e0fe740ba856f4eb6ef0135e0-vinicius si;/o=exchangelabs/ou=exchange administrative group (fydibohf23spdlt)/cn=recipients/cn=9216c91f88944fa9915f6d1b2c6a77a0-renato kass;/o=exchangelabs/ou=exchange administrative group (fydibohf23spdlt)/cn=recipients/cn=dd910368577c476fa125a61033b7deb1-gean carlos;/o=exchangelabs/ou=exchange administrative group (fydibohf23spdlt)/cn=recipients/cn=eb3a8d47e16546c381d649c124fcfbb7-cpc - contr;</t>
  </si>
  <si>
    <t>ENC: Pesquisa de satisfação - Dia da Revendedora 27/05</t>
  </si>
  <si>
    <t>/o=exchangelabs/ou=exchange administrative group (fydibohf23spdlt)/cn=recipients/cn=545f738e0fe740ba856f4eb6ef0135e0-vinicius si,/o=exchangelabs/ou=exchange administrative group (fydibohf23spdlt)/cn=recipients/cn=9216c91f88944fa9915f6d1b2c6a77a0-renato kass,/o=exchangelabs/ou=exchange administrative group (fydibohf23spdlt)/cn=recipients/cn=dd910368577c476fa125a61033b7deb1-gean carlos,/o=exchangelabs/ou=exchange administrative group (fydibohf23spdlt)/cn=recipients/cn=eb3a8d47e16546c381d649c124fcfbb7-cpc - contr</t>
  </si>
  <si>
    <t>10/14/2019 15:20:49</t>
  </si>
  <si>
    <t>10/14/2019 15:23:12</t>
  </si>
  <si>
    <t>10/14/2019 15:21:50</t>
  </si>
  <si>
    <t>10/14/2019 15:24:13</t>
  </si>
  <si>
    <t>/o=exchangelabs/ou=exchange administrative group (fydibohf23spdlt)/cn=recipients/cn=cd93dacc38404a95a829585c2e317a9f-dionizio ri;/o=exchangelabs/ou=exchange administrative group (fydibohf23spdlt)/cn=recipients/cn=fe8fdec9c88140d18f5303035fad45f0-ricardo bor;</t>
  </si>
  <si>
    <t>ENC: Faturamento Fixo</t>
  </si>
  <si>
    <t>09 - Demonstrativo de Faturamento - Fixo.xlsx</t>
  </si>
  <si>
    <t>/o=exchangelabs/ou=exchange administrative group (fydibohf23spdlt)/cn=recipients/cn=cd93dacc38404a95a829585c2e317a9f-dionizio ri,/o=exchangelabs/ou=exchange administrative group (fydibohf23spdlt)/cn=recipients/cn=fe8fdec9c88140d18f5303035fad45f0-ricardo bor</t>
  </si>
  <si>
    <t>10/14/2019 15:20:27</t>
  </si>
  <si>
    <t>10/14/2019 15:25:12</t>
  </si>
  <si>
    <t>10/14/2019 15:22:26</t>
  </si>
  <si>
    <t>10/14/2019 15:28:12</t>
  </si>
  <si>
    <t>10/14/2019 15:23:33</t>
  </si>
  <si>
    <t>10/14/2019 15:24:47</t>
  </si>
  <si>
    <t>10/14/2019 15:29:12</t>
  </si>
  <si>
    <t>mail.google.com/_/upload?authuser=0&amp;dcp=asu-n&amp;upload_id=AEnB2UrVRTW5PrPUW4kpPUVkrDj9b9dsx0S6x73h_pBKWkolH2079UAJqVgXYCFt-sUGujLmMZGP57iY1qOrGonnYyp_tWVy7w&amp;upload_protocol=resumable</t>
  </si>
  <si>
    <t>C:\Users\leandrom\getInactiveMailbox.zip\</t>
  </si>
  <si>
    <t>getInactiveMailbox.csv</t>
  </si>
  <si>
    <t>10/14/2019 15:26:26</t>
  </si>
  <si>
    <t>10/14/2019 15:31:12</t>
  </si>
  <si>
    <t>/o=exchangelabs/ou=exchange administrative group (fydibohf23spdlt)/cn=recipients/cn=2361e4251bf74fc4a50ab766b8d95847-algar tech;/o=exchangelabs/ou=exchange administrative group (fydibohf23spdlt)/cn=recipients/cn=34a28d636a1b4c86b1ec79baed4b846a-marco anton;/o=exchangelabs/ou=exchange administrative group (fydibohf23spdlt)/cn=recipients/cn=49457acaa5584c6d8daec8f0ad186be2-carlos maur;/o=exchangelabs/ou=exchange administrative group (fydibohf23spdlt)/cn=recipients/cn=c82d742f5f1e4122a86db0495b71e095-nilton j. g;</t>
  </si>
  <si>
    <t>IBM Multi</t>
  </si>
  <si>
    <t>199274_IBM_v6_Serviços_Equipe_Multi.xlsx</t>
  </si>
  <si>
    <t>/o=exchangelabs/ou=exchange administrative group (fydibohf23spdlt)/cn=recipients/cn=2361e4251bf74fc4a50ab766b8d95847-algar tech,/o=exchangelabs/ou=exchange administrative group (fydibohf23spdlt)/cn=recipients/cn=34a28d636a1b4c86b1ec79baed4b846a-marco anton,/o=exchangelabs/ou=exchange administrative group (fydibohf23spdlt)/cn=recipients/cn=49457acaa5584c6d8daec8f0ad186be2-carlos maur,/o=exchangelabs/ou=exchange administrative group (fydibohf23spdlt)/cn=recipients/cn=c82d742f5f1e4122a86db0495b71e095-nilton j. g</t>
  </si>
  <si>
    <t>10/14/2019 15:28:11</t>
  </si>
  <si>
    <t>10/14/2019 15:33:11</t>
  </si>
  <si>
    <t>10/14/2019 15:30:42</t>
  </si>
  <si>
    <t>10/14/2019 15:24:29</t>
  </si>
  <si>
    <t>/o=exchangelabs/ou=exchange administrative group (fydibohf23spdlt)/cn=recipients/cn=c32cee7d339f4e7fab5beda7be171cc0-priscila ca;</t>
  </si>
  <si>
    <t>Projeto BMW - Capitalização</t>
  </si>
  <si>
    <t>Modelo_FTE_Realizado_BMW.xlsb</t>
  </si>
  <si>
    <t>/o=exchangelabs/ou=exchange administrative group (fydibohf23spdlt)/cn=recipients/cn=c32cee7d339f4e7fab5beda7be171cc0-priscila ca</t>
  </si>
  <si>
    <t>10/14/2019 15:28:33</t>
  </si>
  <si>
    <t>c:\users\dolvaner\documents\meus arquivos recebidos\</t>
  </si>
  <si>
    <t>modelo_fte_realizado_lgpd_out-19.xlsb</t>
  </si>
  <si>
    <t>10/14/2019 15:31:49</t>
  </si>
  <si>
    <t>10/14/2019 15:35:12</t>
  </si>
  <si>
    <t>10/14/2019 15:36:06</t>
  </si>
  <si>
    <t>10/14/2019 15:38:12</t>
  </si>
  <si>
    <t>mail.google.com/_/upload?authuser=0&amp;dcp=asu-n&amp;upload_id=AEnB2UrpdmLXZJXEijXo8BRbMwrxTH9TItB2tlORyYkNKT4LmMsV_M9OMlcSdisp_R1QzhNzazNFcBBh7xv9UU7XwDN8F2TBrw&amp;upload_protocol=resumable</t>
  </si>
  <si>
    <t>analistascdp@algartech.com;</t>
  </si>
  <si>
    <t>Mapa de Férias - Bruno.xlsx</t>
  </si>
  <si>
    <t>analistascdp@algartech.com</t>
  </si>
  <si>
    <t>template_registro_fte_precificação_out_19.xlsb</t>
  </si>
  <si>
    <t>10/14/2019 15:41:40</t>
  </si>
  <si>
    <t>10/14/2019 15:45:12</t>
  </si>
  <si>
    <t>elton.costa@quilleconsultoria.com.br;</t>
  </si>
  <si>
    <t>ENC: Mapeamento</t>
  </si>
  <si>
    <t>elton.costa@quilleconsultoria.com.br</t>
  </si>
  <si>
    <t>10/14/2019 15:48:06</t>
  </si>
  <si>
    <t>10/14/2019 15:49:12</t>
  </si>
  <si>
    <t>/o=exchangelabs/ou=exchange administrative group (fydibohf23spdlt)/cn=recipients/cn=1ef1d5b65a414ccea16527d004fcca4f-renan tavar;/o=exchangelabs/ou=exchange administrative group (fydibohf23spdlt)/cn=recipients/cn=3a5a57fc01354a128619146c836d1ba7-camila de p;/o=exchangelabs/ou=exchange administrative group (fydibohf23spdlt)/cn=recipients/cn=48b9d80b3de74b6889aab1a91d02512b-ivanete da;/o=exchangelabs/ou=exchange administrative group (fydibohf23spdlt)/cn=recipients/cn=4fbcbdfa900b4cb195ac160568115bc2-ericson nog;/o=exchangelabs/ou=exchange administrative group (fydibohf23spdlt)/cn=recipients/cn=cd357e63731b4983b100b1a5028f9649-william car;</t>
  </si>
  <si>
    <t>RES: Envio de Arquivo com Consolidado de Aulão B2K</t>
  </si>
  <si>
    <t>Repescagem Aulão - B2K.xlsx</t>
  </si>
  <si>
    <t>/o=exchangelabs/ou=exchange administrative group (fydibohf23spdlt)/cn=recipients/cn=1ef1d5b65a414ccea16527d004fcca4f-renan tavar,/o=exchangelabs/ou=exchange administrative group (fydibohf23spdlt)/cn=recipients/cn=3a5a57fc01354a128619146c836d1ba7-camila de p,/o=exchangelabs/ou=exchange administrative group (fydibohf23spdlt)/cn=recipients/cn=48b9d80b3de74b6889aab1a91d02512b-ivanete da,/o=exchangelabs/ou=exchange administrative group (fydibohf23spdlt)/cn=recipients/cn=4fbcbdfa900b4cb195ac160568115bc2-ericson nog,/o=exchangelabs/ou=exchange administrative group (fydibohf23spdlt)/cn=recipients/cn=cd357e63731b4983b100b1a5028f9649-william car</t>
  </si>
  <si>
    <t>10/14/2019 15:50:34</t>
  </si>
  <si>
    <t>10/14/2019 15:53:12</t>
  </si>
  <si>
    <t>10/14/2019 15:51:04</t>
  </si>
  <si>
    <t>10/14/2019 15:51:39</t>
  </si>
  <si>
    <t>10/14/2019 15:52:13</t>
  </si>
  <si>
    <t>10/14/2019 15:47:33</t>
  </si>
  <si>
    <t>/o=exchangelabs/ou=exchange administrative group (fydibohf23spdlt)/cn=recipients/cn=5c0e0b883c0f4ccbb2cf13db05a00b36-luciene ivo;/o=exchangelabs/ou=exchange administrative group (fydibohf23spdlt)/cn=recipients/cn=a4ba92cba10f4fe498074594f937f3b6-leandro lop;</t>
  </si>
  <si>
    <t>ENC: Estrutura - Operadores com cargo acima de operadores júnior</t>
  </si>
  <si>
    <t>Estrutura Luciene.xlsx</t>
  </si>
  <si>
    <t>/o=exchangelabs/ou=exchange administrative group (fydibohf23spdlt)/cn=recipients/cn=5c0e0b883c0f4ccbb2cf13db05a00b36-luciene ivo,/o=exchangelabs/ou=exchange administrative group (fydibohf23spdlt)/cn=recipients/cn=a4ba92cba10f4fe498074594f937f3b6-leandro lop</t>
  </si>
  <si>
    <t>10/14/2019 15:48:01</t>
  </si>
  <si>
    <t>10/14/2019 15:48:07</t>
  </si>
  <si>
    <t>10/14/2019 15:55:52</t>
  </si>
  <si>
    <t>10/14/2019 15:56:11</t>
  </si>
  <si>
    <t>10.200.58.176</t>
  </si>
  <si>
    <t>/o=exchangelabs/ou=exchange administrative group (fydibohf23spdlt)/cn=recipients/cn=18538d61f6f342f7a3d2db08df47d617-vanusa prec;</t>
  </si>
  <si>
    <t>ENC: Auditoria 3ITR - Revisão Analítica - Set19 - Grupo Tech</t>
  </si>
  <si>
    <t>340_Revisão_Analítica_Set19_SemFormulas.xlsx</t>
  </si>
  <si>
    <t>/o=exchangelabs/ou=exchange administrative group (fydibohf23spdlt)/cn=recipients/cn=18538d61f6f342f7a3d2db08df47d617-vanusa prec</t>
  </si>
  <si>
    <t>10/14/2019 15:52:56</t>
  </si>
  <si>
    <t>10/14/2019 15:58:11</t>
  </si>
  <si>
    <t>10/14/2019 15:53:33</t>
  </si>
  <si>
    <t>10/14/2019 15:55:26</t>
  </si>
  <si>
    <t>10/14/2019 15:56:03</t>
  </si>
  <si>
    <t>10/14/2019 15:57:08</t>
  </si>
  <si>
    <t>10/14/2019 15:54:22</t>
  </si>
  <si>
    <t>10/14/2019 15:59:12</t>
  </si>
  <si>
    <t>mail.google.com/_/upload?authuser=0&amp;dcp=asu-n&amp;upload_id=AEnB2Urhlss_RpeKalgr1wvT8nRPdtLzS4PBaGusJ7xTLeh8vDRyVlADrttbzggGijkDrZr9QOBxMhWk6_jvqbBnYijBuIa-4A&amp;upload_protocol=resumable</t>
  </si>
  <si>
    <t>C:\Users\leandrom\Desktop\BKP\MIGRAÇAO\</t>
  </si>
  <si>
    <t>4 - [TEMPLATE - MIGRAÇÃO] Relação de Recursos.xlsx</t>
  </si>
  <si>
    <t>10/14/2019 15:58:46</t>
  </si>
  <si>
    <t>10/14/2019 16:00:12</t>
  </si>
  <si>
    <t>lista_demandas_relatorios_v5.xlsx</t>
  </si>
  <si>
    <t>10/14/2019 15:57:21</t>
  </si>
  <si>
    <t>10/14/2019 16:01:12</t>
  </si>
  <si>
    <t>/o=exchangelabs/ou=exchange administrative group (fydibohf23spdlt)/cn=recipients/cn=2083875ab19146848e9acf6dbac781d4-cleiton gom;/o=exchangelabs/ou=exchange administrative group (fydibohf23spdlt)/cn=recipients/cn=5876a52919c440598f015f22bceb7eeb-antonio car;/o=exchangelabs/ou=exchange administrative group (fydibohf23spdlt)/cn=recipients/cn=5d92a12bf94e444598293842eb6df5aa-glayson gom;/o=exchangelabs/ou=exchange administrative group (fydibohf23spdlt)/cn=recipients/cn=664fa0a51b2b45a1a8a38fd90c30d00a-nilton flav;/o=exchangelabs/ou=exchange administrative group (fydibohf23spdlt)/cn=recipients/cn=708d48f073ec47fa966d46b5b6656f0c-alexandre m;/o=exchangelabs/ou=exchange administrative group (fydibohf23spdlt)/cn=recipients/cn=7f0583df7d3e4c2bb8108b334f4257df-marcelo fla;/o=exchangelabs/ou=exchange administrative group (fydibohf23spdlt)/cn=recipients/cn=ac622658720d425d9736d1dea3c26ef7-juliano cal;/o=exchangelabs/ou=exchange administrative group (fydibohf23spdlt)/cn=recipients/cn=e0545d347d844f999a1a0bbd1a977e94-joao</t>
  </si>
  <si>
    <t>**URGENTE** RELAÇÃO DE LINHAS TELEFONICAS</t>
  </si>
  <si>
    <t>RELAÇÃO LINHAS TELEFONICAS.xlsx</t>
  </si>
  <si>
    <t>/o=exchangelabs/ou=exchange administrative group (fydibohf23spdlt)/cn=recipients/cn=2083875ab19146848e9acf6dbac781d4-cleiton gom,/o=exchangelabs/ou=exchange administrative group (fydibohf23spdlt)/cn=recipients/cn=5876a52919c440598f015f22bceb7eeb-antonio car,/o=exchangelabs/ou=exchange administrative group (fydibohf23spdlt)/cn=recipients/cn=5d92a12bf94e444598293842eb6df5aa-glayson gom,/o=exchangelabs/ou=exchange administrative group (fydibohf23spdlt)/cn=recipients/cn=664fa0a51b2b45a1a8a38fd90c30d00a-nilton flav,/o=exchangelabs/ou=exchange administrative group (fydibohf23spdlt)/cn=recipients/cn=708d48f073ec47fa966d46b5b6656f0c-alexandre m,/o=exchangelabs/ou=exchange administrative group (fydibohf23spdlt)/cn=recipients/cn=7f0583df7d3e4c2bb8108b334f4257df-marcelo fla,/o=exchangelabs/ou=exchange administrative group (fydibohf23spdlt)/cn=recipients/cn=ac622658720d425d9736d1dea3c26ef7-juliano cal,/o=exchangelabs/ou=exchange administrative group (fydibohf23spdlt)/cn=recipients/cn=e0545d347d844f999a1a0bbd1a977e94-joao</t>
  </si>
  <si>
    <t>10/14/2019 15:57:03</t>
  </si>
  <si>
    <t>10/14/2019 16:02:12</t>
  </si>
  <si>
    <t>10/14/2019 15:57:20</t>
  </si>
  <si>
    <t>10/14/2019 16:03:12</t>
  </si>
  <si>
    <t>10/14/2019 16:02:00</t>
  </si>
  <si>
    <t>10/14/2019 16:05:12</t>
  </si>
  <si>
    <t>C:\Users\leonardoefo\Grupo Algar\Waleska Maria Miranda Storti - Apresentações\Contingências 2019.pptx\</t>
  </si>
  <si>
    <t xml:space="preserve">"mimetype":",actionitems,additionalroles,apabilities,audienceid,backgroundimagegridviewlink,backgroundimagelink,backgroundimagelistviewlink,canaddchildren,canchangeteamdrivebackground,cancomment,cancopy,candelete,candeletechildren,candeleteteamdrive,candownload,canedit,canmanagemembers,canmanagevisitors,canmoveitemoutofteamdrive,canmoveitemwithinteamdrive,canmoveteamdriveitem),canreadteamdrive,canremovechildren,canrename,canrenameteamdrive,canshare,canshareoutsidedomain,cantrash,cantrashchildren,cantrashchildren))),canuntrash,capabilities,capabilities(canaddchildren,capabilities(canmoveitemintoteamdrive,colorrgb,containsunsubscribedchildren,contentrestrictions(readonly),copyable,createddate,customerid&amp;confirmed=false&amp;sendnotificationemails=true&amp;languagecode=pt-br&amp;supportsteamdrives=true&amp;alt=json&amp;key=aizasyc4jjdyozpbzbhixypjrsdhgicms9lgzoa x-javascript-user-age,customerid&amp;confirmed=false&amp;sendnotificationemails=true&amp;languagecode=pt-br&amp;supportsteamdrives=true&amp;alt=json&amp;key=aizasyc4jjdyozpbzbhixypjrsdhgicms9lgzoa </t>
  </si>
  <si>
    <t>10/14/2019 16:05:47</t>
  </si>
  <si>
    <t>10/14/2019 16:08:12</t>
  </si>
  <si>
    <t>10/14/2019 16:06:22</t>
  </si>
  <si>
    <t>10/14/2019 16:06:57</t>
  </si>
  <si>
    <t>10/14/2019 16:10:39</t>
  </si>
  <si>
    <t>10/14/2019 16:11:11</t>
  </si>
  <si>
    <t>mail.google.com/_/upload?authuser=0&amp;dcp=asu-n&amp;upload_id=AEnB2UpAlPFs55akyyThEowXmyQylTBDdOa4GVeVxlioisa6NSZ_ONmkr1meccyETBnbkiIcXS_UWE6ych8Lu8wYyemewnOCJw&amp;upload_protocol=resumable</t>
  </si>
  <si>
    <t>True-up MS EAS 2020_v3_Lucas.xlsx</t>
  </si>
  <si>
    <t>10/14/2019 16:08:38</t>
  </si>
  <si>
    <t>10/14/2019 16:13:11</t>
  </si>
  <si>
    <t>10/14/2019 16:09:13</t>
  </si>
  <si>
    <t>10/14/2019 16:13:46</t>
  </si>
  <si>
    <t>10/14/2019 16:16:12</t>
  </si>
  <si>
    <t>RES: IBM Multi</t>
  </si>
  <si>
    <t>10/14/2019 16:14:30</t>
  </si>
  <si>
    <t>10/14/2019 16:18:12</t>
  </si>
  <si>
    <t>10/14/2019 16:17:09</t>
  </si>
  <si>
    <t>10/14/2019 16:17:35</t>
  </si>
  <si>
    <t>10/14/2019 16:20:12</t>
  </si>
  <si>
    <t>10.200.35.236</t>
  </si>
  <si>
    <t>mail.google.com/_/upload?authuser=0&amp;dcp=asu-n&amp;upload_id=AEnB2Up4rfNZreuJNVn_atzr9CnaBo0FstmZCh0HO80Q7h-GJEUod5SZr28oxas86zavPxFNu8aLZ0iQXuxq-vIlXr_bBG6CFg&amp;upload_protocol=resumable</t>
  </si>
  <si>
    <t>C:\Users\raphaelapm\Desktop\MATERIAL DYNAMICS\Demandas Em Atendimento_DOING\18_Ago_Vale PJ_TOxxxxx - Implantação Oparação Vale\1 - Materiais e Informações da Operação\</t>
  </si>
  <si>
    <t>Cópia de Planilha Dynamics - Vale (002).xlsx</t>
  </si>
  <si>
    <t>10/14/2019 16:19:22</t>
  </si>
  <si>
    <t>10/14/2019 16:23:12</t>
  </si>
  <si>
    <t>10/14/2019 16:23:29</t>
  </si>
  <si>
    <t>10/14/2019 16:24:12</t>
  </si>
  <si>
    <t>Gratificações</t>
  </si>
  <si>
    <t>Real_2019.xlsx</t>
  </si>
  <si>
    <t>10/14/2019 16:25:16</t>
  </si>
  <si>
    <t>10/14/2019 16:29:12</t>
  </si>
  <si>
    <t>10/14/2019 16:28:49</t>
  </si>
  <si>
    <t>10/14/2019 16:30:11</t>
  </si>
  <si>
    <t>C:\Users\rodrigombu\OneDrive - Grupo Algar\Pasta Rede - Rodrigo Buso\Rodrigo Buso\</t>
  </si>
  <si>
    <t>TURBOTAB.xls</t>
  </si>
  <si>
    <t>10/14/2019 16:29:26</t>
  </si>
  <si>
    <t>RES: Estruturação Programa Customer Success_0910.pptx</t>
  </si>
  <si>
    <t>Estruturação Programa Customer Success_0910_v1.pptx\</t>
  </si>
  <si>
    <t>10/14/2019 16:29:22</t>
  </si>
  <si>
    <t>10/14/2019 16:34:11</t>
  </si>
  <si>
    <t>rayanne.dias@temposervicos.com.br;</t>
  </si>
  <si>
    <t>ENC: Produtividade CRCe até 13/10</t>
  </si>
  <si>
    <t>rayanne.dias@temposervicos.com.br</t>
  </si>
  <si>
    <t>10/14/2019 16:32:53</t>
  </si>
  <si>
    <t>10/14/2019 16:38:11</t>
  </si>
  <si>
    <t>10/14/2019 16:35:50</t>
  </si>
  <si>
    <t>10/14/2019 16:39:12</t>
  </si>
  <si>
    <t>ENC: Chamados TOP.</t>
  </si>
  <si>
    <t>Chamados acompanhamento TOP.xlsx</t>
  </si>
  <si>
    <t>10/14/2019 16:35:24</t>
  </si>
  <si>
    <t>10/14/2019 16:40:11</t>
  </si>
  <si>
    <t>C:\Users\marcopaulolr\OneDrive - Grupo Algar\Pessoal\Projeto Casa\Orçamentos\</t>
  </si>
  <si>
    <t>Piscina.xlsx</t>
  </si>
  <si>
    <t>10/14/2019 16:36:23</t>
  </si>
  <si>
    <t>C:\Users\rafaelaas\Desktop\Apresentação - Relacionamento com o cliente Outubro 2019.pptx\</t>
  </si>
  <si>
    <t>10/14/2019 16:38:44</t>
  </si>
  <si>
    <t>10/14/2019 16:41:12</t>
  </si>
  <si>
    <t>C:\Users\elainemdlp\OD\_Projetos\Em andamento\Relacionamento Cartoes BV\04 - Controle\FTE\</t>
  </si>
  <si>
    <t>FTE_BV_Set19 - Copia.xlsb</t>
  </si>
  <si>
    <t>10/14/2019 16:40:33</t>
  </si>
  <si>
    <t>/o=exchangelabs/ou=exchange administrative group (fydibohf23spdlt)/cn=recipients/cn=6fbc44b6d6b549208175d5a27201bd13-cintia nune;/o=exchangelabs/ou=exchange administrative group (fydibohf23spdlt)/cn=recipients/cn=e3778f57d65f4c17a6287602f9eb0cdc-alessandra;/o=exchangelabs/ou=exchange administrative group (fydibohf23spdlt)/cn=recipients/cn=f87f494a8d1d405d8a7b42a51dd5ab84-iris eugeni;/o=exchangelabs/ou=exchange administrative group (fydibohf23spdlt)/cn=recipients/cn=fe134ce6f7124ebfa00395a14326bd71-luciana ber;</t>
  </si>
  <si>
    <t>ENC: Prévia - Governança de Resultados - Expansão Caixa</t>
  </si>
  <si>
    <t>PMO - STATUS DE GOVERNANÇA - Expansao Caixa - 20191019.pptx\</t>
  </si>
  <si>
    <t>/o=exchangelabs/ou=exchange administrative group (fydibohf23spdlt)/cn=recipients/cn=6fbc44b6d6b549208175d5a27201bd13-cintia nune,/o=exchangelabs/ou=exchange administrative group (fydibohf23spdlt)/cn=recipients/cn=e3778f57d65f4c17a6287602f9eb0cdc-alessandra,/o=exchangelabs/ou=exchange administrative group (fydibohf23spdlt)/cn=recipients/cn=f87f494a8d1d405d8a7b42a51dd5ab84-iris eugeni,/o=exchangelabs/ou=exchange administrative group (fydibohf23spdlt)/cn=recipients/cn=fe134ce6f7124ebfa00395a14326bd71-luciana ber</t>
  </si>
  <si>
    <t>10/14/2019 16:38:51</t>
  </si>
  <si>
    <t>Projeção de Receita _ 14-10-2019.xlsx</t>
  </si>
  <si>
    <t>10/14/2019 16:38:09</t>
  </si>
  <si>
    <t>10/14/2019 16:43:12</t>
  </si>
  <si>
    <t>10/14/2019 16:39:16</t>
  </si>
  <si>
    <t>10/14/2019 16:39:49</t>
  </si>
  <si>
    <t>10/14/2019 16:41:14</t>
  </si>
  <si>
    <t>10/14/2019 16:46:11</t>
  </si>
  <si>
    <t>/o=exchangelabs/ou=exchange administrative group (fydibohf23spdlt)/cn=recipients/cn=c29ec9dae022497281c840087cccddec-patricia ar;/o=exchangelabs/ou=exchange administrative group (fydibohf23spdlt)/cn=recipients/cn=ca1f2dadbd0542a8ad075275acf52ff3-rondinele s;/o=exchangelabs/ou=exchange administrative group (fydibohf23spdlt)/cn=recipients/cn=user776b6484;</t>
  </si>
  <si>
    <t>RES: Soluções e Processos - Status de demandas 14/10</t>
  </si>
  <si>
    <t>/o=exchangelabs/ou=exchange administrative group (fydibohf23spdlt)/cn=recipients/cn=c29ec9dae022497281c840087cccddec-patricia ar,/o=exchangelabs/ou=exchange administrative group (fydibohf23spdlt)/cn=recipients/cn=ca1f2dadbd0542a8ad075275acf52ff3-rondinele s,/o=exchangelabs/ou=exchange administrative group (fydibohf23spdlt)/cn=recipients/cn=user776b6484</t>
  </si>
  <si>
    <t>10/14/2019 16:44:32</t>
  </si>
  <si>
    <t>c:\users\elainemdlp\od\_projetos\em andamento\relacionamento cartoes bv\04 - controle\fte\</t>
  </si>
  <si>
    <t>fte_bv_out19.xlsb</t>
  </si>
  <si>
    <t>10/14/2019 16:43:01</t>
  </si>
  <si>
    <t>10/14/2019 16:48:11</t>
  </si>
  <si>
    <t>/o=exchangelabs/ou=exchange administrative group (fydibohf23spdlt)/cn=recipients/cn=65f2464c9a2e4d2981cae7124572133d-cristiane c;/o=exchangelabs/ou=exchange administrative group (fydibohf23spdlt)/cn=recipients/cn=e04f4a5c99bd4ba1b4ff9572d332b2b8-sarah de ab;</t>
  </si>
  <si>
    <t>ENC: Chamado: 3347093;</t>
  </si>
  <si>
    <t>ATEC-2017-0019-002_-_TRANSFORMACAO_DIGITAL_GRC_(1)_Classificacao.xlsx</t>
  </si>
  <si>
    <t>/o=exchangelabs/ou=exchange administrative group (fydibohf23spdlt)/cn=recipients/cn=65f2464c9a2e4d2981cae7124572133d-cristiane c,/o=exchangelabs/ou=exchange administrative group (fydibohf23spdlt)/cn=recipients/cn=e04f4a5c99bd4ba1b4ff9572d332b2b8-sarah de ab</t>
  </si>
  <si>
    <t>10/14/2019 16:50:01</t>
  </si>
  <si>
    <t>10/14/2019 16:51:12</t>
  </si>
  <si>
    <t>10/14/2019 16:45:52</t>
  </si>
  <si>
    <t>Template_Registro_FTE_Realizado_Setembro_v4.0 - Copia.xlsb</t>
  </si>
  <si>
    <t>10/14/2019 16:50:41</t>
  </si>
  <si>
    <t>10/14/2019 16:52:11</t>
  </si>
  <si>
    <t>\\acsfs\deptos\controladoria\17. cg financeiro\cg infra\2.faturamento\echostar\2019\10. outubro\</t>
  </si>
  <si>
    <t>2019-10_echostar energy bill.xlsx</t>
  </si>
  <si>
    <t>10/14/2019 16:49:38</t>
  </si>
  <si>
    <t>10/14/2019 16:53:12</t>
  </si>
  <si>
    <t>10/14/2019 16:50:15</t>
  </si>
  <si>
    <t>10/14/2019 16:51:20</t>
  </si>
  <si>
    <t>10/14/2019 16:48:45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52684aee05874b27a5c249763c2fe008-andre mota;/o=exchangelabs/ou=exchange administrative group (fydibohf23spdlt)/cn=recipients/cn=b36412a54b154c07b0a876537a78fce8-jheniffer g;</t>
  </si>
  <si>
    <t>SLA_Meta Setembro Caixa Capitalização.xlsx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52684aee05874b27a5c249763c2fe008-andre mota,/o=exchangelabs/ou=exchange administrative group (fydibohf23spdlt)/cn=recipients/cn=b36412a54b154c07b0a876537a78fce8-jheniffer g</t>
  </si>
  <si>
    <t>10/14/2019 16:50:33</t>
  </si>
  <si>
    <t>10/14/2019 16:56:12</t>
  </si>
  <si>
    <t>10/14/2019 16:50:54</t>
  </si>
  <si>
    <t>10/14/2019 16:52:26</t>
  </si>
  <si>
    <t>10/14/2019 16:58:12</t>
  </si>
  <si>
    <t>10/14/2019 16:53:46</t>
  </si>
  <si>
    <t>10/14/2019 17:01:17</t>
  </si>
  <si>
    <t>10/14/2019 17:02:11</t>
  </si>
  <si>
    <t>ENC: HC</t>
  </si>
  <si>
    <t>10/14/2019 17:03:12</t>
  </si>
  <si>
    <t>\\acsfs\DEPTOS\TH\15. Rescisão\Engeset\GH Sinergy\</t>
  </si>
  <si>
    <t>GH Sinergy.xlsx</t>
  </si>
  <si>
    <t>10/14/2019 16:59:07</t>
  </si>
  <si>
    <t>mail.google.com/_/upload?authuser=1&amp;dcp=asu-n&amp;upload_id=AEnB2UpbKHC8H5f8Duub0NzCO4vpxc6Pp8PI3mejKkoNMc6oWeJ60WipN5y_DVnINvU7n2AsY_jY-zjPQxrMlGN83syv1YNlMw&amp;upload_protocol=resumable</t>
  </si>
  <si>
    <t>Aptos cancelar churn.xlsx</t>
  </si>
  <si>
    <t>10/14/2019 17:01:08</t>
  </si>
  <si>
    <t>10/14/2019 17:06:12</t>
  </si>
  <si>
    <t>/o=exchangelabs/ou=exchange administrative group (fydibohf23spdlt)/cn=recipients/cn=545f738e0fe740ba856f4eb6ef0135e0-vinicius si;/o=exchangelabs/ou=exchange administrative group (fydibohf23spdlt)/cn=recipients/cn=7903c13fa0504ff0bc7dd2644020b0e8-mirna prado;/o=exchangelabs/ou=exchange administrative group (fydibohf23spdlt)/cn=recipients/cn=81f72ed6e9d042e3bed0cec08d488854-vinicius go;/o=exchangelabs/ou=exchange administrative group (fydibohf23spdlt)/cn=recipients/cn=98e18f75c1d448d18c2b385d101db11f-luiz alfred;/o=exchangelabs/ou=exchange administrative group (fydibohf23spdlt)/cn=recipients/cn=a72a765de829420582b78941417073ac-karina rodr;/o=exchangelabs/ou=exchange administrative group (fydibohf23spdlt)/cn=recipients/cn=e174366906884bd1b4d4c5ddfc8c9433-rodrigo men;</t>
  </si>
  <si>
    <t>ENC: COMPOSIÇÃO FATURAMENTO - WHP 4015MM</t>
  </si>
  <si>
    <t>COMPOSIÇÃO FATURAMENTO - WHP 4015MM.xlsx</t>
  </si>
  <si>
    <t>/o=exchangelabs/ou=exchange administrative group (fydibohf23spdlt)/cn=recipients/cn=545f738e0fe740ba856f4eb6ef0135e0-vinicius si,/o=exchangelabs/ou=exchange administrative group (fydibohf23spdlt)/cn=recipients/cn=7903c13fa0504ff0bc7dd2644020b0e8-mirna prado,/o=exchangelabs/ou=exchange administrative group (fydibohf23spdlt)/cn=recipients/cn=81f72ed6e9d042e3bed0cec08d488854-vinicius go,/o=exchangelabs/ou=exchange administrative group (fydibohf23spdlt)/cn=recipients/cn=98e18f75c1d448d18c2b385d101db11f-luiz alfred,/o=exchangelabs/ou=exchange administrative group (fydibohf23spdlt)/cn=recipients/cn=a72a765de829420582b78941417073ac-karina rodr,/o=exchangelabs/ou=exchange administrative group (fydibohf23spdlt)/cn=recipients/cn=e174366906884bd1b4d4c5ddfc8c9433-rodrigo men</t>
  </si>
  <si>
    <t>10/14/2019 17:04:43</t>
  </si>
  <si>
    <t>/o=exchangelabs/ou=exchange administrative group (fydibohf23spdlt)/cn=recipients/cn=52684aee05874b27a5c249763c2fe008-andre mota;/o=exchangelabs/ou=exchange administrative group (fydibohf23spdlt)/cn=recipients/cn=6fbc44b6d6b549208175d5a27201bd13-cintia nune;/o=exchangelabs/ou=exchange administrative group (fydibohf23spdlt)/cn=recipients/cn=8d66bf0fd9334a81b7c67eda8652a948-guilherme c;/o=exchangelabs/ou=exchange administrative group (fydibohf23spdlt)/cn=recipients/cn=8ffcdd39b62f4308b2f876f9624fa69a-wasley luiz;/o=exchangelabs/ou=exchange administrative group (fydibohf23spdlt)/cn=recipients/cn=b284454839e94314a90d49e7ec00864f-antonio car;/o=exchangelabs/ou=exchange administrative group (fydibohf23spdlt)/cn=recipients/cn=f87f494a8d1d405d8a7b42a51dd5ab84-iris eugeni;/o=exchangelabs/ou=exchange administrative group (fydibohf23spdlt)/cn=recipients/cn=usera699e94b;</t>
  </si>
  <si>
    <t>ORÇADO X REAL 2019 - OPERAÇÕES CINTIA NUNE2.xlsb</t>
  </si>
  <si>
    <t>/o=exchangelabs/ou=exchange administrative group (fydibohf23spdlt)/cn=recipients/cn=52684aee05874b27a5c249763c2fe008-andre mota,/o=exchangelabs/ou=exchange administrative group (fydibohf23spdlt)/cn=recipients/cn=6fbc44b6d6b549208175d5a27201bd13-cintia nune,/o=exchangelabs/ou=exchange administrative group (fydibohf23spdlt)/cn=recipients/cn=8d66bf0fd9334a81b7c67eda8652a948-guilherme c,/o=exchangelabs/ou=exchange administrative group (fydibohf23spdlt)/cn=recipients/cn=8ffcdd39b62f4308b2f876f9624fa69a-wasley luiz,/o=exchangelabs/ou=exchange administrative group (fydibohf23spdlt)/cn=recipients/cn=b284454839e94314a90d49e7ec00864f-antonio car,/o=exchangelabs/ou=exchange administrative group (fydibohf23spdlt)/cn=recipients/cn=f87f494a8d1d405d8a7b42a51dd5ab84-iris eugeni,/o=exchangelabs/ou=exchange administrative group (fydibohf23spdlt)/cn=recipients/cn=usera699e94b</t>
  </si>
  <si>
    <t>10/14/2019 17:04:52</t>
  </si>
  <si>
    <t>bruna.vernalha@bradesco.com.br;daiane.alves@bradesco.com.br;denisev.carvalho@bradesco.com.br;tatiana.bueno@bradesco.com.br;vanessa.crisan.santos@bradesco.com.br;</t>
  </si>
  <si>
    <t>C:\Users\robertacmf\Downloads\RES_ Horas extras x produção - fechamento Setembro.msg\s128\</t>
  </si>
  <si>
    <t>Produção x horas extras - fechamento setembro.xlsx</t>
  </si>
  <si>
    <t>bruna.vernalha@bradesco.com.br,daiane.alves@bradesco.com.br,denisev.carvalho@bradesco.com.br,tatiana.bueno@bradesco.com.br,vanessa.crisan.santos@bradesco.com.br</t>
  </si>
  <si>
    <t>10/14/2019 17:05:14</t>
  </si>
  <si>
    <t>\\acsfs\ACS\Suporte à Operações\02 - Faturamento\2019\11 - Novembro\BRADESCO\</t>
  </si>
  <si>
    <t>Fechamento PF Novembro.xlsx</t>
  </si>
  <si>
    <t>10/14/2019 17:05:08</t>
  </si>
  <si>
    <t>10/14/2019 17:10:12</t>
  </si>
  <si>
    <t>10/14/2019 17:05:40</t>
  </si>
  <si>
    <t>claudia.siqueira@bradesco.com.br;cristinahe@algartech.com;jacqueline.mariano@bradesco.com.br;jenifferafsi@algartech.com;jhennifergs@algartech.com;lucas.jose@bradesco.com.br;viviane.virgilio@bradesco.com.br;</t>
  </si>
  <si>
    <t>claudia.siqueira@bradesco.com.br,cristinahe@algartech.com,jacqueline.mariano@bradesco.com.br,jenifferafsi@algartech.com,jhennifergs@algartech.com,lucas.jose@bradesco.com.br,viviane.virgilio@bradesco.com.br</t>
  </si>
  <si>
    <t>10/14/2019 15:07:49</t>
  </si>
  <si>
    <t>10/14/2019 17:16:12</t>
  </si>
  <si>
    <t>C:\Users\ricardoft\OneDrive - Grupo Algar\Documentos\Projetos\2019\Caixa\</t>
  </si>
  <si>
    <t>Perguntas _Respostas vf.xlsx</t>
  </si>
  <si>
    <t>10/14/2019 17:14:47</t>
  </si>
  <si>
    <t>10/14/2019 17:17:12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54abac0a4fdc4ad1bec39bb51d85eab1-victor hugo;</t>
  </si>
  <si>
    <t>PTH T-SYSTEM</t>
  </si>
  <si>
    <t>Template Orçamentário Pessoal - 2020_William_v1.xlsx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54abac0a4fdc4ad1bec39bb51d85eab1-victor hugo</t>
  </si>
  <si>
    <t>10/14/2019 17:17:25</t>
  </si>
  <si>
    <t>10/14/2019 17:21:12</t>
  </si>
  <si>
    <t>10/14/2019 17:21:36</t>
  </si>
  <si>
    <t>10/14/2019 17:23:12</t>
  </si>
  <si>
    <t>C:\Users\nadiagds\OneDrive - Grupo Algar\Mesa Digital\ISD_Análise\Projeto ISD - T-systems\01. Fluxos\</t>
  </si>
  <si>
    <t>Projeto_ISD_T-Systems - Editável.xlsx</t>
  </si>
  <si>
    <t>10/14/2019 17:21:13</t>
  </si>
  <si>
    <t>10/14/2019 17:26:12</t>
  </si>
  <si>
    <t>http://shareit.global.avon.com/sites/arrmcm/forca-de-vendas/_layouts/upload.aspx?list={bfd161db-750f-4cbd-9e74-a6fb6ee0a6de}&amp;rootfolder=/sites/arrmcm/forca-de-vendas/revendedora/estrelas&amp;source=http://shareit.global.avon.com/sites/arrmcm/forca-de-vendas/revendedora/forms/allitems.aspx?folderctid=&amp;rootfolder=%2fsites%2farrmcm%2fforca%2dde%2dvendas%2frevendedora%2festrelas&amp;sortfield=modified&amp;sortdir=desc&amp;view=%7b993eba10%2d8cf7%2d4fbc%2dbe91%2de4ca00ce3956%7d</t>
  </si>
  <si>
    <t>Simulador Natal - Evento Star V1.xls</t>
  </si>
  <si>
    <t>10/14/2019 17:24:33</t>
  </si>
  <si>
    <t>10/14/2019 17:27:12</t>
  </si>
  <si>
    <t>/o=exchangelabs/ou=exchange administrative group (fydibohf23spdlt)/cn=recipients/cn=43a054bacf514a8a9cdcb240b072cd47-cecilia mul;/o=exchangelabs/ou=exchange administrative group (fydibohf23spdlt)/cn=recipients/cn=891c08f4f04f4527be9bc1b3d75f6378-luiz fernan;</t>
  </si>
  <si>
    <t>RES: * 189266 - Rollout Nissan - PROPOSTA TECNICA / COMERCIAL</t>
  </si>
  <si>
    <t>189266_v1.1 - Renault (3 meses - 4 Tecnicos) - BP Preço C015 B014 Desonerada_RV PL SL. Mín - 14-10.xlsb</t>
  </si>
  <si>
    <t>/o=exchangelabs/ou=exchange administrative group (fydibohf23spdlt)/cn=recipients/cn=43a054bacf514a8a9cdcb240b072cd47-cecilia mul,/o=exchangelabs/ou=exchange administrative group (fydibohf23spdlt)/cn=recipients/cn=891c08f4f04f4527be9bc1b3d75f6378-luiz fernan</t>
  </si>
  <si>
    <t>10/14/2019 17:23:53</t>
  </si>
  <si>
    <t>10/14/2019 17:28:12</t>
  </si>
  <si>
    <t>/o=exchangelabs/ou=exchange administrative group (fydibohf23spdlt)/cn=recipients/cn=7903c13fa0504ff0bc7dd2644020b0e8-mirna prado;/o=exchangelabs/ou=exchange administrative group (fydibohf23spdlt)/cn=recipients/cn=81f72ed6e9d042e3bed0cec08d488854-vinicius go;/o=exchangelabs/ou=exchange administrative group (fydibohf23spdlt)/cn=recipients/cn=e174366906884bd1b4d4c5ddfc8c9433-rodrigo men;</t>
  </si>
  <si>
    <t>RES: COMPOSIÇÃO FATURAMENTO - WHP 4015MM</t>
  </si>
  <si>
    <t>/o=exchangelabs/ou=exchange administrative group (fydibohf23spdlt)/cn=recipients/cn=7903c13fa0504ff0bc7dd2644020b0e8-mirna prado,/o=exchangelabs/ou=exchange administrative group (fydibohf23spdlt)/cn=recipients/cn=81f72ed6e9d042e3bed0cec08d488854-vinicius go,/o=exchangelabs/ou=exchange administrative group (fydibohf23spdlt)/cn=recipients/cn=e174366906884bd1b4d4c5ddfc8c9433-rodrigo men</t>
  </si>
  <si>
    <t>10/14/2019 17:27:38</t>
  </si>
  <si>
    <t>10/14/2019 17:33:12</t>
  </si>
  <si>
    <t>10/14/2019 17:28:07</t>
  </si>
  <si>
    <t>10/14/2019 17:29:34</t>
  </si>
  <si>
    <t>10/14/2019 17:29:37</t>
  </si>
  <si>
    <t>10/14/2019 17:30:08</t>
  </si>
  <si>
    <t>10/14/2019 17:30:10</t>
  </si>
  <si>
    <t>10/14/2019 17:30:43</t>
  </si>
  <si>
    <t>10/14/2019 17:31:16</t>
  </si>
  <si>
    <t>10/14/2019 17:31:49</t>
  </si>
  <si>
    <t>10/14/2019 17:34:35</t>
  </si>
  <si>
    <t>10/14/2019 17:38:12</t>
  </si>
  <si>
    <t>10/14/2019 17:35:09</t>
  </si>
  <si>
    <t>10/14/2019 17:33:43</t>
  </si>
  <si>
    <t>10/14/2019 17:40:12</t>
  </si>
  <si>
    <t>/o=exchangelabs/ou=exchange administrative group (fydibohf23spdlt)/cn=recipients/cn=2b05fb64124641c794278ebec1c98b6d-joao batist;/o=exchangelabs/ou=exchange administrative group (fydibohf23spdlt)/cn=recipients/cn=60b4785513d14bb7b75646999a47b247-carlos edua;/o=exchangelabs/ou=exchange administrative group (fydibohf23spdlt)/cn=recipients/cn=78e530b5e3244cc1a89eba7f7b0af42f-marco tulio;</t>
  </si>
  <si>
    <t>ATEC-2017-0019-002_-_TRANSFORMACAO_DIGITAL_GRC_(1)_Classificacao V2.xlsx</t>
  </si>
  <si>
    <t>/o=exchangelabs/ou=exchange administrative group (fydibohf23spdlt)/cn=recipients/cn=2b05fb64124641c794278ebec1c98b6d-joao batist,/o=exchangelabs/ou=exchange administrative group (fydibohf23spdlt)/cn=recipients/cn=60b4785513d14bb7b75646999a47b247-carlos edua,/o=exchangelabs/ou=exchange administrative group (fydibohf23spdlt)/cn=recipients/cn=78e530b5e3244cc1a89eba7f7b0af42f-marco tulio</t>
  </si>
  <si>
    <t>10/14/2019 17:39:26</t>
  </si>
  <si>
    <t>10/14/2019 17:41:11</t>
  </si>
  <si>
    <t>10/14/2019 17:39:14</t>
  </si>
  <si>
    <t>/o=exchangelabs/ou=exchange administrative group (fydibohf23spdlt)/cn=recipients/cn=5dd03a66f797451390d7113259343399-aline da si;/o=exchangelabs/ou=exchange administrative group (fydibohf23spdlt)/cn=recipients/cn=eeccfec6dd26453db576a7c3b3bc44ec-pablo perei;/o=exchangelabs/ou=exchange administrative group (fydibohf23spdlt)/cn=recipients/cn=f878ae58590e41cbabba2fa1ee2ae905-izadora nas;</t>
  </si>
  <si>
    <t>Projeção de Receita - Out.19</t>
  </si>
  <si>
    <t>RES Prévia Financeira - Setembro Algar Telecom.msg\s1\</t>
  </si>
  <si>
    <t>09 - PREVIA - Faturamento_SET_19 (PROPOSTA).xlsx</t>
  </si>
  <si>
    <t>/o=exchangelabs/ou=exchange administrative group (fydibohf23spdlt)/cn=recipients/cn=5dd03a66f797451390d7113259343399-aline da si,/o=exchangelabs/ou=exchange administrative group (fydibohf23spdlt)/cn=recipients/cn=eeccfec6dd26453db576a7c3b3bc44ec-pablo perei,/o=exchangelabs/ou=exchange administrative group (fydibohf23spdlt)/cn=recipients/cn=f878ae58590e41cbabba2fa1ee2ae905-izadora nas</t>
  </si>
  <si>
    <t>10/14/2019 17:38:10</t>
  </si>
  <si>
    <t>10/14/2019 17:43:11</t>
  </si>
  <si>
    <t>10/14/2019 17:38:19</t>
  </si>
  <si>
    <t>10/14/2019 17:38:21</t>
  </si>
  <si>
    <t>10/14/2019 17:43:31</t>
  </si>
  <si>
    <t>10/14/2019 17:44:12</t>
  </si>
  <si>
    <t>murillo.silva@bradesco.com.br;</t>
  </si>
  <si>
    <t>ENC: Fechamentos de Setembro</t>
  </si>
  <si>
    <t>RE Painel BO Contas Novas AEB - Fechamento Setembro19..msg\s1\BO Contas Novas AEB - Setembro 2019.zip\</t>
  </si>
  <si>
    <t>murillo.silva@bradesco.com.br</t>
  </si>
  <si>
    <t>10/14/2019 17:43:15</t>
  </si>
  <si>
    <t>10/14/2019 17:48:11</t>
  </si>
  <si>
    <t>10/14/2019 17:46:59</t>
  </si>
  <si>
    <t>10/14/2019 17:47:38</t>
  </si>
  <si>
    <t>10/14/2019 17:53:12</t>
  </si>
  <si>
    <t>10/14/2019 17:50:03</t>
  </si>
  <si>
    <t>10/14/2019 17:50:13</t>
  </si>
  <si>
    <t>10/14/2019 17:51:52</t>
  </si>
  <si>
    <t>10/14/2019 17:49:27</t>
  </si>
  <si>
    <t>10/14/2019 17:54:12</t>
  </si>
  <si>
    <t>anapscl@algartech.com;bianca.natucci@fisglobal.com;bruno.m.vitorino@bradesco.com.br;camiladps@algartech.com;cqe-desenhobradesco@algartech.com;cqecomportamental@algartech.com;cqequalidadebradescocartoes-analistas@algartech.com;cqqeducacaoempresarialbradescocartoes-analistas@algartech.com;cristina.otoni@bradesco.com.br;demetrio.joaquim@fisglobal.com;jheniffergs@algartech.com;kamylla.santos@bradesco.com.br;lizandrad.silva@bradesco.com.br;luanaaoli@algartech.com;nayton.martins@bradesco.com.br;raquel.lopes@bradesco.com.br;</t>
  </si>
  <si>
    <t>\\acsfs\deptos\EDUCACAO EMPRESARIAL\4 - Gestão de Educação\4.3 Planejamento\INFORMES MENSAL\INFORME\2019\10_Outubro\ENVIADOS\</t>
  </si>
  <si>
    <t>INFORME ALGAR TECH - RAQUEL CONSUELO.xlsx</t>
  </si>
  <si>
    <t>anapscl@algartech.com,bianca.natucci@fisglobal.com,bruno.m.vitorino@bradesco.com.br,camiladps@algartech.com,cqe-desenhobradesco@algartech.com,cqecomportamental@algartech.com,cqequalidadebradescocartoes-analistas@algartech.com,cqqeducacaoempresarialbradescocartoes-analistas@algartech.com,cristina.otoni@bradesco.com.br,demetrio.joaquim@fisglobal.com,jheniffergs@algartech.com,kamylla.santos@bradesco.com.br,lizandrad.silva@bradesco.com.br,luanaaoli@algartech.com,nayton.martins@bradesco.com.br,raquel.lopes@bradesco.com.br</t>
  </si>
  <si>
    <t>10/14/2019 17:52:01</t>
  </si>
  <si>
    <t>10/14/2019 17:55:12</t>
  </si>
  <si>
    <t>\\acsfs\Deptos\Controladoria\2 - Business Performance\2019\1 - Precificacao\6 - Revisao da Metodologia\Consultoria Teros\02 - Quick Wins\Fase 1\Abertura da Meta\GAT\</t>
  </si>
  <si>
    <t>10/14/2019 17:54:03</t>
  </si>
  <si>
    <t>10/14/2019 17:56:12</t>
  </si>
  <si>
    <t>http://shareit.global.avon.com/sites/arrmcm/forca-de-vendas/_layouts/upload.aspx?list={d7183758-c20b-457b-9a14-b83f7824798f}&amp;rootfolder=/sites/arrmcm/forca-de-vendas/executivas/incentivos/apoio a produto 2019&amp;source=http://shareit.global.avon.com/sites/arrmcm/forca-de-vendas/executivas/forms/allitems.aspx?rootfolder=%2fsites%2farrmcm%2fforca%2dde%2dvendas%2fexecutivas%2fincentivos%2fapoio%20a%20produto%202019&amp;folderctid=&amp;view=%7bab5e306d%2d7e49%2d4dc6%2d9e6b%2ddb2cdc033b64%7d</t>
  </si>
  <si>
    <t>APURAÇÃO INCENTIVO MAQUIAGEM EVA C.14 a C.16_2019.xls</t>
  </si>
  <si>
    <t>10/14/2019 17:53:32</t>
  </si>
  <si>
    <t>10/14/2019 17:58:12</t>
  </si>
  <si>
    <t>10/14/2019 17:54:05</t>
  </si>
  <si>
    <t>10/14/2019 17:55:11</t>
  </si>
  <si>
    <t>10/14/2019 17:56:21</t>
  </si>
  <si>
    <t>10/14/2019 17:58:28</t>
  </si>
  <si>
    <t>10/14/2019 18:02:12</t>
  </si>
  <si>
    <t>camiladps@algartech.com;cscatende@cscalgar.com.br;diegoodz@algartech.com;fabianapm@algartech.com;ivanetesd@algartech.com;ligiagb@algartech.com.br;williamcc@algartech.com;</t>
  </si>
  <si>
    <t>Lista Candidatos STH 367582 - Chamado 3339901.xlsx</t>
  </si>
  <si>
    <t>camiladps@algartech.com,cscatende@cscalgar.com.br,diegoodz@algartech.com,fabianapm@algartech.com,ivanetesd@algartech.com,ligiagb@algartech.com.br,williamcc@algartech.com</t>
  </si>
  <si>
    <t>10/14/2019 17:57:22</t>
  </si>
  <si>
    <t>10/14/2019 18:03:12</t>
  </si>
  <si>
    <t>10/14/2019 17:59:20</t>
  </si>
  <si>
    <t>10/14/2019 17:59:53</t>
  </si>
  <si>
    <t>10/14/2019 18:00:58</t>
  </si>
  <si>
    <t>10/14/2019 18:02:07</t>
  </si>
  <si>
    <t>10/14/2019 18:05:37</t>
  </si>
  <si>
    <t>10/14/2019 18:06:12</t>
  </si>
  <si>
    <t>http://shareit.global.avon.com/sites/arrmcm/forca-de-vendas/_layouts/upload.aspx?list={49a50e3f-b4b4-49bc-b117-70e608bcb21b}&amp;rootfolder=/sites/arrmcm/forca-de-vendas/gerente de setor/incentivos/apoio a produtos&amp;source=http://shareit.global.avon.com/sites/arrmcm/forca-de-vendas/gerente de setor/forms/allitems.aspx?folderctid=&amp;rootfolder=%2fsites%2farrmcm%2fforca%2dde%2dvendas%2fgerente%20de%20setor%2fincentivos%2fapoio%20a%20produtos&amp;sortfield=modified&amp;sortdir=asc&amp;view=%7bd059265c%2dd14d%2d41b3%2d9614%2d5dc74317d84e%7d</t>
  </si>
  <si>
    <t>APURAÇÃO INCENTIVO DE MAQUIAGEM GS CP 14-2019 A 16-2019.xls</t>
  </si>
  <si>
    <t>10/14/2019 18:08:10</t>
  </si>
  <si>
    <t>10/14/2019 18:11:13</t>
  </si>
  <si>
    <t>Orçamento_20_20191011.xls</t>
  </si>
  <si>
    <t>10/14/2019 18:19:54</t>
  </si>
  <si>
    <t>10/14/2019 18:24:13</t>
  </si>
  <si>
    <t>10/14/2019 18:23:05</t>
  </si>
  <si>
    <t>10/14/2019 18:28:13</t>
  </si>
  <si>
    <t>10/14/2019 18:33:32</t>
  </si>
  <si>
    <t>10/14/2019 18:36:12</t>
  </si>
  <si>
    <t>/o=exchangelabs/ou=exchange administrative group (fydibohf23spdlt)/cn=recipients/cn=b284454839e94314a90d49e7ec00864f-antonio car;/o=exchangelabs/ou=exchange administrative group (fydibohf23spdlt)/cn=recipients/cn=b36412a54b154c07b0a876537a78fce8-jheniffer g;/o=exchangelabs/ou=exchange administrative group (fydibohf23spdlt)/cn=recipients/cn=b67cad4ecfa344baaa94d716e7554f49-bruno camel;/o=exchangelabs/ou=exchange administrative group (fydibohf23spdlt)/cn=recipients/cn=ee68a2a53024446789dc480aef9c7a7c-joao gabrie;</t>
  </si>
  <si>
    <t>Rateio 2020 para validarmos</t>
  </si>
  <si>
    <t>Racional_Rateio.xlsx</t>
  </si>
  <si>
    <t>/o=exchangelabs/ou=exchange administrative group (fydibohf23spdlt)/cn=recipients/cn=b284454839e94314a90d49e7ec00864f-antonio car,/o=exchangelabs/ou=exchange administrative group (fydibohf23spdlt)/cn=recipients/cn=b36412a54b154c07b0a876537a78fce8-jheniffer g,/o=exchangelabs/ou=exchange administrative group (fydibohf23spdlt)/cn=recipients/cn=b67cad4ecfa344baaa94d716e7554f49-bruno camel,/o=exchangelabs/ou=exchange administrative group (fydibohf23spdlt)/cn=recipients/cn=ee68a2a53024446789dc480aef9c7a7c-joao gabrie</t>
  </si>
  <si>
    <t>10/14/2019 18:39:13</t>
  </si>
  <si>
    <t>10/14/2019 18:41:12</t>
  </si>
  <si>
    <t>Base_Google_GAT.xlsx</t>
  </si>
  <si>
    <t>10/14/2019 18:39:21</t>
  </si>
  <si>
    <t>mail.google.com/_/upload?authuser=0&amp;dcp=asu-n&amp;upload_id=AEnB2UpA8FCv0VU3HEx06iWZxhVYGodQu1aQzdRe_XKxG_BXgyWyRVftxkY4q2KJUfMZaEX0qgDfPTOUNlq9sh5eTPfqTRIY3w&amp;upload_protocol=resumable</t>
  </si>
  <si>
    <t>alessandroam@algartech.com;alinemds@algartech.com;fabianapm@algartech.com;fredericobs@algartecnologia.com.br;igorpc@algartech.com;ligiagb@algartech.com.br;lucasm@algartech.com;</t>
  </si>
  <si>
    <t>alessandroam@algartech.com,alinemds@algartech.com,fabianapm@algartech.com,fredericobs@algartecnologia.com.br,igorpc@algartech.com,ligiagb@algartech.com.br,lucasm@algartech.com</t>
  </si>
  <si>
    <t>10/14/2019 18:37:54</t>
  </si>
  <si>
    <t>10/14/2019 18:43:12</t>
  </si>
  <si>
    <t>/o=exchangelabs/ou=exchange administrative group (fydibohf23spdlt)/cn=recipients/cn=f49f2169189f4d4f934acc9335c81d57-aline perin;</t>
  </si>
  <si>
    <t>planilha de horas</t>
  </si>
  <si>
    <t>/o=exchangelabs/ou=exchange administrative group (fydibohf23spdlt)/cn=recipients/cn=f49f2169189f4d4f934acc9335c81d57-aline perin</t>
  </si>
  <si>
    <t>10/14/2019 19:09:15</t>
  </si>
  <si>
    <t>10/14/2019 19:11:12</t>
  </si>
  <si>
    <t>Planilha WEG MOTORES S/A - AMS SAP 18H00 AS 08H00</t>
  </si>
  <si>
    <t>204294 Weg Plan Precificacao C017 B017_v1 190 Tickets Chamados 2 6 e 8hsTurnos.xlsb</t>
  </si>
  <si>
    <t>10/14/2019 19:06:47</t>
  </si>
  <si>
    <t>/o=exchangelabs/ou=exchange administrative group (fydibohf23spdlt)/cn=recipients/cn=f4de30cd53104832ac10bc8c610e453e-gustavo pae;/o=exchangelabs/ou=exchange administrative group (fydibohf23spdlt)/cn=recipients/cn=user05f2c55d;</t>
  </si>
  <si>
    <t>ENC: verificar erro operacional ( CASO JANAINA)</t>
  </si>
  <si>
    <t>Erro Operacional Janaina.xlsx</t>
  </si>
  <si>
    <t>/o=exchangelabs/ou=exchange administrative group (fydibohf23spdlt)/cn=recipients/cn=f4de30cd53104832ac10bc8c610e453e-gustavo pae,/o=exchangelabs/ou=exchange administrative group (fydibohf23spdlt)/cn=recipients/cn=user05f2c55d</t>
  </si>
  <si>
    <t>10/14/2019 20:33:21</t>
  </si>
  <si>
    <t>10/14/2019 20:36:14</t>
  </si>
  <si>
    <t>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47bcba0edfbb48d39e9b215eae1400b2-ana paula s;/o=exchangelabs/ou=exchange administrative group (fydibohf23spdlt)/cn=recipients/cn=88e4fcbd3ea14730a81286cc0683fb42-manoel eloy;/o=exchangelabs/ou=exchange administrative group (fydibohf23spdlt)/cn=recipients/cn=e9519d1407044c56a7b8fe1bbc24bebc-michele cam;</t>
  </si>
  <si>
    <t>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47bcba0edfbb48d39e9b215eae1400b2-ana paula s,/o=exchangelabs/ou=exchange administrative group (fydibohf23spdlt)/cn=recipients/cn=88e4fcbd3ea14730a81286cc0683fb42-manoel eloy,/o=exchangelabs/ou=exchange administrative group (fydibohf23spdlt)/cn=recipients/cn=e9519d1407044c56a7b8fe1bbc24bebc-michele cam</t>
  </si>
  <si>
    <t>10/14/2019 20:42:54</t>
  </si>
  <si>
    <t>10/14/2019 20:46:14</t>
  </si>
  <si>
    <t>ENC: AHT_OPORTUNIDADES x PLANO DE AÇÃO</t>
  </si>
  <si>
    <t>Análise AHT.xlsx</t>
  </si>
  <si>
    <t>10/14/2019 20:44:30</t>
  </si>
  <si>
    <t>ENC: Resumo Gerencial Bacen Procedente Amex até 10/10</t>
  </si>
  <si>
    <t>Base Bacen Procedente 2019.xlsx</t>
  </si>
  <si>
    <t>10/14/2019 20:48:38</t>
  </si>
  <si>
    <t>10/14/2019 20:51:14</t>
  </si>
  <si>
    <t>ENC: Mis Pesquisa de Satisfação - URA</t>
  </si>
  <si>
    <t>10/14/2019 20:49:21</t>
  </si>
  <si>
    <t>ENC: MIS Ilha Especialistas</t>
  </si>
  <si>
    <t>MIS ILHA ESPECIALISTA.xlsm</t>
  </si>
  <si>
    <t>10/14/2019 21:30:01</t>
  </si>
  <si>
    <t>10/14/2019 21:35:15</t>
  </si>
  <si>
    <t>10.200.35.131</t>
  </si>
  <si>
    <t>/o=exchangelabs/ou=exchange administrative group (fydibohf23spdlt)/cn=recipients/cn=23e3be28ac6a4bbf8335736c953c7732-patrick luh;/o=exchangelabs/ou=exchange administrative group (fydibohf23spdlt)/cn=recipients/cn=77f2191ae26e48d0b9265a5f7f1fad85-portaria da;</t>
  </si>
  <si>
    <t>ENC: Solicitação 790845 - Status Aguardando Solicitante</t>
  </si>
  <si>
    <t>Planilha para cadastramento - Preenchimento Gestor.xlsx</t>
  </si>
  <si>
    <t>/o=exchangelabs/ou=exchange administrative group (fydibohf23spdlt)/cn=recipients/cn=23e3be28ac6a4bbf8335736c953c7732-patrick luh,/o=exchangelabs/ou=exchange administrative group (fydibohf23spdlt)/cn=recipients/cn=77f2191ae26e48d0b9265a5f7f1fad85-portaria da</t>
  </si>
  <si>
    <t>10/14/2019 17:54:09</t>
  </si>
  <si>
    <t>10/15/2019 07:10:16</t>
  </si>
  <si>
    <t>ana.palazzo@bradesco.com.br;anapscl@algartech.com;ariana.ribeiro@bradesco.com.br;bianca.natucci@fisglobal.com;bruno.m.vitorino@bradesco.com.br;camiladps@algartech.com;cqe-desenhobradesco@algartech.com;cqecomportamental@algartech.com;cqequalidadebradescocartoes-analistas@algartech.com;cqqeducacaoempresarialbradescocartoes-analistas@algartech.com;cristina.otoni@bradesco.com.br;demetrio.joaquim@fisglobal.com;filipe.s.carvalho@bradesco.com.br;helen.alves@bradesco.com.br;jheniffergs@algartech.com;kamylla.santos@bradesco.com.br;kenia.oliveira@bradesco.com.br;leticia.albuquerque@bradesco.com.br;lizandrad.silva@bradesco.com.br;luanaaoli@algartech.com;nayton.martins@bradesco.com.br;raquel.lopes@bradesco.com.br;solange.contriciani@bradesco.com.br;</t>
  </si>
  <si>
    <t>INFORME ALGAR TECH - SOLANGE CONTRICIANI.xlsx</t>
  </si>
  <si>
    <t>ana.palazzo@bradesco.com.br,anapscl@algartech.com,ariana.ribeiro@bradesco.com.br,bianca.natucci@fisglobal.com,bruno.m.vitorino@bradesco.com.br,camiladps@algartech.com,cqe-desenhobradesco@algartech.com,cqecomportamental@algartech.com,cqequalidadebradescocartoes-analistas@algartech.com,cqqeducacaoempresarialbradescocartoes-analistas@algartech.com,cristina.otoni@bradesco.com.br,demetrio.joaquim@fisglobal.com,filipe.s.carvalho@bradesco.com.br,helen.alves@bradesco.com.br,jheniffergs@algartech.com,kamylla.santos@bradesco.com.br,kenia.oliveira@bradesco.com.br,leticia.albuquerque@bradesco.com.br,lizandrad.silva@bradesco.com.br,luanaaoli@algartech.com,nayton.martins@bradesco.com.br,raquel.lopes@bradesco.com.br,solange.contriciani@bradesco.com.br</t>
  </si>
  <si>
    <t>10/15/2019 07:53:27</t>
  </si>
  <si>
    <t>10/15/2019 07:54:15</t>
  </si>
  <si>
    <t>10.207.12.34</t>
  </si>
  <si>
    <t>/o=exchangelabs/ou=exchange administrative group (fydibohf23spdlt)/cn=recipients/cn=372a4aee70df4061aed129651510b96b-raul montei;/o=exchangelabs/ou=exchange administrative group (fydibohf23spdlt)/cn=recipients/cn=b16974d7de334bfabfe3dee1e8e47e59-sherley cri;/o=exchangelabs/ou=exchange administrative group (fydibohf23spdlt)/cn=recipients/cn=dbf8438b163a4fc092329fee496bb065-fabricio ga;</t>
  </si>
  <si>
    <t>Migração Provedor Abastecimento e Manutenção / Frota Algar.</t>
  </si>
  <si>
    <t>Rede Apta VALECARD.xlsx</t>
  </si>
  <si>
    <t>/o=exchangelabs/ou=exchange administrative group (fydibohf23spdlt)/cn=recipients/cn=372a4aee70df4061aed129651510b96b-raul montei,/o=exchangelabs/ou=exchange administrative group (fydibohf23spdlt)/cn=recipients/cn=b16974d7de334bfabfe3dee1e8e47e59-sherley cri,/o=exchangelabs/ou=exchange administrative group (fydibohf23spdlt)/cn=recipients/cn=dbf8438b163a4fc092329fee496bb065-fabricio ga</t>
  </si>
  <si>
    <t>10/15/2019 08:18:54</t>
  </si>
  <si>
    <t>10/15/2019 08:19:16</t>
  </si>
  <si>
    <t>10/15/2019 08:18:55</t>
  </si>
  <si>
    <t>10/15/2019 07:09:50</t>
  </si>
  <si>
    <t>10/15/2019 08:22:15</t>
  </si>
  <si>
    <t>mail.google.com/_/upload?authuser=0&amp;dcp=asu-n&amp;upload_id=AEnB2UrPggb1saDBpwr4rYSR_glcCVXEwE8DHifjY0oLEINGGivGi7cY_iHk3s4S6PVe3Wq8OHQe8S5fgL_udJYjzmDhhay-VQ&amp;upload_protocol=resumable</t>
  </si>
  <si>
    <t>C:\Users\lauravx\Desktop\AREA DE TRABALHO\FINANCEIRO\</t>
  </si>
  <si>
    <t>Controle Financeiro - Laura.xls</t>
  </si>
  <si>
    <t>10/15/2019 08:19:35</t>
  </si>
  <si>
    <t>10/15/2019 08:24:16</t>
  </si>
  <si>
    <t>Analise_Virtus.xlsx</t>
  </si>
  <si>
    <t>10/15/2019 08:19:36</t>
  </si>
  <si>
    <t>10/15/2019 08:19:37</t>
  </si>
  <si>
    <t>HorasExtras_OperacaoEngenharia.xlsx</t>
  </si>
  <si>
    <t>10/14/2019 16:02:42</t>
  </si>
  <si>
    <t>10/15/2019 08:26:15</t>
  </si>
  <si>
    <t>ENC: STH 640347</t>
  </si>
  <si>
    <t>10/15/2019 08:25:59</t>
  </si>
  <si>
    <t>10/15/2019 08:28:15</t>
  </si>
  <si>
    <t>Acessos</t>
  </si>
  <si>
    <t>Emails - next.msg\s1\</t>
  </si>
  <si>
    <t>10/15/2019 08:20:31</t>
  </si>
  <si>
    <t>10/15/2019 08:31:16</t>
  </si>
  <si>
    <t>rafaelbdt@algartech.com;</t>
  </si>
  <si>
    <t>RES: RES: Projeto Tracbel</t>
  </si>
  <si>
    <t>Levantamento_inicial_Tracbel.xlsx</t>
  </si>
  <si>
    <t>rafaelbdt@algartech.com</t>
  </si>
  <si>
    <t>10/15/2019 08:32:06</t>
  </si>
  <si>
    <t>10/15/2019 08:33:15</t>
  </si>
  <si>
    <t>10/14/2019 18:07:44</t>
  </si>
  <si>
    <t>/o=exchangelabs/ou=exchange administrative group (fydibohf23spdlt)/cn=recipients/cn=d0093b7063a942388b31a7ba794f9061-dener benic;/o=exchangelabs/ou=exchange administrative group (fydibohf23spdlt)/cn=recipients/cn=f8583aae88d4485dac542c395d25e6fc-diego dos r;victorhp@algartelecom.com.br;</t>
  </si>
  <si>
    <t>Atualização - Reativação 232</t>
  </si>
  <si>
    <t>Reativação 232_191014.xlsb</t>
  </si>
  <si>
    <t>/o=exchangelabs/ou=exchange administrative group (fydibohf23spdlt)/cn=recipients/cn=d0093b7063a942388b31a7ba794f9061-dener benic,/o=exchangelabs/ou=exchange administrative group (fydibohf23spdlt)/cn=recipients/cn=f8583aae88d4485dac542c395d25e6fc-diego dos r,victorhp@algartelecom.com.br</t>
  </si>
  <si>
    <t>10/15/2019 08:31:04</t>
  </si>
  <si>
    <t>10/15/2019 08:36:16</t>
  </si>
  <si>
    <t>10/15/2019 08:31:10</t>
  </si>
  <si>
    <t>10/15/2019 08:36:23</t>
  </si>
  <si>
    <t>10/15/2019 08:38:16</t>
  </si>
  <si>
    <t>Acessos 4</t>
  </si>
  <si>
    <t>ENC Associados que não receberam login e senha.msg\s1\</t>
  </si>
  <si>
    <t>Cópia de DADOS (003).xlsx</t>
  </si>
  <si>
    <t>10/15/2019 08:36:00</t>
  </si>
  <si>
    <t>10/15/2019 08:39:15</t>
  </si>
  <si>
    <t>alencar.zanella@bradesco.com.br;suporte.vmc@bradescocartoes.com.br;</t>
  </si>
  <si>
    <t>Implementação Intellilink STARA</t>
  </si>
  <si>
    <t>STARA S A INDUSTRIA DE IMPLEMENTOS AGRIC (002).xlsx</t>
  </si>
  <si>
    <t>alencar.zanella@bradesco.com.br,suporte.vmc@bradescocartoes.com.br</t>
  </si>
  <si>
    <t>10/15/2019 08:36:46</t>
  </si>
  <si>
    <t>RES: Inclusão de Empresas SmartData - Grupo Renner</t>
  </si>
  <si>
    <t>MAXMIX COMERCIAL LTDA.xlsx</t>
  </si>
  <si>
    <t>10/15/2019 08:38:58</t>
  </si>
  <si>
    <t>10/15/2019 08:42:16</t>
  </si>
  <si>
    <t>jairpof@gmail.com;</t>
  </si>
  <si>
    <t>Dani Telecom_Planilha Modelo BP 2017 PPE</t>
  </si>
  <si>
    <t>Dani Telecom_Planilha Modelo BP 2017 PPE.xlsm</t>
  </si>
  <si>
    <t>jairpof@gmail.com</t>
  </si>
  <si>
    <t>10/15/2019 08:43:02</t>
  </si>
  <si>
    <t>10/15/2019 08:44:16</t>
  </si>
  <si>
    <t>CURVA NORMAL - 14/10/2019</t>
  </si>
  <si>
    <t>10/15/2019 08:43:47</t>
  </si>
  <si>
    <t>10/15/2019 08:46:15</t>
  </si>
  <si>
    <t>C:\Users\douglassp\OneDrive - Grupo Algar\Pacote Terceiros\Orçamento 2019\</t>
  </si>
  <si>
    <t>Pacote_Terceiros_Avaliação_v5.xlsb</t>
  </si>
  <si>
    <t>10/15/2019 08:42:33</t>
  </si>
  <si>
    <t>10/15/2019 08:47:16</t>
  </si>
  <si>
    <t>Planilha Input de Dados</t>
  </si>
  <si>
    <t>Planilha Input de Dados.xlsx</t>
  </si>
  <si>
    <t>10/15/2019 08:45:06</t>
  </si>
  <si>
    <t>Atestado</t>
  </si>
  <si>
    <t>Planilha Viagem.xlsx</t>
  </si>
  <si>
    <t>10/15/2019 08:46:34</t>
  </si>
  <si>
    <t>10/15/2019 08:51:16</t>
  </si>
  <si>
    <t>Servidores_Algar_Avaya_SAL_V2.xls</t>
  </si>
  <si>
    <t>10/15/2019 08:47:34</t>
  </si>
  <si>
    <t>10/15/2019 08:52:15</t>
  </si>
  <si>
    <t>C:\Users\lauravx\Desktop\AREA DE TRABALHO\Mestrado\Mestrado - Painel\R-3.3.1\library\data.table\tests\</t>
  </si>
  <si>
    <t>2008head.csv</t>
  </si>
  <si>
    <t>1571139782903,1809498325]",9,[],[]]],e20m8xmby7kf-jpivkaccaaaat1iaaaaimqgonpfiin6jbhiqdumcnz3wt22mmzftezrtd07hkoiv7s4vksjpsax0l2rw9smnk1xrhumfbjx6f3rvde30h0do5rgdeko-e2jpeppwxdmqxssaxa1er4ewc5el9chzgu,gleuo7w65khprlvbfapsdddoanecw5u3ladnu5ziyrh3h6mfotpzljstiprktt-mjobpmba6bjvr49pdyoxqtj4yp4dngp8yvgi_m6w6tgsqeljus0dwz1lhmzomrnl0awpwph6tplbo73amg7bsc3bf0kz8152piic5sbumr2o0keinvc6foujr9ab8jwjbeznorlwjwgazo8xhpvrvjxi\",null</t>
  </si>
  <si>
    <t>10/15/2019 08:47:35</t>
  </si>
  <si>
    <t>doublequote_newline.csv</t>
  </si>
  <si>
    <t>10/15/2019 08:47:38</t>
  </si>
  <si>
    <t>russellCRLF.csv</t>
  </si>
  <si>
    <t>10/15/2019 08:47:22</t>
  </si>
  <si>
    <t>Acompanhamento Resultados</t>
  </si>
  <si>
    <t>ACOMPANHAMENTO_Plano de Contas Resumido_.xlsx</t>
  </si>
  <si>
    <t>10/15/2019 08:51:13</t>
  </si>
  <si>
    <t>Fluxo de Caixa</t>
  </si>
  <si>
    <t>Fluxo de Caixa Pessoal_NOVO.xlsx</t>
  </si>
  <si>
    <t>10/15/2019 08:47:54</t>
  </si>
  <si>
    <t>10/15/2019 08:53:16</t>
  </si>
  <si>
    <t>OS- Aguardando aprovação final</t>
  </si>
  <si>
    <t>OS_Aguardando aprovação Final.xlsx</t>
  </si>
  <si>
    <t>10/15/2019 08:53:17</t>
  </si>
  <si>
    <t>10/15/2019 08:54:15</t>
  </si>
  <si>
    <t>iramildass@algartech.com;</t>
  </si>
  <si>
    <t>10/15/2019 08:52:17</t>
  </si>
  <si>
    <t>10/15/2019 08:57:15</t>
  </si>
  <si>
    <t>UMC</t>
  </si>
  <si>
    <t>Modelo Balancete Algar.xlsx</t>
  </si>
  <si>
    <t>10/14/2019 19:34:39</t>
  </si>
  <si>
    <t>10/15/2019 08:58:16</t>
  </si>
  <si>
    <t>10/14/2019 19:34:40</t>
  </si>
  <si>
    <t>10/15/2019 08:59:46</t>
  </si>
  <si>
    <t>10/15/2019 09:01:16</t>
  </si>
  <si>
    <t>Compras 2020 1010v2.xlsx</t>
  </si>
  <si>
    <t>10/15/2019 09:03:15</t>
  </si>
  <si>
    <t>10/15/2019 09:01:24</t>
  </si>
  <si>
    <t>10/15/2019 09:04:16</t>
  </si>
  <si>
    <t>Preco_BP-GIAT_V1 - Copia.xlsb</t>
  </si>
  <si>
    <t>D:\OneDrive\AlgarTech\Pré-Vendas\Cliente\2019\CSC Algar\214376 - Administração Firewalls CSC\Preco_BP-GIAT_V1 - Copia.xlsb\</t>
  </si>
  <si>
    <t>10/15/2019 09:00:32</t>
  </si>
  <si>
    <t>10/15/2019 09:06:15</t>
  </si>
  <si>
    <t>10/15/2019 09:00:37</t>
  </si>
  <si>
    <t>10/15/2019 09:00:38</t>
  </si>
  <si>
    <t>10/15/2019 09:01:05</t>
  </si>
  <si>
    <t>C:\Users\mariannacsm\OneDrive - Grupo Algar\0- PMO-POOL\PMO\Compras, CAPEX, OPEX e Projetos (2).pptx\</t>
  </si>
  <si>
    <t>10/15/2019 09:01:06</t>
  </si>
  <si>
    <t>10/15/2019 09:09:56</t>
  </si>
  <si>
    <t>10/15/2019 09:11:16</t>
  </si>
  <si>
    <t>Compras 2020 1010v2 - Cópia.xlsx</t>
  </si>
  <si>
    <t>10/15/2019 09:10:01</t>
  </si>
  <si>
    <t>Base Distribuição 2019 Agosto 1010 - Cópia.xlsx</t>
  </si>
  <si>
    <t>10/15/2019 09:12:57</t>
  </si>
  <si>
    <t>10/15/2019 09:14:15</t>
  </si>
  <si>
    <t>C:\Users\ailtonbs\Desktop\</t>
  </si>
  <si>
    <t>2-Gestão Códigos de Custo (CC) (1).xlsx</t>
  </si>
  <si>
    <t>10/15/2019 09:12:34</t>
  </si>
  <si>
    <t>10/15/2019 09:15:16</t>
  </si>
  <si>
    <t>10.213.2.62</t>
  </si>
  <si>
    <t>90-32-4B-BF-56-09</t>
  </si>
  <si>
    <t>/o=exchangelabs/ou=exchange administrative group (fydibohf23spdlt)/cn=recipients/cn=7df34f8bfd5c49aba90be766dd53403a-rosimar lei;/o=exchangelabs/ou=exchange administrative group (fydibohf23spdlt)/cn=recipients/cn=7ec9b79e321b423c9a6328e6d2a8765d-fabio cesar;/o=exchangelabs/ou=exchange administrative group (fydibohf23spdlt)/cn=recipients/cn=88c76f56ba274d40bc5ef03a7197e5b9-marcos pere;/o=exchangelabs/ou=exchange administrative group (fydibohf23spdlt)/cn=recipients/cn=cbd39b91542644e08dc79bed7f7e75d6-josafa roch;gcdsouza@timbrasil.com.br;groliveira@timbrasil.com.br;marcelof@algartech.com;mgadelha@timbrasil.com.br;mosantos@timbrasil.com.br;mpereira@timbrasil.com.br;nimachado@timbrasil.com.br;rdssantos@timbrasil.com.br;rgdsilva@timbrasil.com.br;rmenon@timbrasil.com.br;tsgonzalez@timbrasil.com.br;wpsilva@timbrasil.com.br;</t>
  </si>
  <si>
    <t>ENC: OS- Aguardando aprovação final</t>
  </si>
  <si>
    <t>/o=exchangelabs/ou=exchange administrative group (fydibohf23spdlt)/cn=recipients/cn=7df34f8bfd5c49aba90be766dd53403a-rosimar lei,/o=exchangelabs/ou=exchange administrative group (fydibohf23spdlt)/cn=recipients/cn=7ec9b79e321b423c9a6328e6d2a8765d-fabio cesar,/o=exchangelabs/ou=exchange administrative group (fydibohf23spdlt)/cn=recipients/cn=88c76f56ba274d40bc5ef03a7197e5b9-marcos pere,/o=exchangelabs/ou=exchange administrative group (fydibohf23spdlt)/cn=recipients/cn=cbd39b91542644e08dc79bed7f7e75d6-josafa roch,gcdsouza@timbrasil.com.br,groliveira@timbrasil.com.br,marcelof@algartech.com,mgadelha@timbrasil.com.br,mosantos@timbrasil.com.br,mpereira@timbrasil.com.br,nimachado@timbrasil.com.br,rdssantos@timbrasil.com.br,rgdsilva@timbrasil.com.br,rmenon@timbrasil.com.br,tsgonzalez@timbrasil.com.br,wpsilva@timbrasil.com.br</t>
  </si>
  <si>
    <t>10/15/2019 09:10:27</t>
  </si>
  <si>
    <t>10/15/2019 09:16:16</t>
  </si>
  <si>
    <t>Base Distribuição 2018v4 1010 - Cópia.xlsx</t>
  </si>
  <si>
    <t>10/15/2019 09:12:13</t>
  </si>
  <si>
    <t>Base Distribuição 2018v4 1510.xlsx</t>
  </si>
  <si>
    <t>10/15/2019 09:14:24</t>
  </si>
  <si>
    <t>10/15/2019 09:19:15</t>
  </si>
  <si>
    <t>10.200.36.131</t>
  </si>
  <si>
    <t>54-BF-64-F5-80-4A</t>
  </si>
  <si>
    <t>mail.google.com/_/upload?authuser=1&amp;dcp=asu-n&amp;upload_id=AEnB2UonGfFluFfcOdaj0UEjH8v9bdb40x6ldExiuBZHkV-CWJRUHtifQ16VJyCvV_8EGiLnyviw2cYS2FUtUqd6hTuL8rEV8w&amp;upload_protocol=resumable</t>
  </si>
  <si>
    <t>C:\Users\acaciors\Desktop\Call Center sob demanda\Financeiro\Faturarmento\10 - OUT - 2019\</t>
  </si>
  <si>
    <t>ALGAR MULTIMIDIA - SETEMBRO.xlsx</t>
  </si>
  <si>
    <t>10/15/2019 09:19:12</t>
  </si>
  <si>
    <t>10/15/2019 09:21:16</t>
  </si>
  <si>
    <t>10/15/2019 09:16:23</t>
  </si>
  <si>
    <t>Faturamento Novembro..xlsb</t>
  </si>
  <si>
    <t>10/15/2019 09:21:42</t>
  </si>
  <si>
    <t>10/15/2019 09:22:16</t>
  </si>
  <si>
    <t>alinysb@algartech.com.br;diegoodz@algartech.com.br;esthercf@algartech.com.br;</t>
  </si>
  <si>
    <t>ENC: Volume Gerenciadas Amex e Visa - 15/10</t>
  </si>
  <si>
    <t>alinysb@algartech.com.br,diegoodz@algartech.com.br,esthercf@algartech.com.br</t>
  </si>
  <si>
    <t>10/15/2019 09:21:57</t>
  </si>
  <si>
    <t>10/15/2019 09:23:15</t>
  </si>
  <si>
    <t>/o=exchangelabs/ou=exchange administrative group (fydibohf23spdlt)/cn=recipients/cn=435be7f7fc8c4dcfb9b8cfee6270553e-vinicius jo;/o=exchangelabs/ou=exchange administrative group (fydibohf23spdlt)/cn=recipients/cn=7f0583df7d3e4c2bb8108b334f4257df-marcelo fla;</t>
  </si>
  <si>
    <t>RESPOSTA</t>
  </si>
  <si>
    <t>Orçamentos em Análise - Orçamentos - INFORMAÇÕES ADICIONAIS..xlsx</t>
  </si>
  <si>
    <t>/o=exchangelabs/ou=exchange administrative group (fydibohf23spdlt)/cn=recipients/cn=435be7f7fc8c4dcfb9b8cfee6270553e-vinicius jo,/o=exchangelabs/ou=exchange administrative group (fydibohf23spdlt)/cn=recipients/cn=7f0583df7d3e4c2bb8108b334f4257df-marcelo fla</t>
  </si>
  <si>
    <t>10/15/2019 09:20:03</t>
  </si>
  <si>
    <t>/o=exchangelabs/ou=exchange administrative group (fydibohf23spdlt)/cn=recipients/cn=3188323005a04a70962871b2b980355d-humberto pi;/o=exchangelabs/ou=exchange administrative group (fydibohf23spdlt)/cn=recipients/cn=33d249108a194f94ad1c0c445c411f81-sabrina vie;/o=exchangelabs/ou=exchange administrative group (fydibohf23spdlt)/cn=recipients/cn=5c622a418fd946f4953ddb5f89bb73ce-vanessa da;/o=exchangelabs/ou=exchange administrative group (fydibohf23spdlt)/cn=recipients/cn=6bc6ced03b1b4fafa41bb5c70c178940-antonio per;/o=exchangelabs/ou=exchange administrative group (fydibohf23spdlt)/cn=recipients/cn=c32cee7d339f4e7fab5beda7be171cc0-priscila ca;/o=exchangelabs/ou=exchange administrative group (fydibohf23spdlt)/cn=recipients/cn=cb5adfd7be5d42f39b6c2497336ba9d7-fernando gu;/o=exchangelabs/ou=exchange administrative group (fydibohf23spdlt)/cn=recipients/cn=e3778f57d65f4c17a6287602f9eb0cdc-alessandra;</t>
  </si>
  <si>
    <t>ENC: Nespresso - Finalização Trabalho</t>
  </si>
  <si>
    <t>Cópia de Nespresso.xls</t>
  </si>
  <si>
    <t>/o=exchangelabs/ou=exchange administrative group (fydibohf23spdlt)/cn=recipients/cn=3188323005a04a70962871b2b980355d-humberto pi,/o=exchangelabs/ou=exchange administrative group (fydibohf23spdlt)/cn=recipients/cn=33d249108a194f94ad1c0c445c411f81-sabrina vie,/o=exchangelabs/ou=exchange administrative group (fydibohf23spdlt)/cn=recipients/cn=5c622a418fd946f4953ddb5f89bb73ce-vanessa da,/o=exchangelabs/ou=exchange administrative group (fydibohf23spdlt)/cn=recipients/cn=6bc6ced03b1b4fafa41bb5c70c178940-antonio per,/o=exchangelabs/ou=exchange administrative group (fydibohf23spdlt)/cn=recipients/cn=c32cee7d339f4e7fab5beda7be171cc0-priscila ca,/o=exchangelabs/ou=exchange administrative group (fydibohf23spdlt)/cn=recipients/cn=cb5adfd7be5d42f39b6c2497336ba9d7-fernando gu,/o=exchangelabs/ou=exchange administrative group (fydibohf23spdlt)/cn=recipients/cn=e3778f57d65f4c17a6287602f9eb0cdc-alessandra</t>
  </si>
  <si>
    <t>10/15/2019 09:22:40</t>
  </si>
  <si>
    <t>10/15/2019 09:26:16</t>
  </si>
  <si>
    <t>C:\Users\mariannacsm\OneDrive - Grupo Algar\0- PMO-POOL\POOL\02 - Volumes CCC 2020\Manual OBZ_Aparesentação.ppsx\</t>
  </si>
  <si>
    <t>10/15/2019 09:24:42</t>
  </si>
  <si>
    <t>10/15/2019 09:28:16</t>
  </si>
  <si>
    <t>10/15/2019 09:23:55</t>
  </si>
  <si>
    <t>https://sac-tripag.ascbrazil.com.br/importar-contatos/upload/</t>
  </si>
  <si>
    <t>C:\Users\keilapsba\Desktop\</t>
  </si>
  <si>
    <t>lista_telefone_exemplo.csv</t>
  </si>
  <si>
    <t>10/15/2019 09:27:03</t>
  </si>
  <si>
    <t>10/15/2019 09:31:18</t>
  </si>
  <si>
    <t>10/14/2019 18:02:40</t>
  </si>
  <si>
    <t>10/15/2019 09:32:17</t>
  </si>
  <si>
    <t>10/15/2019 09:33:16</t>
  </si>
  <si>
    <t>10/15/2019 09:37:18</t>
  </si>
  <si>
    <t>10/15/2019 09:34:40</t>
  </si>
  <si>
    <t>10/15/2019 09:32:45</t>
  </si>
  <si>
    <t>10/15/2019 09:34:45</t>
  </si>
  <si>
    <t>10/15/2019 09:35:07</t>
  </si>
  <si>
    <t>10/15/2019 09:35:41</t>
  </si>
  <si>
    <t>10/15/2019 09:36:15</t>
  </si>
  <si>
    <t>10/15/2019 09:38:22</t>
  </si>
  <si>
    <t>10/15/2019 09:42:17</t>
  </si>
  <si>
    <t>10/15/2019 09:37:23</t>
  </si>
  <si>
    <t>10/15/2019 09:41:37</t>
  </si>
  <si>
    <t>10/15/2019 09:45:18</t>
  </si>
  <si>
    <t>francisco.gouveia@temposervicos.com.br;</t>
  </si>
  <si>
    <t>francisco.gouveia@temposervicos.com.br</t>
  </si>
  <si>
    <t>10/15/2019 09:42:58</t>
  </si>
  <si>
    <t>10/15/2019 09:47:17</t>
  </si>
  <si>
    <t>10/15/2019 09:43:28</t>
  </si>
  <si>
    <t>10/15/2019 09:44:41</t>
  </si>
  <si>
    <t>10/15/2019 09:43:19</t>
  </si>
  <si>
    <t>10/15/2019 09:48:18</t>
  </si>
  <si>
    <t>Usuarios_Planejamento&amp;Controle.xlsx</t>
  </si>
  <si>
    <t>10/15/2019 09:44:52</t>
  </si>
  <si>
    <t>10/15/2019 09:49:17</t>
  </si>
  <si>
    <t>Preco_BP-GIAT_V2.xlsb</t>
  </si>
  <si>
    <t>D:\OneDrive\AlgarTech\Pré-Vendas\Cliente\2019\CSC Algar\214376 - Administração Firewalls CSC\Preco_BP-GIAT_V2.xlsb\</t>
  </si>
  <si>
    <t>10/15/2019 09:47:04</t>
  </si>
  <si>
    <t>D:\OneDrive\AlgarTech\Pré-Vendas\Cliente\2019\A100\</t>
  </si>
  <si>
    <t>10/14/2019 13:42:13</t>
  </si>
  <si>
    <t>10/15/2019 09:50:17</t>
  </si>
  <si>
    <t>10.201.28.60</t>
  </si>
  <si>
    <t>marcosvsoa</t>
  </si>
  <si>
    <t>alinescsi@algartecnologia.com.br;</t>
  </si>
  <si>
    <t>C:\Users\marcosvsoa\Desktop\</t>
  </si>
  <si>
    <t>asa.csv</t>
  </si>
  <si>
    <t>alinescsi@algartecnologia.com.br</t>
  </si>
  <si>
    <t>10/14/2019 14:55:28</t>
  </si>
  <si>
    <t>asa.xlsb</t>
  </si>
  <si>
    <t>10/15/2019 09:50:31</t>
  </si>
  <si>
    <t>10/15/2019 09:52:18</t>
  </si>
  <si>
    <t>10/15/2019 09:51:08</t>
  </si>
  <si>
    <t>10/15/2019 09:49:10</t>
  </si>
  <si>
    <t>10/15/2019 09:54:17</t>
  </si>
  <si>
    <t>ENC: Migração Provedor Abastecimento e Manutenção / Frota Algar.</t>
  </si>
  <si>
    <t>10/15/2019 09:53:24</t>
  </si>
  <si>
    <t>10/15/2019 09:55:17</t>
  </si>
  <si>
    <t>/o=exchangelabs/ou=exchange administrative group (fydibohf23spdlt)/cn=recipients/cn=88c76f56ba274d40bc5ef03a7197e5b9-marcos pere;</t>
  </si>
  <si>
    <t>ENC: Relação de terceiros que aguardam pagamentos (Obras Tim já executadas).</t>
  </si>
  <si>
    <t>Cópia de Obras Tim_Terceiros aguard. Pgto_SUL-CONOSLIDADO.xlsx</t>
  </si>
  <si>
    <t>/o=exchangelabs/ou=exchange administrative group (fydibohf23spdlt)/cn=recipients/cn=88c76f56ba274d40bc5ef03a7197e5b9-marcos pere</t>
  </si>
  <si>
    <t>10/15/2019 09:54:58</t>
  </si>
  <si>
    <t>10/15/2019 09:57:18</t>
  </si>
  <si>
    <t>10/15/2019 09:57:42</t>
  </si>
  <si>
    <t>10/15/2019 10:00:18</t>
  </si>
  <si>
    <t>10.200.58.191</t>
  </si>
  <si>
    <t>mail.google.com/_/upload?authuser=1&amp;dcp=asu-n&amp;upload_id=AEnB2UrK895AeQyekrAlem4X2iQDtlEmC5GYL6k5fGO68N3jTpvLQ-wdABD1r8NehXzip1Z5QvCXyXgBRCYs2a4kilIV5DiuOg&amp;upload_protocol=resumable</t>
  </si>
  <si>
    <t>base atena.csv</t>
  </si>
  <si>
    <t>10/15/2019 09:58:28</t>
  </si>
  <si>
    <t>10/15/2019 10:01:19</t>
  </si>
  <si>
    <t>10/15/2019 09:56:31</t>
  </si>
  <si>
    <t>\\acsfs\ACS\Suporte à Operações\02 - Faturamento\2019\10 - Outubro\BRADESCO\Solicitações de Faturamento\</t>
  </si>
  <si>
    <t>SL xx EAVM - SET.19.xlsx</t>
  </si>
  <si>
    <t>10/15/2019 09:57:07</t>
  </si>
  <si>
    <t>10/15/2019 10:02:18</t>
  </si>
  <si>
    <t>10/15/2019 09:57:37</t>
  </si>
  <si>
    <t>10/15/2019 09:59:22</t>
  </si>
  <si>
    <t>10/15/2019 10:04:18</t>
  </si>
  <si>
    <t>10/15/2019 10:00:10</t>
  </si>
  <si>
    <t>10/15/2019 10:05:19</t>
  </si>
  <si>
    <t>ENC: Relatório de Vendas SET.2019 - Financeira - Fechamento Oficial</t>
  </si>
  <si>
    <t>10/15/2019 10:01:34</t>
  </si>
  <si>
    <t>10/15/2019 10:04:19</t>
  </si>
  <si>
    <t>suzanasb@algartech.com.br;</t>
  </si>
  <si>
    <t>ENC: Propostas Amex Outubro 2019 CRM:005200000883</t>
  </si>
  <si>
    <t>CONV 9759.xls</t>
  </si>
  <si>
    <t>suzanasb@algartech.com.br</t>
  </si>
  <si>
    <t>10/15/2019 10:04:35</t>
  </si>
  <si>
    <t>10/15/2019 10:06:18</t>
  </si>
  <si>
    <t>Gestão de Reajustes 2019 v8.1-07-10.xlsx</t>
  </si>
  <si>
    <t>10/15/2019 10:04:36</t>
  </si>
  <si>
    <t>C:\Users\lucianafaa\OneDrive - Grupo Algar\2019\PROJETOS\REAJUSTE DE CONTRATO\PLANILHA REAJUSTES\STATUS REPORT\STATUS SEMANAL\14-10\</t>
  </si>
  <si>
    <t>10/15/2019 10:01:53</t>
  </si>
  <si>
    <t>10/15/2019 10:07:19</t>
  </si>
  <si>
    <t>10/15/2019 10:06:09</t>
  </si>
  <si>
    <t>10/15/2019 10:07:40</t>
  </si>
  <si>
    <t>10/15/2019 10:09:19</t>
  </si>
  <si>
    <t>Microanálise - 14-10.xlsm</t>
  </si>
  <si>
    <t>10/15/2019 10:04:49</t>
  </si>
  <si>
    <t>10/15/2019 10:06:38</t>
  </si>
  <si>
    <t>10/15/2019 10:06:41</t>
  </si>
  <si>
    <t>10/15/2019 10:10:18</t>
  </si>
  <si>
    <t>modelo rateio</t>
  </si>
  <si>
    <t>CH11-20_20191015_100042.xls</t>
  </si>
  <si>
    <t>10/15/2019 10:05:40</t>
  </si>
  <si>
    <t>10/15/2019 10:11:19</t>
  </si>
  <si>
    <t>Orçamento 1ª Projeção 2019 Qlikview.xlsx</t>
  </si>
  <si>
    <t>10/15/2019 10:10:16</t>
  </si>
  <si>
    <t>10/15/2019 10:12:18</t>
  </si>
  <si>
    <t>10/15/2019 10:14:18</t>
  </si>
  <si>
    <t>10/15/2019 10:13:09</t>
  </si>
  <si>
    <t>10/15/2019 10:17:19</t>
  </si>
  <si>
    <t>10/15/2019 10:17:36</t>
  </si>
  <si>
    <t>10/15/2019 10:19:18</t>
  </si>
  <si>
    <t>/o=exchangelabs/ou=exchange administrative group (fydibohf23spdlt)/cn=recipients/cn=1d548783c10f4c62bcdf5de7a0f55a3e-lucas marqu;/o=exchangelabs/ou=exchange administrative group (fydibohf23spdlt)/cn=recipients/cn=1e212ef08dab4f26b88cba944f2ab7cb-pmo.governa;/o=exchangelabs/ou=exchange administrative group (fydibohf23spdlt)/cn=recipients/cn=4ada91d5dca14c9b91ce4ae2425863c4-raphael afo;/o=exchangelabs/ou=exchange administrative group (fydibohf23spdlt)/cn=recipients/cn=65d35bc38c6743d7a55b3ae9726a5893-diego ribei;/o=exchangelabs/ou=exchange administrative group (fydibohf23spdlt)/cn=recipients/cn=b3ad8a638fcc4c57bf8c7953dd4b3cb8-augusto ces;/o=exchangelabs/ou=exchange administrative group (fydibohf23spdlt)/cn=recipients/cn=e1e1f9dca23c43db9655205b0386bad9-felipe mart;/o=exchangelabs/ou=exchange administrative group (fydibohf23spdlt)/cn=recipients/cn=user9334192a;/o=exchangelabs/ou=exchange administrative group (fydibohf23spdlt)/cn=recipients/cn=user9f44a979;</t>
  </si>
  <si>
    <t>RES: ATEC-2019-0030-014 - ARMAZENAMENTO DADOS STORAGE E BACKUP</t>
  </si>
  <si>
    <t>/o=exchangelabs/ou=exchange administrative group (fydibohf23spdlt)/cn=recipients/cn=1d548783c10f4c62bcdf5de7a0f55a3e-lucas marqu,/o=exchangelabs/ou=exchange administrative group (fydibohf23spdlt)/cn=recipients/cn=1e212ef08dab4f26b88cba944f2ab7cb-pmo.governa,/o=exchangelabs/ou=exchange administrative group (fydibohf23spdlt)/cn=recipients/cn=4ada91d5dca14c9b91ce4ae2425863c4-raphael afo,/o=exchangelabs/ou=exchange administrative group (fydibohf23spdlt)/cn=recipients/cn=65d35bc38c6743d7a55b3ae9726a5893-diego ribei,/o=exchangelabs/ou=exchange administrative group (fydibohf23spdlt)/cn=recipients/cn=b3ad8a638fcc4c57bf8c7953dd4b3cb8-augusto ces,/o=exchangelabs/ou=exchange administrative group (fydibohf23spdlt)/cn=recipients/cn=e1e1f9dca23c43db9655205b0386bad9-felipe mart,/o=exchangelabs/ou=exchange administrative group (fydibohf23spdlt)/cn=recipients/cn=user9334192a,/o=exchangelabs/ou=exchange administrative group (fydibohf23spdlt)/cn=recipients/cn=user9f44a979</t>
  </si>
  <si>
    <t>10/15/2019 10:17:13</t>
  </si>
  <si>
    <t>10/15/2019 10:22:18</t>
  </si>
  <si>
    <t>10/15/2019 10:23:38</t>
  </si>
  <si>
    <t>10/15/2019 10:25:18</t>
  </si>
  <si>
    <t>10.201.30.86</t>
  </si>
  <si>
    <t>ENC: Modelo informações receptivo</t>
  </si>
  <si>
    <t>Modelo relatório receptivo.xlsx</t>
  </si>
  <si>
    <t>10/15/2019 10:25:10</t>
  </si>
  <si>
    <t>10/15/2019 10:26:18</t>
  </si>
  <si>
    <t>10.200.35.206</t>
  </si>
  <si>
    <t>64-1C-67-A0-2A-E7</t>
  </si>
  <si>
    <t>NB-SUZIDARLENGA</t>
  </si>
  <si>
    <t>suzidarlengarf</t>
  </si>
  <si>
    <t>Suzidarleng Aparecida R Fernandes</t>
  </si>
  <si>
    <t>/o=exchangelabs/ou=exchange administrative group (fydibohf23spdlt)/cn=recipients/cn=979453e75354416d993c97ac8951bad3-william nob;</t>
  </si>
  <si>
    <t>Tabela de corte</t>
  </si>
  <si>
    <t>ANX_1806_Tabela_de_Corte_14_dias_PJ_-_2019.xlsx</t>
  </si>
  <si>
    <t>/o=exchangelabs/ou=exchange administrative group (fydibohf23spdlt)/cn=recipients/cn=979453e75354416d993c97ac8951bad3-william nob</t>
  </si>
  <si>
    <t>10/15/2019 10:23:58</t>
  </si>
  <si>
    <t>10/15/2019 10:29:18</t>
  </si>
  <si>
    <t>mail.google.com/_/upload?authuser=0&amp;dcp=asu-n&amp;upload_id=AEnB2UrE9Y0odAZF949r2vEmRo58i2OQM_8bj9vqNmPOAk-vwnqahOTM06eGH0kP90Q-8iOyH8-nhQu1_p98bTr2QjYX-3PxAQ&amp;upload_protocol=resumable</t>
  </si>
  <si>
    <t>10/15/2019 10:24:19</t>
  </si>
  <si>
    <t>/o=exchangelabs/ou=exchange administrative group (fydibohf23spdlt)/cn=recipients/cn=2361e4251bf74fc4a50ab766b8d95847-algar tech;/o=exchangelabs/ou=exchange administrative group (fydibohf23spdlt)/cn=recipients/cn=287c26b08a0f48578479a15a452f025d-edilson rod;/o=exchangelabs/ou=exchange administrative group (fydibohf23spdlt)/cn=recipients/cn=5dd1a684bacd4fd6be228a0d558e4281-rodolfo gon;/o=exchangelabs/ou=exchange administrative group (fydibohf23spdlt)/cn=recipients/cn=77d2a15e162941f5b8ad84d928392e5e-dolvane rod;/o=exchangelabs/ou=exchange administrative group (fydibohf23spdlt)/cn=recipients/cn=8c89829ad534498fa4c85b5ac11174f1-suelen more;/o=exchangelabs/ou=exchange administrative group (fydibohf23spdlt)/cn=recipients/cn=d9644ee8967f497e8a9f5314ba4500b5-gabriel jos;/o=exchangelabs/ou=exchange administrative group (fydibohf23spdlt)/cn=recipients/cn=f6d3422253b349b586184278c8c46cf1-guilherme m;thaisat@algartech.com;</t>
  </si>
  <si>
    <t>RES: RES: [GRU2] - PO BR2085831</t>
  </si>
  <si>
    <t>Preco_178268_V2_CAPEX_FINAL.xlsb</t>
  </si>
  <si>
    <t>/o=exchangelabs/ou=exchange administrative group (fydibohf23spdlt)/cn=recipients/cn=2361e4251bf74fc4a50ab766b8d95847-algar tech,/o=exchangelabs/ou=exchange administrative group (fydibohf23spdlt)/cn=recipients/cn=287c26b08a0f48578479a15a452f025d-edilson rod,/o=exchangelabs/ou=exchange administrative group (fydibohf23spdlt)/cn=recipients/cn=5dd1a684bacd4fd6be228a0d558e4281-rodolfo gon,/o=exchangelabs/ou=exchange administrative group (fydibohf23spdlt)/cn=recipients/cn=77d2a15e162941f5b8ad84d928392e5e-dolvane rod,/o=exchangelabs/ou=exchange administrative group (fydibohf23spdlt)/cn=recipients/cn=8c89829ad534498fa4c85b5ac11174f1-suelen more,/o=exchangelabs/ou=exchange administrative group (fydibohf23spdlt)/cn=recipients/cn=d9644ee8967f497e8a9f5314ba4500b5-gabriel jos,/o=exchangelabs/ou=exchange administrative group (fydibohf23spdlt)/cn=recipients/cn=f6d3422253b349b586184278c8c46cf1-guilherme m,thaisat@algartech.com</t>
  </si>
  <si>
    <t>10/15/2019 10:29:01</t>
  </si>
  <si>
    <t>10/15/2019 10:32:19</t>
  </si>
  <si>
    <t>10/15/2019 10:31:13</t>
  </si>
  <si>
    <t>10/15/2019 10:33:18</t>
  </si>
  <si>
    <t>ENC: Microanálise - Consolidado</t>
  </si>
  <si>
    <t>10/15/2019 10:30:35</t>
  </si>
  <si>
    <t>10/15/2019 10:34:19</t>
  </si>
  <si>
    <t>10/15/2019 10:31:43</t>
  </si>
  <si>
    <t>10/15/2019 10:35:19</t>
  </si>
  <si>
    <t>Disparo_15.10.csv</t>
  </si>
  <si>
    <t>10/15/2019 10:34:30</t>
  </si>
  <si>
    <t>10/15/2019 10:36:18</t>
  </si>
  <si>
    <t>10.200.61.248</t>
  </si>
  <si>
    <t>20-04-0F-FE-4B-82</t>
  </si>
  <si>
    <t>/o=exchangelabs/ou=exchange administrative group (fydibohf23spdlt)/cn=recipients/cn=7e3d7035f32e4cc0a9eb7add5ad645d7-wexley cris;</t>
  </si>
  <si>
    <t>LGPD - Capex - Memória-Cálculo V SAVING.xlsx</t>
  </si>
  <si>
    <t>/o=exchangelabs/ou=exchange administrative group (fydibohf23spdlt)/cn=recipients/cn=7e3d7035f32e4cc0a9eb7add5ad645d7-wexley cris</t>
  </si>
  <si>
    <t>10/15/2019 10:33:34</t>
  </si>
  <si>
    <t>10/15/2019 10:37:18</t>
  </si>
  <si>
    <t>10/15/2019 10:33:02</t>
  </si>
  <si>
    <t>10/15/2019 10:38:18</t>
  </si>
  <si>
    <t>/o=exchangelabs/ou=exchange administrative group (fydibohf23spdlt)/cn=recipients/cn=518109802f95454588121e2ff09bd792-marcio roge;/o=exchangelabs/ou=exchange administrative group (fydibohf23spdlt)/cn=recipients/cn=54cf668de64942668ba57ef9adce46bc-rafael quin;/o=exchangelabs/ou=exchange administrative group (fydibohf23spdlt)/cn=recipients/cn=efb00d1c14e34fd7b7808c87cd85174d-rafael lope;</t>
  </si>
  <si>
    <t>RES: (Alterações de GH - SINERGY) - Conferir novo sistema se está correto</t>
  </si>
  <si>
    <t>Cópia de GH Sinergy.xlsx</t>
  </si>
  <si>
    <t>/o=exchangelabs/ou=exchange administrative group (fydibohf23spdlt)/cn=recipients/cn=518109802f95454588121e2ff09bd792-marcio roge,/o=exchangelabs/ou=exchange administrative group (fydibohf23spdlt)/cn=recipients/cn=54cf668de64942668ba57ef9adce46bc-rafael quin,/o=exchangelabs/ou=exchange administrative group (fydibohf23spdlt)/cn=recipients/cn=efb00d1c14e34fd7b7808c87cd85174d-rafael lope</t>
  </si>
  <si>
    <t>10/15/2019 10:40:12</t>
  </si>
  <si>
    <t>10/15/2019 10:41:19</t>
  </si>
  <si>
    <t>/o=exchangelabs/ou=exchange administrative group (fydibohf23spdlt)/cn=recipients/cn=76ab36245b7f4efda852d3513edb6246-gleyce kell;/o=exchangelabs/ou=exchange administrative group (fydibohf23spdlt)/cn=recipients/cn=e09a2f3206d84bde8e1d60233f807a11-caique anto;</t>
  </si>
  <si>
    <t>RES: Auditoria 3ITR - Revisão Analítica - Set19 - Grupo Tech</t>
  </si>
  <si>
    <t>341_Revisão_Analítica_Set19_SemFormulas.xlsx</t>
  </si>
  <si>
    <t>/o=exchangelabs/ou=exchange administrative group (fydibohf23spdlt)/cn=recipients/cn=76ab36245b7f4efda852d3513edb6246-gleyce kell,/o=exchangelabs/ou=exchange administrative group (fydibohf23spdlt)/cn=recipients/cn=e09a2f3206d84bde8e1d60233f807a11-caique anto</t>
  </si>
  <si>
    <t>10/15/2019 10:42:00</t>
  </si>
  <si>
    <t>10/15/2019 10:43:19</t>
  </si>
  <si>
    <t>/o=exchangelabs/ou=exchange administrative group (fydibohf23spdlt)/cn=recipients/cn=flavia rodrigues soares;</t>
  </si>
  <si>
    <t>Cadastro Geral Algar Tech</t>
  </si>
  <si>
    <t>Cadastro geral 15-10.xlsx</t>
  </si>
  <si>
    <t>/o=exchangelabs/ou=exchange administrative group (fydibohf23spdlt)/cn=recipients/cn=flavia rodrigues soares</t>
  </si>
  <si>
    <t>10/15/2019 10:41:00</t>
  </si>
  <si>
    <t>10/15/2019 10:46:19</t>
  </si>
  <si>
    <t>C:\Users\douglassp\OneDrive - Grupo Algar\Pacote Terceiros\Orçamento 2019\Auditoria\</t>
  </si>
  <si>
    <t>ST_Auditoria.xlsb</t>
  </si>
  <si>
    <t>10/15/2019 10:41:03</t>
  </si>
  <si>
    <t>350_Revisão_Analítica_092019_SemFormulas.xlsx</t>
  </si>
  <si>
    <t>10/15/2019 10:41:06</t>
  </si>
  <si>
    <t>10/15/2019 10:45:02</t>
  </si>
  <si>
    <t>10/15/2019 10:47:18</t>
  </si>
  <si>
    <t>10/15/2019 10:48:33</t>
  </si>
  <si>
    <t>10/15/2019 10:53:18</t>
  </si>
  <si>
    <t>/o=exchangelabs/ou=exchange administrative group (fydibohf23spdlt)/cn=recipients/cn=3cbbbf2b74034adf96410f8599fd666d-moana pauli;/o=exchangelabs/ou=exchange administrative group (fydibohf23spdlt)/cn=recipients/cn=574b9ba530ca42ac8eeb3eea750f0f34-jose carlos;/o=exchangelabs/ou=exchange administrative group (fydibohf23spdlt)/cn=recipients/cn=fd4a47c4d251414eb48a57376a49e773-marco tulio;danubiacsm@algartech.com;elton.costa@quilleconsultoria.com.br;</t>
  </si>
  <si>
    <t>RES: Material</t>
  </si>
  <si>
    <t>Sugestões TOP.xlsx</t>
  </si>
  <si>
    <t>/o=exchangelabs/ou=exchange administrative group (fydibohf23spdlt)/cn=recipients/cn=3cbbbf2b74034adf96410f8599fd666d-moana pauli,/o=exchangelabs/ou=exchange administrative group (fydibohf23spdlt)/cn=recipients/cn=574b9ba530ca42ac8eeb3eea750f0f34-jose carlos,/o=exchangelabs/ou=exchange administrative group (fydibohf23spdlt)/cn=recipients/cn=fd4a47c4d251414eb48a57376a49e773-marco tulio,danubiacsm@algartech.com,elton.costa@quilleconsultoria.com.br</t>
  </si>
  <si>
    <t>10/15/2019 10:55:22</t>
  </si>
  <si>
    <t>10/15/2019 10:56:19</t>
  </si>
  <si>
    <t>/o=exchangelabs/ou=exchange administrative group (fydibohf23spdlt)/cn=recipients/cn=f9fe932422d84c28aad0bc6079f59209-daniele dos;adelso@xtrategie.com.br;barbara@xtrategie.com.br;helene.gomes@xtrategie.com.br;roosevelt.magno@xtrategie.com.br;</t>
  </si>
  <si>
    <t>RES: Projeto Algar Tech - faturamento clientes Latam - prévia</t>
  </si>
  <si>
    <t>Prospects brasileiros com potencial multi latino v3.xlsx</t>
  </si>
  <si>
    <t>/o=exchangelabs/ou=exchange administrative group (fydibohf23spdlt)/cn=recipients/cn=f9fe932422d84c28aad0bc6079f59209-daniele dos,adelso@xtrategie.com.br,barbara@xtrategie.com.br,helene.gomes@xtrategie.com.br,roosevelt.magno@xtrategie.com.br</t>
  </si>
  <si>
    <t>10/15/2019 10:56:57</t>
  </si>
  <si>
    <t>10/15/2019 10:59:18</t>
  </si>
  <si>
    <t>10/15/2019 10:58:11</t>
  </si>
  <si>
    <t>10/15/2019 11:01:18</t>
  </si>
  <si>
    <t>\\acsfs\DEPTOS\Controladoria\32.Tesouraria\4 - Endividamento\8 - Mútuos_AFAC\Mútuos\1 - Algar TI e Algar Tecnologia\2019\09 - SETEMBRO\</t>
  </si>
  <si>
    <t>ACC_-_MUTUO_-_Algar_Tecnologia_e_Algar_TI -071019.xlsx</t>
  </si>
  <si>
    <t>10/15/2019 11:01:00</t>
  </si>
  <si>
    <t>10/15/2019 11:02:19</t>
  </si>
  <si>
    <t>C:\Users\douglasxm\OneDrive\Algar\</t>
  </si>
  <si>
    <t>Cópia de PROGRAMAÇÃO FERIAS ORÇADA - GAT.xlsx</t>
  </si>
  <si>
    <t>10/15/2019 11:04:37</t>
  </si>
  <si>
    <t>10/15/2019 11:06:18</t>
  </si>
  <si>
    <t>Primeiro exercício LP PPE + AS IS</t>
  </si>
  <si>
    <t>PROJEÇÃO LP GAT PPE + AS IS - Outubro 2019.xlsx</t>
  </si>
  <si>
    <t>10/15/2019 11:04:20</t>
  </si>
  <si>
    <t>10/15/2019 11:07:18</t>
  </si>
  <si>
    <t>10/15/2019 11:06:28</t>
  </si>
  <si>
    <t>10/15/2019 11:11:19</t>
  </si>
  <si>
    <t>/o=exchangelabs/ou=exchange administrative group (fydibohf23spdlt)/cn=recipients/cn=004fbe04a76042fda28a404cff30f61b-vinicius ma;</t>
  </si>
  <si>
    <t>/o=exchangelabs/ou=exchange administrative group (fydibohf23spdlt)/cn=recipients/cn=004fbe04a76042fda28a404cff30f61b-vinicius ma</t>
  </si>
  <si>
    <t>10/15/2019 11:09:17</t>
  </si>
  <si>
    <t>/o=exchangelabs/ou=exchange administrative group (fydibohf23spdlt)/cn=recipients/cn=dd910368577c476fa125a61033b7deb1-gean carlos;</t>
  </si>
  <si>
    <t>ClientesQueEstaoNoBanco_20191015.xls</t>
  </si>
  <si>
    <t>/o=exchangelabs/ou=exchange administrative group (fydibohf23spdlt)/cn=recipients/cn=dd910368577c476fa125a61033b7deb1-gean carlos</t>
  </si>
  <si>
    <t>10/15/2019 11:10:41</t>
  </si>
  <si>
    <t>10/15/2019 11:15:18</t>
  </si>
  <si>
    <t>10/15/2019 11:12:24</t>
  </si>
  <si>
    <t>10/15/2019 11:16:19</t>
  </si>
  <si>
    <t>ENC: Projeto Algar Tech - faturamento clientes Latam - prévia</t>
  </si>
  <si>
    <t>10/15/2019 11:17:36</t>
  </si>
  <si>
    <t>10/15/2019 11:18:19</t>
  </si>
  <si>
    <t>mail.google.com/_/upload?authuser=1&amp;dcp=asu-n&amp;upload_id=AEnB2UrFCyOJSyyJJ6puSLvoGpZHdjzuOP0Rboq8WKwuaENOCsqFFcgpvOgocbHjzTmYMjmkqDSipcgbyG6dFZdSRzvvpBCSTA&amp;upload_protocol=resumable</t>
  </si>
  <si>
    <t>\\acsfs\deptos\DME\CME - Coordenacao de Marketing e Estrategia\Assessoria de Comunicação\6. Endomarketing\2019\Ações e Campanhas\Dia do Profissional de TI\</t>
  </si>
  <si>
    <t>Game Night Tech.csv</t>
  </si>
  <si>
    <t>10/15/2019 11:19:09</t>
  </si>
  <si>
    <t>10/15/2019 11:21:19</t>
  </si>
  <si>
    <t>ENC: KPI P2 - 2ª instância</t>
  </si>
  <si>
    <t>10/15/2019 11:20:40</t>
  </si>
  <si>
    <t>10/15/2019 11:22:18</t>
  </si>
  <si>
    <t>10/15/2019 11:21:21</t>
  </si>
  <si>
    <t>10/15/2019 11:20:36</t>
  </si>
  <si>
    <t>10/15/2019 11:26:19</t>
  </si>
  <si>
    <t>/o=exchangelabs/ou=exchange administrative group (fydibohf23spdlt)/cn=recipients/cn=545f738e0fe740ba856f4eb6ef0135e0-vinicius si;/o=exchangelabs/ou=exchange administrative group (fydibohf23spdlt)/cn=recipients/cn=5ab64dc5178e4d66aadc5f660807b2c3-andre gomes;/o=exchangelabs/ou=exchange administrative group (fydibohf23spdlt)/cn=recipients/cn=81f72ed6e9d042e3bed0cec08d488854-vinicius go;/o=exchangelabs/ou=exchange administrative group (fydibohf23spdlt)/cn=recipients/cn=b36412a54b154c07b0a876537a78fce8-jheniffer g;/o=exchangelabs/ou=exchange administrative group (fydibohf23spdlt)/cn=recipients/cn=ee68a2a53024446789dc480aef9c7a7c-joao gabrie;</t>
  </si>
  <si>
    <t>RES: Manual - Redmine</t>
  </si>
  <si>
    <t>Operações WHP.xlsx</t>
  </si>
  <si>
    <t>/o=exchangelabs/ou=exchange administrative group (fydibohf23spdlt)/cn=recipients/cn=545f738e0fe740ba856f4eb6ef0135e0-vinicius si,/o=exchangelabs/ou=exchange administrative group (fydibohf23spdlt)/cn=recipients/cn=5ab64dc5178e4d66aadc5f660807b2c3-andre gomes,/o=exchangelabs/ou=exchange administrative group (fydibohf23spdlt)/cn=recipients/cn=81f72ed6e9d042e3bed0cec08d488854-vinicius go,/o=exchangelabs/ou=exchange administrative group (fydibohf23spdlt)/cn=recipients/cn=b36412a54b154c07b0a876537a78fce8-jheniffer g,/o=exchangelabs/ou=exchange administrative group (fydibohf23spdlt)/cn=recipients/cn=ee68a2a53024446789dc480aef9c7a7c-joao gabrie</t>
  </si>
  <si>
    <t>10/15/2019 11:21:55</t>
  </si>
  <si>
    <t>10/15/2019 11:27:18</t>
  </si>
  <si>
    <t>10/15/2019 11:23:24</t>
  </si>
  <si>
    <t>10/15/2019 11:24:02</t>
  </si>
  <si>
    <t>10/15/2019 11:24:34</t>
  </si>
  <si>
    <t>10/15/2019 11:24:05</t>
  </si>
  <si>
    <t>10/15/2019 11:22:45</t>
  </si>
  <si>
    <t>10/15/2019 11:28:18</t>
  </si>
  <si>
    <t>Classificação de Ativos - ARMAZENAMENTO DE DADOS - STORAGE E BACKUP - (UBERLÂNDIA).xlsx</t>
  </si>
  <si>
    <t>10/15/2019 11:27:34</t>
  </si>
  <si>
    <t>10/15/2019 11:29:18</t>
  </si>
  <si>
    <t>mail.google.com/_/upload?authuser=0&amp;dcp=asu-n&amp;upload_id=AEnB2UpIa05zTk9vYZn-sp_N6wC6DDB0urmwHHyYqg35py0-ykHbRosnPMtrJcJUSE4C5KqooNQQp-eZSa6V4h2G25leDHa8EA&amp;upload_protocol=resumable</t>
  </si>
  <si>
    <t>Grupo_Desbloqueio_Ferias.csv</t>
  </si>
  <si>
    <t>10/15/2019 11:28:11</t>
  </si>
  <si>
    <t>10/15/2019 11:30:18</t>
  </si>
  <si>
    <t>temp_criacao_alteracao_inativacao_de_gh (2).xls</t>
  </si>
  <si>
    <t>10/15/2019 11:26:31</t>
  </si>
  <si>
    <t>10/15/2019 11:32:18</t>
  </si>
  <si>
    <t>10/15/2019 11:27:03</t>
  </si>
  <si>
    <t>10/15/2019 11:27:21</t>
  </si>
  <si>
    <t>10/15/2019 11:28:28</t>
  </si>
  <si>
    <t>10/15/2019 11:29:44</t>
  </si>
  <si>
    <t>10/15/2019 11:29:46</t>
  </si>
  <si>
    <t>10/15/2019 11:30:24</t>
  </si>
  <si>
    <t>10/15/2019 11:28:46</t>
  </si>
  <si>
    <t>10/15/2019 11:33:18</t>
  </si>
  <si>
    <t>10/15/2019 11:29:19</t>
  </si>
  <si>
    <t>FormularioAvaliacaoContratacaoCCC.XLSX</t>
  </si>
  <si>
    <t>10/15/2019 11:32:06</t>
  </si>
  <si>
    <t>10/15/2019 11:35:18</t>
  </si>
  <si>
    <t>/o=exchangelabs/ou=exchange administrative group (fydibohf23spdlt)/cn=recipients/cn=4fbcbdfa900b4cb195ac160568115bc2-ericson nog;camiladps@algartech.com;renanpc@algartech.com;renanpc@algartech.com.br;</t>
  </si>
  <si>
    <t>RES: Treinamento</t>
  </si>
  <si>
    <t>/o=exchangelabs/ou=exchange administrative group (fydibohf23spdlt)/cn=recipients/cn=4fbcbdfa900b4cb195ac160568115bc2-ericson nog,camiladps@algartech.com,renanpc@algartech.com,renanpc@algartech.com.br</t>
  </si>
  <si>
    <t>10/15/2019 11:33:14</t>
  </si>
  <si>
    <t>/o=exchangelabs/ou=exchange administrative group (fydibohf23spdlt)/cn=recipients/cn=f686c6cfcd464225892fe608e52efbcf-bruno apare;camiladps@algartech.com;</t>
  </si>
  <si>
    <t>ENC: Documentos VALE</t>
  </si>
  <si>
    <t>/o=exchangelabs/ou=exchange administrative group (fydibohf23spdlt)/cn=recipients/cn=f686c6cfcd464225892fe608e52efbcf-bruno apare,camiladps@algartech.com</t>
  </si>
  <si>
    <t>10/15/2019 11:31:40</t>
  </si>
  <si>
    <t>10/15/2019 11:37:19</t>
  </si>
  <si>
    <t>10/15/2019 11:33:05</t>
  </si>
  <si>
    <t>10/15/2019 11:37:39</t>
  </si>
  <si>
    <t>10/15/2019 11:40:19</t>
  </si>
  <si>
    <t>Atendimento Admissão e Homologação - CSC ALGAR.xlsx</t>
  </si>
  <si>
    <t>10/15/2019 11:37:18</t>
  </si>
  <si>
    <t>10/15/2019 11:42:19</t>
  </si>
  <si>
    <t>10/15/2019 11:38:26</t>
  </si>
  <si>
    <t>10/15/2019 11:43:19</t>
  </si>
  <si>
    <t>elisangelamol@algartech.com;</t>
  </si>
  <si>
    <t>Associados com 5 ou mais faltas em outubro/19</t>
  </si>
  <si>
    <t>Faltas.xlsx</t>
  </si>
  <si>
    <t>elisangelamol@algartech.com</t>
  </si>
  <si>
    <t>10/15/2019 11:41:33</t>
  </si>
  <si>
    <t>10/15/2019 11:47:19</t>
  </si>
  <si>
    <t>10/15/2019 11:44:19</t>
  </si>
  <si>
    <t>10/15/2019 11:43:44</t>
  </si>
  <si>
    <t>10/15/2019 11:44:17</t>
  </si>
  <si>
    <t>10/15/2019 11:44:32</t>
  </si>
  <si>
    <t>10/15/2019 11:48:18</t>
  </si>
  <si>
    <t>diegorg@algartech.com;josycoa@algartech.com;leonardoefo@algartech.com;lucasm@algartecnologia.com.br;reginaldort@algartech.com;roldineism@algartech.com;si@algartech.com;waleskamms@algartech.com;wexley.albino@cscalgar.com.br;</t>
  </si>
  <si>
    <t>diegorg@algartech.com,josycoa@algartech.com,leonardoefo@algartech.com,lucasm@algartecnologia.com.br,reginaldort@algartech.com,roldineism@algartech.com,si@algartech.com,waleskamms@algartech.com,wexley.albino@cscalgar.com.br</t>
  </si>
  <si>
    <t>10/15/2019 11:45:31</t>
  </si>
  <si>
    <t>10/15/2019 11:51:19</t>
  </si>
  <si>
    <t>/o=exchangelabs/ou=exchange administrative group (fydibohf23spdlt)/cn=recipients/cn=287c26b08a0f48578479a15a452f025d-edilson rod;/o=exchangelabs/ou=exchange administrative group (fydibohf23spdlt)/cn=recipients/cn=5676353c001f41558e00d4c7fa4fd023-aprova.vend;/o=exchangelabs/ou=exchange administrative group (fydibohf23spdlt)/cn=recipients/cn=77d2a15e162941f5b8ad84d928392e5e-dolvane rod;/o=exchangelabs/ou=exchange administrative group (fydibohf23spdlt)/cn=recipients/cn=dc302903ac1a4151bcd049b90df4486f-ricardo soa;</t>
  </si>
  <si>
    <t>178268 - Commercial Proposal - A100 - QDCEs - D Curve CB Replacement</t>
  </si>
  <si>
    <t>/o=exchangelabs/ou=exchange administrative group (fydibohf23spdlt)/cn=recipients/cn=287c26b08a0f48578479a15a452f025d-edilson rod,/o=exchangelabs/ou=exchange administrative group (fydibohf23spdlt)/cn=recipients/cn=5676353c001f41558e00d4c7fa4fd023-aprova.vend,/o=exchangelabs/ou=exchange administrative group (fydibohf23spdlt)/cn=recipients/cn=77d2a15e162941f5b8ad84d928392e5e-dolvane rod,/o=exchangelabs/ou=exchange administrative group (fydibohf23spdlt)/cn=recipients/cn=dc302903ac1a4151bcd049b90df4486f-ricardo soa</t>
  </si>
  <si>
    <t>10/15/2019 11:49:08</t>
  </si>
  <si>
    <t>10/15/2019 11:52:19</t>
  </si>
  <si>
    <t>10/15/2019 11:50:29</t>
  </si>
  <si>
    <t>10/15/2019 11:52:34</t>
  </si>
  <si>
    <t>10/15/2019 11:54:19</t>
  </si>
  <si>
    <t>Preco_213391_V2.xlsb</t>
  </si>
  <si>
    <t>10/15/2019 11:52:46</t>
  </si>
  <si>
    <t>https://caey.fa.us2.oraclecloud.com/crmui/faces/fusewelcome?_adf.ctrl-state=em9hx2qwh_252</t>
  </si>
  <si>
    <t>10/15/2019 11:49:42</t>
  </si>
  <si>
    <t>10/15/2019 11:55:19</t>
  </si>
  <si>
    <t>5 stars 15.10.csv</t>
  </si>
  <si>
    <t>10/15/2019 11:53:33</t>
  </si>
  <si>
    <t>10/15/2019 11:59:19</t>
  </si>
  <si>
    <t>ENC: PROJETO PRECIFICAÇÃO - SESSÃO DE GOVERNANÇA</t>
  </si>
  <si>
    <t>10/15/2019 11:58:40</t>
  </si>
  <si>
    <t>10/15/2019 12:03:19</t>
  </si>
  <si>
    <t>/o=exchangelabs/ou=exchange administrative group (fydibohf23spdlt)/cn=recipients/cn=49457acaa5584c6d8daec8f0ad186be2-carlos maur;/o=exchangelabs/ou=exchange administrative group (fydibohf23spdlt)/cn=recipients/cn=a67b870d47244fa19f0fe0fbb7458d8d-igo henriqu;/o=exchangelabs/ou=exchange administrative group (fydibohf23spdlt)/cn=recipients/cn=f9f7ff8c593c4c869b053771ddd5846a-simone eloi;/o=exchangelabs/ou=exchange administrative group (fydibohf23spdlt)/cn=recipients/cn=userdc05fc7c;</t>
  </si>
  <si>
    <t>RES: RES: Fechamento DPRF - Oportunidade 148092</t>
  </si>
  <si>
    <t>/o=exchangelabs/ou=exchange administrative group (fydibohf23spdlt)/cn=recipients/cn=49457acaa5584c6d8daec8f0ad186be2-carlos maur,/o=exchangelabs/ou=exchange administrative group (fydibohf23spdlt)/cn=recipients/cn=a67b870d47244fa19f0fe0fbb7458d8d-igo henriqu,/o=exchangelabs/ou=exchange administrative group (fydibohf23spdlt)/cn=recipients/cn=f9f7ff8c593c4c869b053771ddd5846a-simone eloi,/o=exchangelabs/ou=exchange administrative group (fydibohf23spdlt)/cn=recipients/cn=userdc05fc7c</t>
  </si>
  <si>
    <t>10/15/2019 12:00:14</t>
  </si>
  <si>
    <t>/o=exchangelabs/ou=exchange administrative group (fydibohf23spdlt)/cn=recipients/cn=c514dbe8b91547adb4618232d1a650ba-afonso domi;</t>
  </si>
  <si>
    <t>ENC: RES: Fechamento DPRF - Oportunidade 148092</t>
  </si>
  <si>
    <t>/o=exchangelabs/ou=exchange administrative group (fydibohf23spdlt)/cn=recipients/cn=c514dbe8b91547adb4618232d1a650ba-afonso domi</t>
  </si>
  <si>
    <t>10/15/2019 12:13:48</t>
  </si>
  <si>
    <t>10/15/2019 12:15:19</t>
  </si>
  <si>
    <t>camiladps@algartech.com;</t>
  </si>
  <si>
    <t>RES: RES: RES: Escala para treinamento CPB - Urgente!</t>
  </si>
  <si>
    <t>camiladps@algartech.com</t>
  </si>
  <si>
    <t>10/15/2019 12:15:27</t>
  </si>
  <si>
    <t>10/15/2019 12:20:19</t>
  </si>
  <si>
    <t>10/15/2019 12:18:41</t>
  </si>
  <si>
    <t>10/15/2019 12:23:18</t>
  </si>
  <si>
    <t>mail.google.com/_/upload?authuser=0&amp;dcp=asu-n&amp;upload_id=AEnB2UqY00_rmHw1NrApEvAOQ9dZzQp9JyKYz8z6D2xLgkbZuKVdl0qDhaE4AbuqYCoVMqLM9DbnetBWLCjPM5IjP8NWi9_gYg&amp;upload_protocol=resumable</t>
  </si>
  <si>
    <t>10/15/2019 12:25:41</t>
  </si>
  <si>
    <t>10/15/2019 12:27:18</t>
  </si>
  <si>
    <t>ENC: Fechamento Toyota CRC - Setembro</t>
  </si>
  <si>
    <t>Arquivos faturamento Toyota.msg\s1\</t>
  </si>
  <si>
    <t>10/15/2019 12:26:54</t>
  </si>
  <si>
    <t>10/15/2019 12:30:19</t>
  </si>
  <si>
    <t>Formulário TTV - Lançamento de Hora Extra 15 10.xlsx</t>
  </si>
  <si>
    <t>10/15/2019 12:26:59</t>
  </si>
  <si>
    <t>10/15/2019 12:33:15</t>
  </si>
  <si>
    <t>10/15/2019 12:38:18</t>
  </si>
  <si>
    <t>01 Acompanhamento.xlsb</t>
  </si>
  <si>
    <t>10/15/2019 12:36:27</t>
  </si>
  <si>
    <t>giselatoliveira@gmail.com;jairpof@gmail.com;</t>
  </si>
  <si>
    <t>02 Fluxo de Caixa Resumo_NOVO</t>
  </si>
  <si>
    <t>giselatoliveira@gmail.com,jairpof@gmail.com</t>
  </si>
  <si>
    <t>10/15/2019 12:39:17</t>
  </si>
  <si>
    <t>10/15/2019 12:43:18</t>
  </si>
  <si>
    <t>Contador</t>
  </si>
  <si>
    <t>MEMG Steffnes.xls</t>
  </si>
  <si>
    <t>10/15/2019 12:39:53</t>
  </si>
  <si>
    <t>Cadastro Maquininha</t>
  </si>
  <si>
    <t>FICHA DE CREDENCIAMENTO E CADASTRO REDE.XLSX</t>
  </si>
  <si>
    <t>10/15/2019 12:52:00</t>
  </si>
  <si>
    <t>10/15/2019 12:53:19</t>
  </si>
  <si>
    <t>/o=exchangelabs/ou=exchange administrative group (fydibohf23spdlt)/cn=recipients/cn=33eadc062e4e444685992c7de4b20cbb-ana carolin;/o=exchangelabs/ou=exchange administrative group (fydibohf23spdlt)/cn=recipients/cn=e46cd96e8e9e452c8cc8ba65a6c4ec57-gustavo hen;</t>
  </si>
  <si>
    <t>CONFIDENCIAL: Nova Estrutura - cargos + salários + pessoas</t>
  </si>
  <si>
    <t>Novos Cargos_Equipe de TH_v1.xlsx</t>
  </si>
  <si>
    <t>/o=exchangelabs/ou=exchange administrative group (fydibohf23spdlt)/cn=recipients/cn=33eadc062e4e444685992c7de4b20cbb-ana carolin,/o=exchangelabs/ou=exchange administrative group (fydibohf23spdlt)/cn=recipients/cn=e46cd96e8e9e452c8cc8ba65a6c4ec57-gustavo hen</t>
  </si>
  <si>
    <t>10/15/2019 12:59:05</t>
  </si>
  <si>
    <t>10/15/2019 13:03:19</t>
  </si>
  <si>
    <t>/o=exchangelabs/ou=exchange administrative group (fydibohf23spdlt)/cn=recipients/cn=4b453b7f02914710b3e94bcf7b311ad4-fernando po;/o=exchangelabs/ou=exchange administrative group (fydibohf23spdlt)/cn=recipients/cn=bcc9538754d3496ea31a487e560f8214-silvio mart;</t>
  </si>
  <si>
    <t>ENC: Resumo-Visão Compras - Escopo B</t>
  </si>
  <si>
    <t>Resumo-Visão Compras.xlsx</t>
  </si>
  <si>
    <t>/o=exchangelabs/ou=exchange administrative group (fydibohf23spdlt)/cn=recipients/cn=4b453b7f02914710b3e94bcf7b311ad4-fernando po,/o=exchangelabs/ou=exchange administrative group (fydibohf23spdlt)/cn=recipients/cn=bcc9538754d3496ea31a487e560f8214-silvio mart</t>
  </si>
  <si>
    <t>10/15/2019 13:04:11</t>
  </si>
  <si>
    <t>10/15/2019 13:07:19</t>
  </si>
  <si>
    <t>/o=exchangelabs/ou=exchange administrative group (fydibohf23spdlt)/cn=recipients/cn=0ca6cc8d100949a7866a928f62ef5778-rosilene de;/o=exchangelabs/ou=exchange administrative group (fydibohf23spdlt)/cn=recipients/cn=6189712535ea4b50a3625910837af2c9-larissa bra;/o=exchangelabs/ou=exchange administrative group (fydibohf23spdlt)/cn=recipients/cn=7903c13fa0504ff0bc7dd2644020b0e8-mirna prado;/o=exchangelabs/ou=exchange administrative group (fydibohf23spdlt)/cn=recipients/cn=hugo cesar rodrigues dos santos;</t>
  </si>
  <si>
    <t>/o=exchangelabs/ou=exchange administrative group (fydibohf23spdlt)/cn=recipients/cn=0ca6cc8d100949a7866a928f62ef5778-rosilene de,/o=exchangelabs/ou=exchange administrative group (fydibohf23spdlt)/cn=recipients/cn=6189712535ea4b50a3625910837af2c9-larissa bra,/o=exchangelabs/ou=exchange administrative group (fydibohf23spdlt)/cn=recipients/cn=7903c13fa0504ff0bc7dd2644020b0e8-mirna prado,/o=exchangelabs/ou=exchange administrative group (fydibohf23spdlt)/cn=recipients/cn=hugo cesar rodrigues dos santos</t>
  </si>
  <si>
    <t>10/15/2019 13:18:45</t>
  </si>
  <si>
    <t>10/15/2019 13:20:19</t>
  </si>
  <si>
    <t>'Exibição de Localização Avançada de Filas (1).xlsx'</t>
  </si>
  <si>
    <t>10/15/2019 13:21:25</t>
  </si>
  <si>
    <t>10/15/2019 13:25:20</t>
  </si>
  <si>
    <t>Exibição de Localização Avançada de Filas (1).xlsx</t>
  </si>
  <si>
    <t>10/15/2019 13:30:33</t>
  </si>
  <si>
    <t>10/15/2019 13:33:20</t>
  </si>
  <si>
    <t>10.200.58.178</t>
  </si>
  <si>
    <t>EC-F4-BB-F7-26-24</t>
  </si>
  <si>
    <t>/o=exchangelabs/ou=exchange administrative group (fydibohf23spdlt)/cn=recipients/cn=00dbcea0702d4358b7c66d1d0dd7b863-juliana tei;/o=exchangelabs/ou=exchange administrative group (fydibohf23spdlt)/cn=recipients/cn=00e1ca4c49384b2b9c680bfbf63982d4-taissa apar;/o=exchangelabs/ou=exchange administrative group (fydibohf23spdlt)/cn=recipients/cn=010c9ad8a2ca4b90b7642d039dda856e-karolyne ca;/o=exchangelabs/ou=exchange administrative group (fydibohf23spdlt)/cn=recipients/cn=0177ccde46e64a8f8723f2fcb8751283-diego franc;/o=exchangelabs/ou=exchange administrative group (fydibohf23spdlt)/cn=recipients/cn=01dd947fa5e64c6cb9bbbb6c6ff21082-amanda silv;/o=exchangelabs/ou=exchange administrative group (fydibohf23spdlt)/cn=recipients/cn=022f9be39d034221ac81aa3656cce40a-ana paula s;/o=exchangelabs/ou=exchange administrative group (fydibohf23spdlt)/cn=recipients/cn=0397d0473d5f42a78f4b9ffd0e537f3a-paula garci;/o=exchangelabs/ou=exchange administrative group (fydibohf23spdlt)/cn=recipients/cn=04ff9975af994627902477cd10e5d09d-fabr</t>
  </si>
  <si>
    <t>Olha o Ranking aí gente...</t>
  </si>
  <si>
    <t>/o=exchangelabs/ou=exchange administrative group (fydibohf23spdlt)/cn=recipients/cn=00dbcea0702d4358b7c66d1d0dd7b863-juliana tei,/o=exchangelabs/ou=exchange administrative group (fydibohf23spdlt)/cn=recipients/cn=00e1ca4c49384b2b9c680bfbf63982d4-taissa apar,/o=exchangelabs/ou=exchange administrative group (fydibohf23spdlt)/cn=recipients/cn=010c9ad8a2ca4b90b7642d039dda856e-karolyne ca,/o=exchangelabs/ou=exchange administrative group (fydibohf23spdlt)/cn=recipients/cn=0177ccde46e64a8f8723f2fcb8751283-diego franc,/o=exchangelabs/ou=exchange administrative group (fydibohf23spdlt)/cn=recipients/cn=01dd947fa5e64c6cb9bbbb6c6ff21082-amanda silv,/o=exchangelabs/ou=exchange administrative group (fydibohf23spdlt)/cn=recipients/cn=022f9be39d034221ac81aa3656cce40a-ana paula s,/o=exchangelabs/ou=exchange administrative group (fydibohf23spdlt)/cn=recipients/cn=0397d0473d5f42a78f4b9ffd0e537f3a-paula garci,/o=exchangelabs/ou=exchange administrative group (fydibohf23spdlt)/cn=recipients/cn=04ff9975af994627902477cd10e5d09d-fabr</t>
  </si>
  <si>
    <t>10/15/2019 13:32:28</t>
  </si>
  <si>
    <t>/o=exchangelabs/ou=exchange administrative group (fydibohf23spdlt)/cn=recipients/cn=002ec1cd4de64cd68f3e33ca3518cc0b-fernando ro;/o=exchangelabs/ou=exchange administrative group (fydibohf23spdlt)/cn=recipients/cn=029150745eb3404986232d7559006193-acacio ribe;/o=exchangelabs/ou=exchange administrative group (fydibohf23spdlt)/cn=recipients/cn=07838d63269147399834f55c95648a18-raphael nun;/o=exchangelabs/ou=exchange administrative group (fydibohf23spdlt)/cn=recipients/cn=07c3a56c251e4a1bb0cd5ad248dadf38-lucas costa;/o=exchangelabs/ou=exchange administrative group (fydibohf23spdlt)/cn=recipients/cn=092327d7955f47e78ad4a60dc2ac8d69-joaquim eli;/o=exchangelabs/ou=exchange administrative group (fydibohf23spdlt)/cn=recipients/cn=096be01f3be1448b9e04fb22996909f1-michele sil;/o=exchangelabs/ou=exchange administrative group (fydibohf23spdlt)/cn=recipients/cn=0ad67812a921472ea75457aad47f39a8-kallil vice;/o=exchangelabs/ou=exchange administrative group (fydibohf23spdlt)/cn=recipients/cn=0bafe1ed27024338be4e911e19871cd1-will</t>
  </si>
  <si>
    <t>/o=exchangelabs/ou=exchange administrative group (fydibohf23spdlt)/cn=recipients/cn=002ec1cd4de64cd68f3e33ca3518cc0b-fernando ro,/o=exchangelabs/ou=exchange administrative group (fydibohf23spdlt)/cn=recipients/cn=029150745eb3404986232d7559006193-acacio ribe,/o=exchangelabs/ou=exchange administrative group (fydibohf23spdlt)/cn=recipients/cn=07838d63269147399834f55c95648a18-raphael nun,/o=exchangelabs/ou=exchange administrative group (fydibohf23spdlt)/cn=recipients/cn=07c3a56c251e4a1bb0cd5ad248dadf38-lucas costa,/o=exchangelabs/ou=exchange administrative group (fydibohf23spdlt)/cn=recipients/cn=092327d7955f47e78ad4a60dc2ac8d69-joaquim eli,/o=exchangelabs/ou=exchange administrative group (fydibohf23spdlt)/cn=recipients/cn=096be01f3be1448b9e04fb22996909f1-michele sil,/o=exchangelabs/ou=exchange administrative group (fydibohf23spdlt)/cn=recipients/cn=0ad67812a921472ea75457aad47f39a8-kallil vice,/o=exchangelabs/ou=exchange administrative group (fydibohf23spdlt)/cn=recipients/cn=0bafe1ed27024338be4e911e19871cd1-will</t>
  </si>
  <si>
    <t>10/15/2019 13:36:05</t>
  </si>
  <si>
    <t>10/15/2019 13:37:19</t>
  </si>
  <si>
    <t>Base BW % Conversão - Out-2019 - Parcial - 13-10-2019 - Sem Contrato Nova Venda.xlsm</t>
  </si>
  <si>
    <t>10/15/2019 13:34:00</t>
  </si>
  <si>
    <t>10/15/2019 13:38:19</t>
  </si>
  <si>
    <t>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240fafdb21074ab9a87c95d3265e411c-rodrigo rod;/o=exchangelabs/ou=exchange administrative group (fydibohf23spdlt)/cn=recipients/cn=249f643ba1e044588b45a020c76dadde-daniel de o;/o=exchangelabs/ou=exchange administrative group (fydibohf23spdlt)/cn=recipients/cn=2946605dcf554cb389220dec598b84fa-adriano mon;/o=exchangelabs/ou=exchange administrative group (fydibohf23spdlt)/cn=recipients/cn=2f13f6d577d947158c5f81c08b0e5faf-tatiane dor;/o=exchangelabs/ou=exchange administrative group (fydibohf23spdlt)/cn=recipients/cn=3188323005a04a70962871b2b980355d-humberto pi;/o=exchangelabs/ou=exchange administrative group (fydibohf23spdlt)/cn=recipients/cn=32b20a28d31f440a8435af323365cdb0-wesl</t>
  </si>
  <si>
    <t>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240fafdb21074ab9a87c95d3265e411c-rodrigo rod,/o=exchangelabs/ou=exchange administrative group (fydibohf23spdlt)/cn=recipients/cn=249f643ba1e044588b45a020c76dadde-daniel de o,/o=exchangelabs/ou=exchange administrative group (fydibohf23spdlt)/cn=recipients/cn=2946605dcf554cb389220dec598b84fa-adriano mon,/o=exchangelabs/ou=exchange administrative group (fydibohf23spdlt)/cn=recipients/cn=2f13f6d577d947158c5f81c08b0e5faf-tatiane dor,/o=exchangelabs/ou=exchange administrative group (fydibohf23spdlt)/cn=recipients/cn=3188323005a04a70962871b2b980355d-humberto pi,/o=exchangelabs/ou=exchange administrative group (fydibohf23spdlt)/cn=recipients/cn=32b20a28d31f440a8435af323365cdb0-wesl</t>
  </si>
  <si>
    <t>10/15/2019 13:39:35</t>
  </si>
  <si>
    <t>10/15/2019 13:43:20</t>
  </si>
  <si>
    <t>marcosih@algartech.com.br;</t>
  </si>
  <si>
    <t>marcosih@algartech.com.br</t>
  </si>
  <si>
    <t>10/15/2019 13:43:52</t>
  </si>
  <si>
    <t>10/15/2019 13:46:19</t>
  </si>
  <si>
    <t>cadastrar</t>
  </si>
  <si>
    <t>Reenvio de usuário acesso portão da gente.msg\s1\</t>
  </si>
  <si>
    <t>planilha gente gestão.xlsx</t>
  </si>
  <si>
    <t>10/15/2019 13:45:12</t>
  </si>
  <si>
    <t>10/15/2019 13:48:19</t>
  </si>
  <si>
    <t>/o=exchangelabs/ou=exchange administrative group (fydibohf23spdlt)/cn=recipients/cn=b67cad4ecfa344baaa94d716e7554f49-bruno camel;pamelatc@algartech.com;</t>
  </si>
  <si>
    <t>RES: STH - Importante</t>
  </si>
  <si>
    <t>STH's Crescimento CAIXA SEGURADORA.msg\s1\</t>
  </si>
  <si>
    <t>/o=exchangelabs/ou=exchange administrative group (fydibohf23spdlt)/cn=recipients/cn=b67cad4ecfa344baaa94d716e7554f49-bruno camel,pamelatc@algartech.com</t>
  </si>
  <si>
    <t>10/15/2019 13:47:08</t>
  </si>
  <si>
    <t>10/15/2019 13:51:19</t>
  </si>
  <si>
    <t>/o=exchangelabs/ou=exchange administrative group (fydibohf23spdlt)/cn=recipients/cn=24a34d0e3ee546368831b41c56bc98f5-guilherme p;/o=exchangelabs/ou=exchange administrative group (fydibohf23spdlt)/cn=recipients/cn=603ada399f684d8cbb7c2653efa30e6a-andre luiz;/o=exchangelabs/ou=exchange administrative group (fydibohf23spdlt)/cn=recipients/cn=user07db2088;andre_s_machado_algar@whirlpool.com;</t>
  </si>
  <si>
    <t>Quantidade de Casos Magalu - MarketPlace</t>
  </si>
  <si>
    <t>MAGALU MKPLACE.xlsx</t>
  </si>
  <si>
    <t>/o=exchangelabs/ou=exchange administrative group (fydibohf23spdlt)/cn=recipients/cn=24a34d0e3ee546368831b41c56bc98f5-guilherme p,/o=exchangelabs/ou=exchange administrative group (fydibohf23spdlt)/cn=recipients/cn=603ada399f684d8cbb7c2653efa30e6a-andre luiz,/o=exchangelabs/ou=exchange administrative group (fydibohf23spdlt)/cn=recipients/cn=user07db2088,andre_s_machado_algar@whirlpool.com</t>
  </si>
  <si>
    <t>10/15/2019 13:46:49</t>
  </si>
  <si>
    <t>10/15/2019 13:47:09</t>
  </si>
  <si>
    <t>10/15/2019 13:49:25</t>
  </si>
  <si>
    <t>c:\users\elainemdlp\od\_projetos\em andamento\edp\04 - controle\capitalização\</t>
  </si>
  <si>
    <t>template_registro_fte_realizado_outubro_v1.0.xlsb</t>
  </si>
  <si>
    <t>10/15/2019 13:48:07</t>
  </si>
  <si>
    <t>10/15/2019 13:52:19</t>
  </si>
  <si>
    <t>10.200.64.127</t>
  </si>
  <si>
    <t>mail.google.com/_/upload?authuser=1&amp;dcp=asu-n&amp;upload_id=AEnB2Ur_TUR4j9HKzTDgbTzcu3TmM-ctzIuWfrjf-3KjYyWGLUYfKmD92SCwVA2Bs4VPJDJ_tRbGyVroM3TREqS34QOGQJYy2A&amp;upload_protocol=resumable</t>
  </si>
  <si>
    <t>C:\_Marco Tulio\0 - Coach\2 - Qualidade\01 - Estrategico\07 - Plano Tatico\2019\04 - Renove\Book Entrega\</t>
  </si>
  <si>
    <t>Book de Entregas - Manifestações.xlsx</t>
  </si>
  <si>
    <t>10/15/2019 13:52:30</t>
  </si>
  <si>
    <t>10/15/2019 13:55:19</t>
  </si>
  <si>
    <t>10/15/2019 13:57:34</t>
  </si>
  <si>
    <t>10/15/2019 14:02:19</t>
  </si>
  <si>
    <t>10/15/2019 13:58:34</t>
  </si>
  <si>
    <t>10/15/2019 14:04:19</t>
  </si>
  <si>
    <t>/o=exchangelabs/ou=exchange administrative group (fydibohf23spdlt)/cn=recipients/cn=5eb8447f1992416c986b6f95f45fc7f7-jose paixao;</t>
  </si>
  <si>
    <t>ATUALIZAÇÃO ORÇAMENTOS - URGENTE</t>
  </si>
  <si>
    <t>Orçamentos em Análise - Orçamentos - INFORMAÇÕES ADICIONAIS.xlsx</t>
  </si>
  <si>
    <t>/o=exchangelabs/ou=exchange administrative group (fydibohf23spdlt)/cn=recipients/cn=5eb8447f1992416c986b6f95f45fc7f7-jose paixao</t>
  </si>
  <si>
    <t>10/15/2019 13:59:12</t>
  </si>
  <si>
    <t>10/15/2019 14:06:19</t>
  </si>
  <si>
    <t>/o=exchangelabs/ou=exchange administrative group (fydibohf23spdlt)/cn=recipients/cn=600b9283fa0b4ff88928b6acb2e02b07-rafael bion;/o=exchangelabs/ou=exchange administrative group (fydibohf23spdlt)/cn=recipients/cn=c32cee7d339f4e7fab5beda7be171cc0-priscila ca;</t>
  </si>
  <si>
    <t>ENC: Projeto BMW - Capitalização</t>
  </si>
  <si>
    <t>/o=exchangelabs/ou=exchange administrative group (fydibohf23spdlt)/cn=recipients/cn=600b9283fa0b4ff88928b6acb2e02b07-rafael bion,/o=exchangelabs/ou=exchange administrative group (fydibohf23spdlt)/cn=recipients/cn=c32cee7d339f4e7fab5beda7be171cc0-priscila ca</t>
  </si>
  <si>
    <t>10/15/2019 14:05:54</t>
  </si>
  <si>
    <t>10/15/2019 14:07:20</t>
  </si>
  <si>
    <t>10/15/2019 14:05:41</t>
  </si>
  <si>
    <t>10/15/2019 14:08:20</t>
  </si>
  <si>
    <t>ENC: Nova composição - URGÊNCIA</t>
  </si>
  <si>
    <t>BV FINANCEIRA 1 ADITIVO - análise crítica - 15-10-19.xlsx</t>
  </si>
  <si>
    <t>10/15/2019 14:03:38</t>
  </si>
  <si>
    <t>10/15/2019 14:09:20</t>
  </si>
  <si>
    <t>10/15/2019 14:04:50</t>
  </si>
  <si>
    <t>10/15/2019 14:10:21</t>
  </si>
  <si>
    <t>\\acsfs\deptos\asyst\comercial\02 - faturamento\base gat\gat - documentos diversos clientes\contrato fujitsu\</t>
  </si>
  <si>
    <t>cópia de modelo invoice fujitsu.xlsx</t>
  </si>
  <si>
    <t>10/15/2019 14:07:19</t>
  </si>
  <si>
    <t>evelyn.ferreira@bradesco.com.br;ismalia.sa@bradesco.com.br;</t>
  </si>
  <si>
    <t>RES: Acesso interllink**63530</t>
  </si>
  <si>
    <t>PQS Formulário de Implementação (2).xlsx</t>
  </si>
  <si>
    <t>evelyn.ferreira@bradesco.com.br,ismalia.sa@bradesco.com.br</t>
  </si>
  <si>
    <t>10/15/2019 14:04:23</t>
  </si>
  <si>
    <t>10/15/2019 14:11:20</t>
  </si>
  <si>
    <t>10/15/2019 14:07:44</t>
  </si>
  <si>
    <t>10/15/2019 14:12:21</t>
  </si>
  <si>
    <t>10/15/2019 14:10:11</t>
  </si>
  <si>
    <t>10/15/2019 14:10:40</t>
  </si>
  <si>
    <t>10/15/2019 14:06:54</t>
  </si>
  <si>
    <t>10/15/2019 14:08:43</t>
  </si>
  <si>
    <t>brunowp@algartech.com;helbertbb@algartech.com;</t>
  </si>
  <si>
    <t>Qualification Form v5.0P.xlsx</t>
  </si>
  <si>
    <t>brunowp@algartech.com,helbertbb@algartech.com</t>
  </si>
  <si>
    <t>10/15/2019 14:08:15</t>
  </si>
  <si>
    <t>10/15/2019 14:13:20</t>
  </si>
  <si>
    <t>mail.google.com/_/upload?authuser=0&amp;dcp=asu-n&amp;upload_id=AEnB2UoXsi6USsaV5FAd-rbM0o4iuRrhyVIJBKLZG7TXtqi-18TMwlV-X-xrWfyCnJV0yqw3AIZ3Ol3Wao6L5cvG8sNl481rNQ&amp;upload_protocol=resumable</t>
  </si>
  <si>
    <t>\\acsfs\dsti\CIT- Coordenação de Inteligência de Tecnologia\05 - Gerenciamento Orçamento e Contabilização\6. Contabilidade 2020\0. Orçamento\</t>
  </si>
  <si>
    <t>Orç Infra TI - pacote TI.xlsx</t>
  </si>
  <si>
    <t>10/15/2019 14:13:12</t>
  </si>
  <si>
    <t>10/15/2019 14:17:21</t>
  </si>
  <si>
    <t>10/15/2019 14:13:41</t>
  </si>
  <si>
    <t>10/15/2019 14:14:07</t>
  </si>
  <si>
    <t>10/15/2019 14:14:29</t>
  </si>
  <si>
    <t>10/15/2019 14:15:44</t>
  </si>
  <si>
    <t>10/15/2019 14:16:10</t>
  </si>
  <si>
    <t>Produtividade RAF - Out-2019 - Parcial - 14-10-19.xlsm</t>
  </si>
  <si>
    <t>10/15/2019 14:13:48</t>
  </si>
  <si>
    <t>10/15/2019 14:18:21</t>
  </si>
  <si>
    <t>C:\Users\ricardoft\OneDrive - Grupo Algar\Documentos\Projetos\2019\Caixa\167220 - Colocation Campinas\</t>
  </si>
  <si>
    <t>Preco_V1.1.xlsb</t>
  </si>
  <si>
    <t>10/15/2019 14:14:51</t>
  </si>
  <si>
    <t>10/15/2019 14:15:45</t>
  </si>
  <si>
    <t>10/15/2019 14:20:21</t>
  </si>
  <si>
    <t>10/15/2019 14:19:56</t>
  </si>
  <si>
    <t>10/15/2019 14:21:21</t>
  </si>
  <si>
    <t>C:\Users\karlosgc\Dropbox\NB-AlgarTech\ISD'\bmg\</t>
  </si>
  <si>
    <t>Análise de Segurança da Informação_Painel Chat Boot.xlsx</t>
  </si>
  <si>
    <t>10/15/2019 14:19:57</t>
  </si>
  <si>
    <t>Análise de Segurança da Informação_Chat Boot.xlsx</t>
  </si>
  <si>
    <t>10/15/2019 14:20:07</t>
  </si>
  <si>
    <t>10/15/2019 14:22:21</t>
  </si>
  <si>
    <t>10/15/2019 14:19:12</t>
  </si>
  <si>
    <t>10/15/2019 14:23:22</t>
  </si>
  <si>
    <t>/o=exchangelabs/ou=exchange administrative group (fydibohf23spdlt)/cn=recipients/cn=109f6d628834480fabc1188cbdef64fa-antonia apa;/o=exchangelabs/ou=exchange administrative group (fydibohf23spdlt)/cn=recipients/cn=3188323005a04a70962871b2b980355d-humberto pi;/o=exchangelabs/ou=exchange administrative group (fydibohf23spdlt)/cn=recipients/cn=43a054bacf514a8a9cdcb240b072cd47-cecilia mul;/o=exchangelabs/ou=exchange administrative group (fydibohf23spdlt)/cn=recipients/cn=7cc366be59b94ae0b0eb89a952acf58b-valeria sev;/o=exchangelabs/ou=exchange administrative group (fydibohf23spdlt)/cn=recipients/cn=f00c439d0d474c0586a503a0209ed1f2-bruno wande;</t>
  </si>
  <si>
    <t>RES: 215370 - GRC - SOTREQ NOVO CANAL GOIAS (DDD 85)</t>
  </si>
  <si>
    <t>215370 - Plan Precificacao C018 B018 - Somente GRC.xlsb</t>
  </si>
  <si>
    <t>/o=exchangelabs/ou=exchange administrative group (fydibohf23spdlt)/cn=recipients/cn=109f6d628834480fabc1188cbdef64fa-antonia apa,/o=exchangelabs/ou=exchange administrative group (fydibohf23spdlt)/cn=recipients/cn=3188323005a04a70962871b2b980355d-humberto pi,/o=exchangelabs/ou=exchange administrative group (fydibohf23spdlt)/cn=recipients/cn=43a054bacf514a8a9cdcb240b072cd47-cecilia mul,/o=exchangelabs/ou=exchange administrative group (fydibohf23spdlt)/cn=recipients/cn=7cc366be59b94ae0b0eb89a952acf58b-valeria sev,/o=exchangelabs/ou=exchange administrative group (fydibohf23spdlt)/cn=recipients/cn=f00c439d0d474c0586a503a0209ed1f2-bruno wande</t>
  </si>
  <si>
    <t>10/15/2019 14:24:25</t>
  </si>
  <si>
    <t>10/15/2019 14:27:21</t>
  </si>
  <si>
    <t>10/15/2019 14:22:07</t>
  </si>
  <si>
    <t>082018 - CADASTRO GERAL ASSOCIADOS .xlsx</t>
  </si>
  <si>
    <t>10/15/2019 14:34:51</t>
  </si>
  <si>
    <t>10/15/2019 14:36:20</t>
  </si>
  <si>
    <t>Faturamento Outubro/19 - Amazon</t>
  </si>
  <si>
    <t>2019_10_A100 Phone Usage.xlsx</t>
  </si>
  <si>
    <t>10/15/2019 14:34:47</t>
  </si>
  <si>
    <t>10/15/2019 14:39:21</t>
  </si>
  <si>
    <t>/o=exchangelabs/ou=exchange administrative group (fydibohf23spdlt)/cn=recipients/cn=ed4af2f11ff34c02ba04f39acb2813c2-rafael tega;</t>
  </si>
  <si>
    <t>RES: CONTROLE FB</t>
  </si>
  <si>
    <t>SL XXXXX FACEBOOK - SET.19.msg\s1\</t>
  </si>
  <si>
    <t>/o=exchangelabs/ou=exchange administrative group (fydibohf23spdlt)/cn=recipients/cn=ed4af2f11ff34c02ba04f39acb2813c2-rafael tega</t>
  </si>
  <si>
    <t>10/15/2019 14:44:03</t>
  </si>
  <si>
    <t>10/15/2019 14:45:20</t>
  </si>
  <si>
    <t>RES: UPH</t>
  </si>
  <si>
    <t>UPH FILAS.xlsx</t>
  </si>
  <si>
    <t>10/15/2019 14:46:26</t>
  </si>
  <si>
    <t>10/15/2019 14:48:20</t>
  </si>
  <si>
    <t>ENC: Revisão serviços</t>
  </si>
  <si>
    <t>REVISÃO RFP.xlsx</t>
  </si>
  <si>
    <t>10/15/2019 14:43:55</t>
  </si>
  <si>
    <t>10/15/2019 14:49:20</t>
  </si>
  <si>
    <t>eunice.pimenta@algartech.com;karolynecj@algartech.com;lucianarba@algartecnologia.com.br;</t>
  </si>
  <si>
    <t>Dep set torre.xlsx</t>
  </si>
  <si>
    <t>eunice.pimenta@algartech.com,karolynecj@algartech.com,lucianarba@algartecnologia.com.br</t>
  </si>
  <si>
    <t>10/15/2019 14:50:03</t>
  </si>
  <si>
    <t>10/15/2019 14:52:20</t>
  </si>
  <si>
    <t>mail.google.com/_/upload?authuser=0&amp;dcp=asu-n&amp;upload_id=AEnB2UpuTL6jeQqorYkeFbo8Z9mJvHHAkhAkxuI5RW24eJiDRCM55gwX-2Mewtll0JG8Lb7O5x_wqqokfc4YvsA1mmm-zgfZ2Q&amp;upload_protocol=resumable</t>
  </si>
  <si>
    <t>C:\Users\nadiagds\OneDrive - Grupo Algar\Mesa Digital\ISD_Análise\Projeto ISD - T-systems\00. Material de Apoio\</t>
  </si>
  <si>
    <t>Rules-NAT - FW.xlsx</t>
  </si>
  <si>
    <t>10/15/2019 14:53:11</t>
  </si>
  <si>
    <t>10/15/2019 14:55:21</t>
  </si>
  <si>
    <t>/o=exchangelabs/ou=exchange administrative group (fydibohf23spdlt)/cn=recipients/cn=8b5b63d67af648d081a40c45cc800804-fabiana per;</t>
  </si>
  <si>
    <t>ENC: UPH</t>
  </si>
  <si>
    <t>/o=exchangelabs/ou=exchange administrative group (fydibohf23spdlt)/cn=recipients/cn=8b5b63d67af648d081a40c45cc800804-fabiana per</t>
  </si>
  <si>
    <t>10/15/2019 14:53:59</t>
  </si>
  <si>
    <t>10/15/2019 14:53:40</t>
  </si>
  <si>
    <t>10/15/2019 14:56:20</t>
  </si>
  <si>
    <t>mail.google.com/_/upload?authuser=0&amp;dcp=asu-n&amp;upload_id=AEnB2Up13ikUjJakA7RBjjGseHpuk25g0oEMiujSeyl6tdqXaVES3lSPTApUif6K7ZUw4g8rXFI22nYjIeiCRhUCQlI6g6GHSQ&amp;upload_protocol=resumable</t>
  </si>
  <si>
    <t>angelicatm@algartech.com;leonardoefo@algartech.com;lucasm@algartech.com;</t>
  </si>
  <si>
    <t>20190905 - Requisitos projeto ERP - SAP - Riscos.xlsx</t>
  </si>
  <si>
    <t>angelicatm@algartech.com,leonardoefo@algartech.com,lucasm@algartech.com</t>
  </si>
  <si>
    <t>10/15/2019 14:53:16</t>
  </si>
  <si>
    <t>10/15/2019 14:57:21</t>
  </si>
  <si>
    <t>10/15/2019 14:53:50</t>
  </si>
  <si>
    <t>10/15/2019 14:55:05</t>
  </si>
  <si>
    <t>10/15/2019 14:55:38</t>
  </si>
  <si>
    <t>10/15/2019 14:54:18</t>
  </si>
  <si>
    <t>10/15/2019 14:59:21</t>
  </si>
  <si>
    <t>/o=exchangelabs/ou=exchange administrative group (fydibohf23spdlt)/cn=recipients/cn=30f74284082a40308b3cb42ff978db0b-lucas faund;/o=exchangelabs/ou=exchange administrative group (fydibohf23spdlt)/cn=recipients/cn=5865f7bdf6dd4e85886f125a03522b87-paulo ricar;marina.mariano@bradesco.com.br;</t>
  </si>
  <si>
    <t>ENC: Odontoprev / ExpenseOn - Cartão Corporativo Bradesco</t>
  </si>
  <si>
    <t>implementacao_odontoprev.xlsx</t>
  </si>
  <si>
    <t>/o=exchangelabs/ou=exchange administrative group (fydibohf23spdlt)/cn=recipients/cn=30f74284082a40308b3cb42ff978db0b-lucas faund,/o=exchangelabs/ou=exchange administrative group (fydibohf23spdlt)/cn=recipients/cn=5865f7bdf6dd4e85886f125a03522b87-paulo ricar,marina.mariano@bradesco.com.br</t>
  </si>
  <si>
    <t>10/15/2019 14:56:52</t>
  </si>
  <si>
    <t>10/15/2019 15:01:20</t>
  </si>
  <si>
    <t>RES: Faturamento Outubro/19 - Amazon</t>
  </si>
  <si>
    <t>10/15/2019 14:57:48</t>
  </si>
  <si>
    <t>10/15/2019 15:02:20</t>
  </si>
  <si>
    <t>10/15/2019 14:58:54</t>
  </si>
  <si>
    <t>10/15/2019 15:00:37</t>
  </si>
  <si>
    <t>10/15/2019 15:04:17</t>
  </si>
  <si>
    <t>10/15/2019 15:07:20</t>
  </si>
  <si>
    <t>10/15/2019 15:04:59</t>
  </si>
  <si>
    <t>10/15/2019 15:07:02</t>
  </si>
  <si>
    <t>10/15/2019 15:03:19</t>
  </si>
  <si>
    <t>10/15/2019 15:08:21</t>
  </si>
  <si>
    <t>215360_Caixa_Colocation .xlsb</t>
  </si>
  <si>
    <t>10/15/2019 15:06:25</t>
  </si>
  <si>
    <t>10/15/2019 15:11:20</t>
  </si>
  <si>
    <t>10/15/2019 15:06:42</t>
  </si>
  <si>
    <t>/o=exchangelabs/ou=exchange administrative group (fydibohf23spdlt)/cn=recipients/cn=010c9ad8a2ca4b90b7642d039dda856e-karolyne ca;</t>
  </si>
  <si>
    <t>ENC: DEPARTAMENTAL SETEMBRO</t>
  </si>
  <si>
    <t>/o=exchangelabs/ou=exchange administrative group (fydibohf23spdlt)/cn=recipients/cn=010c9ad8a2ca4b90b7642d039dda856e-karolyne ca</t>
  </si>
  <si>
    <t>10/15/2019 15:08:31</t>
  </si>
  <si>
    <t>10/15/2019 15:12:20</t>
  </si>
  <si>
    <t>/o=exchangelabs/ou=exchange administrative group (fydibohf23spdlt)/cn=recipients/cn=0b12aab521944ecb8b32eb8c0929be5c-rafael gonz;/o=exchangelabs/ou=exchange administrative group (fydibohf23spdlt)/cn=recipients/cn=8ab5e44d485043d59eb4f21463e63e6a-tays dos sa;/o=exchangelabs/ou=exchange administrative group (fydibohf23spdlt)/cn=recipients/cn=9b52022a6e624c30a92f50cf4538a4bf-talmaia rod;/o=exchangelabs/ou=exchange administrative group (fydibohf23spdlt)/cn=recipients/cn=df6ea6cc78a840278b1e7acccac67692-thiago rodr;/o=exchangelabs/ou=exchange administrative group (fydibohf23spdlt)/cn=recipients/cn=user8e89d2d7;amanda.poucheira@bv.com.br;eliane.martins@bv.com.br;jose.gomes@bv.com.br;regis.costa@bv.com.br;</t>
  </si>
  <si>
    <t>Análise MVP 2 Telas v2.2.xlsx</t>
  </si>
  <si>
    <t>/o=exchangelabs/ou=exchange administrative group (fydibohf23spdlt)/cn=recipients/cn=0b12aab521944ecb8b32eb8c0929be5c-rafael gonz,/o=exchangelabs/ou=exchange administrative group (fydibohf23spdlt)/cn=recipients/cn=8ab5e44d485043d59eb4f21463e63e6a-tays dos sa,/o=exchangelabs/ou=exchange administrative group (fydibohf23spdlt)/cn=recipients/cn=9b52022a6e624c30a92f50cf4538a4bf-talmaia rod,/o=exchangelabs/ou=exchange administrative group (fydibohf23spdlt)/cn=recipients/cn=df6ea6cc78a840278b1e7acccac67692-thiago rodr,/o=exchangelabs/ou=exchange administrative group (fydibohf23spdlt)/cn=recipients/cn=user8e89d2d7,amanda.poucheira@bv.com.br,eliane.martins@bv.com.br,jose.gomes@bv.com.br,regis.costa@bv.com.br</t>
  </si>
  <si>
    <t>10/15/2019 15:11:36</t>
  </si>
  <si>
    <t>10/15/2019 15:15:21</t>
  </si>
  <si>
    <t>10.213.2.39</t>
  </si>
  <si>
    <t>EC-F4-BB-FA-D0-FF</t>
  </si>
  <si>
    <t>/o=exchangelabs/ou=exchange administrative group (fydibohf23spdlt)/cn=recipients/cn=0a343ab60c904ee9b25c54f941bc50a2-elincon pis;/o=exchangelabs/ou=exchange administrative group (fydibohf23spdlt)/cn=recipients/cn=0addf5d63aa844c7a80c4c80b8d6351e-edson barbo;/o=exchangelabs/ou=exchange administrative group (fydibohf23spdlt)/cn=recipients/cn=d4969550e41b4ec9b728d4bfe5cf6031-patricia ro;</t>
  </si>
  <si>
    <t>Curso NR 10 - Energia on line</t>
  </si>
  <si>
    <t>Ficha de Inscrições - Não conformidades São Paulo- .xlsx</t>
  </si>
  <si>
    <t>/o=exchangelabs/ou=exchange administrative group (fydibohf23spdlt)/cn=recipients/cn=0a343ab60c904ee9b25c54f941bc50a2-elincon pis,/o=exchangelabs/ou=exchange administrative group (fydibohf23spdlt)/cn=recipients/cn=0addf5d63aa844c7a80c4c80b8d6351e-edson barbo,/o=exchangelabs/ou=exchange administrative group (fydibohf23spdlt)/cn=recipients/cn=d4969550e41b4ec9b728d4bfe5cf6031-patricia ro</t>
  </si>
  <si>
    <t>10/15/2019 15:16:06</t>
  </si>
  <si>
    <t>10/15/2019 15:17:21</t>
  </si>
  <si>
    <t>/o=exchangelabs/ou=exchange administrative group (fydibohf23spdlt)/cn=recipients/cn=5412a5c3dbf6470e809115c1b42dde24-algar tech;/o=exchangelabs/ou=exchange administrative group (fydibohf23spdlt)/cn=recipients/cn=54861e79125f48cc952d00cf8160b9a8-jeferson fe;/o=exchangelabs/ou=exchange administrative group (fydibohf23spdlt)/cn=recipients/cn=b5ef1f826e364d2aa99a0df5d1906feb-liliane apa;cristianecsa@algartech.com;</t>
  </si>
  <si>
    <t>RES: Formulário_ Cadastro BV - Seguros - Considerar a empresa: ALGAR TECNOLOGIA E CONSULTORIA S/A (MATRIZ) - CNPJ: 21.246.699/0001-44</t>
  </si>
  <si>
    <t>Formulario_Analise BV.xlsx</t>
  </si>
  <si>
    <t>/o=exchangelabs/ou=exchange administrative group (fydibohf23spdlt)/cn=recipients/cn=5412a5c3dbf6470e809115c1b42dde24-algar tech,/o=exchangelabs/ou=exchange administrative group (fydibohf23spdlt)/cn=recipients/cn=54861e79125f48cc952d00cf8160b9a8-jeferson fe,/o=exchangelabs/ou=exchange administrative group (fydibohf23spdlt)/cn=recipients/cn=b5ef1f826e364d2aa99a0df5d1906feb-liliane apa,cristianecsa@algartech.com</t>
  </si>
  <si>
    <t>10/15/2019 15:21:17</t>
  </si>
  <si>
    <t>10/15/2019 15:24:21</t>
  </si>
  <si>
    <t>ENC: Controle de Penalidades - Setembro/2019</t>
  </si>
  <si>
    <t>Controle de Penalidades de Setembro de 2019.xlsx</t>
  </si>
  <si>
    <t>10/15/2019 15:26:09</t>
  </si>
  <si>
    <t>10/15/2019 15:28:20</t>
  </si>
  <si>
    <t>ENC: Rascunho - Modelo Fixo + Variável</t>
  </si>
  <si>
    <t>Modelo Fixo + Variável Avon Reativação.xlsx</t>
  </si>
  <si>
    <t>10/15/2019 15:33:30</t>
  </si>
  <si>
    <t>10/15/2019 15:37:21</t>
  </si>
  <si>
    <t>H:\Controladoria\Planejamento\Reuniões Mensais\2017\Controle de CR's\Templates\Criação\</t>
  </si>
  <si>
    <t>CR 340800022 TECH - CSC.xlsx</t>
  </si>
  <si>
    <t>algarnet.sharepoint.com/sites/algartech/Paginas/home.aspx</t>
  </si>
  <si>
    <t>10/15/2019 15:33:33</t>
  </si>
  <si>
    <t>https://cscatende.algarnet.com.br/html/hd/hdscriptresposta/request/uploadincidentattachment.php?cdclassificacao=&amp;action=1&amp;lastpositionattachement=undefined&amp;cdquestao=5502&amp;idmaisanexos=t</t>
  </si>
  <si>
    <t>44496;</t>
  </si>
  <si>
    <t>https://44496</t>
  </si>
  <si>
    <t>10/15/2019 15:33:41</t>
  </si>
  <si>
    <t>10/15/2019 15:34:22</t>
  </si>
  <si>
    <t>10/15/2019 15:39:21</t>
  </si>
  <si>
    <t>/o=exchangelabs/ou=exchange administrative group (fydibohf23spdlt)/cn=recipients/cn=6fbc44b6d6b549208175d5a27201bd13-cintia nune;/o=exchangelabs/ou=exchange administrative group (fydibohf23spdlt)/cn=recipients/cn=b3b3e588898842db813e69c542d02bb6-elaine marc;/o=exchangelabs/ou=exchange administrative group (fydibohf23spdlt)/cn=recipients/cn=f87f494a8d1d405d8a7b42a51dd5ab84-iris eugeni;</t>
  </si>
  <si>
    <t>RES: Prévia - Governança de Resultados - Expansão Caixa</t>
  </si>
  <si>
    <t>206389 - PrecoCrescimento90posicoes_v4.xlsb</t>
  </si>
  <si>
    <t>/o=exchangelabs/ou=exchange administrative group (fydibohf23spdlt)/cn=recipients/cn=6fbc44b6d6b549208175d5a27201bd13-cintia nune,/o=exchangelabs/ou=exchange administrative group (fydibohf23spdlt)/cn=recipients/cn=b3b3e588898842db813e69c542d02bb6-elaine marc,/o=exchangelabs/ou=exchange administrative group (fydibohf23spdlt)/cn=recipients/cn=f87f494a8d1d405d8a7b42a51dd5ab84-iris eugeni</t>
  </si>
  <si>
    <t>10/15/2019 15:35:44</t>
  </si>
  <si>
    <t>10/15/2019 15:40:21</t>
  </si>
  <si>
    <t>RES: Capitalização de Juros Setembro/2019</t>
  </si>
  <si>
    <t>Capitalização de Juros - Set19.xlsx</t>
  </si>
  <si>
    <t>10/15/2019 15:36:07</t>
  </si>
  <si>
    <t>10/15/2019 15:41:21</t>
  </si>
  <si>
    <t>/o=exchangelabs/ou=exchange administrative group (fydibohf23spdlt)/cn=recipients/cn=f2208b22da5b4bf3a5f4a7b9dfa2fd06-danilo marq;/o=nt5/ou=00000000000000000000000000000000/cn=836bc2b0b3c5d642bbd787d497d9cc6c;</t>
  </si>
  <si>
    <t>Necessidade P.As - Nov/19</t>
  </si>
  <si>
    <t>/o=exchangelabs/ou=exchange administrative group (fydibohf23spdlt)/cn=recipients/cn=f2208b22da5b4bf3a5f4a7b9dfa2fd06-danilo marq,/o=nt5/ou=00000000000000000000000000000000/cn=836bc2b0b3c5d642bbd787d497d9cc6c</t>
  </si>
  <si>
    <t>10/15/2019 15:45:44</t>
  </si>
  <si>
    <t>10/15/2019 15:47:20</t>
  </si>
  <si>
    <t>/o=exchangelabs/ou=exchange administrative group (fydibohf23spdlt)/cn=recipients/cn=214987ca45394b93a473a4e901f49d56-valmirian d;/o=exchangelabs/ou=exchange administrative group (fydibohf23spdlt)/cn=recipients/cn=283ab2773b36480c8295bf44ce724fb4-campinas -;/o=exchangelabs/ou=exchange administrative group (fydibohf23spdlt)/cn=recipients/cn=8a68993ff7644643abc5b38065655c1c-amaury silv;/o=exchangelabs/ou=exchange administrative group (fydibohf23spdlt)/cn=recipients/cn=af00c80bce784ca9bd95642b341cba0b-victor more;/o=exchangelabs/ou=exchange administrative group (fydibohf23spdlt)/cn=recipients/cn=bf4eddda9145453fb4e2bdb3c1b5ffbc-igor olivei;/o=exchangelabs/ou=exchange administrative group (fydibohf23spdlt)/cn=recipients/cn=group5e8db034;sabrinadtdmc@algartech.com;</t>
  </si>
  <si>
    <t>RES: Parcial Outbound - Fechamento 11/10/19</t>
  </si>
  <si>
    <t>Pesquisa IBI.xlsx</t>
  </si>
  <si>
    <t>/o=exchangelabs/ou=exchange administrative group (fydibohf23spdlt)/cn=recipients/cn=214987ca45394b93a473a4e901f49d56-valmirian d,/o=exchangelabs/ou=exchange administrative group (fydibohf23spdlt)/cn=recipients/cn=283ab2773b36480c8295bf44ce724fb4-campinas -,/o=exchangelabs/ou=exchange administrative group (fydibohf23spdlt)/cn=recipients/cn=8a68993ff7644643abc5b38065655c1c-amaury silv,/o=exchangelabs/ou=exchange administrative group (fydibohf23spdlt)/cn=recipients/cn=af00c80bce784ca9bd95642b341cba0b-victor more,/o=exchangelabs/ou=exchange administrative group (fydibohf23spdlt)/cn=recipients/cn=bf4eddda9145453fb4e2bdb3c1b5ffbc-igor olivei,/o=exchangelabs/ou=exchange administrative group (fydibohf23spdlt)/cn=recipients/cn=group5e8db034,sabrinadtdmc@algartech.com</t>
  </si>
  <si>
    <t>10/15/2019 15:45:57</t>
  </si>
  <si>
    <t>10/15/2019 15:51:21</t>
  </si>
  <si>
    <t>RES: Revisão serviços</t>
  </si>
  <si>
    <t>10/15/2019 15:46:19</t>
  </si>
  <si>
    <t>C:\Users\akassiablc.ACS\Documents\</t>
  </si>
  <si>
    <t>Contrato FMM.xlsx</t>
  </si>
  <si>
    <t>10/15/2019 15:46:36</t>
  </si>
  <si>
    <t>/o=exchangelabs/ou=exchange administrative group (fydibohf23spdlt)/cn=recipients/cn=6fbc44b6d6b549208175d5a27201bd13-cintia nune;</t>
  </si>
  <si>
    <t>ENC: Dados Site 1</t>
  </si>
  <si>
    <t>/o=exchangelabs/ou=exchange administrative group (fydibohf23spdlt)/cn=recipients/cn=6fbc44b6d6b549208175d5a27201bd13-cintia nune</t>
  </si>
  <si>
    <t>10/15/2019 15:48:35</t>
  </si>
  <si>
    <t>ENC: apresentação</t>
  </si>
  <si>
    <t>10/15/2019 15:48:40</t>
  </si>
  <si>
    <t>10/15/2019 15:53:21</t>
  </si>
  <si>
    <t>\\acsfs\dsti\CIT- Coordenação de Inteligência de Tecnologia\05 - Gerenciamento Orçamento e Contabilização\5. Contabilidade 2019\10. Outubro\Despesa Antecipada\Arrow_NF\</t>
  </si>
  <si>
    <t>Formulário Despesa Antecipada_CR 1107_arrow.xls</t>
  </si>
  <si>
    <t>10/15/2019 15:54:48</t>
  </si>
  <si>
    <t>10/15/2019 15:56:20</t>
  </si>
  <si>
    <t>10/15/2019 15:51:46</t>
  </si>
  <si>
    <t>Checklist</t>
  </si>
  <si>
    <t>Checklist Desenho de Solução - Gestão de Infra TIC.xlsx</t>
  </si>
  <si>
    <t>10/15/2019 15:56:03</t>
  </si>
  <si>
    <t>10/15/2019 15:57:21</t>
  </si>
  <si>
    <t>C:\04.orçamento DAF e PRE\orçamento 2020\Privado\</t>
  </si>
  <si>
    <t>10/15/2019 15:55:30</t>
  </si>
  <si>
    <t>10/15/2019 15:58:20</t>
  </si>
  <si>
    <t>/o=exchangelabs/ou=exchange administrative group (fydibohf23spdlt)/cn=recipients/cn=23e3be28ac6a4bbf8335736c953c7732-patrick luh;</t>
  </si>
  <si>
    <t>/o=exchangelabs/ou=exchange administrative group (fydibohf23spdlt)/cn=recipients/cn=23e3be28ac6a4bbf8335736c953c7732-patrick luh</t>
  </si>
  <si>
    <t>10/15/2019 15:59:01</t>
  </si>
  <si>
    <t>10/15/2019 16:00:20</t>
  </si>
  <si>
    <t>ENC: Solicitações Entendimento - Body shop</t>
  </si>
  <si>
    <t>PRINT NFS OEBS.xlsx</t>
  </si>
  <si>
    <t>10/15/2019 15:55:36</t>
  </si>
  <si>
    <t>mail.google.com/_/upload?authuser=1&amp;dcp=asu-n&amp;upload_id=AEnB2UolyVJ2iyNy2vL_JGuqC5KG3M2wlNBd-gqHl4oESIQMUYk1Q3E0pNd7DOBVOouCW8-H3qklgtdz0uu9pWD-Rvt77xNXJA&amp;upload_protocol=resumable</t>
  </si>
  <si>
    <t>C:\Users\tullyols\Desktop\</t>
  </si>
  <si>
    <t>HORA EXTRA.xlsx</t>
  </si>
  <si>
    <t>10/15/2019 15:57:01</t>
  </si>
  <si>
    <t>10/15/2019 16:02:20</t>
  </si>
  <si>
    <t>ENC: Faturamento Outubro/19 - Amazon</t>
  </si>
  <si>
    <t>10/15/2019 16:00:17</t>
  </si>
  <si>
    <t>mail.google.com/_/upload?authuser=0&amp;dcp=asu-n&amp;upload_id=AEnB2UojOoVgdLm8mRHtH0aKJFWuPco_-gWs0amPyu7i0btOirvq4Z1PKyS_bmFDnlJd5WvAhXCtLJKduDCn6RYbjHqtgJI0Qw&amp;upload_protocol=resumable</t>
  </si>
  <si>
    <t>C:\Users\fabriciovs\Desktop\</t>
  </si>
  <si>
    <t>10/15/2019 16:00:39</t>
  </si>
  <si>
    <t>10/15/2019 16:04:20</t>
  </si>
  <si>
    <t>/o=exchangelabs/ou=exchange administrative group (fydibohf23spdlt)/cn=recipients/cn=ed4af2f11ff34c02ba04f39acb2813c2-rafael tega;/o=exchangelabs/ou=exchange administrative group (fydibohf23spdlt)/cn=recipients/cn=f87f494a8d1d405d8a7b42a51dd5ab84-iris eugeni;</t>
  </si>
  <si>
    <t>ENC: Comitê Crescimento Cliente Caixa</t>
  </si>
  <si>
    <t>206389_PrecoCrescimento60Posicoes30provisorias_v2.xlsb</t>
  </si>
  <si>
    <t>/o=exchangelabs/ou=exchange administrative group (fydibohf23spdlt)/cn=recipients/cn=ed4af2f11ff34c02ba04f39acb2813c2-rafael tega,/o=exchangelabs/ou=exchange administrative group (fydibohf23spdlt)/cn=recipients/cn=f87f494a8d1d405d8a7b42a51dd5ab84-iris eugeni</t>
  </si>
  <si>
    <t>10/15/2019 16:01:04</t>
  </si>
  <si>
    <t>10/15/2019 16:06:21</t>
  </si>
  <si>
    <t>Premissas RFP_Outubro_19_CC (002).xlsx</t>
  </si>
  <si>
    <t>10/15/2019 16:02:15</t>
  </si>
  <si>
    <t>Propostas Sicoob e Whirpool</t>
  </si>
  <si>
    <t>Proposta Sicoob.pptx\</t>
  </si>
  <si>
    <t>10/15/2019 16:04:42</t>
  </si>
  <si>
    <t>Senso critico regulamentado.xlsx</t>
  </si>
  <si>
    <t>10/15/2019 16:03:51</t>
  </si>
  <si>
    <t>10/15/2019 16:09:21</t>
  </si>
  <si>
    <t>/o=exchangelabs/ou=exchange administrative group (fydibohf23spdlt)/cn=recipients/cn=feb3ce92cf2241e2acdd354ac87520ed-carlos edua;</t>
  </si>
  <si>
    <t>/o=exchangelabs/ou=exchange administrative group (fydibohf23spdlt)/cn=recipients/cn=feb3ce92cf2241e2acdd354ac87520ed-carlos edua</t>
  </si>
  <si>
    <t>10/15/2019 16:05:29</t>
  </si>
  <si>
    <t>/o=exchangelabs/ou=exchange administrative group (fydibohf23spdlt)/cn=recipients/cn=545f738e0fe740ba856f4eb6ef0135e0-vinicius si;/o=exchangelabs/ou=exchange administrative group (fydibohf23spdlt)/cn=recipients/cn=5dc660c055e14f5ab5647ab38237cbdc-eduardo aug;/o=exchangelabs/ou=exchange administrative group (fydibohf23spdlt)/cn=recipients/cn=81f72ed6e9d042e3bed0cec08d488854-vinicius go;/o=exchangelabs/ou=exchange administrative group (fydibohf23spdlt)/cn=recipients/cn=8e4869266a924042a8d9b8e9156c0081-gilson da s;/o=exchangelabs/ou=exchange administrative group (fydibohf23spdlt)/cn=recipients/cn=a72a765de829420582b78941417073ac-karina rodr;/o=exchangelabs/ou=exchange administrative group (fydibohf23spdlt)/cn=recipients/cn=c29ec9dae022497281c840087cccddec-patricia ar;/o=exchangelabs/ou=exchange administrative group (fydibohf23spdlt)/cn=recipients/cn=usere11ed38c;</t>
  </si>
  <si>
    <t>RES Revisão serviços.msg\s1\</t>
  </si>
  <si>
    <t>/o=exchangelabs/ou=exchange administrative group (fydibohf23spdlt)/cn=recipients/cn=545f738e0fe740ba856f4eb6ef0135e0-vinicius si,/o=exchangelabs/ou=exchange administrative group (fydibohf23spdlt)/cn=recipients/cn=5dc660c055e14f5ab5647ab38237cbdc-eduardo aug,/o=exchangelabs/ou=exchange administrative group (fydibohf23spdlt)/cn=recipients/cn=81f72ed6e9d042e3bed0cec08d488854-vinicius go,/o=exchangelabs/ou=exchange administrative group (fydibohf23spdlt)/cn=recipients/cn=8e4869266a924042a8d9b8e9156c0081-gilson da s,/o=exchangelabs/ou=exchange administrative group (fydibohf23spdlt)/cn=recipients/cn=a72a765de829420582b78941417073ac-karina rodr,/o=exchangelabs/ou=exchange administrative group (fydibohf23spdlt)/cn=recipients/cn=c29ec9dae022497281c840087cccddec-patricia ar,/o=exchangelabs/ou=exchange administrative group (fydibohf23spdlt)/cn=recipients/cn=usere11ed38c</t>
  </si>
  <si>
    <t>10/15/2019 16:06:22</t>
  </si>
  <si>
    <t>10/15/2019 16:11:21</t>
  </si>
  <si>
    <t>/o=exchangelabs/ou=exchange administrative group (fydibohf23spdlt)/cn=recipients/cn=6fbc44b6d6b549208175d5a27201bd13-cintia nune;/o=exchangelabs/ou=exchange administrative group (fydibohf23spdlt)/cn=recipients/cn=c94f984236114f79aef3c3ce07971988-leticia gom;</t>
  </si>
  <si>
    <t>Capitalização</t>
  </si>
  <si>
    <t>FTE_Caixa_Out19.xlsb</t>
  </si>
  <si>
    <t>/o=exchangelabs/ou=exchange administrative group (fydibohf23spdlt)/cn=recipients/cn=6fbc44b6d6b549208175d5a27201bd13-cintia nune,/o=exchangelabs/ou=exchange administrative group (fydibohf23spdlt)/cn=recipients/cn=c94f984236114f79aef3c3ce07971988-leticia gom</t>
  </si>
  <si>
    <t>10/15/2019 16:12:22</t>
  </si>
  <si>
    <t>10/15/2019 16:14:21</t>
  </si>
  <si>
    <t>10/15/2019 16:14:08</t>
  </si>
  <si>
    <t>10/15/2019 16:15:22</t>
  </si>
  <si>
    <t>Apuração Mexico_03.xlsx</t>
  </si>
  <si>
    <t>10/15/2019 16:13:16</t>
  </si>
  <si>
    <t>10/15/2019 16:17:22</t>
  </si>
  <si>
    <t>10/15/2019 16:23:37</t>
  </si>
  <si>
    <t>10/15/2019 16:27:22</t>
  </si>
  <si>
    <t>10/15/2019 16:24:57</t>
  </si>
  <si>
    <t>10/15/2019 16:32:03</t>
  </si>
  <si>
    <t>10/15/2019 16:32:22</t>
  </si>
  <si>
    <t>10/15/2019 16:31:56</t>
  </si>
  <si>
    <t>10/15/2019 16:35:22</t>
  </si>
  <si>
    <t>mail.google.com/_/upload?authuser=0&amp;dcp=asu-n&amp;upload_id=AEnB2UrjPIOi5m4yrDJRyri9xA3pXkxffHut2rDqKTkg_Ql2DsGLCDvGCmuzNT9qIxyHbgHEAQOJGTh4fWtmR96NeJhmpfuM0g&amp;upload_protocol=resumable</t>
  </si>
  <si>
    <t>C:\Users\filemoncmj\Downloads\LPU PC's - Update taxa 4,09 - Valido até 17_10_19.eml\</t>
  </si>
  <si>
    <t>Planilha NF Espelho - LPU PC's - Tech - To Area.xlsx</t>
  </si>
  <si>
    <t>10/15/2019 16:32:35</t>
  </si>
  <si>
    <t>10/15/2019 16:37:22</t>
  </si>
  <si>
    <t>10/15/2019 16:33:36</t>
  </si>
  <si>
    <t>10/15/2019 16:36:40</t>
  </si>
  <si>
    <t>10/15/2019 16:38:13</t>
  </si>
  <si>
    <t>10/15/2019 16:40:22</t>
  </si>
  <si>
    <t>Oportunidades Argentina</t>
  </si>
  <si>
    <t>19_10_15_ Pipeline Comentado_Argentina.xlsx</t>
  </si>
  <si>
    <t>10/15/2019 16:38:19</t>
  </si>
  <si>
    <t>/o=exchangelabs/ou=exchange administrative group (fydibohf23spdlt)/cn=recipients/cn=1a891a11d41b4f2490d38c4920393403-hernan edua;/o=exchangelabs/ou=exchange administrative group (fydibohf23spdlt)/cn=recipients/cn=31530e847059489c86826d7f6601733b-yuly alejan;/o=exchangelabs/ou=exchange administrative group (fydibohf23spdlt)/cn=recipients/cn=372a4aee70df4061aed129651510b96b-raul montei;/o=exchangelabs/ou=exchange administrative group (fydibohf23spdlt)/cn=recipients/cn=3bdfcd7a3ede48d981b85e898ea82c77-pedro alfon;/o=exchangelabs/ou=exchange administrative group (fydibohf23spdlt)/cn=recipients/cn=88cfe72c15cd402bb9c857655af0f1c2-mauricio mo;/o=exchangelabs/ou=exchange administrative group (fydibohf23spdlt)/cn=recipients/cn=cd2f6a42331c43af8f518d787df888b8-diana milei;/o=exchangelabs/ou=exchange administrative group (fydibohf23spdlt)/cn=recipients/cn=dc2c5efff31d437e832479c059a1cb66-gonzalo art;/o=exchangelabs/ou=exchange administrative group (fydibohf23spdlt)/cn=recipients/cn=f7ce32d4dd56453fa44b9dcb07f56da4-dani</t>
  </si>
  <si>
    <t>Oportunidades Colombia</t>
  </si>
  <si>
    <t>19_10_15_ Pipeline Comentado_Colombia.xlsx</t>
  </si>
  <si>
    <t>/o=exchangelabs/ou=exchange administrative group (fydibohf23spdlt)/cn=recipients/cn=1a891a11d41b4f2490d38c4920393403-hernan edua,/o=exchangelabs/ou=exchange administrative group (fydibohf23spdlt)/cn=recipients/cn=31530e847059489c86826d7f6601733b-yuly alejan,/o=exchangelabs/ou=exchange administrative group (fydibohf23spdlt)/cn=recipients/cn=372a4aee70df4061aed129651510b96b-raul montei,/o=exchangelabs/ou=exchange administrative group (fydibohf23spdlt)/cn=recipients/cn=3bdfcd7a3ede48d981b85e898ea82c77-pedro alfon,/o=exchangelabs/ou=exchange administrative group (fydibohf23spdlt)/cn=recipients/cn=88cfe72c15cd402bb9c857655af0f1c2-mauricio mo,/o=exchangelabs/ou=exchange administrative group (fydibohf23spdlt)/cn=recipients/cn=cd2f6a42331c43af8f518d787df888b8-diana milei,/o=exchangelabs/ou=exchange administrative group (fydibohf23spdlt)/cn=recipients/cn=dc2c5efff31d437e832479c059a1cb66-gonzalo art,/o=exchangelabs/ou=exchange administrative group (fydibohf23spdlt)/cn=recipients/cn=f7ce32d4dd56453fa44b9dcb07f56da4-dani</t>
  </si>
  <si>
    <t>10/15/2019 16:38:24</t>
  </si>
  <si>
    <t>/o=exchangelabs/ou=exchange administrative group (fydibohf23spdlt)/cn=recipients/cn=372a4aee70df4061aed129651510b96b-raul montei;/o=exchangelabs/ou=exchange administrative group (fydibohf23spdlt)/cn=recipients/cn=7b70aa18debb49fb8da0f7282594e513-ricardo ale;/o=exchangelabs/ou=exchange administrative group (fydibohf23spdlt)/cn=recipients/cn=909e770c97ed4b8fa033c30357f65607-juan carlos;/o=exchangelabs/ou=exchange administrative group (fydibohf23spdlt)/cn=recipients/cn=cd3b5b481f524fe68902e02768910038-koldo alcal;/o=exchangelabs/ou=exchange administrative group (fydibohf23spdlt)/cn=recipients/cn=ec75236071b94f8daccab087f036e1c7-maria guada;</t>
  </si>
  <si>
    <t>Oportunidades Mexico</t>
  </si>
  <si>
    <t>19_10_15_ Pipeline Comentado_Mexico.xlsx</t>
  </si>
  <si>
    <t>/o=exchangelabs/ou=exchange administrative group (fydibohf23spdlt)/cn=recipients/cn=372a4aee70df4061aed129651510b96b-raul montei,/o=exchangelabs/ou=exchange administrative group (fydibohf23spdlt)/cn=recipients/cn=7b70aa18debb49fb8da0f7282594e513-ricardo ale,/o=exchangelabs/ou=exchange administrative group (fydibohf23spdlt)/cn=recipients/cn=909e770c97ed4b8fa033c30357f65607-juan carlos,/o=exchangelabs/ou=exchange administrative group (fydibohf23spdlt)/cn=recipients/cn=cd3b5b481f524fe68902e02768910038-koldo alcal,/o=exchangelabs/ou=exchange administrative group (fydibohf23spdlt)/cn=recipients/cn=ec75236071b94f8daccab087f036e1c7-maria guada</t>
  </si>
  <si>
    <t>10/15/2019 16:39:30</t>
  </si>
  <si>
    <t>10/15/2019 16:43:21</t>
  </si>
  <si>
    <t>10/15/2019 16:40:08</t>
  </si>
  <si>
    <t>10/15/2019 16:40:12</t>
  </si>
  <si>
    <t>10/15/2019 16:40:40</t>
  </si>
  <si>
    <t>10/15/2019 16:42:14</t>
  </si>
  <si>
    <t>10/15/2019 16:42:16</t>
  </si>
  <si>
    <t>C:\Users\nadiagds\OneDrive - Grupo Algar\Mesa Digital\ISD_Análise\Projeto ISD - Sage\</t>
  </si>
  <si>
    <t>Projeto_ISD_Sage_V1.xlsx</t>
  </si>
  <si>
    <t>10/15/2019 16:39:33</t>
  </si>
  <si>
    <t>54-BF-64-F5-7F-36</t>
  </si>
  <si>
    <t>/o=exchangelabs/ou=exchange administrative group (fydibohf23spdlt)/cn=recipients/cn=6aec868a1978426493723fb76866b007-adenilton d;</t>
  </si>
  <si>
    <t>10deOutubro.xls</t>
  </si>
  <si>
    <t>/o=exchangelabs/ou=exchange administrative group (fydibohf23spdlt)/cn=recipients/cn=6aec868a1978426493723fb76866b007-adenilton d</t>
  </si>
  <si>
    <t>10/15/2019 16:42:33</t>
  </si>
  <si>
    <t>10/15/2019 16:48:22</t>
  </si>
  <si>
    <t>10/15/2019 16:42:41</t>
  </si>
  <si>
    <t>10/15/2019 16:42:50</t>
  </si>
  <si>
    <t>10/15/2019 16:44:41</t>
  </si>
  <si>
    <t>10/15/2019 16:44:22</t>
  </si>
  <si>
    <t>10/15/2019 16:49:22</t>
  </si>
  <si>
    <t>Associados sem ID Telefonico</t>
  </si>
  <si>
    <t>CH657_20191015_164308.xls</t>
  </si>
  <si>
    <t>10/15/2019 16:49:11</t>
  </si>
  <si>
    <t>10/15/2019 16:54:22</t>
  </si>
  <si>
    <t>GRC_Resultado.xlsb</t>
  </si>
  <si>
    <t>10/15/2019 16:50:20</t>
  </si>
  <si>
    <t>10/15/2019 16:56:21</t>
  </si>
  <si>
    <t>10/15/2019 17:00:22</t>
  </si>
  <si>
    <t>mail.google.com/_/upload?authuser=1&amp;dcp=asu-n&amp;upload_id=AEnB2UpSvkEzotPbIDvDlJMG6ApxiGW1ZuEh6gFcL3tH5LKnuRfZ6ruzPTsYEdVkZfDrz_8ao8N4c0t7PQAxHIMDcV2R77NwoQ&amp;upload_protocol=resumable</t>
  </si>
  <si>
    <t>CLIENTE AUSENTE OUTUBRO.xlsx</t>
  </si>
  <si>
    <t>10/15/2019 16:58:13</t>
  </si>
  <si>
    <t>ENC: ACOMPANHAMENTO ANALISE CRITICA - PREMIUM CONTESTAÇÃO</t>
  </si>
  <si>
    <t>ANALISE CRITICA.xlsb</t>
  </si>
  <si>
    <t>10/15/2019 16:57:03</t>
  </si>
  <si>
    <t>10/15/2019 17:02:21</t>
  </si>
  <si>
    <t>C:\Users\rodrigombu\OneDrive - Grupo Algar\Whirlpool\2019\06 - Junho\Arquivo\</t>
  </si>
  <si>
    <t>Arvore de Categorizacao SAC 2019 - Enviada Processo 10-06-19 - .xls</t>
  </si>
  <si>
    <t>10/15/2019 16:59:53</t>
  </si>
  <si>
    <t>10/15/2019 17:00:33</t>
  </si>
  <si>
    <t>10/15/2019 17:05:21</t>
  </si>
  <si>
    <t>Cópia de UPH FILAS (004).xlsb</t>
  </si>
  <si>
    <t>10/15/2019 17:02:48</t>
  </si>
  <si>
    <t>10/15/2019 17:07:21</t>
  </si>
  <si>
    <t>10/15/2019 17:10:44</t>
  </si>
  <si>
    <t>10/15/2019 17:12:22</t>
  </si>
  <si>
    <t>/o=exchangelabs/ou=exchange administrative group (fydibohf23spdlt)/cn=recipients/cn=43d9f2264b734703a19375014d045e3d-gilson alve;/o=exchangelabs/ou=exchange administrative group (fydibohf23spdlt)/cn=recipients/cn=518109802f95454588121e2ff09bd792-marcio roge;</t>
  </si>
  <si>
    <t>RES: Linhas Telefones GST</t>
  </si>
  <si>
    <t>Relação Telefones TIM - MG.zip\</t>
  </si>
  <si>
    <t>Rela‡Æo Telefones TIM - MG.xlsx</t>
  </si>
  <si>
    <t>/o=exchangelabs/ou=exchange administrative group (fydibohf23spdlt)/cn=recipients/cn=43d9f2264b734703a19375014d045e3d-gilson alve,/o=exchangelabs/ou=exchange administrative group (fydibohf23spdlt)/cn=recipients/cn=518109802f95454588121e2ff09bd792-marcio roge</t>
  </si>
  <si>
    <t>10/15/2019 17:08:54</t>
  </si>
  <si>
    <t>10/15/2019 17:13:21</t>
  </si>
  <si>
    <t>10/15/2019 17:11:56</t>
  </si>
  <si>
    <t>10/15/2019 17:12:27</t>
  </si>
  <si>
    <t>10/15/2019 17:16:21</t>
  </si>
  <si>
    <t>Treinamentos Set-Out.xls</t>
  </si>
  <si>
    <t>10/15/2019 17:11:23</t>
  </si>
  <si>
    <t>10/15/2019 17:11:24</t>
  </si>
  <si>
    <t>10/15/2019 17:15:17</t>
  </si>
  <si>
    <t>10/15/2019 17:15:51</t>
  </si>
  <si>
    <t>10/15/2019 17:17:21</t>
  </si>
  <si>
    <t>/o=exchangelabs/ou=exchange administrative group (fydibohf23spdlt)/cn=recipients/cn=34a28d636a1b4c86b1ec79baed4b846a-marco anton;/o=exchangelabs/ou=exchange administrative group (fydibohf23spdlt)/cn=recipients/cn=a27fa8e27f784e18b4732301ab7a6457-luciana sil;</t>
  </si>
  <si>
    <t>213387_Kimberly_Field2020_v1_(C017_B017).xlsb</t>
  </si>
  <si>
    <t>/o=exchangelabs/ou=exchange administrative group (fydibohf23spdlt)/cn=recipients/cn=34a28d636a1b4c86b1ec79baed4b846a-marco anton,/o=exchangelabs/ou=exchange administrative group (fydibohf23spdlt)/cn=recipients/cn=a27fa8e27f784e18b4732301ab7a6457-luciana sil</t>
  </si>
  <si>
    <t>10/15/2019 17:16:17</t>
  </si>
  <si>
    <t>10/15/2019 17:20:21</t>
  </si>
  <si>
    <t>antoniojr@algartech.com;cristinahe@algartech.com;daianeml@algartech.com;denisemso@algartech.com;eunice.pimenta@algartech.com;fernandodps@algartech.com;gabrielaf@algartech.com;rafaelaas@algartech.com;ricardomi@algartech.com;</t>
  </si>
  <si>
    <t>Resumo orçamento.xls</t>
  </si>
  <si>
    <t>antoniojr@algartech.com,cristinahe@algartech.com,daianeml@algartech.com,denisemso@algartech.com,eunice.pimenta@algartech.com,fernandodps@algartech.com,gabrielaf@algartech.com,rafaelaas@algartech.com,ricardomi@algartech.com</t>
  </si>
  <si>
    <t>10/15/2019 17:17:16</t>
  </si>
  <si>
    <t>10/15/2019 17:21:21</t>
  </si>
  <si>
    <t>/o=exchangelabs/ou=exchange administrative group (fydibohf23spdlt)/cn=recipients/cn=6123ad995eff4f77aafea5ab16f18aa3-renata beze;</t>
  </si>
  <si>
    <t>intra</t>
  </si>
  <si>
    <t>Intradiário-SAC - V2 - 15-de-Out.xlsm</t>
  </si>
  <si>
    <t>/o=exchangelabs/ou=exchange administrative group (fydibohf23spdlt)/cn=recipients/cn=6123ad995eff4f77aafea5ab16f18aa3-renata beze</t>
  </si>
  <si>
    <t>10/15/2019 17:22:28</t>
  </si>
  <si>
    <t>10/15/2019 17:23:21</t>
  </si>
  <si>
    <t>/o=exchangelabs/ou=exchange administrative group (fydibohf23spdlt)/cn=recipients/cn=2b69c7de1a3641269a7eed0596e1ddc2-wayner oliv;/o=exchangelabs/ou=exchange administrative group (fydibohf23spdlt)/cn=recipients/cn=42aadbe8775e4c2cb37c145f9d092a4e-carlos west;/o=exchangelabs/ou=exchange administrative group (fydibohf23spdlt)/cn=recipients/cn=518109802f95454588121e2ff09bd792-marcio roge;/o=exchangelabs/ou=exchange administrative group (fydibohf23spdlt)/cn=recipients/cn=55124587bb9148f5887830eedfe99a77-marilia men;/o=exchangelabs/ou=exchange administrative group (fydibohf23spdlt)/cn=recipients/cn=57f57523b47440868fdef2c0ecd04b26-gustavo ram;/o=exchangelabs/ou=exchange administrative group (fydibohf23spdlt)/cn=recipients/cn=70e2459b159e4310a146fb066da838d6-luciano per;</t>
  </si>
  <si>
    <t>RES: Linhas TIM - Inoperantes.</t>
  </si>
  <si>
    <t>LEVANTAMENTO TIM MOVEL_OUT19_MARILIA.xlsx</t>
  </si>
  <si>
    <t>/o=exchangelabs/ou=exchange administrative group (fydibohf23spdlt)/cn=recipients/cn=2b69c7de1a3641269a7eed0596e1ddc2-wayner oliv,/o=exchangelabs/ou=exchange administrative group (fydibohf23spdlt)/cn=recipients/cn=42aadbe8775e4c2cb37c145f9d092a4e-carlos west,/o=exchangelabs/ou=exchange administrative group (fydibohf23spdlt)/cn=recipients/cn=518109802f95454588121e2ff09bd792-marcio roge,/o=exchangelabs/ou=exchange administrative group (fydibohf23spdlt)/cn=recipients/cn=55124587bb9148f5887830eedfe99a77-marilia men,/o=exchangelabs/ou=exchange administrative group (fydibohf23spdlt)/cn=recipients/cn=57f57523b47440868fdef2c0ecd04b26-gustavo ram,/o=exchangelabs/ou=exchange administrative group (fydibohf23spdlt)/cn=recipients/cn=70e2459b159e4310a146fb066da838d6-luciano per</t>
  </si>
  <si>
    <t>10/15/2019 17:24:16</t>
  </si>
  <si>
    <t>10/15/2019 17:25:21</t>
  </si>
  <si>
    <t>ENC: &gt;&gt;&gt; Sua PLR - pendência nas suas metas &lt;&lt;&lt;</t>
  </si>
  <si>
    <t>Staff 4.0 - entregas Vilarinho_EmailJeci9.10.19.xlsx</t>
  </si>
  <si>
    <t>10/15/2019 17:27:23</t>
  </si>
  <si>
    <t>10/15/2019 17:30:21</t>
  </si>
  <si>
    <t>/o=exchangelabs/ou=exchange administrative group (fydibohf23spdlt)/cn=recipients/cn=ba307e7ec0fc4bdbb07006aa828c05f7-carina ferr;/o=exchangelabs/ou=exchange administrative group (fydibohf23spdlt)/cn=recipients/cn=d1d015f213f648abbf348b5ccdf8e9d9-senilda per;</t>
  </si>
  <si>
    <t>ENC: Relatório BPM - Diário</t>
  </si>
  <si>
    <t>/o=exchangelabs/ou=exchange administrative group (fydibohf23spdlt)/cn=recipients/cn=ba307e7ec0fc4bdbb07006aa828c05f7-carina ferr,/o=exchangelabs/ou=exchange administrative group (fydibohf23spdlt)/cn=recipients/cn=d1d015f213f648abbf348b5ccdf8e9d9-senilda per</t>
  </si>
  <si>
    <t>10/15/2019 17:28:20</t>
  </si>
  <si>
    <t>antoniojr@algartech.com;cristinahe@algartech.com;daiane.alves@bradesco.com.br;daianeml@algartech.com;denisemso@algartech.com;eunice.pimenta@algartech.com;fernandodps@algartech.com;gabrielaf@algartech.com;leandrolds@algartech.com;rafaelaas@algartech.com;ricardomi@algartech.com;</t>
  </si>
  <si>
    <t>Horas extras UCB.xlsx</t>
  </si>
  <si>
    <t>antoniojr@algartech.com,cristinahe@algartech.com,daiane.alves@bradesco.com.br,daianeml@algartech.com,denisemso@algartech.com,eunice.pimenta@algartech.com,fernandodps@algartech.com,gabrielaf@algartech.com,leandrolds@algartech.com,rafaelaas@algartech.com,ricardomi@algartech.com</t>
  </si>
  <si>
    <t>10/15/2019 17:25:24</t>
  </si>
  <si>
    <t>10.200.57.213</t>
  </si>
  <si>
    <t>54-BF-64-F5-7E-66</t>
  </si>
  <si>
    <t>/o=exchangelabs/ou=exchange administrative group (fydibohf23spdlt)/cn=recipients/cn=33eadc062e4e444685992c7de4b20cbb-ana carolin;/o=exchangelabs/ou=exchange administrative group (fydibohf23spdlt)/cn=recipients/cn=8c253c95243a40aa99c9416b7eb70a2a-julio cesar;/o=exchangelabs/ou=exchange administrative group (fydibohf23spdlt)/cn=recipients/cn=e46cd96e8e9e452c8cc8ba65a6c4ec57-gustavo hen;</t>
  </si>
  <si>
    <t>RES: CONFIDENCIAL - Nova estrutura</t>
  </si>
  <si>
    <t>/o=exchangelabs/ou=exchange administrative group (fydibohf23spdlt)/cn=recipients/cn=33eadc062e4e444685992c7de4b20cbb-ana carolin,/o=exchangelabs/ou=exchange administrative group (fydibohf23spdlt)/cn=recipients/cn=8c253c95243a40aa99c9416b7eb70a2a-julio cesar,/o=exchangelabs/ou=exchange administrative group (fydibohf23spdlt)/cn=recipients/cn=e46cd96e8e9e452c8cc8ba65a6c4ec57-gustavo hen</t>
  </si>
  <si>
    <t>10/15/2019 17:27:16</t>
  </si>
  <si>
    <t>mail.google.com/_/upload?authuser=1&amp;dcp=asu-n&amp;upload_id=AEnB2Uq7KsJo7_UC9wxsXqZ6S6VW5uIQeE5j8EkdHA1bfHvFsbwKLNyA8PWeLcQw307hEdtJ9bMzHpptvBsKkmtt0YQfgKp3sQ&amp;upload_protocol=resumable</t>
  </si>
  <si>
    <t>ARMÁRIOS X POSIÇÕES.xlsx</t>
  </si>
  <si>
    <t>10/15/2019 17:34:26</t>
  </si>
  <si>
    <t>10/15/2019 17:37:22</t>
  </si>
  <si>
    <t>RV - Apuração</t>
  </si>
  <si>
    <t>RV Para apuração v5.xlsx</t>
  </si>
  <si>
    <t>10/15/2019 17:35:24</t>
  </si>
  <si>
    <t>douglas.vidal@dell.com;fabio.faria@dell.com;leonardo.lopes@dell.com;</t>
  </si>
  <si>
    <t>LPU ALGAR - R640 -Fabricio - 20092019 (2).xlsm</t>
  </si>
  <si>
    <t>douglas.vidal@dell.com,fabio.faria@dell.com,leonardo.lopes@dell.com</t>
  </si>
  <si>
    <t>10/15/2019 17:35:25</t>
  </si>
  <si>
    <t>mail.google.com/_/upload?authuser=0&amp;dcp=asu-n&amp;upload_id=AEnB2UpenLCbcmUDQfut7rIX21iXBxFqEQM5lE_Vv-PliDsArugD89ZZy10DSc7zTorCLkc6do2c7z-jGa18xZcjg9Fef0si9g&amp;upload_protocol=resumable</t>
  </si>
  <si>
    <t>C:\Users\fabriciovs\Desktop\Upgrade Dac Avalicação Servidores\</t>
  </si>
  <si>
    <t>10/15/2019 17:37:01</t>
  </si>
  <si>
    <t>10/15/2019 17:32:40</t>
  </si>
  <si>
    <t>ENC: ALGAR - Forecast Bradescard P2 - Setembro/19</t>
  </si>
  <si>
    <t>ALGAR TA P2_201909.xlsx</t>
  </si>
  <si>
    <t>10/15/2019 17:38:15</t>
  </si>
  <si>
    <t>10/15/2019 17:39:22</t>
  </si>
  <si>
    <t>/o=exchangelabs/ou=exchange administrative group (fydibohf23spdlt)/cn=recipients/cn=168e05cabbf14ae289464a0c09955b31-sara ferrei;/o=exchangelabs/ou=exchange administrative group (fydibohf23spdlt)/cn=recipients/cn=18538d61f6f342f7a3d2db08df47d617-vanusa prec;/o=exchangelabs/ou=exchange administrative group (fydibohf23spdlt)/cn=recipients/cn=54abac0a4fdc4ad1bec39bb51d85eab1-victor hugo;/o=exchangelabs/ou=exchange administrative group (fydibohf23spdlt)/cn=recipients/cn=97bf0b4d6b424f9fbf91192510276150-renata de o;/o=exchangelabs/ou=exchange administrative group (fydibohf23spdlt)/cn=recipients/cn=b144f37bc5a4455085d413d0b7993628-daniela de;</t>
  </si>
  <si>
    <t>/o=exchangelabs/ou=exchange administrative group (fydibohf23spdlt)/cn=recipients/cn=168e05cabbf14ae289464a0c09955b31-sara ferrei,/o=exchangelabs/ou=exchange administrative group (fydibohf23spdlt)/cn=recipients/cn=18538d61f6f342f7a3d2db08df47d617-vanusa prec,/o=exchangelabs/ou=exchange administrative group (fydibohf23spdlt)/cn=recipients/cn=54abac0a4fdc4ad1bec39bb51d85eab1-victor hugo,/o=exchangelabs/ou=exchange administrative group (fydibohf23spdlt)/cn=recipients/cn=97bf0b4d6b424f9fbf91192510276150-renata de o,/o=exchangelabs/ou=exchange administrative group (fydibohf23spdlt)/cn=recipients/cn=b144f37bc5a4455085d413d0b7993628-daniela de</t>
  </si>
  <si>
    <t>10/15/2019 17:35:19</t>
  </si>
  <si>
    <t>10/15/2019 17:41:21</t>
  </si>
  <si>
    <t>/o=exchangelabs/ou=exchange administrative group (fydibohf23spdlt)/cn=recipients/cn=26af92a74b81427bb68e619749cf4c27-nayara cris;/o=exchangelabs/ou=exchange administrative group (fydibohf23spdlt)/cn=recipients/cn=6857e7b89b5f46e3b6aed2352ac8d5ac-carlos albe;/o=exchangelabs/ou=exchange administrative group (fydibohf23spdlt)/cn=recipients/cn=823ff3c9d5fe49399d544dd8d287e4b4-alexandre m;/o=exchangelabs/ou=exchange administrative group (fydibohf23spdlt)/cn=recipients/cn=d6cce5a70d504cc2ad89cee834cd59a9-luciana rib;</t>
  </si>
  <si>
    <t>RES: Toyota Recall</t>
  </si>
  <si>
    <t>BP_v1 - 6 Meses - com Telco - vf.xlsb</t>
  </si>
  <si>
    <t>/o=exchangelabs/ou=exchange administrative group (fydibohf23spdlt)/cn=recipients/cn=26af92a74b81427bb68e619749cf4c27-nayara cris,/o=exchangelabs/ou=exchange administrative group (fydibohf23spdlt)/cn=recipients/cn=6857e7b89b5f46e3b6aed2352ac8d5ac-carlos albe,/o=exchangelabs/ou=exchange administrative group (fydibohf23spdlt)/cn=recipients/cn=823ff3c9d5fe49399d544dd8d287e4b4-alexandre m,/o=exchangelabs/ou=exchange administrative group (fydibohf23spdlt)/cn=recipients/cn=d6cce5a70d504cc2ad89cee834cd59a9-luciana rib</t>
  </si>
  <si>
    <t>10/15/2019 17:40:05</t>
  </si>
  <si>
    <t>/o=exchangelabs/ou=exchange administrative group (fydibohf23spdlt)/cn=recipients/cn=2144abc9537143519f505fcb8550b74c-juliana emi;</t>
  </si>
  <si>
    <t>ENC: Convidados para GoAgileNow - Tribo de Atendimento</t>
  </si>
  <si>
    <t>2019-10-16-GoAgileNow.xlsx</t>
  </si>
  <si>
    <t>/o=exchangelabs/ou=exchange administrative group (fydibohf23spdlt)/cn=recipients/cn=2144abc9537143519f505fcb8550b74c-juliana emi</t>
  </si>
  <si>
    <t>10/15/2019 17:55:38</t>
  </si>
  <si>
    <t>10/15/2019 17:58:21</t>
  </si>
  <si>
    <t>/o=exchangelabs/ou=exchange administrative group (fydibohf23spdlt)/cn=recipients/cn=b67cad4ecfa344baaa94d716e7554f49-bruno camel;</t>
  </si>
  <si>
    <t>modelo RPT</t>
  </si>
  <si>
    <t>76759 FERRAMENTA FALCON_JEFFERSON BORGES FERREIRA_02-10-2019_1.xlsm</t>
  </si>
  <si>
    <t>/o=exchangelabs/ou=exchange administrative group (fydibohf23spdlt)/cn=recipients/cn=b67cad4ecfa344baaa94d716e7554f49-bruno camel</t>
  </si>
  <si>
    <t>10/15/2019 17:57:54</t>
  </si>
  <si>
    <t>10/15/2019 18:01:21</t>
  </si>
  <si>
    <t>/o=exchangelabs/ou=exchange administrative group (fydibohf23spdlt)/cn=recipients/cn=d1bcfb1498124af49c7d3ae622d9e2da-iara agosti;</t>
  </si>
  <si>
    <t>ENC: TAP atualizada</t>
  </si>
  <si>
    <t>/o=exchangelabs/ou=exchange administrative group (fydibohf23spdlt)/cn=recipients/cn=d1bcfb1498124af49c7d3ae622d9e2da-iara agosti</t>
  </si>
  <si>
    <t>10/15/2019 17:59:54</t>
  </si>
  <si>
    <t>Cadastrar</t>
  </si>
  <si>
    <t>10/15/2019 17:58:59</t>
  </si>
  <si>
    <t>10/15/2019 18:02:21</t>
  </si>
  <si>
    <t>mail.google.com/_/upload?authuser=0&amp;dcp=asu-n&amp;upload_id=AEnB2UqQb3za9WSYIFC0rYHE0EvcBGTdQl429NfhpuHqAnoEtdmWFC6wKy-f9IuZyQa9b1OlE7KqsH3keWhlhsGFQ4UINZ3GVg&amp;upload_protocol=resumable</t>
  </si>
  <si>
    <t>10/15/2019 18:03:58</t>
  </si>
  <si>
    <t>10/15/2019 18:08:21</t>
  </si>
  <si>
    <t>LP GAT PPE + AS IS</t>
  </si>
  <si>
    <t>10/15/2019 18:04:54</t>
  </si>
  <si>
    <t>10/15/2019 18:10:12</t>
  </si>
  <si>
    <t>10/15/2019 18:10:21</t>
  </si>
  <si>
    <t>/o=exchangelabs/ou=exchange administrative group (fydibohf23spdlt)/cn=recipients/cn=4adb6e0b3de84bf2bfdb543494159749-leandro lim;/o=exchangelabs/ou=exchange administrative group (fydibohf23spdlt)/cn=recipients/cn=546d63420d554c4d858776a48a93ef0f-gustavo de;/o=exchangelabs/ou=exchange administrative group (fydibohf23spdlt)/cn=recipients/cn=a72a765de829420582b78941417073ac-karina rodr;/o=exchangelabs/ou=exchange administrative group (fydibohf23spdlt)/cn=recipients/cn=c29ec9dae022497281c840087cccddec-patricia ar;/o=exchangelabs/ou=exchange administrative group (fydibohf23spdlt)/cn=recipients/cn=userd3ef8196;</t>
  </si>
  <si>
    <t>Compra Certa - Black Friday.xlsb</t>
  </si>
  <si>
    <t>/o=exchangelabs/ou=exchange administrative group (fydibohf23spdlt)/cn=recipients/cn=4adb6e0b3de84bf2bfdb543494159749-leandro lim,/o=exchangelabs/ou=exchange administrative group (fydibohf23spdlt)/cn=recipients/cn=546d63420d554c4d858776a48a93ef0f-gustavo de,/o=exchangelabs/ou=exchange administrative group (fydibohf23spdlt)/cn=recipients/cn=a72a765de829420582b78941417073ac-karina rodr,/o=exchangelabs/ou=exchange administrative group (fydibohf23spdlt)/cn=recipients/cn=c29ec9dae022497281c840087cccddec-patricia ar,/o=exchangelabs/ou=exchange administrative group (fydibohf23spdlt)/cn=recipients/cn=userd3ef8196</t>
  </si>
  <si>
    <t>10/15/2019 18:17:05</t>
  </si>
  <si>
    <t>10/15/2019 18:19:20</t>
  </si>
  <si>
    <t>/o=exchangelabs/ou=exchange administrative group (fydibohf23spdlt)/cn=recipients/cn=6fbc44b6d6b549208175d5a27201bd13-cintia nune;/o=exchangelabs/ou=exchange administrative group (fydibohf23spdlt)/cn=recipients/cn=f87f494a8d1d405d8a7b42a51dd5ab84-iris eugeni;</t>
  </si>
  <si>
    <t>206389_PrecoCrescimento60Posicoes30provisorias_v2_adapt_7_97.xlsb</t>
  </si>
  <si>
    <t>/o=exchangelabs/ou=exchange administrative group (fydibohf23spdlt)/cn=recipients/cn=6fbc44b6d6b549208175d5a27201bd13-cintia nune,/o=exchangelabs/ou=exchange administrative group (fydibohf23spdlt)/cn=recipients/cn=f87f494a8d1d405d8a7b42a51dd5ab84-iris eugeni</t>
  </si>
  <si>
    <t>10/15/2019 18:18:49</t>
  </si>
  <si>
    <t>10/15/2019 18:20:21</t>
  </si>
  <si>
    <t>Outubro_ UCB.xlsm</t>
  </si>
  <si>
    <t>10/15/2019 18:21:13</t>
  </si>
  <si>
    <t>10/15/2019 18:24:20</t>
  </si>
  <si>
    <t>/o=exchangelabs/ou=exchange administrative group (fydibohf23spdlt)/cn=recipients/cn=0bafe1ed27024338be4e911e19871cd1-william rob;/o=exchangelabs/ou=exchange administrative group (fydibohf23spdlt)/cn=recipients/cn=54abac0a4fdc4ad1bec39bb51d85eab1-victor hugo;/o=exchangelabs/ou=exchange administrative group (fydibohf23spdlt)/cn=recipients/cn=c6f5c50e91244036872327464dc6624a-cinthia mar;</t>
  </si>
  <si>
    <t>RES: Redução na conta Serviços de Terceiros</t>
  </si>
  <si>
    <t>341500025_T-SYSTEM_V3.xlsb</t>
  </si>
  <si>
    <t>/o=exchangelabs/ou=exchange administrative group (fydibohf23spdlt)/cn=recipients/cn=0bafe1ed27024338be4e911e19871cd1-william rob,/o=exchangelabs/ou=exchange administrative group (fydibohf23spdlt)/cn=recipients/cn=54abac0a4fdc4ad1bec39bb51d85eab1-victor hugo,/o=exchangelabs/ou=exchange administrative group (fydibohf23spdlt)/cn=recipients/cn=c6f5c50e91244036872327464dc6624a-cinthia mar</t>
  </si>
  <si>
    <t>10/15/2019 18:19:38</t>
  </si>
  <si>
    <t>10/15/2019 18:25:20</t>
  </si>
  <si>
    <t>ENC: Cenário UCB</t>
  </si>
  <si>
    <t>10/15/2019 18:21:45</t>
  </si>
  <si>
    <t>10/15/2019 18:27:21</t>
  </si>
  <si>
    <t>10/15/2019 18:28:09</t>
  </si>
  <si>
    <t>10/15/2019 18:29:21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97bf0b4d6b424f9fbf91192510276150-renata de o;/o=exchangelabs/ou=exchange administrative group (fydibohf23spdlt)/cn=recipients/cn=c6f5c50e91244036872327464dc6624a-cinthia mar;</t>
  </si>
  <si>
    <t>RES: Meta GAT 2020 - Oficial</t>
  </si>
  <si>
    <t>341002174_KPMG_V1.xlsb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97bf0b4d6b424f9fbf91192510276150-renata de o,/o=exchangelabs/ou=exchange administrative group (fydibohf23spdlt)/cn=recipients/cn=c6f5c50e91244036872327464dc6624a-cinthia mar</t>
  </si>
  <si>
    <t>10/15/2019 18:31:09</t>
  </si>
  <si>
    <t>10/15/2019 18:34:22</t>
  </si>
  <si>
    <t>/o=exchangelabs/ou=exchange administrative group (fydibohf23spdlt)/cn=recipients/cn=0bafe1ed27024338be4e911e19871cd1-william rob;/o=exchangelabs/ou=exchange administrative group (fydibohf23spdlt)/cn=recipients/cn=34a28d636a1b4c86b1ec79baed4b846a-marco anton;/o=exchangelabs/ou=exchange administrative group (fydibohf23spdlt)/cn=recipients/cn=54abac0a4fdc4ad1bec39bb51d85eab1-victor hugo;</t>
  </si>
  <si>
    <t>RES: Redução de FROTA no CR da DHL</t>
  </si>
  <si>
    <t>341002157_DHL_V2.xlsb</t>
  </si>
  <si>
    <t>/o=exchangelabs/ou=exchange administrative group (fydibohf23spdlt)/cn=recipients/cn=0bafe1ed27024338be4e911e19871cd1-william rob,/o=exchangelabs/ou=exchange administrative group (fydibohf23spdlt)/cn=recipients/cn=34a28d636a1b4c86b1ec79baed4b846a-marco anton,/o=exchangelabs/ou=exchange administrative group (fydibohf23spdlt)/cn=recipients/cn=54abac0a4fdc4ad1bec39bb51d85eab1-victor hugo</t>
  </si>
  <si>
    <t>10/15/2019 18:34:03</t>
  </si>
  <si>
    <t>10/15/2019 18:35:21</t>
  </si>
  <si>
    <t>/o=exchangelabs/ou=exchange administrative group (fydibohf23spdlt)/cn=recipients/cn=7d8ac9bc7bbc4c14a4465df244f19041-lauane cris;/o=exchangelabs/ou=exchange administrative group (fydibohf23spdlt)/cn=recipients/cn=a4725b7c782941fda1d1c00ae0ff9e26-camiller mo;</t>
  </si>
  <si>
    <t>/o=exchangelabs/ou=exchange administrative group (fydibohf23spdlt)/cn=recipients/cn=7d8ac9bc7bbc4c14a4465df244f19041-lauane cris,/o=exchangelabs/ou=exchange administrative group (fydibohf23spdlt)/cn=recipients/cn=a4725b7c782941fda1d1c00ae0ff9e26-camiller mo</t>
  </si>
  <si>
    <t>10/15/2019 18:46:29</t>
  </si>
  <si>
    <t>10/15/2019 18:50:22</t>
  </si>
  <si>
    <t>BP Crescimento Vendas</t>
  </si>
  <si>
    <t>CAIXA CAP - Nova Estrutura Venda - Oficial com Obra_07.02 ultima versao.xlsb</t>
  </si>
  <si>
    <t>10/15/2019 19:14:43</t>
  </si>
  <si>
    <t>10/15/2019 19:20:22</t>
  </si>
  <si>
    <t>10/15/2019 19:22:36</t>
  </si>
  <si>
    <t>10/15/2019 19:24:23</t>
  </si>
  <si>
    <t>/o=exchangelabs/ou=exchange administrative group (fydibohf23spdlt)/cn=recipients/cn=0bafe1ed27024338be4e911e19871cd1-william rob;/o=exchangelabs/ou=exchange administrative group (fydibohf23spdlt)/cn=recipients/cn=54abac0a4fdc4ad1bec39bb51d85eab1-victor hugo;/o=exchangelabs/ou=exchange administrative group (fydibohf23spdlt)/cn=recipients/cn=5cdc4a7b917a447c993600ca829a0a39-elisangela;/o=exchangelabs/ou=exchange administrative group (fydibohf23spdlt)/cn=recipients/cn=c6f5c50e91244036872327464dc6624a-cinthia mar;</t>
  </si>
  <si>
    <t>341002368_CAOA_V2.xlsb</t>
  </si>
  <si>
    <t>/o=exchangelabs/ou=exchange administrative group (fydibohf23spdlt)/cn=recipients/cn=0bafe1ed27024338be4e911e19871cd1-william rob,/o=exchangelabs/ou=exchange administrative group (fydibohf23spdlt)/cn=recipients/cn=54abac0a4fdc4ad1bec39bb51d85eab1-victor hugo,/o=exchangelabs/ou=exchange administrative group (fydibohf23spdlt)/cn=recipients/cn=5cdc4a7b917a447c993600ca829a0a39-elisangela,/o=exchangelabs/ou=exchange administrative group (fydibohf23spdlt)/cn=recipients/cn=c6f5c50e91244036872327464dc6624a-cinthia mar</t>
  </si>
  <si>
    <t>10/15/2019 19:43:21</t>
  </si>
  <si>
    <t>10/15/2019 19:44:24</t>
  </si>
  <si>
    <t>Controle de Jornada - CB</t>
  </si>
  <si>
    <t>Controle Jornada.xlsx</t>
  </si>
  <si>
    <t>10/15/2019 17:13:30</t>
  </si>
  <si>
    <t>10/15/2019 21:30:24</t>
  </si>
  <si>
    <t>C:\Users\rodrigombu\OneDrive - Grupo Algar\Whirlpool\2019\10 - Outubro\Arquivo\NPS\</t>
  </si>
  <si>
    <t>Árvore NPS - Enviada THAIS - 11-10-19.xlsx</t>
  </si>
  <si>
    <t>RetornaCaminhosCategorizacaoMailing_V3 - NPS.xlsm</t>
  </si>
  <si>
    <t>10/15/2019 21:48:54</t>
  </si>
  <si>
    <t>10/15/2019 21:50:23</t>
  </si>
  <si>
    <t>Base BW % Conversão - Out-2019 - Parcial - 14-10-2019.xlsm</t>
  </si>
  <si>
    <t>10/15/2019 21:48:57</t>
  </si>
  <si>
    <t>10/15/2019 22:59:14</t>
  </si>
  <si>
    <t>10/15/2019 23:02:25</t>
  </si>
  <si>
    <t>10/16/2019 07:30:15</t>
  </si>
  <si>
    <t>10/16/2019 07:31:30</t>
  </si>
  <si>
    <t>10/16/2019 07:30:38</t>
  </si>
  <si>
    <t>10/16/2019 08:03:35</t>
  </si>
  <si>
    <t>10/16/2019 08:05:30</t>
  </si>
  <si>
    <t>Classificação de Itens - Aumento PAs.xlsx</t>
  </si>
  <si>
    <t>10/16/2019 08:06:42</t>
  </si>
  <si>
    <t>10/16/2019 08:10:30</t>
  </si>
  <si>
    <t>10/16/2019 08:16:39</t>
  </si>
  <si>
    <t>10/16/2019 08:18:29</t>
  </si>
  <si>
    <t>C:\Users\polati\OneDrive\empresas\agrotech\</t>
  </si>
  <si>
    <t>Budget V1.0.xlsb</t>
  </si>
  <si>
    <t>10/16/2019 08:16:40</t>
  </si>
  <si>
    <t>10/15/2019 18:29:39</t>
  </si>
  <si>
    <t>10/16/2019 08:21:30</t>
  </si>
  <si>
    <t>10.211.2.87</t>
  </si>
  <si>
    <t>10/15/2019 20:01:19</t>
  </si>
  <si>
    <t>/o=exchangelabs/ou=exchange administrative group (fydibohf23spdlt)/cn=recipients/cn=34a28d636a1b4c86b1ec79baed4b846a-marco anton;moisesqp@algartech.com;</t>
  </si>
  <si>
    <t>RES: BP Esfera</t>
  </si>
  <si>
    <t>/o=exchangelabs/ou=exchange administrative group (fydibohf23spdlt)/cn=recipients/cn=34a28d636a1b4c86b1ec79baed4b846a-marco anton,moisesqp@algartech.com</t>
  </si>
  <si>
    <t>10/15/2019 17:44:31</t>
  </si>
  <si>
    <t>10/16/2019 08:23:30</t>
  </si>
  <si>
    <t>C:\Users\yuriifd\Desktop\BV\</t>
  </si>
  <si>
    <t>Plano de Ações BV e Algar Tech v1.2.xlsx</t>
  </si>
  <si>
    <t>10/16/2019 08:24:59</t>
  </si>
  <si>
    <t>10/16/2019 08:26:30</t>
  </si>
  <si>
    <t>Farol Churn - Parcial - Out/2019 - 15/10/19</t>
  </si>
  <si>
    <t>Base BW % Conversão - Out-2019 - Parcial - 15-10-2019.xlsm</t>
  </si>
  <si>
    <t>10/16/2019 08:25:26</t>
  </si>
  <si>
    <t>Produtividade RAF - Out-2019 - Parcial - 15-10-19.xlsm</t>
  </si>
  <si>
    <t>10/16/2019 08:33:26</t>
  </si>
  <si>
    <t>10/16/2019 08:34:31</t>
  </si>
  <si>
    <t>10/16/2019 08:46:28</t>
  </si>
  <si>
    <t>10/16/2019 08:49:31</t>
  </si>
  <si>
    <t>31a9efc468bb42289481d6bfbaf13603.xls</t>
  </si>
  <si>
    <t>10/16/2019 08:52:01</t>
  </si>
  <si>
    <t>10/16/2019 08:56:31</t>
  </si>
  <si>
    <t>10/16/2019 08:56:45</t>
  </si>
  <si>
    <t>10/16/2019 08:59:31</t>
  </si>
  <si>
    <t>ENC: ENC: ENC: RES: Conta Nova - CSN Volta Redonda CRM:0077001395 - CASO 91562</t>
  </si>
  <si>
    <t>csn atualização.xls</t>
  </si>
  <si>
    <t>10/16/2019 08:56:33</t>
  </si>
  <si>
    <t>10/16/2019 09:01:31</t>
  </si>
  <si>
    <t>10/16/2019 09:00:48</t>
  </si>
  <si>
    <t>10/16/2019 09:04:31</t>
  </si>
  <si>
    <t>C:\Users\hewertontr\OneDrive - Grupo Algar\INTER\RFP\Premissas fase 4\</t>
  </si>
  <si>
    <t>Riscos, Penalizações x Investimentos - Escopo A - Fase 4 v2.xlsx</t>
  </si>
  <si>
    <t>10/15/2019 22:44:41</t>
  </si>
  <si>
    <t>10/16/2019 09:07:30</t>
  </si>
  <si>
    <t>/o=exchangelabs/ou=exchange administrative group (fydibohf23spdlt)/cn=recipients/cn=509f93c55ee04a2db0c238b7a3e5d9a0-edval jose;/o=exchangelabs/ou=exchange administrative group (fydibohf23spdlt)/cn=recipients/cn=carlos henrique vilarinho_db6c0fb3df;</t>
  </si>
  <si>
    <t>ENC: Acompanhamento Inadimplência - Out/2019</t>
  </si>
  <si>
    <t>Acompanhamento Inadimplência - Outubro -2019.xlsb</t>
  </si>
  <si>
    <t>/o=exchangelabs/ou=exchange administrative group (fydibohf23spdlt)/cn=recipients/cn=509f93c55ee04a2db0c238b7a3e5d9a0-edval jose,/o=exchangelabs/ou=exchange administrative group (fydibohf23spdlt)/cn=recipients/cn=carlos henrique vilarinho_db6c0fb3df</t>
  </si>
  <si>
    <t>10/15/2019 12:07:16</t>
  </si>
  <si>
    <t>EQUIPE GAT ATUAL _ SETEMBRO.xlsm</t>
  </si>
  <si>
    <t>10/15/2019 14:48:01</t>
  </si>
  <si>
    <t>andressa.cosentino@algartech.com;</t>
  </si>
  <si>
    <t>ENC:</t>
  </si>
  <si>
    <t>Sindicatos e escalas WEG.xlsx</t>
  </si>
  <si>
    <t>andressa.cosentino@algartech.com</t>
  </si>
  <si>
    <t>10/15/2019 16:12:12</t>
  </si>
  <si>
    <t>Formulário para Alteração de férias</t>
  </si>
  <si>
    <t>10/16/2019 09:04:23</t>
  </si>
  <si>
    <t>10/16/2019 09:09:30</t>
  </si>
  <si>
    <t>/o=exchangelabs/ou=exchange administrative group (fydibohf23spdlt)/cn=recipients/cn=ba307e7ec0fc4bdbb07006aa828c05f7-carina ferr;/o=exchangelabs/ou=exchange administrative group (fydibohf23spdlt)/cn=recipients/cn=eb3a8d47e16546c381d649c124fcfbb7-cpc - contr;adriana.oliveira@avon.com;</t>
  </si>
  <si>
    <t>RES: Pesquisa Mithology</t>
  </si>
  <si>
    <t>20191014 PESQUISA PRONTA ENTREGA 1110.xlsm</t>
  </si>
  <si>
    <t>/o=exchangelabs/ou=exchange administrative group (fydibohf23spdlt)/cn=recipients/cn=ba307e7ec0fc4bdbb07006aa828c05f7-carina ferr,/o=exchangelabs/ou=exchange administrative group (fydibohf23spdlt)/cn=recipients/cn=eb3a8d47e16546c381d649c124fcfbb7-cpc - contr,adriana.oliveira@avon.com</t>
  </si>
  <si>
    <t>10/16/2019 09:07:46</t>
  </si>
  <si>
    <t>10/16/2019 09:11:31</t>
  </si>
  <si>
    <t>Base Distribuição 2019 Agosto 1510.xlsx</t>
  </si>
  <si>
    <t>10/16/2019 09:07:49</t>
  </si>
  <si>
    <t>Acordos Engeset - Análise.xlsx</t>
  </si>
  <si>
    <t>10/16/2019 09:10:44</t>
  </si>
  <si>
    <t>10/16/2019 09:15:31</t>
  </si>
  <si>
    <t>10/16/2019 09:10:45</t>
  </si>
  <si>
    <t>10/16/2019 09:10:47</t>
  </si>
  <si>
    <t>10/16/2019 09:10:55</t>
  </si>
  <si>
    <t>10/16/2019 09:11:02</t>
  </si>
  <si>
    <t>10/16/2019 09:11:03</t>
  </si>
  <si>
    <t>10/16/2019 09:12:48</t>
  </si>
  <si>
    <t>10/16/2019 09:12:49</t>
  </si>
  <si>
    <t>10/16/2019 09:12:50</t>
  </si>
  <si>
    <t>10/16/2019 09:12:51</t>
  </si>
  <si>
    <t>10/16/2019 09:12:52</t>
  </si>
  <si>
    <t>10/16/2019 09:12:53</t>
  </si>
  <si>
    <t>10/16/2019 09:13:05</t>
  </si>
  <si>
    <t>10/16/2019 09:13:06</t>
  </si>
  <si>
    <t>10/16/2019 09:13:08</t>
  </si>
  <si>
    <t>10/16/2019 09:13:10</t>
  </si>
  <si>
    <t>10/16/2019 09:13:11</t>
  </si>
  <si>
    <t>10/16/2019 09:13:12</t>
  </si>
  <si>
    <t>10/16/2019 09:15:32</t>
  </si>
  <si>
    <t>10/16/2019 09:13:18</t>
  </si>
  <si>
    <t>10/16/2019 09:13:38</t>
  </si>
  <si>
    <t>10/16/2019 09:13:39</t>
  </si>
  <si>
    <t>10/16/2019 09:13:43</t>
  </si>
  <si>
    <t>10/16/2019 09:13:48</t>
  </si>
  <si>
    <t>10/16/2019 09:13:49</t>
  </si>
  <si>
    <t>10/16/2019 09:13:50</t>
  </si>
  <si>
    <t>10/16/2019 09:13:51</t>
  </si>
  <si>
    <t>10/16/2019 09:13:52</t>
  </si>
  <si>
    <t>10/16/2019 09:13:53</t>
  </si>
  <si>
    <t>10/16/2019 09:13:54</t>
  </si>
  <si>
    <t>10/16/2019 09:13:55</t>
  </si>
  <si>
    <t>10/16/2019 09:13:56</t>
  </si>
  <si>
    <t>10/16/2019 09:13:57</t>
  </si>
  <si>
    <t>10/16/2019 09:13:58</t>
  </si>
  <si>
    <t>10/16/2019 09:13:59</t>
  </si>
  <si>
    <t>10/16/2019 09:14:23</t>
  </si>
  <si>
    <t>10/16/2019 09:14:44</t>
  </si>
  <si>
    <t>10/16/2019 09:15:22</t>
  </si>
  <si>
    <t>10/16/2019 09:19:31</t>
  </si>
  <si>
    <t>10/16/2019 09:17:03</t>
  </si>
  <si>
    <t>10/16/2019 09:20:31</t>
  </si>
  <si>
    <t>/o=exchangelabs/ou=exchange administrative group (fydibohf23spdlt)/cn=recipients/cn=859372e5e82343dbbce3256b0d609ea5-everton bue;/o=exchangelabs/ou=exchange administrative group (fydibohf23spdlt)/cn=recipients/cn=feb3ce92cf2241e2acdd354ac87520ed-carlos edua;</t>
  </si>
  <si>
    <t>RES: SOBRE AVISO NOVEMBRO</t>
  </si>
  <si>
    <t>SOBRE AVISO 2019-NOVEMBRO 2019.xlsx</t>
  </si>
  <si>
    <t>/o=exchangelabs/ou=exchange administrative group (fydibohf23spdlt)/cn=recipients/cn=859372e5e82343dbbce3256b0d609ea5-everton bue,/o=exchangelabs/ou=exchange administrative group (fydibohf23spdlt)/cn=recipients/cn=feb3ce92cf2241e2acdd354ac87520ed-carlos edua</t>
  </si>
  <si>
    <t>10/16/2019 09:19:49</t>
  </si>
  <si>
    <t>10/16/2019 09:21:31</t>
  </si>
  <si>
    <t>mail.google.com/_/upload?authuser=0&amp;dcp=asu-n&amp;upload_id=AEnB2UomcnF5jm4vn8WzpMO-ESV8oH32zxIrKknLQO3gQu7mSk6JMkcCSayJIS4nTRclX9fz_DroJ2JVCHX3vFA32NGfnqhd_A&amp;upload_protocol=resumable</t>
  </si>
  <si>
    <t>\\acsfs\DEPTOS\Controladoria\Planejamento\GFC\21. Antecipações\02. CSC\2019\09.SETEMBRO.19\</t>
  </si>
  <si>
    <t>TP01_FIC_350_210601001 SETEMBRO 19.xlsx</t>
  </si>
  <si>
    <t>10/16/2019 09:15:27</t>
  </si>
  <si>
    <t>10/16/2019 09:15:28</t>
  </si>
  <si>
    <t>10/16/2019 09:15:33</t>
  </si>
  <si>
    <t>10/16/2019 09:15:36</t>
  </si>
  <si>
    <t>10/16/2019 09:15:37</t>
  </si>
  <si>
    <t>10/16/2019 09:15:38</t>
  </si>
  <si>
    <t>10/16/2019 09:15:39</t>
  </si>
  <si>
    <t>10/16/2019 09:15:41</t>
  </si>
  <si>
    <t>10/16/2019 09:15:42</t>
  </si>
  <si>
    <t>10/16/2019 09:16:01</t>
  </si>
  <si>
    <t>10/16/2019 09:16:04</t>
  </si>
  <si>
    <t>10/16/2019 09:16:05</t>
  </si>
  <si>
    <t>10/16/2019 09:22:31</t>
  </si>
  <si>
    <t>10/16/2019 09:16:06</t>
  </si>
  <si>
    <t>10/16/2019 09:17:49</t>
  </si>
  <si>
    <t>Compras 2020 1510.xlsx</t>
  </si>
  <si>
    <t>10/16/2019 09:16:07</t>
  </si>
  <si>
    <t>10/16/2019 09:16:08</t>
  </si>
  <si>
    <t>10/16/2019 09:16:09</t>
  </si>
  <si>
    <t>10/16/2019 09:16:10</t>
  </si>
  <si>
    <t>10/16/2019 09:16:11</t>
  </si>
  <si>
    <t>10/16/2019 09:16:12</t>
  </si>
  <si>
    <t>10/16/2019 09:16:13</t>
  </si>
  <si>
    <t>10/16/2019 09:16:14</t>
  </si>
  <si>
    <t>10/16/2019 09:16:15</t>
  </si>
  <si>
    <t>10/16/2019 09:16:16</t>
  </si>
  <si>
    <t>10/16/2019 09:16:17</t>
  </si>
  <si>
    <t>10/16/2019 09:16:18</t>
  </si>
  <si>
    <t>10/16/2019 09:16:19</t>
  </si>
  <si>
    <t>10/16/2019 09:16:22</t>
  </si>
  <si>
    <t>10/16/2019 09:16:25</t>
  </si>
  <si>
    <t>10/16/2019 09:16:27</t>
  </si>
  <si>
    <t>10/16/2019 09:16:28</t>
  </si>
  <si>
    <t>10/16/2019 09:16:29</t>
  </si>
  <si>
    <t>10/16/2019 09:16:30</t>
  </si>
  <si>
    <t>10/16/2019 09:16:32</t>
  </si>
  <si>
    <t>10/16/2019 09:16:33</t>
  </si>
  <si>
    <t>10/16/2019 09:16:36</t>
  </si>
  <si>
    <t>10/16/2019 09:16:37</t>
  </si>
  <si>
    <t>10/16/2019 09:16:43</t>
  </si>
  <si>
    <t>10/16/2019 09:16:44</t>
  </si>
  <si>
    <t>10/16/2019 09:16:45</t>
  </si>
  <si>
    <t>10/16/2019 09:16:46</t>
  </si>
  <si>
    <t>10/16/2019 09:16:47</t>
  </si>
  <si>
    <t>10/16/2019 09:16:48</t>
  </si>
  <si>
    <t>10/16/2019 09:16:51</t>
  </si>
  <si>
    <t>10/16/2019 09:16:52</t>
  </si>
  <si>
    <t>10/16/2019 09:16:53</t>
  </si>
  <si>
    <t>10/16/2019 09:16:54</t>
  </si>
  <si>
    <t>10/16/2019 09:16:55</t>
  </si>
  <si>
    <t>10/16/2019 09:16:56</t>
  </si>
  <si>
    <t>10/16/2019 09:16:58</t>
  </si>
  <si>
    <t>10/16/2019 09:17:09</t>
  </si>
  <si>
    <t>10/16/2019 09:17:14</t>
  </si>
  <si>
    <t>10/16/2019 09:17:18</t>
  </si>
  <si>
    <t>10/16/2019 09:17:20</t>
  </si>
  <si>
    <t>10/16/2019 09:17:21</t>
  </si>
  <si>
    <t>10/16/2019 09:17:22</t>
  </si>
  <si>
    <t>10/16/2019 09:17:23</t>
  </si>
  <si>
    <t>10/16/2019 09:17:24</t>
  </si>
  <si>
    <t>10/16/2019 09:17:26</t>
  </si>
  <si>
    <t>10/16/2019 09:17:27</t>
  </si>
  <si>
    <t>10/16/2019 09:17:28</t>
  </si>
  <si>
    <t>10/16/2019 09:17:29</t>
  </si>
  <si>
    <t>10/16/2019 09:17:30</t>
  </si>
  <si>
    <t>10/16/2019 09:17:31</t>
  </si>
  <si>
    <t>10/16/2019 09:17:32</t>
  </si>
  <si>
    <t>10/16/2019 09:17:33</t>
  </si>
  <si>
    <t>10/16/2019 09:17:34</t>
  </si>
  <si>
    <t>10/16/2019 09:17:38</t>
  </si>
  <si>
    <t>10/16/2019 09:17:41</t>
  </si>
  <si>
    <t>10/16/2019 09:17:42</t>
  </si>
  <si>
    <t>10/16/2019 09:17:43</t>
  </si>
  <si>
    <t>10/16/2019 09:17:44</t>
  </si>
  <si>
    <t>10/16/2019 09:17:45</t>
  </si>
  <si>
    <t>10/16/2019 09:17:46</t>
  </si>
  <si>
    <t>10/16/2019 09:17:50</t>
  </si>
  <si>
    <t>10/16/2019 09:17:52</t>
  </si>
  <si>
    <t>10/16/2019 09:17:54</t>
  </si>
  <si>
    <t>10/16/2019 09:18:03</t>
  </si>
  <si>
    <t>10/16/2019 09:18:14</t>
  </si>
  <si>
    <t>10/16/2019 09:18:15</t>
  </si>
  <si>
    <t>10/16/2019 09:18:28</t>
  </si>
  <si>
    <t>10/16/2019 09:19:01</t>
  </si>
  <si>
    <t>10/16/2019 09:19:03</t>
  </si>
  <si>
    <t>10/16/2019 09:19:05</t>
  </si>
  <si>
    <t>10/16/2019 09:19:06</t>
  </si>
  <si>
    <t>10/16/2019 09:19:08</t>
  </si>
  <si>
    <t>10/16/2019 09:23:31</t>
  </si>
  <si>
    <t>10/16/2019 09:19:09</t>
  </si>
  <si>
    <t>10/16/2019 09:19:10</t>
  </si>
  <si>
    <t>10/16/2019 09:19:18</t>
  </si>
  <si>
    <t>10/16/2019 09:19:19</t>
  </si>
  <si>
    <t>10/16/2019 09:19:20</t>
  </si>
  <si>
    <t>10/16/2019 09:19:21</t>
  </si>
  <si>
    <t>10/16/2019 09:19:22</t>
  </si>
  <si>
    <t>10/16/2019 09:19:23</t>
  </si>
  <si>
    <t>10/16/2019 09:19:24</t>
  </si>
  <si>
    <t>10/16/2019 09:19:29</t>
  </si>
  <si>
    <t>10/16/2019 09:19:34</t>
  </si>
  <si>
    <t>10/16/2019 09:19:35</t>
  </si>
  <si>
    <t>10/16/2019 09:19:37</t>
  </si>
  <si>
    <t>10/16/2019 09:19:40</t>
  </si>
  <si>
    <t>10/16/2019 09:19:41</t>
  </si>
  <si>
    <t>10/16/2019 09:19:42</t>
  </si>
  <si>
    <t>10/16/2019 09:20:07</t>
  </si>
  <si>
    <t>10/16/2019 09:20:08</t>
  </si>
  <si>
    <t>10/16/2019 09:20:09</t>
  </si>
  <si>
    <t>10/16/2019 09:20:10</t>
  </si>
  <si>
    <t>10/16/2019 09:20:11</t>
  </si>
  <si>
    <t>10/16/2019 09:20:12</t>
  </si>
  <si>
    <t>10/16/2019 09:20:13</t>
  </si>
  <si>
    <t>10/16/2019 09:20:14</t>
  </si>
  <si>
    <t>10/16/2019 09:20:15</t>
  </si>
  <si>
    <t>10/16/2019 09:20:17</t>
  </si>
  <si>
    <t>10/16/2019 09:20:18</t>
  </si>
  <si>
    <t>10/16/2019 09:20:00</t>
  </si>
  <si>
    <t>10/16/2019 09:24:32</t>
  </si>
  <si>
    <t>c:\users\sherleyce\appdata\local\microsoft\windows\inetcache\content.outlook\juwts4ia\</t>
  </si>
  <si>
    <t>bv financeira 1 aditivo - análise crítica - 15-10-19.xlsx</t>
  </si>
  <si>
    <t>10/16/2019 09:27:31</t>
  </si>
  <si>
    <t>10/16/2019 09:20:19</t>
  </si>
  <si>
    <t>10/16/2019 09:20:20</t>
  </si>
  <si>
    <t>10/16/2019 09:20:21</t>
  </si>
  <si>
    <t>10/16/2019 09:20:22</t>
  </si>
  <si>
    <t>10/16/2019 09:20:35</t>
  </si>
  <si>
    <t>10/16/2019 09:20:36</t>
  </si>
  <si>
    <t>10/16/2019 09:20:37</t>
  </si>
  <si>
    <t>10/16/2019 09:20:38</t>
  </si>
  <si>
    <t>10/16/2019 09:20:39</t>
  </si>
  <si>
    <t>10/16/2019 09:20:40</t>
  </si>
  <si>
    <t>10/16/2019 09:20:41</t>
  </si>
  <si>
    <t>10/16/2019 09:20:42</t>
  </si>
  <si>
    <t>10/16/2019 09:20:43</t>
  </si>
  <si>
    <t>10/16/2019 09:20:44</t>
  </si>
  <si>
    <t>10/16/2019 09:20:45</t>
  </si>
  <si>
    <t>10/16/2019 09:20:48</t>
  </si>
  <si>
    <t>10/16/2019 09:20:50</t>
  </si>
  <si>
    <t>10/16/2019 09:20:51</t>
  </si>
  <si>
    <t>10/16/2019 09:20:57</t>
  </si>
  <si>
    <t>10/16/2019 09:21:18</t>
  </si>
  <si>
    <t>10/16/2019 09:21:20</t>
  </si>
  <si>
    <t>10/16/2019 09:25:26</t>
  </si>
  <si>
    <t>10/16/2019 09:29:32</t>
  </si>
  <si>
    <t>Sugestões Bot Whirlpool</t>
  </si>
  <si>
    <t>Criação_Alteração Conteúdo.xlsx</t>
  </si>
  <si>
    <t>10/16/2019 09:30:47</t>
  </si>
  <si>
    <t>10/16/2019 09:32:31</t>
  </si>
  <si>
    <t>Cadastrar.msg\s1\</t>
  </si>
  <si>
    <t>10/15/2019 10:37:14</t>
  </si>
  <si>
    <t>10/16/2019 09:33:32</t>
  </si>
  <si>
    <t>rui.teixeira.jr@hotmail.com;</t>
  </si>
  <si>
    <t>BP Inter</t>
  </si>
  <si>
    <t>TI - BP inter.xlsx</t>
  </si>
  <si>
    <t>rui.teixeira.jr@hotmail.com</t>
  </si>
  <si>
    <t>10/15/2019 11:03:33</t>
  </si>
  <si>
    <t>/o=exchangelabs/ou=exchange administrative group (fydibohf23spdlt)/cn=recipients/cn=4b453b7f02914710b3e94bcf7b311ad4-fernando po;/o=exchangelabs/ou=exchange administrative group (fydibohf23spdlt)/cn=recipients/cn=b1a72fc2d0234efca84c7771ea70c7ee-roberta cri;/o=exchangelabs/ou=exchange administrative group (fydibohf23spdlt)/cn=recipients/cn=b2857c7c160345f0bf6d1e890936e06f-rui dos rei;/o=exchangelabs/ou=exchange administrative group (fydibohf23spdlt)/cn=recipients/cn=bcc9538754d3496ea31a487e560f8214-silvio mart;/o=exchangelabs/ou=exchange administrative group (fydibohf23spdlt)/cn=recipients/cn=c212eb60f4be444cb64e0cc9b82f6e10-alessandro;</t>
  </si>
  <si>
    <t>Alinhamentos Custo TI - BI inter</t>
  </si>
  <si>
    <t>Orçamentos TI - BP inter.xlsx</t>
  </si>
  <si>
    <t>/o=exchangelabs/ou=exchange administrative group (fydibohf23spdlt)/cn=recipients/cn=4b453b7f02914710b3e94bcf7b311ad4-fernando po,/o=exchangelabs/ou=exchange administrative group (fydibohf23spdlt)/cn=recipients/cn=b1a72fc2d0234efca84c7771ea70c7ee-roberta cri,/o=exchangelabs/ou=exchange administrative group (fydibohf23spdlt)/cn=recipients/cn=b2857c7c160345f0bf6d1e890936e06f-rui dos rei,/o=exchangelabs/ou=exchange administrative group (fydibohf23spdlt)/cn=recipients/cn=bcc9538754d3496ea31a487e560f8214-silvio mart,/o=exchangelabs/ou=exchange administrative group (fydibohf23spdlt)/cn=recipients/cn=c212eb60f4be444cb64e0cc9b82f6e10-alessandro</t>
  </si>
  <si>
    <t>10/15/2019 12:52:01</t>
  </si>
  <si>
    <t>ENC: Resultado Parcial, até 11/09</t>
  </si>
  <si>
    <t>Resultados Outubro19.xlsx</t>
  </si>
  <si>
    <t>10/15/2019 13:45:35</t>
  </si>
  <si>
    <t>/o=exchangelabs/ou=exchange administrative group (fydibohf23spdlt)/cn=recipients/cn=287c26b08a0f48578479a15a452f025d-edilson rod;/o=exchangelabs/ou=exchange administrative group (fydibohf23spdlt)/cn=recipients/cn=d052f9c9a4404e849e00b751758229a8-carlos dos;sabrinadtdmc@algartech.com;</t>
  </si>
  <si>
    <t>ALGAR TA P2_Forecast Setembro_19.xlsx</t>
  </si>
  <si>
    <t>/o=exchangelabs/ou=exchange administrative group (fydibohf23spdlt)/cn=recipients/cn=287c26b08a0f48578479a15a452f025d-edilson rod,/o=exchangelabs/ou=exchange administrative group (fydibohf23spdlt)/cn=recipients/cn=d052f9c9a4404e849e00b751758229a8-carlos dos,sabrinadtdmc@algartech.com</t>
  </si>
  <si>
    <t>ENC: Resultado - Fechamento de Setembro/19</t>
  </si>
  <si>
    <t>10/16/2019 09:36:44</t>
  </si>
  <si>
    <t>10/16/2019 09:38:32</t>
  </si>
  <si>
    <t>10.200.58.153</t>
  </si>
  <si>
    <t>64-1C-67-9C-56-E4</t>
  </si>
  <si>
    <t>/o=exchangelabs/ou=exchange administrative group (fydibohf23spdlt)/cn=recipients/cn=741ddf52d7254566b58abdfaef6b9055-geison jose;</t>
  </si>
  <si>
    <t>AvosPlanosFerias_20191011142643 (1).csv</t>
  </si>
  <si>
    <t>/o=exchangelabs/ou=exchange administrative group (fydibohf23spdlt)/cn=recipients/cn=741ddf52d7254566b58abdfaef6b9055-geison jose</t>
  </si>
  <si>
    <t>10/16/2019 09:45:30</t>
  </si>
  <si>
    <t>10/16/2019 09:49:32</t>
  </si>
  <si>
    <t>femalagoli@gmail.com;</t>
  </si>
  <si>
    <t>ENC: Certificação - AWS Architect Associate</t>
  </si>
  <si>
    <t>guia_aws.xlsx</t>
  </si>
  <si>
    <t>femalagoli@gmail.com</t>
  </si>
  <si>
    <t>10/16/2019 09:45:49</t>
  </si>
  <si>
    <t>10/16/2019 09:50:31</t>
  </si>
  <si>
    <t>D:\OneDrive\Pessoal\Carros\Virtus\</t>
  </si>
  <si>
    <t>Valores.xlsx</t>
  </si>
  <si>
    <t>10/16/2019 09:50:28</t>
  </si>
  <si>
    <t>10/16/2019 09:51:32</t>
  </si>
  <si>
    <t>10/16/2019 09:49:24</t>
  </si>
  <si>
    <t>10/16/2019 09:54:32</t>
  </si>
  <si>
    <t>Produtos TLV</t>
  </si>
  <si>
    <t>produtos tlv.xlsx</t>
  </si>
  <si>
    <t>10/16/2019 09:51:40</t>
  </si>
  <si>
    <t>10/16/2019 09:55:32</t>
  </si>
  <si>
    <t>10.200.32.189</t>
  </si>
  <si>
    <t>4C-D9-8F-FD-3C-67</t>
  </si>
  <si>
    <t>/o=exchangelabs/ou=exchange administrative group (fydibohf23spdlt)/cn=recipients/cn=83fb33716c6e47ae8614af52c6e12385-fernanda ma;danielhdm@algartech.com;</t>
  </si>
  <si>
    <t>Documentação ajustada</t>
  </si>
  <si>
    <t>/o=exchangelabs/ou=exchange administrative group (fydibohf23spdlt)/cn=recipients/cn=83fb33716c6e47ae8614af52c6e12385-fernanda ma,danielhdm@algartech.com</t>
  </si>
  <si>
    <t>10/16/2019 08:10:44</t>
  </si>
  <si>
    <t>10/16/2019 10:00:31</t>
  </si>
  <si>
    <t>D:\LOTUS\TREINAMENTO\NR 12\</t>
  </si>
  <si>
    <t>Lista de presença de todas NRs.xlsx</t>
  </si>
  <si>
    <t>D:\LOTUS\TREINAMENTO\NR 12\Lista de presença de todas NRs.xlsx</t>
  </si>
  <si>
    <t>10/16/2019 08:10:51</t>
  </si>
  <si>
    <t>D:\LOTUS\TREINAMENTO\</t>
  </si>
  <si>
    <t>Lista de presença-NR18.xlsx</t>
  </si>
  <si>
    <t>D:\LOTUS\TREINAMENTO\Lista de presença-NR18.xlsx</t>
  </si>
  <si>
    <t>10/16/2019 08:12:52</t>
  </si>
  <si>
    <t>claidsonshl_12@yahoo.com.br,</t>
  </si>
  <si>
    <t>mail.yahoo.com/ws/v3/batch?name=messages.saveV3&amp;hash=47465bbe&amp;appId=YMailNorrin&amp;ymreqid=6e7b9630-51ae-ef14-1c80-170005014f00&amp;wssid=noKGJxZMfOI</t>
  </si>
  <si>
    <t>financeiro@lotussaude.com.br;recepcao@lotussaude.com.br;</t>
  </si>
  <si>
    <t>Webmail(YahooMail)</t>
  </si>
  <si>
    <t>financeiro@lotussaude.com.br,recepcao@lotussaude.com.br</t>
  </si>
  <si>
    <t>10/16/2019 08:13:09</t>
  </si>
  <si>
    <t>mail.yahoo.com/ws/v3/batch?name=messages.saveV3&amp;hash=f22e0011&amp;appId=YMailNorrin&amp;ymreqid=6e7b9630-51ae-ef14-1c80-170006014f00&amp;wssid=noKGJxZMfOI</t>
  </si>
  <si>
    <t>10/16/2019 10:00:09</t>
  </si>
  <si>
    <t>10/16/2019 10:01:32</t>
  </si>
  <si>
    <t>10/16/2019 10:02:05</t>
  </si>
  <si>
    <t>10/16/2019 10:05:32</t>
  </si>
  <si>
    <t>CRs pendentes sistema Ebit Jan/20</t>
  </si>
  <si>
    <t>10/16/2019 10:05:11</t>
  </si>
  <si>
    <t>10/16/2019 10:07:32</t>
  </si>
  <si>
    <t>ken=ac4w5vif-s18u8jrauss0jzshmrxqagwxw:1571170272925&amp;buildlabel=drive.web-frontend_20191002.00_p3;</t>
  </si>
  <si>
    <t>C:\Users\thiagocso\Downloads\</t>
  </si>
  <si>
    <t>camisetas out.2019 (1).xlsx</t>
  </si>
  <si>
    <t>ken=ac4w5vif-s18u8jrauss0jzshmrxqagwxw:1571170272925&amp;buildlabel=drive.web-frontend_20191002.00_p3</t>
  </si>
  <si>
    <t>10/16/2019 10:06:10</t>
  </si>
  <si>
    <t>10/16/2019 10:09:33</t>
  </si>
  <si>
    <t>/o=exchangelabs/ou=exchange administrative group (fydibohf23spdlt)/cn=recipients/cn=1e2e97da71ef410ba6f7bc3d1bfa9175-antonio car;/o=exchangelabs/ou=exchange administrative group (fydibohf23spdlt)/cn=recipients/cn=c29ec9dae022497281c840087cccddec-patricia ar;</t>
  </si>
  <si>
    <t>Dimensionamentos Estácio de Sá</t>
  </si>
  <si>
    <t>Resumo Receptivo_Estácio de Sá.xlsx</t>
  </si>
  <si>
    <t>/o=exchangelabs/ou=exchange administrative group (fydibohf23spdlt)/cn=recipients/cn=1e2e97da71ef410ba6f7bc3d1bfa9175-antonio car,/o=exchangelabs/ou=exchange administrative group (fydibohf23spdlt)/cn=recipients/cn=c29ec9dae022497281c840087cccddec-patricia ar</t>
  </si>
  <si>
    <t>10/16/2019 10:09:27</t>
  </si>
  <si>
    <t>10/16/2019 10:10:32</t>
  </si>
  <si>
    <t>\\acsfs\Deptos\EDUCACAO EMPRESARIAL\2 - Operações\2 - Amex\2.1.2 -Treinadores\1 - Treinadores\Equipe Camila PJ\</t>
  </si>
  <si>
    <t>10/16/2019 10:12:14</t>
  </si>
  <si>
    <t>10/16/2019 10:15:32</t>
  </si>
  <si>
    <t>daniel.cabeceira@bradesco.com.br;kelencgt@algartech.com;manoelern@algartech.com;</t>
  </si>
  <si>
    <t>\\acsfs\deptos\EDUCACAO EMPRESARIAL\15 - Conteudistas\01 - CONCLUÍDOS\NEXT\FORMAÇÃO ASSOCIADOS INTERNOS\</t>
  </si>
  <si>
    <t>ROTEIRO_ FORMAÇÃO NEXT_VOZ_CHAT_EMAIL_21 05 2019_CT_EXTERNO.xls</t>
  </si>
  <si>
    <t>daniel.cabeceira@bradesco.com.br,kelencgt@algartech.com,manoelern@algartech.com</t>
  </si>
  <si>
    <t>10/16/2019 10:12:45</t>
  </si>
  <si>
    <t>10/16/2019 10:12:48</t>
  </si>
  <si>
    <t>10/16/2019 10:14:53</t>
  </si>
  <si>
    <t>10/16/2019 10:16:32</t>
  </si>
  <si>
    <t>mail.google.com/_/upload?authuser=0&amp;dcp=asu-n&amp;upload_id=AEnB2Up-Kx3Co6togwgwa5JbIs12-2dvSncTgxx36sRs8xqK9ixJcGdWJhgdhk8ogUJ84imWtLTDwMoZHTzE7eZDNGntKvY_Qw&amp;upload_protocol=resumable</t>
  </si>
  <si>
    <t>DENISE BBN.xlsx</t>
  </si>
  <si>
    <t>10/16/2019 10:11:34</t>
  </si>
  <si>
    <t>10/16/2019 10:18:32</t>
  </si>
  <si>
    <t>/o=exchangelabs/ou=exchange administrative group (fydibohf23spdlt)/cn=recipients/cn=2072905e221e44cd93713caf57a4301f-roberta igi;/o=exchangelabs/ou=exchange administrative group (fydibohf23spdlt)/cn=recipients/cn=ea256770748c47aebb733d587d4c0a71-maria vitor;</t>
  </si>
  <si>
    <t>ENC: UGs TTV</t>
  </si>
  <si>
    <t>UGS.xlsx</t>
  </si>
  <si>
    <t>/o=exchangelabs/ou=exchange administrative group (fydibohf23spdlt)/cn=recipients/cn=2072905e221e44cd93713caf57a4301f-roberta igi,/o=exchangelabs/ou=exchange administrative group (fydibohf23spdlt)/cn=recipients/cn=ea256770748c47aebb733d587d4c0a71-maria vitor</t>
  </si>
  <si>
    <t>10/16/2019 10:14:48</t>
  </si>
  <si>
    <t>/o=exchangelabs/ou=exchange administrative group (fydibohf23spdlt)/cn=recipients/cn=1388e760581940569776ffce7145c40e-patricia ap;/o=exchangelabs/ou=exchange administrative group (fydibohf23spdlt)/cn=recipients/cn=b284454839e94314a90d49e7ec00864f-antonio car;</t>
  </si>
  <si>
    <t>ENC: Resultado Parcial, até 11/10</t>
  </si>
  <si>
    <t>/o=exchangelabs/ou=exchange administrative group (fydibohf23spdlt)/cn=recipients/cn=1388e760581940569776ffce7145c40e-patricia ap,/o=exchangelabs/ou=exchange administrative group (fydibohf23spdlt)/cn=recipients/cn=b284454839e94314a90d49e7ec00864f-antonio car</t>
  </si>
  <si>
    <t>10/16/2019 10:15:06</t>
  </si>
  <si>
    <t>10/16/2019 10:19:32</t>
  </si>
  <si>
    <t>10.200.57.120</t>
  </si>
  <si>
    <t>C:\Users\viniciussg\Desktop\BP\Toyota\</t>
  </si>
  <si>
    <t>C:\Users\viniciussg\Desktop\BP\Toyota\BP RECALL - v1 - 6 Meses - com Telco - vf -.xlsb\</t>
  </si>
  <si>
    <t>10/16/2019 10:15:08</t>
  </si>
  <si>
    <t>mail.google.com/_/upload?authuser=1&amp;dcp=asu-n&amp;upload_id=AEnB2UrcHjwa9LcqunAfD-tunNGrLhFqb85I5aJ7DfzyaLTOFOoDyh1VJjXSJSfK0Jv4EJnetVu6L05pWBDDYeX_xTDcoLlZ2w&amp;upload_protocol=resumable</t>
  </si>
  <si>
    <t>10/16/2019 10:15:09</t>
  </si>
  <si>
    <t>10/16/2019 10:19:30</t>
  </si>
  <si>
    <t>10/16/2019 10:22:32</t>
  </si>
  <si>
    <t>/o=exchangelabs/ou=exchange administrative group (fydibohf23spdlt)/cn=recipients/cn=a9d0292ede2d4a9db556fb30843ac8d5-alexander s;</t>
  </si>
  <si>
    <t>ENC: listagem camisetas Célula - electrolux</t>
  </si>
  <si>
    <t>camisetas out.2019.xlsx</t>
  </si>
  <si>
    <t>/o=exchangelabs/ou=exchange administrative group (fydibohf23spdlt)/cn=recipients/cn=a9d0292ede2d4a9db556fb30843ac8d5-alexander s</t>
  </si>
  <si>
    <t>10/16/2019 10:19:49</t>
  </si>
  <si>
    <t>ENC: listagem camisetas Célula</t>
  </si>
  <si>
    <t>10/16/2019 10:19:45</t>
  </si>
  <si>
    <t>10/16/2019 10:17:00</t>
  </si>
  <si>
    <t>10/16/2019 10:23:32</t>
  </si>
  <si>
    <t>10/16/2019 10:19:42</t>
  </si>
  <si>
    <t>10/16/2019 10:24:31</t>
  </si>
  <si>
    <t>10 - PA DIGITAL COMPRA CERT1.xlsx</t>
  </si>
  <si>
    <t>10/16/2019 10:24:23</t>
  </si>
  <si>
    <t>10/16/2019 10:25:32</t>
  </si>
  <si>
    <t>10.200.99.28</t>
  </si>
  <si>
    <t>carinafr@algartech.com;ivancj@algartech.com;mayza.costa@avon.com;</t>
  </si>
  <si>
    <t>C:\Users\alinens\Documents\</t>
  </si>
  <si>
    <t>Report Beedoo 16-10.xls</t>
  </si>
  <si>
    <t>carinafr@algartech.com,ivancj@algartech.com,mayza.costa@avon.com</t>
  </si>
  <si>
    <t>10/16/2019 10:22:53</t>
  </si>
  <si>
    <t>10/16/2019 10:26:32</t>
  </si>
  <si>
    <t>/o=exchangelabs/ou=exchange administrative group (fydibohf23spdlt)/cn=recipients/cn=be8766b4a96d48b483378f7babe180b8-thais coimb;</t>
  </si>
  <si>
    <t>ENC: Acompanhamento NPS - TRACK SALES e 5 STAR - Out/2019</t>
  </si>
  <si>
    <t>/o=exchangelabs/ou=exchange administrative group (fydibohf23spdlt)/cn=recipients/cn=be8766b4a96d48b483378f7babe180b8-thais coimb</t>
  </si>
  <si>
    <t>10/16/2019 10:26:01</t>
  </si>
  <si>
    <t>10/16/2019 10:28:32</t>
  </si>
  <si>
    <t>/o=exchangelabs/ou=exchange administrative group (fydibohf23spdlt)/cn=recipients/cn=0163bfef0e474630bdcf0a3698e9ffd4-amanda ferr;/o=exchangelabs/ou=exchange administrative group (fydibohf23spdlt)/cn=recipients/cn=bec14da9ad4d434b8151ce12587e9186-khassio mar;flavia@iclicconsultoria.com.br;gustavo@iclicconsultoria.com.br;</t>
  </si>
  <si>
    <t>ENC: PENDENCIA_FOCUS_GROUP_14102019</t>
  </si>
  <si>
    <t>PENDENCIA_FOCUS_GROUP_14102019.xlsx</t>
  </si>
  <si>
    <t>/o=exchangelabs/ou=exchange administrative group (fydibohf23spdlt)/cn=recipients/cn=0163bfef0e474630bdcf0a3698e9ffd4-amanda ferr,/o=exchangelabs/ou=exchange administrative group (fydibohf23spdlt)/cn=recipients/cn=bec14da9ad4d434b8151ce12587e9186-khassio mar,flavia@iclicconsultoria.com.br,gustavo@iclicconsultoria.com.br</t>
  </si>
  <si>
    <t>10/16/2019 10:29:48</t>
  </si>
  <si>
    <t>10/16/2019 10:34:31</t>
  </si>
  <si>
    <t>/o=exchangelabs/ou=exchange administrative group (fydibohf23spdlt)/cn=recipients/cn=a6ba306bde72439c8d608df7df1957f9-larice nasc;lorrany.bianca@bradesco.com.br;</t>
  </si>
  <si>
    <t>RES: Alterações PJ</t>
  </si>
  <si>
    <t>/o=exchangelabs/ou=exchange administrative group (fydibohf23spdlt)/cn=recipients/cn=a6ba306bde72439c8d608df7df1957f9-larice nasc,lorrany.bianca@bradesco.com.br</t>
  </si>
  <si>
    <t>10/16/2019 10:30:36</t>
  </si>
  <si>
    <t>ENC: Alterações PJ</t>
  </si>
  <si>
    <t>10/16/2019 10:32:41</t>
  </si>
  <si>
    <t>Cópia de Preço - Açao Black Friday 2019 - v4.xlsx</t>
  </si>
  <si>
    <t>10/16/2019 10:32:01</t>
  </si>
  <si>
    <t>10/16/2019 10:35:32</t>
  </si>
  <si>
    <t>D:\LOTUS\</t>
  </si>
  <si>
    <t>Controle de Serviços.xlsx</t>
  </si>
  <si>
    <t>D:\LOTUS\Controle de Serviços.xlsx</t>
  </si>
  <si>
    <t>10/16/2019 10:39:58</t>
  </si>
  <si>
    <t>10/16/2019 10:43:32</t>
  </si>
  <si>
    <t>Mailing Liderança - BRASIL.xlsx</t>
  </si>
  <si>
    <t>10/16/2019 10:48:05</t>
  </si>
  <si>
    <t>10/16/2019 10:49:31</t>
  </si>
  <si>
    <t>jecivania.silva@bradesco.com.br;larissa.lima@expensemobi.com.br;leandro.martin@theraskin.com.br;</t>
  </si>
  <si>
    <t>Integração - THERASKIN FARMACEUTICA LTDA</t>
  </si>
  <si>
    <t>Layout BVP5.xls</t>
  </si>
  <si>
    <t>jecivania.silva@bradesco.com.br,larissa.lima@expensemobi.com.br,leandro.martin@theraskin.com.br</t>
  </si>
  <si>
    <t>10/16/2019 10:44:16</t>
  </si>
  <si>
    <t>10/16/2019 10:48:36</t>
  </si>
  <si>
    <t>10/16/2019 10:50:32</t>
  </si>
  <si>
    <t>gabrielbc@algartech.com;gabrielbc@algartech.com&gt;;julianarcda@algartech.com;wilsianemf@algartech.com;</t>
  </si>
  <si>
    <t>Importar_Quadro_Colaboradores_SinergyRH_20190913_EQUIPE BH.xlsx</t>
  </si>
  <si>
    <t>gabrielbc@algartech.com,gabrielbc@algartech.com&gt;,julianarcda@algartech.com,wilsianemf@algartech.com</t>
  </si>
  <si>
    <t>10/16/2019 10:49:05</t>
  </si>
  <si>
    <t>10/16/2019 10:51:32</t>
  </si>
  <si>
    <t>/o=exchangelabs/ou=exchange administrative group (fydibohf23spdlt)/cn=recipients/cn=1635ed1077024674b65c52767dacde9a-jullian pac;/o=exchangelabs/ou=exchange administrative group (fydibohf23spdlt)/cn=recipients/cn=3b76b3dd02a14d289cc323d3c8d12b81-waleska mar;/o=exchangelabs/ou=exchange administrative group (fydibohf23spdlt)/cn=recipients/cn=4b453b7f02914710b3e94bcf7b311ad4-fernando po;/o=exchangelabs/ou=exchange administrative group (fydibohf23spdlt)/cn=recipients/cn=bc07fcc207044a07b8cf90d1abbdc707-luiz claudi;</t>
  </si>
  <si>
    <t>ENC: Last Call _ Processo 40137735I [Projeto Outer] - Algar</t>
  </si>
  <si>
    <t>ESCOPO B - avaliação de riscos - 16-10-19.xlsx</t>
  </si>
  <si>
    <t>/o=exchangelabs/ou=exchange administrative group (fydibohf23spdlt)/cn=recipients/cn=1635ed1077024674b65c52767dacde9a-jullian pac,/o=exchangelabs/ou=exchange administrative group (fydibohf23spdlt)/cn=recipients/cn=3b76b3dd02a14d289cc323d3c8d12b81-waleska mar,/o=exchangelabs/ou=exchange administrative group (fydibohf23spdlt)/cn=recipients/cn=4b453b7f02914710b3e94bcf7b311ad4-fernando po,/o=exchangelabs/ou=exchange administrative group (fydibohf23spdlt)/cn=recipients/cn=bc07fcc207044a07b8cf90d1abbdc707-luiz claudi</t>
  </si>
  <si>
    <t>10/16/2019 10:48:34</t>
  </si>
  <si>
    <t>10/16/2019 10:52:53</t>
  </si>
  <si>
    <t>10/16/2019 10:55:32</t>
  </si>
  <si>
    <t>/o=exchangelabs/ou=exchange administrative group (fydibohf23spdlt)/cn=recipients/cn=c19d455e74364549966295908514d864-raquel do n;rpdoliveira@timbrasil.com.br;vcoelho_act@timbrasil.com.br;</t>
  </si>
  <si>
    <t>ENC: PENALIDADES AGOSTO 2019- JUSTIFICATIVAS</t>
  </si>
  <si>
    <t>/o=exchangelabs/ou=exchange administrative group (fydibohf23spdlt)/cn=recipients/cn=c19d455e74364549966295908514d864-raquel do n,rpdoliveira@timbrasil.com.br,vcoelho_act@timbrasil.com.br</t>
  </si>
  <si>
    <t>10/16/2019 10:53:42</t>
  </si>
  <si>
    <t>10/16/2019 10:56:32</t>
  </si>
  <si>
    <t>36aa01c77a2149e1925f6e6af7d6c69c.xls</t>
  </si>
  <si>
    <t>10/16/2019 10:53:24</t>
  </si>
  <si>
    <t>10/16/2019 10:58:32</t>
  </si>
  <si>
    <t>/o=exchangelabs/ou=exchange administrative group (fydibohf23spdlt)/cn=recipients/cn=bec14da9ad4d434b8151ce12587e9186-khassio mar;flavia@iclicconsultoria.com.br;jacqueline.m.ferreira@bradesco.com.br;thais.montes@bradesco.com.br;</t>
  </si>
  <si>
    <t>ENC: Pagamentos Amex Atento CRM:000280002115</t>
  </si>
  <si>
    <t>/o=exchangelabs/ou=exchange administrative group (fydibohf23spdlt)/cn=recipients/cn=bec14da9ad4d434b8151ce12587e9186-khassio mar,flavia@iclicconsultoria.com.br,jacqueline.m.ferreira@bradesco.com.br,thais.montes@bradesco.com.br</t>
  </si>
  <si>
    <t>10/16/2019 10:57:51</t>
  </si>
  <si>
    <t>10/16/2019 11:02:32</t>
  </si>
  <si>
    <t>/o=exchangelabs/ou=exchange administrative group (fydibohf23spdlt)/cn=recipients/cn=804f4398b96748e7962c1608bfe4071a-hewerson go;igor@terospricing.com.br;</t>
  </si>
  <si>
    <t>Projeto Precificação</t>
  </si>
  <si>
    <t>/o=exchangelabs/ou=exchange administrative group (fydibohf23spdlt)/cn=recipients/cn=804f4398b96748e7962c1608bfe4071a-hewerson go,igor@terospricing.com.br</t>
  </si>
  <si>
    <t>10/16/2019 11:01:52</t>
  </si>
  <si>
    <t>Linhas Telefonicas Pendentes.xlsx</t>
  </si>
  <si>
    <t>10/16/2019 11:04:23</t>
  </si>
  <si>
    <t>10/16/2019 11:06:32</t>
  </si>
  <si>
    <t>C:\Users\suelenmm\OneDrive - Grupo Algar\Gestão PVs\Orçamento\2020\</t>
  </si>
  <si>
    <t>PTH 1.xlsx</t>
  </si>
  <si>
    <t>10/16/2019 11:04:45</t>
  </si>
  <si>
    <t>PTH REVISADO.xlsx</t>
  </si>
  <si>
    <t>10/16/2019 11:04:40</t>
  </si>
  <si>
    <t>10/16/2019 11:08:32</t>
  </si>
  <si>
    <t>10/16/2019 11:07:54</t>
  </si>
  <si>
    <t>10/16/2019 11:09:33</t>
  </si>
  <si>
    <t>/o=exchangelabs/ou=exchange administrative group (fydibohf23spdlt)/cn=recipients/cn=083204b1bd464d0fbbd2451a3a305923-katia gonca;/o=exchangelabs/ou=exchange administrative group (fydibohf23spdlt)/cn=recipients/cn=2f25493a7e37433d8dafca90f527b173-danubia cri;/o=exchangelabs/ou=exchange administrative group (fydibohf23spdlt)/cn=recipients/cn=4adb6e0b3de84bf2bfdb543494159749-leandro lim;/o=exchangelabs/ou=exchange administrative group (fydibohf23spdlt)/cn=recipients/cn=670d10f0276c47ba89a984b1a225496b-victor gala;/o=exchangelabs/ou=exchange administrative group (fydibohf23spdlt)/cn=recipients/cn=cd9a537135134b65a0d7151c4bba7129-brenda bruc;/o=exchangelabs/ou=exchange administrative group (fydibohf23spdlt)/cn=recipients/cn=fe134ce6f7124ebfa00395a14326bd71-luciana ber;</t>
  </si>
  <si>
    <t>RES: Nova Escala Treinamento KAID - Cozinha</t>
  </si>
  <si>
    <t>Escala TRN - Portáteis KichenAid v2.xlsx</t>
  </si>
  <si>
    <t>/o=exchangelabs/ou=exchange administrative group (fydibohf23spdlt)/cn=recipients/cn=083204b1bd464d0fbbd2451a3a305923-katia gonca,/o=exchangelabs/ou=exchange administrative group (fydibohf23spdlt)/cn=recipients/cn=2f25493a7e37433d8dafca90f527b173-danubia cri,/o=exchangelabs/ou=exchange administrative group (fydibohf23spdlt)/cn=recipients/cn=4adb6e0b3de84bf2bfdb543494159749-leandro lim,/o=exchangelabs/ou=exchange administrative group (fydibohf23spdlt)/cn=recipients/cn=670d10f0276c47ba89a984b1a225496b-victor gala,/o=exchangelabs/ou=exchange administrative group (fydibohf23spdlt)/cn=recipients/cn=cd9a537135134b65a0d7151c4bba7129-brenda bruc,/o=exchangelabs/ou=exchange administrative group (fydibohf23spdlt)/cn=recipients/cn=fe134ce6f7124ebfa00395a14326bd71-luciana ber</t>
  </si>
  <si>
    <t>10/16/2019 11:05:27</t>
  </si>
  <si>
    <t>10/16/2019 11:10:32</t>
  </si>
  <si>
    <t>CURVA NORMAL - 15/10/2019</t>
  </si>
  <si>
    <t>10/16/2019 11:06:59</t>
  </si>
  <si>
    <t>ENC: Desvios exames laboratoriais</t>
  </si>
  <si>
    <t>Exames laboratoriais.xls</t>
  </si>
  <si>
    <t>10/16/2019 11:07:24</t>
  </si>
  <si>
    <t>10/16/2019 11:11:32</t>
  </si>
  <si>
    <t>10/16/2019 11:09:06</t>
  </si>
  <si>
    <t>C:\Users\mariannacsm\OneDrive - Grupo Algar\0- PMO-POOL\PMO\CAPEX\CAPEX PROJETOS CSC\</t>
  </si>
  <si>
    <t>Peça Oficial 2020 - Projetos - Grupo Tech_Retorno 0410.xlsx</t>
  </si>
  <si>
    <t>10/16/2019 11:08:02</t>
  </si>
  <si>
    <t>10/16/2019 11:12:32</t>
  </si>
  <si>
    <t>/o=exchangelabs/ou=exchange administrative group (fydibohf23spdlt)/cn=recipients/cn=0b12aab521944ecb8b32eb8c0929be5c-rafael gonz;/o=exchangelabs/ou=exchange administrative group (fydibohf23spdlt)/cn=recipients/cn=28323580acf74fc1b8a136046b9f0fed-joao gabrie;/o=exchangelabs/ou=exchange administrative group (fydibohf23spdlt)/cn=recipients/cn=559c046856a541e781b58916784cdb17-mariana cus;/o=exchangelabs/ou=exchange administrative group (fydibohf23spdlt)/cn=recipients/cn=8ab5e44d485043d59eb4f21463e63e6a-tays dos sa;/o=exchangelabs/ou=exchange administrative group (fydibohf23spdlt)/cn=recipients/cn=b284454839e94314a90d49e7ec00864f-antonio car;/o=exchangelabs/ou=exchange administrative group (fydibohf23spdlt)/cn=recipients/cn=b3b3e588898842db813e69c542d02bb6-elaine marc;/o=exchangelabs/ou=exchange administrative group (fydibohf23spdlt)/cn=recipients/cn=be0b59caa4dc43e39afaa089f44ef778-leonardo al;/o=exchangelabs/ou=exchange administrative group (fydibohf23spdlt)/cn=recipients/cn=c54bebbd63a1403e83787e59fcd1acdc-joao</t>
  </si>
  <si>
    <t>RES: VDNs e Skills Atendimento BVC Algar</t>
  </si>
  <si>
    <t>/o=exchangelabs/ou=exchange administrative group (fydibohf23spdlt)/cn=recipients/cn=0b12aab521944ecb8b32eb8c0929be5c-rafael gonz,/o=exchangelabs/ou=exchange administrative group (fydibohf23spdlt)/cn=recipients/cn=28323580acf74fc1b8a136046b9f0fed-joao gabrie,/o=exchangelabs/ou=exchange administrative group (fydibohf23spdlt)/cn=recipients/cn=559c046856a541e781b58916784cdb17-mariana cus,/o=exchangelabs/ou=exchange administrative group (fydibohf23spdlt)/cn=recipients/cn=8ab5e44d485043d59eb4f21463e63e6a-tays dos sa,/o=exchangelabs/ou=exchange administrative group (fydibohf23spdlt)/cn=recipients/cn=b284454839e94314a90d49e7ec00864f-antonio car,/o=exchangelabs/ou=exchange administrative group (fydibohf23spdlt)/cn=recipients/cn=b3b3e588898842db813e69c542d02bb6-elaine marc,/o=exchangelabs/ou=exchange administrative group (fydibohf23spdlt)/cn=recipients/cn=be0b59caa4dc43e39afaa089f44ef778-leonardo al,/o=exchangelabs/ou=exchange administrative group (fydibohf23spdlt)/cn=recipients/cn=c54bebbd63a1403e83787e59fcd1acdc-joao</t>
  </si>
  <si>
    <t>10/16/2019 11:09:35</t>
  </si>
  <si>
    <t>10/16/2019 11:13:32</t>
  </si>
  <si>
    <t>ENC: Indicadores SLA Contratual</t>
  </si>
  <si>
    <t>SLA GRC 2019.xlsx</t>
  </si>
  <si>
    <t>10/16/2019 11:09:51</t>
  </si>
  <si>
    <t>10/16/2019 11:10:30</t>
  </si>
  <si>
    <t>10/16/2019 11:15:32</t>
  </si>
  <si>
    <t>Stop List.xls</t>
  </si>
  <si>
    <t>10/16/2019 11:11:19</t>
  </si>
  <si>
    <t>10/16/2019 11:15:05</t>
  </si>
  <si>
    <t>10/16/2019 11:18:32</t>
  </si>
  <si>
    <t>/o=exchangelabs/ou=exchange administrative group (fydibohf23spdlt)/cn=recipients/cn=32fe8a14424941da83c2bf35a8a5709e-fabiana car;/o=exchangelabs/ou=exchange administrative group (fydibohf23spdlt)/cn=recipients/cn=8ab5e44d485043d59eb4f21463e63e6a-tays dos sa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df6ea6cc78a840278b1e7acccac67692-thiago rodr;/o=exchangelabs/ou=exchange administrative group (fydibohf23spdlt)/cn=recipients/cn=e47f7192d7b143e286620292e5ce82f2-mirian pris;/o=exchangelabs/ou=exchange administrative group (fydibohf23spdlt)/cn=recipients/cn=user8e89d2d7;</t>
  </si>
  <si>
    <t>RES: Ações Qualidade_5W2H_Itens mais pontuados</t>
  </si>
  <si>
    <t>/o=exchangelabs/ou=exchange administrative group (fydibohf23spdlt)/cn=recipients/cn=32fe8a14424941da83c2bf35a8a5709e-fabiana car,/o=exchangelabs/ou=exchange administrative group (fydibohf23spdlt)/cn=recipients/cn=8ab5e44d485043d59eb4f21463e63e6a-tays dos sa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df6ea6cc78a840278b1e7acccac67692-thiago rodr,/o=exchangelabs/ou=exchange administrative group (fydibohf23spdlt)/cn=recipients/cn=e47f7192d7b143e286620292e5ce82f2-mirian pris,/o=exchangelabs/ou=exchange administrative group (fydibohf23spdlt)/cn=recipients/cn=user8e89d2d7</t>
  </si>
  <si>
    <t>10/16/2019 11:16:48</t>
  </si>
  <si>
    <t>10/16/2019 11:19:32</t>
  </si>
  <si>
    <t>RES: Relatório dos casos de Direto Loja em tratativa na Algar.</t>
  </si>
  <si>
    <t>Direto na Loja Market Place - InStore.xlsx</t>
  </si>
  <si>
    <t>10/16/2019 11:20:40</t>
  </si>
  <si>
    <t>10/16/2019 11:22:32</t>
  </si>
  <si>
    <t>mail.google.com/_/upload?authuser=1&amp;dcp=asu-n&amp;upload_id=AEnB2UrP5-mjTfg7AstoYUfO4Lg_7_vQdLO96WBtguYj5lxgzCyrWyPa8vu3c6cDZh7V8xb-qQT87jflqsqqR11SXoqgQ2VUhw&amp;upload_protocol=resumable</t>
  </si>
  <si>
    <t>C:\Users\thiagocso\Desktop\DIA D BMW E ELUX\</t>
  </si>
  <si>
    <t>Cópia de Camisetas bmw.xlsx</t>
  </si>
  <si>
    <t>10/16/2019 11:17:41</t>
  </si>
  <si>
    <t>/o=exchangelabs/ou=exchange administrative group (fydibohf23spdlt)/cn=recipients/cn=2a2dbb67c76e4e33beac0602893fa479-carlos juni;/o=exchangelabs/ou=exchange administrative group (fydibohf23spdlt)/cn=recipients/cn=5876a52919c440598f015f22bceb7eeb-antonio car;</t>
  </si>
  <si>
    <t>LINHAS ELEFONICAS PENDENTES DE INFORMAÇÃO</t>
  </si>
  <si>
    <t>/o=exchangelabs/ou=exchange administrative group (fydibohf23spdlt)/cn=recipients/cn=2a2dbb67c76e4e33beac0602893fa479-carlos juni,/o=exchangelabs/ou=exchange administrative group (fydibohf23spdlt)/cn=recipients/cn=5876a52919c440598f015f22bceb7eeb-antonio car</t>
  </si>
  <si>
    <t>10/16/2019 11:22:20</t>
  </si>
  <si>
    <t>10/16/2019 11:25:33</t>
  </si>
  <si>
    <t>https://caey.fa.us2.oraclecloud.com/crmui/faces/fusewelcome?_adf.ctrl-state=2was29jsl_9</t>
  </si>
  <si>
    <t>10/15/2019 17:24:22</t>
  </si>
  <si>
    <t>10/16/2019 11:29:33</t>
  </si>
  <si>
    <t>roberta.moreira@milaneli.com.br;suporte@faponline.com.br;</t>
  </si>
  <si>
    <t>RES: Pendências FAP Online - Importação de funcionários</t>
  </si>
  <si>
    <t>Layout de Importação de FUNCIONARIOS.xlsx</t>
  </si>
  <si>
    <t>roberta.moreira@milaneli.com.br,suporte@faponline.com.br</t>
  </si>
  <si>
    <t>10/16/2019 11:25:13</t>
  </si>
  <si>
    <t>10/16/2019 11:30:33</t>
  </si>
  <si>
    <t>SOBRE AVISO DE NOVEMBRO 2019</t>
  </si>
  <si>
    <t>10/16/2019 11:28:33</t>
  </si>
  <si>
    <t>10/16/2019 11:33:33</t>
  </si>
  <si>
    <t>mail.google.com/_/upload?authuser=0&amp;dcp=asu-n&amp;upload_id=AEnB2Ur0Q8HSRB2Hkpk4wkt7YTvV4B28neYn55gvE12jTADeGf4qLEVYBosoUNZMH--kOkOdBpwVek-ZX9uQ8DKvJUyOGz_8VQ&amp;upload_protocol=resumable</t>
  </si>
  <si>
    <t>iaraadss@algartech.com;</t>
  </si>
  <si>
    <t>Lista Elegíveis - GSuite_v4_consolidada.xlsx</t>
  </si>
  <si>
    <t>iaraadss@algartech.com</t>
  </si>
  <si>
    <t>10/16/2019 11:35:01</t>
  </si>
  <si>
    <t>10/16/2019 11:38:34</t>
  </si>
  <si>
    <t>10/16/2019 11:37:14</t>
  </si>
  <si>
    <t>10/16/2019 11:39:33</t>
  </si>
  <si>
    <t>HSM's</t>
  </si>
  <si>
    <t>10/16/2019 11:34:19</t>
  </si>
  <si>
    <t>/o=exchangelabs/ou=exchange administrative group (fydibohf23spdlt)/cn=recipients/cn=083204b1bd464d0fbbd2451a3a305923-katia gonca;</t>
  </si>
  <si>
    <t>/o=exchangelabs/ou=exchange administrative group (fydibohf23spdlt)/cn=recipients/cn=083204b1bd464d0fbbd2451a3a305923-katia gonca</t>
  </si>
  <si>
    <t>10/16/2019 11:37:09</t>
  </si>
  <si>
    <t>10/16/2019 11:38:52</t>
  </si>
  <si>
    <t>/o=exchangelabs/ou=exchange administrative group (fydibohf23spdlt)/cn=recipients/cn=083204b1bd464d0fbbd2451a3a305923-katia gonca;/o=exchangelabs/ou=exchange administrative group (fydibohf23spdlt)/cn=recipients/cn=98e18f75c1d448d18c2b385d101db11f-luiz alfred;/o=exchangelabs/ou=exchange administrative group (fydibohf23spdlt)/cn=recipients/cn=userd3ef8196;</t>
  </si>
  <si>
    <t>ENC: Necessidade _ Televendas //Black Friday</t>
  </si>
  <si>
    <t>Horários BF.xlsx</t>
  </si>
  <si>
    <t>/o=exchangelabs/ou=exchange administrative group (fydibohf23spdlt)/cn=recipients/cn=083204b1bd464d0fbbd2451a3a305923-katia gonca,/o=exchangelabs/ou=exchange administrative group (fydibohf23spdlt)/cn=recipients/cn=98e18f75c1d448d18c2b385d101db11f-luiz alfred,/o=exchangelabs/ou=exchange administrative group (fydibohf23spdlt)/cn=recipients/cn=userd3ef8196</t>
  </si>
  <si>
    <t>10/16/2019 11:35:51</t>
  </si>
  <si>
    <t>10/16/2019 11:40:33</t>
  </si>
  <si>
    <t>OBJETIVOS CP 19-2019.xls</t>
  </si>
  <si>
    <t>10/16/2019 11:43:20</t>
  </si>
  <si>
    <t>10/16/2019 11:48:33</t>
  </si>
  <si>
    <t>10.200.68.9</t>
  </si>
  <si>
    <t>/o=exchangelabs/ou=exchange administrative group (fydibohf23spdlt)/cn=recipients/cn=8f4e3aa524514f919832da77d1e13730-giselle nar;</t>
  </si>
  <si>
    <t>ENC: [R.Aqui] Registro do protocolo no OMNI</t>
  </si>
  <si>
    <t>396_acumulado-de-tickets-2016-a-2022_1571121825010.xlsx</t>
  </si>
  <si>
    <t>/o=exchangelabs/ou=exchange administrative group (fydibohf23spdlt)/cn=recipients/cn=8f4e3aa524514f919832da77d1e13730-giselle nar</t>
  </si>
  <si>
    <t>10/16/2019 11:52:44</t>
  </si>
  <si>
    <t>10/16/2019 11:54:34</t>
  </si>
  <si>
    <t>10/16/2019 11:52:45</t>
  </si>
  <si>
    <t>mail.google.com/_/upload?authuser=2&amp;dcp=asu-n&amp;upload_id=AEnB2UokA6GQAKTFpggWLl5uh9ZEgI54VVNKBBMWlP1xjb0wWdtOjfpL3GIQA4WNYC56FmT_BmDE--GQUMlaS6-jse1W6EXYtQ&amp;upload_protocol=resumable</t>
  </si>
  <si>
    <t>10/16/2019 11:51:41</t>
  </si>
  <si>
    <t>10/16/2019 11:55:34</t>
  </si>
  <si>
    <t>10.200.111.27</t>
  </si>
  <si>
    <t>/o=exchangelabs/ou=exchange administrative group (fydibohf23spdlt)/cn=recipients/cn=8c253c95243a40aa99c9416b7eb70a2a-julio cesar;/o=exchangelabs/ou=exchange administrative group (fydibohf23spdlt)/cn=recipients/cn=tatiane de souza lemes panato_aed47a633b;</t>
  </si>
  <si>
    <t>Remuneração dos seus diretos - pago Tech x pago mercado</t>
  </si>
  <si>
    <t>/o=exchangelabs/ou=exchange administrative group (fydibohf23spdlt)/cn=recipients/cn=8c253c95243a40aa99c9416b7eb70a2a-julio cesar,/o=exchangelabs/ou=exchange administrative group (fydibohf23spdlt)/cn=recipients/cn=tatiane de souza lemes panato_aed47a633b</t>
  </si>
  <si>
    <t>10/16/2019 11:57:43</t>
  </si>
  <si>
    <t>10/16/2019 11:58:33</t>
  </si>
  <si>
    <t>10/16/2019 12:10:08</t>
  </si>
  <si>
    <t>10/16/2019 12:11:33</t>
  </si>
  <si>
    <t>10.200.35.87</t>
  </si>
  <si>
    <t>C:\Users\camilat\OneDrive - Grupo Algar\GERENCIAL\FINANCEIRO\Faturamento\340500033\OUTUBRO 19 - Copia\</t>
  </si>
  <si>
    <t>Planilha de Rateio INFRA Outubro 2019.xlsx</t>
  </si>
  <si>
    <t>Planilha de Rateio INFRA Outubro 2019 v2.xlsx</t>
  </si>
  <si>
    <t>Faturamento Consultoria Algar - OUTUBRO 2019.xlsm</t>
  </si>
  <si>
    <t>10/16/2019 12:10:09</t>
  </si>
  <si>
    <t>Faturamento Consultoria Algar - OUTUBRO 2019 v2.xlsm</t>
  </si>
  <si>
    <t>10/16/2019 12:13:12</t>
  </si>
  <si>
    <t>10/16/2019 12:13:33</t>
  </si>
  <si>
    <t>2C-6F-C9-66-2F-1F</t>
  </si>
  <si>
    <t>C:\Users\polati\OneDrive - Grupo Algar\algar\projeto fidelidade\INTER\fase 4 the finals\15_10\</t>
  </si>
  <si>
    <t>analise do BP concorrente.xlsx</t>
  </si>
  <si>
    <t>10/16/2019 12:10:46</t>
  </si>
  <si>
    <t>10/16/2019 12:15:33</t>
  </si>
  <si>
    <t>Apuração Vendas Extra CP 16.2019 NCM EVAS.xls</t>
  </si>
  <si>
    <t>10/16/2019 12:28:04</t>
  </si>
  <si>
    <t>10/16/2019 12:28:33</t>
  </si>
  <si>
    <t>C:\Users\polati\OneDrive - Grupo Algar\algar\projeto fidelidade\INTER\fase 4 the finals\16_10\</t>
  </si>
  <si>
    <t>Resumo Executivo_Escopo B_JAN_16OUT_36 meses.xlsx</t>
  </si>
  <si>
    <t>10/16/2019 12:39:20</t>
  </si>
  <si>
    <t>10/16/2019 12:41:34</t>
  </si>
  <si>
    <t>mail.google.com/_/upload?authuser=0&amp;dcp=asu-n&amp;upload_id=AEnB2UromtFiFAf-luRv7Zv13HFHWw8S_ynIatbfPiU1TsS4HvWASpEJBAL1qwiQzBxXCpwrRKPB5e8mNrKpnuAAPpODJqb8cQ&amp;upload_protocol=resumable</t>
  </si>
  <si>
    <t>C:\Users\fabriciovs\Desktop\Capex 2020 - BPO\</t>
  </si>
  <si>
    <t>LPU ALGAR - MX7000 - 20092019 v1 2x.xlsm</t>
  </si>
  <si>
    <t>10/16/2019 12:44:06</t>
  </si>
  <si>
    <t>10/16/2019 12:48:35</t>
  </si>
  <si>
    <t>10/16/2019 12:44:16</t>
  </si>
  <si>
    <t>Resumo Executivo_Escopo B_JAN_16OUT_60 meses.xlsx</t>
  </si>
  <si>
    <t>10/16/2019 12:45:03</t>
  </si>
  <si>
    <t>10/16/2019 13:23:40</t>
  </si>
  <si>
    <t>10/16/2019 13:24:34</t>
  </si>
  <si>
    <t>ENC: Volume Gerenciadas Amex e Visa - 16/10</t>
  </si>
  <si>
    <t>10/16/2019 13:28:19</t>
  </si>
  <si>
    <t>10/16/2019 13:29:33</t>
  </si>
  <si>
    <t>RES: RES: RES: Validar assinatura - ARCOS DOURADOS CRM:000960002532</t>
  </si>
  <si>
    <t>RES Propostas Arcos Dourados.msg\s1\</t>
  </si>
  <si>
    <t>ARCOS DOURADOS COMERCIO DE ALIMENTOS LTDA.xlsx</t>
  </si>
  <si>
    <t>10/16/2019 13:30:55</t>
  </si>
  <si>
    <t>10/16/2019 13:32:34</t>
  </si>
  <si>
    <t>/o=exchangelabs/ou=exchange administrative group (fydibohf23spdlt)/cn=recipients/cn=453b61456320491dad510b65b310018f-kelen crist;/o=exchangelabs/ou=exchange administrative group (fydibohf23spdlt)/cn=recipients/cn=88e4fcbd3ea14730a81286cc0683fb42-manoel eloy;/o=exchangelabs/ou=exchange administrative group (fydibohf23spdlt)/cn=recipients/cn=cea8f90fd1504597a9a1653ca1e83dbd-mariane sil;</t>
  </si>
  <si>
    <t>ENC: Sites obrigatórios para a operação NEXT</t>
  </si>
  <si>
    <t>Layout maquinas.xlsx</t>
  </si>
  <si>
    <t>/o=exchangelabs/ou=exchange administrative group (fydibohf23spdlt)/cn=recipients/cn=453b61456320491dad510b65b310018f-kelen crist,/o=exchangelabs/ou=exchange administrative group (fydibohf23spdlt)/cn=recipients/cn=88e4fcbd3ea14730a81286cc0683fb42-manoel eloy,/o=exchangelabs/ou=exchange administrative group (fydibohf23spdlt)/cn=recipients/cn=cea8f90fd1504597a9a1653ca1e83dbd-mariane sil</t>
  </si>
  <si>
    <t>10/16/2019 13:27:43</t>
  </si>
  <si>
    <t>10/16/2019 13:33:34</t>
  </si>
  <si>
    <t>ENC: Caderno de testes Whirlpool</t>
  </si>
  <si>
    <t>Casos de Teste.xlsx</t>
  </si>
  <si>
    <t>10/16/2019 13:33:39</t>
  </si>
  <si>
    <t>10/16/2019 13:35:34</t>
  </si>
  <si>
    <t>10/16/2019 13:34:24</t>
  </si>
  <si>
    <t>10/16/2019 13:36:33</t>
  </si>
  <si>
    <t>mail.google.com/_/upload?authuser=0&amp;dcp=asu-n&amp;upload_id=AEnB2UoiMRq9WH0rspP34p17Kpdc_StdMK824DDmPb8Uotun0Er-EOfSS6HITOJjbDa0Lp-rCVkbLfUqa2Yolcf2EE4FpS0m-Q&amp;upload_protocol=resumable</t>
  </si>
  <si>
    <t>Faturamento.xlsx</t>
  </si>
  <si>
    <t>10/16/2019 13:36:06</t>
  </si>
  <si>
    <t>10/16/2019 13:38:46</t>
  </si>
  <si>
    <t>10/16/2019 13:42:34</t>
  </si>
  <si>
    <t>ENC: Arquivo para Produção.</t>
  </si>
  <si>
    <t>Senhas Portal Da Gente Algar.msg\s1\</t>
  </si>
  <si>
    <t>Envio de Senhas.xlsx</t>
  </si>
  <si>
    <t>10/16/2019 13:41:01</t>
  </si>
  <si>
    <t>10/16/2019 13:44:34</t>
  </si>
  <si>
    <t>10/16/2019 13:42:48</t>
  </si>
  <si>
    <t>10/16/2019 13:41:42</t>
  </si>
  <si>
    <t>10/16/2019 13:46:34</t>
  </si>
  <si>
    <t>mail.google.com/_/upload?authuser=0&amp;dcp=asu-n&amp;upload_id=AEnB2UomJgjzk4b3ifAuoHOYITwVXypufefY_XKf6GtkzJDyxsER__q_MlnozD2rT0Cd73hqlMRC0qg5_SU9SiWnHmpmMzuHiImOB87fi1d5eMCk0YJAxE0&amp;upload_protocol=resumable</t>
  </si>
  <si>
    <t>10/16/2019 13:42:15</t>
  </si>
  <si>
    <t>mail.google.com/_/upload?authuser=0&amp;dcp=asu-n&amp;upload_id=AEnB2Uo7d0WUuq6gniXoVHMmMpbyLbKKG4-9pwIbG2ie0efQb2zTka8J2X2PUQ-Z5Q1D68xCCaaqRlp-ATSrut1kng4w1e_hdA&amp;upload_protocol=resumable</t>
  </si>
  <si>
    <t>10/16/2019 13:45:54</t>
  </si>
  <si>
    <t>10/16/2019 13:50:34</t>
  </si>
  <si>
    <t>Apuração Vendas Extra CP 16-2019 NCM GS Divulgação.xls</t>
  </si>
  <si>
    <t>10/16/2019 11:44:40</t>
  </si>
  <si>
    <t>10/16/2019 13:53:34</t>
  </si>
  <si>
    <t>D:\Projetos\ACS\One_drive\OneDrive - Grupo Algar\Projetos\2019 Algar_-_Precificação\Exemplo BPs\BP GIAT - 24_08 8% Ano 1 3% demais anos.xlsb\</t>
  </si>
  <si>
    <t>D:\Projetos\ACS\One_drive\OneDrive - Grupo Algar\Projetos\2019 Algar_-_Precificação\Status report\</t>
  </si>
  <si>
    <t>linha tempo Precificacao v2.xlsx</t>
  </si>
  <si>
    <t>D:\Projetos\ACS\One_drive\OneDrive - Grupo Algar\Projetos\2019 CSC_-_Jornada ERP\Proposta Oracle\</t>
  </si>
  <si>
    <t>Proposta Oracle_SAAS.xlsx</t>
  </si>
  <si>
    <t>10/16/2019 11:44:41</t>
  </si>
  <si>
    <t>D:\Projetos\ACS\One_drive\OneDrive - Grupo Algar\Projetos\2019 Algar_-_Precificação\Status report\Status Report Semanal - Projeto Precificação - 20190930.pptx\</t>
  </si>
  <si>
    <t>10/16/2019 11:44:51</t>
  </si>
  <si>
    <t>D:\Projetos\ACS\One_drive\OneDrive - Grupo Algar\Projetos\2019 Eletrolux_-_Indicadores\5 - Comum\</t>
  </si>
  <si>
    <t>Preco Final V2 com redução de 02 Pessoas.xlsb</t>
  </si>
  <si>
    <t>D:\Projetos\ACS\One_drive\OneDrive - Grupo Algar\Projetos\2019 Eletrolux_-_Indicadores\5 - Comum\Preco Final V2 com redução de 02 Pessoas.xlsb\</t>
  </si>
  <si>
    <t>Mapa_IndicadoresXP_BI.xlsx</t>
  </si>
  <si>
    <t>10/16/2019 11:44:53</t>
  </si>
  <si>
    <t>Exemplo_Vtex._.xlsx</t>
  </si>
  <si>
    <t>10/16/2019 11:44:55</t>
  </si>
  <si>
    <t>Exemplo_Vtex.xlsx</t>
  </si>
  <si>
    <t>Exemplo_PDVBOX.xlsx</t>
  </si>
  <si>
    <t>10/16/2019 11:45:37</t>
  </si>
  <si>
    <t>10/16/2019 11:45:40</t>
  </si>
  <si>
    <t>D:\Projetos\ACS\One_drive\OneDrive - Grupo Algar\Projetos\2019 Eletrolux_-_Indicadores\2 - Documentação Indicadores\4 - Específicos\</t>
  </si>
  <si>
    <t>DE-Electrolux-Dashboards.xlsx</t>
  </si>
  <si>
    <t>10/16/2019 11:46:03</t>
  </si>
  <si>
    <t>D:\Projetos\ACS\One_drive\OneDrive - Grupo Algar\Projetos\2019 Eletrolux_-_Indicadores\2 - Documentação Indicadores\4 - Específicos\DE-Electrolux-Dashboards.doc\</t>
  </si>
  <si>
    <t>D:\Projetos\ACS\One_drive\OneDrive - Grupo Algar\Projetos\2019 Eletrolux_-_Indicadores\2 - Documentação Indicadores\4 - Específicos\DE-Electrolux-Dashboards-v1.2 Especificos.doc\</t>
  </si>
  <si>
    <t>10/16/2019 11:46:04</t>
  </si>
  <si>
    <t>DE-Electrolux-Dashboards-v1.1.xlsx</t>
  </si>
  <si>
    <t>10/16/2019 11:46:05</t>
  </si>
  <si>
    <t>DE-Electrolux-Dashboards-v1.1-R.xlsx</t>
  </si>
  <si>
    <t>10/16/2019 11:46:06</t>
  </si>
  <si>
    <t>D:\Projetos\ACS\One_drive\OneDrive - Grupo Algar\Projetos\2019 Eletrolux_-_Indicadores\2 - Documentação Indicadores\4 - Específicos\DE-Electrolux-Dashboards-v1.1.doc\</t>
  </si>
  <si>
    <t>DE-Electrolux-Dashboards-v1.1-old.xlsx</t>
  </si>
  <si>
    <t>DE-Electrolux-Dashboards-v1.0.xlsx</t>
  </si>
  <si>
    <t>10/16/2019 11:46:08</t>
  </si>
  <si>
    <t>D:\Projetos\ACS\One_drive\OneDrive - Grupo Algar\Projetos\2019 Eletrolux_-_Indicadores\2 - Documentação Indicadores\7 - Relatórios Atuais\</t>
  </si>
  <si>
    <t>Z MAPEADO - TMA Setembro.xlsb</t>
  </si>
  <si>
    <t>Z MAPEADO - ANALISAR - Produtividade_Mês_Julho_2019_1 - RAFA --- SQL-----.xlsx</t>
  </si>
  <si>
    <t>10/16/2019 11:46:23</t>
  </si>
  <si>
    <t>D:\Projetos\ACS\One_drive\OneDrive - Grupo Algar\Projetos\2019 Eletrolux_-_Indicadores\2 - Documentação Indicadores\4 - Específicos\DE-Electrolux-Dashboards-v1.0.doc\</t>
  </si>
  <si>
    <t>Package1.xls</t>
  </si>
  <si>
    <t>10/16/2019 11:46:27</t>
  </si>
  <si>
    <t>Z MAPEADO 06 - Relatório Electrolux CCS e GE _ Junho.xlsb</t>
  </si>
  <si>
    <t>10/16/2019 11:46:29</t>
  </si>
  <si>
    <t>Z MAPEADO - ANALISAR - Email_Setembro - RAFA.xlsm</t>
  </si>
  <si>
    <t>10/16/2019 11:46:31</t>
  </si>
  <si>
    <t>Z MAPEADO - Relatório Vendas Electrolux - Setembro_Corrigido - VTEX E PDVBOX.xlsm</t>
  </si>
  <si>
    <t>10/16/2019 11:46:35</t>
  </si>
  <si>
    <t>Z MAPEADO - ANALISAR 9 - FCR -Setembro - RAFA.xlsx</t>
  </si>
  <si>
    <t>Z MAPEADO - ANALISAR - 08 - Top Service Setembro - RAFA.xlsb</t>
  </si>
  <si>
    <t>10/16/2019 11:46:36</t>
  </si>
  <si>
    <t>Z MAPEADO - 9 - Relatorio Desconexão Setembro.xlsx</t>
  </si>
  <si>
    <t>10/16/2019 11:46:44</t>
  </si>
  <si>
    <t>Z MAPEADO - 9 Report Diario SVA - Setembro.xlsm</t>
  </si>
  <si>
    <t>10/16/2019 11:46:45</t>
  </si>
  <si>
    <t>Z MAPEADO - 9 - Controle de Horas Setembro.xlsm</t>
  </si>
  <si>
    <t>Z MAPEADO - 09 - Transferências -Setembro - AVAYA - BRUNO.xlsm</t>
  </si>
  <si>
    <t>TMA Setembro.xlsb</t>
  </si>
  <si>
    <t>10/16/2019 11:46:47</t>
  </si>
  <si>
    <t>SQL_Prod_Mês_Julho(1).xlsx</t>
  </si>
  <si>
    <t>10/16/2019 11:46:48</t>
  </si>
  <si>
    <t>Relatório de Métricas - Atualizado até 03_set - AVAYA MEDIA CORE E SALESFORCE - HELBER E RAFA.xlsb</t>
  </si>
  <si>
    <t>10/16/2019 11:46:49</t>
  </si>
  <si>
    <t>Movimento Diário Oficial Setembro - MIS - BASE XXXXXX - CLAUDIO FERREIRA.xlsx</t>
  </si>
  <si>
    <t>10/16/2019 11:46:50</t>
  </si>
  <si>
    <t>Email_Setembro.xlsm</t>
  </si>
  <si>
    <t>10/16/2019 11:46:56</t>
  </si>
  <si>
    <t>Relatório Whats e Telegram 2019.xlsx</t>
  </si>
  <si>
    <t>10/16/2019 11:46:57</t>
  </si>
  <si>
    <t>Anual_v7- Junho 06-2019_Correto - TODAS AS PLATAFORMAS - RAFAEL.xlsx</t>
  </si>
  <si>
    <t>10/16/2019 11:46:58</t>
  </si>
  <si>
    <t>9 - Controle de Horas Setembro.xlsm</t>
  </si>
  <si>
    <t>10/16/2019 11:47:06</t>
  </si>
  <si>
    <t>8_Dash_Electrolux_Painel_v7_TV_N_Aut - NAO PRECISA MAPEAR, POIS É TUDO DE AVAYA.xlsm</t>
  </si>
  <si>
    <t>10/16/2019 11:47:17</t>
  </si>
  <si>
    <t>10/16/2019 11:47:22</t>
  </si>
  <si>
    <t>-Relatório Whats e Telegram 2019 - VIRA PADRÃO ASC.xlsx</t>
  </si>
  <si>
    <t>10/16/2019 11:47:26</t>
  </si>
  <si>
    <t>10/16/2019 13:55:16</t>
  </si>
  <si>
    <t>10/16/2019 13:59:34</t>
  </si>
  <si>
    <t>andregc@algartech.com;</t>
  </si>
  <si>
    <t>Criterio_Rateio_v2.xlsx</t>
  </si>
  <si>
    <t>andregc@algartech.com</t>
  </si>
  <si>
    <t>10/16/2019 09:23:53</t>
  </si>
  <si>
    <t>10/16/2019 14:02:34</t>
  </si>
  <si>
    <t>10.200.111.29</t>
  </si>
  <si>
    <t>Planilha Financeira Zerada.xlsx</t>
  </si>
  <si>
    <t>10/16/2019 13:11:36</t>
  </si>
  <si>
    <t>10/16/2019 14:05:13</t>
  </si>
  <si>
    <t>10/16/2019 14:07:33</t>
  </si>
  <si>
    <t>/o=exchangelabs/ou=exchange administrative group (fydibohf23spdlt)/cn=recipients/cn=007e35fb7ac14b8e97891f45db73cad4-suyane silv;/o=exchangelabs/ou=exchange administrative group (fydibohf23spdlt)/cn=recipients/cn=3415fc6de1734fcdbc342cacddc4ffc6-felicia rab;/o=exchangelabs/ou=exchange administrative group (fydibohf23spdlt)/cn=recipients/cn=61af722dd06149089cf1c867d796b8bc-delso estre;/o=exchangelabs/ou=exchange administrative group (fydibohf23spdlt)/cn=recipients/cn=c9ea031fea1c4d28a37208d7515cef44-mara rubia;/o=exchangelabs/ou=exchange administrative group (fydibohf23spdlt)/cn=recipients/cn=cce783223f4944368b1f97b2b2cb217f-robson vini;/o=exchangelabs/ou=exchange administrative group (fydibohf23spdlt)/cn=recipients/cn=e46cd96e8e9e452c8cc8ba65a6c4ec57-gustavo hen;</t>
  </si>
  <si>
    <t>ENC: CARGOS: Validar RV e PLR</t>
  </si>
  <si>
    <t>Lista de Cargos para Inserção Sinergy.xlsx</t>
  </si>
  <si>
    <t>/o=exchangelabs/ou=exchange administrative group (fydibohf23spdlt)/cn=recipients/cn=007e35fb7ac14b8e97891f45db73cad4-suyane silv,/o=exchangelabs/ou=exchange administrative group (fydibohf23spdlt)/cn=recipients/cn=3415fc6de1734fcdbc342cacddc4ffc6-felicia rab,/o=exchangelabs/ou=exchange administrative group (fydibohf23spdlt)/cn=recipients/cn=61af722dd06149089cf1c867d796b8bc-delso estre,/o=exchangelabs/ou=exchange administrative group (fydibohf23spdlt)/cn=recipients/cn=c9ea031fea1c4d28a37208d7515cef44-mara rubia,/o=exchangelabs/ou=exchange administrative group (fydibohf23spdlt)/cn=recipients/cn=cce783223f4944368b1f97b2b2cb217f-robson vini,/o=exchangelabs/ou=exchange administrative group (fydibohf23spdlt)/cn=recipients/cn=e46cd96e8e9e452c8cc8ba65a6c4ec57-gustavo hen</t>
  </si>
  <si>
    <t>10/16/2019 14:21:57</t>
  </si>
  <si>
    <t>10/16/2019 14:23:34</t>
  </si>
  <si>
    <t>10.200.67.59</t>
  </si>
  <si>
    <t>pamelatc@algartech.com;</t>
  </si>
  <si>
    <t>RES: ACT</t>
  </si>
  <si>
    <t>pamelatc@algartech.com</t>
  </si>
  <si>
    <t>10/16/2019 14:24:09</t>
  </si>
  <si>
    <t>10/16/2019 14:26:34</t>
  </si>
  <si>
    <t>/o=exchangelabs/ou=exchange administrative group (fydibohf23spdlt)/cn=recipients/cn=4b453b7f02914710b3e94bcf7b311ad4-fernando po;/o=exchangelabs/ou=exchange administrative group (fydibohf23spdlt)/cn=recipients/cn=a111820ea97a440c83191c55259f676f-marcelo rod;guilhermet.campos@bradesco.com.br;noemia.almeida@bradesco.com.br;reginaldom.oliveira@bradesco.com.br;</t>
  </si>
  <si>
    <t>RES: Last Call _ Processo 40137735I [Escopo B]</t>
  </si>
  <si>
    <t>Caderno 01 - Proposta Alternativa - 02.c. Planilha da Negociação_Processo40137735I Algar.xlsx</t>
  </si>
  <si>
    <t>/o=exchangelabs/ou=exchange administrative group (fydibohf23spdlt)/cn=recipients/cn=4b453b7f02914710b3e94bcf7b311ad4-fernando po,/o=exchangelabs/ou=exchange administrative group (fydibohf23spdlt)/cn=recipients/cn=a111820ea97a440c83191c55259f676f-marcelo rod,guilhermet.campos@bradesco.com.br,noemia.almeida@bradesco.com.br,reginaldom.oliveira@bradesco.com.br</t>
  </si>
  <si>
    <t>10/16/2019 14:23:42</t>
  </si>
  <si>
    <t>10/16/2019 14:27:33</t>
  </si>
  <si>
    <t>C:\Users\camilat\OneDrive - Grupo Algar\GERENCIAL\FINANCEIRO\Faturamento\340500033\NOVEMBRO 19\</t>
  </si>
  <si>
    <t>Faturamento Consultoria Algar - Novembro 2019.xlsm</t>
  </si>
  <si>
    <t>10/16/2019 14:24:04</t>
  </si>
  <si>
    <t>10.200.60.235</t>
  </si>
  <si>
    <t>FC-01-7C-B3-BE-F9</t>
  </si>
  <si>
    <t>/o=exchangelabs/ou=exchange administrative group (fydibohf23spdlt)/cn=recipients/cn=5865f7bdf6dd4e85886f125a03522b87-paulo ricar;</t>
  </si>
  <si>
    <t>ENC: Status Report - Demandas Pendentes Migração - 16/10</t>
  </si>
  <si>
    <t>/o=exchangelabs/ou=exchange administrative group (fydibohf23spdlt)/cn=recipients/cn=5865f7bdf6dd4e85886f125a03522b87-paulo ricar</t>
  </si>
  <si>
    <t>10/16/2019 14:28:31</t>
  </si>
  <si>
    <t>10/16/2019 14:29:33</t>
  </si>
  <si>
    <t>UnknownUser</t>
  </si>
  <si>
    <t>C:\Users\it.manager.DFSTAFF-01.000\Desktop\</t>
  </si>
  <si>
    <t>Simone_Eloi_Setembro_Receitas 2019.xlsx</t>
  </si>
  <si>
    <t>10/16/2019 14:26:58</t>
  </si>
  <si>
    <t>10/16/2019 14:30:34</t>
  </si>
  <si>
    <t>http://shareit.global.avon.com/sites/arrmcm/forca-de-vendas/_layouts/upload.aspx?list={bfd161db-750f-4cbd-9e74-a6fb6ee0a6de}&amp;rootfolder=/sites/arrmcm/forca-de-vendas/revendedora/pronta entrega&amp;source=http://shareit.global.avon.com/sites/arrmcm/forca-de-vendas/revendedora/forms/allitems.aspx?rootfolder=%2fsites%2farrmcm%2fforca%2dde%2dvendas%2frevendedora%2fpronta%20entrega&amp;folderctid=&amp;view=%7b993eba10%2d8cf7%2d4fbc%2dbe91%2de4ca00ce3956%7d</t>
  </si>
  <si>
    <t>Ajuste no Comissionamento Executiva de Vendas e GS - CP16-2019 - Complemento PE Mythology.xls</t>
  </si>
  <si>
    <t>10/16/2019 14:30:40</t>
  </si>
  <si>
    <t>10/16/2019 14:31:34</t>
  </si>
  <si>
    <t>/o=exchangelabs/ou=exchange administrative group (fydibohf23spdlt)/cn=recipients/cn=d83e9d59f0c146deba07a1288603c97a-fernando sa;/o=exchangelabs/ou=exchange administrative group (fydibohf23spdlt)/cn=recipients/cn=wilson achilles alves pereira neto - 004255;</t>
  </si>
  <si>
    <t>RES: CAIXA Seguradora (housing)</t>
  </si>
  <si>
    <t>/o=exchangelabs/ou=exchange administrative group (fydibohf23spdlt)/cn=recipients/cn=d83e9d59f0c146deba07a1288603c97a-fernando sa,/o=exchangelabs/ou=exchange administrative group (fydibohf23spdlt)/cn=recipients/cn=wilson achilles alves pereira neto - 004255</t>
  </si>
  <si>
    <t>10/16/2019 14:32:33</t>
  </si>
  <si>
    <t>10/16/2019 14:35:34</t>
  </si>
  <si>
    <t>10/16/2019 14:32:35</t>
  </si>
  <si>
    <t>10/16/2019 14:33:28</t>
  </si>
  <si>
    <t>10/16/2019 14:38:05</t>
  </si>
  <si>
    <t>10/16/2019 14:38:35</t>
  </si>
  <si>
    <t>FormularioAvaliacaoContratacaoCCC v2.xlsx</t>
  </si>
  <si>
    <t>10/16/2019 14:34:25</t>
  </si>
  <si>
    <t>10/16/2019 14:39:34</t>
  </si>
  <si>
    <t>mail.google.com/_/upload?authuser=0&amp;dcp=asu-n&amp;upload_id=AEnB2UrnpndOVpQkz0YhavPTT1MG78PZyXzJS99GU3MxIoncit1mZFQkOgYDAymnlhlWDDcQOJKWl23FoUIlzNHoDHfwX6NgyA&amp;upload_protocol=resumable</t>
  </si>
  <si>
    <t>lucasfbr@algartech.com;lucasm@algartech.com;luizfsm@algartech.com;marcosvas@algartech.com;</t>
  </si>
  <si>
    <t>\\acsfs\dsti\CIT- Coordenação de Inteligência de Tecnologia\17 - Gerenciamento da Configuração\01 - PLAN (PLANEJAR)\03 - TEMPLATES\</t>
  </si>
  <si>
    <t>Formulário Cadastro e Atualização de ICs.xlsx</t>
  </si>
  <si>
    <t>lucasfbr@algartech.com,lucasm@algartech.com,luizfsm@algartech.com,marcosvas@algartech.com</t>
  </si>
  <si>
    <t>10/16/2019 14:39:37</t>
  </si>
  <si>
    <t>10/16/2019 14:40:35</t>
  </si>
  <si>
    <t>mail.google.com/_/upload?authuser=0&amp;dcp=asu-n&amp;upload_id=AEnB2UrKKtqMA4XwZYVGJsMqyUYK06u38tt9-vwx6pXJmOq8tPy0tilntCTTszgwP01fofcGxx2_THLlCQ9jDlSRkBRmj76Qxw&amp;upload_protocol=resumable</t>
  </si>
  <si>
    <t>MailboxUsageDetail10_16_2019 5_39_24 PM.csv</t>
  </si>
  <si>
    <t>10/16/2019 14:39:38</t>
  </si>
  <si>
    <t>mail.google.com/_/upload?authuser=0&amp;dcp=asu-n&amp;upload_id=AEnB2UraMPkvSMV-S4qsSQlSZhUVS6XhPSQReAmPfo7o8eWchuCoWCkfdMf_9L5PvWbnhmosGAMR-cJXTH0FWZUh7GcYZUORUw&amp;upload_protocol=resumable</t>
  </si>
  <si>
    <t>OneDriveUsageAccountDetail10_16_2019 5_39_02 PM.csv</t>
  </si>
  <si>
    <t>10/16/2019 14:39:12</t>
  </si>
  <si>
    <t>10/16/2019 14:42:34</t>
  </si>
  <si>
    <t>/o=exchangelabs/ou=exchange administrative group (fydibohf23spdlt)/cn=recipients/cn=026b94ca382e4c53b6edc028cfd1185a-alvaro brun;daniellagc@algartech.com.br;</t>
  </si>
  <si>
    <t>ENC: Supervisores - Jeito Tech de Gestão</t>
  </si>
  <si>
    <t>Turma 28-10 MANHÃ.xlsx</t>
  </si>
  <si>
    <t>/o=exchangelabs/ou=exchange administrative group (fydibohf23spdlt)/cn=recipients/cn=026b94ca382e4c53b6edc028cfd1185a-alvaro brun,daniellagc@algartech.com.br</t>
  </si>
  <si>
    <t>10/16/2019 14:42:17</t>
  </si>
  <si>
    <t>/o=exchangelabs/ou=exchange administrative group (fydibohf23spdlt)/cn=recipients/cn=a6ba306bde72439c8d608df7df1957f9-larice nasc;/o=exchangelabs/ou=exchange administrative group (fydibohf23spdlt)/cn=recipients/cn=bec14da9ad4d434b8151ce12587e9186-khassio mar;flavia@iclicconsultoria.com.br;</t>
  </si>
  <si>
    <t>RES: Status Report - Demandas Pendentes Migração - 16/10</t>
  </si>
  <si>
    <t>ENC Planiha gerenciadas e não gerenciadas.msg\s1\Cópia de Contatos Out Repescagem Gerenciadas e Não gerenciadas 1.zip\</t>
  </si>
  <si>
    <t>C¢pia de Contatos Out Repescagem Gerenciadas e NÆo gerenciadas 1.xlsx</t>
  </si>
  <si>
    <t>/o=exchangelabs/ou=exchange administrative group (fydibohf23spdlt)/cn=recipients/cn=a6ba306bde72439c8d608df7df1957f9-larice nasc,/o=exchangelabs/ou=exchange administrative group (fydibohf23spdlt)/cn=recipients/cn=bec14da9ad4d434b8151ce12587e9186-khassio mar,flavia@iclicconsultoria.com.br</t>
  </si>
  <si>
    <t>10/16/2019 14:41:47</t>
  </si>
  <si>
    <t>10/16/2019 14:44:35</t>
  </si>
  <si>
    <t>lucasfbr@algartech.com;lucasm@algartech.com;lucianagd@algartech.com;luizfsm@algartech.com;marcosvas@algartech.com;</t>
  </si>
  <si>
    <t>lucasfbr@algartech.com,lucasm@algartech.com,lucianagd@algartech.com,luizfsm@algartech.com,marcosvas@algartech.com</t>
  </si>
  <si>
    <t>10/16/2019 09:25:33</t>
  </si>
  <si>
    <t>10/16/2019 09:25:34</t>
  </si>
  <si>
    <t>10/16/2019 09:25:39</t>
  </si>
  <si>
    <t>FTE_BV_Out19.xlsb</t>
  </si>
  <si>
    <t>10/16/2019 09:25:49</t>
  </si>
  <si>
    <t>Template_Registro_FTE_Realizado_Outubro_v1.0.xlsb</t>
  </si>
  <si>
    <t>10/16/2019 14:40:25</t>
  </si>
  <si>
    <t>10/16/2019 14:45:35</t>
  </si>
  <si>
    <t>RES: Ponto de Controle - Projeto URR</t>
  </si>
  <si>
    <t>action itensv12-16-10v1.xlsx</t>
  </si>
  <si>
    <t>10/16/2019 14:43:06</t>
  </si>
  <si>
    <t>10/16/2019 14:47:35</t>
  </si>
  <si>
    <t>/o=exchangelabs/ou=exchange administrative group (fydibohf23spdlt)/cn=recipients/cn=27491e5bbc8e493fb108684d30b99822-deivis de j;/o=exchangelabs/ou=exchange administrative group (fydibohf23spdlt)/cn=recipients/cn=8c89829ad534498fa4c85b5ac11174f1-suelen more;/o=exchangelabs/ou=exchange administrative group (fydibohf23spdlt)/cn=recipients/cn=909e770c97ed4b8fa033c30357f65607-juan carlos;</t>
  </si>
  <si>
    <t>RES: Rate Card Algar Tech México - IBM</t>
  </si>
  <si>
    <t>Cargos.xlsx</t>
  </si>
  <si>
    <t>/o=exchangelabs/ou=exchange administrative group (fydibohf23spdlt)/cn=recipients/cn=27491e5bbc8e493fb108684d30b99822-deivis de j,/o=exchangelabs/ou=exchange administrative group (fydibohf23spdlt)/cn=recipients/cn=8c89829ad534498fa4c85b5ac11174f1-suelen more,/o=exchangelabs/ou=exchange administrative group (fydibohf23spdlt)/cn=recipients/cn=909e770c97ed4b8fa033c30357f65607-juan carlos</t>
  </si>
  <si>
    <t>10/16/2019 14:46:10</t>
  </si>
  <si>
    <t>ENC: Pessoas por horário</t>
  </si>
  <si>
    <t>Pessoas por horário de entrada_.xlsx</t>
  </si>
  <si>
    <t>10/16/2019 14:48:11</t>
  </si>
  <si>
    <t>10/16/2019 14:50:35</t>
  </si>
  <si>
    <t>priscila.pedreira@avon.com;</t>
  </si>
  <si>
    <t>https://priscila.pedreira@avon.com</t>
  </si>
  <si>
    <t>10/16/2019 14:52:57</t>
  </si>
  <si>
    <t>10/16/2019 14:54:35</t>
  </si>
  <si>
    <t>10.200.60.183</t>
  </si>
  <si>
    <t>C:\Users\victorvgar\Desktop\</t>
  </si>
  <si>
    <t>Escala TRN - ID ÚNICO - HE.xlsx</t>
  </si>
  <si>
    <t>10/16/2019 14:56:41</t>
  </si>
  <si>
    <t>10/16/2019 14:58:34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group36260156;cs_gener@caixaseguradora.com.br;delair.silva@caixaseguradora.com.br;fabricio.gomes.wiz@caixaseguradora.com.br;gabriela.harben@caixaseguradora.com.br;juliana.seixas@caixaseguradora.com.br;</t>
  </si>
  <si>
    <t>RES: Análise das PAs_Exclusivas e Não exclusivas</t>
  </si>
  <si>
    <t>Cópia de 1 - Análise das PAs_ExclusivoeNãoExclusivo_out2019.xlsx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group36260156,cs_gener@caixaseguradora.com.br,delair.silva@caixaseguradora.com.br,fabricio.gomes.wiz@caixaseguradora.com.br,gabriela.harben@caixaseguradora.com.br,juliana.seixas@caixaseguradora.com.br</t>
  </si>
  <si>
    <t>10/16/2019 15:01:45</t>
  </si>
  <si>
    <t>10/16/2019 15:02:34</t>
  </si>
  <si>
    <t>/o=exchangelabs/ou=exchange administrative group (fydibohf23spdlt)/cn=recipients/cn=518109802f95454588121e2ff09bd792-marcio roge;/o=exchangelabs/ou=exchange administrative group (fydibohf23spdlt)/cn=recipients/cn=5876a52919c440598f015f22bceb7eeb-antonio car;</t>
  </si>
  <si>
    <t>/o=exchangelabs/ou=exchange administrative group (fydibohf23spdlt)/cn=recipients/cn=518109802f95454588121e2ff09bd792-marcio roge,/o=exchangelabs/ou=exchange administrative group (fydibohf23spdlt)/cn=recipients/cn=5876a52919c440598f015f22bceb7eeb-antonio car</t>
  </si>
  <si>
    <t>10/16/2019 15:00:50</t>
  </si>
  <si>
    <t>10/16/2019 15:04:34</t>
  </si>
  <si>
    <t>10/16/2019 15:03:31</t>
  </si>
  <si>
    <t>10/16/2019 15:06:34</t>
  </si>
  <si>
    <t>/o=exchangelabs/ou=exchange administrative group (fydibohf23spdlt)/cn=recipients/cn=54861e79125f48cc952d00cf8160b9a8-jeferson fe;/o=exchangelabs/ou=exchange administrative group (fydibohf23spdlt)/cn=recipients/cn=fcc3d07951f5486d9a8e080319224b72-joyce de he;</t>
  </si>
  <si>
    <t>ENC: Nova composição - URGÊNCIA - BV Análise Juridico</t>
  </si>
  <si>
    <t>/o=exchangelabs/ou=exchange administrative group (fydibohf23spdlt)/cn=recipients/cn=54861e79125f48cc952d00cf8160b9a8-jeferson fe,/o=exchangelabs/ou=exchange administrative group (fydibohf23spdlt)/cn=recipients/cn=fcc3d07951f5486d9a8e080319224b72-joyce de he</t>
  </si>
  <si>
    <t>10/16/2019 15:04:16</t>
  </si>
  <si>
    <t>10/16/2019 15:02:37</t>
  </si>
  <si>
    <t>10/16/2019 15:07:34</t>
  </si>
  <si>
    <t>10.200.58.63</t>
  </si>
  <si>
    <t>D8-9C-67-6F-2A-D3</t>
  </si>
  <si>
    <t>Filas Service View</t>
  </si>
  <si>
    <t>ANX_Filas_do_Service_View_AEB_25_07_19.xlsx</t>
  </si>
  <si>
    <t>10/16/2019 15:07:06</t>
  </si>
  <si>
    <t>10/16/2019 15:11:34</t>
  </si>
  <si>
    <t>/o=exchangelabs/ou=exchange administrative group (fydibohf23spdlt)/cn=recipients/cn=376dc21df9294b1e98e06de29a805db8-algar tech;/o=exchangelabs/ou=exchange administrative group (fydibohf23spdlt)/cn=recipients/cn=54861e79125f48cc952d00cf8160b9a8-jeferson fe;/o=exchangelabs/ou=exchange administrative group (fydibohf23spdlt)/cn=recipients/cn=b16974d7de334bfabfe3dee1e8e47e59-sherley cri;/o=exchangelabs/ou=exchange administrative group (fydibohf23spdlt)/cn=recipients/cn=group72a1a4ca;</t>
  </si>
  <si>
    <t>ENC: Nova composição - URGÊNCIA - BV</t>
  </si>
  <si>
    <t>/o=exchangelabs/ou=exchange administrative group (fydibohf23spdlt)/cn=recipients/cn=376dc21df9294b1e98e06de29a805db8-algar tech,/o=exchangelabs/ou=exchange administrative group (fydibohf23spdlt)/cn=recipients/cn=54861e79125f48cc952d00cf8160b9a8-jeferson fe,/o=exchangelabs/ou=exchange administrative group (fydibohf23spdlt)/cn=recipients/cn=b16974d7de334bfabfe3dee1e8e47e59-sherley cri,/o=exchangelabs/ou=exchange administrative group (fydibohf23spdlt)/cn=recipients/cn=group72a1a4ca</t>
  </si>
  <si>
    <t>10/16/2019 15:11:24</t>
  </si>
  <si>
    <t>10/16/2019 15:14:34</t>
  </si>
  <si>
    <t>10/16/2019 15:12:56</t>
  </si>
  <si>
    <t>lucasfbr@algartech.com;lucasm@algartech.com;luizfsm@algartech.com;marcosvas@algartech.com;rafaelbdt@algartech.com;</t>
  </si>
  <si>
    <t>lucasfbr@algartech.com,lucasm@algartech.com,luizfsm@algartech.com,marcosvas@algartech.com,rafaelbdt@algartech.com</t>
  </si>
  <si>
    <t>10/16/2019 15:15:07</t>
  </si>
  <si>
    <t>10/16/2019 15:16:34</t>
  </si>
  <si>
    <t>10.200.68.4</t>
  </si>
  <si>
    <t>RES: Previa Toyota</t>
  </si>
  <si>
    <t>Toyota UTI (002).pptx\</t>
  </si>
  <si>
    <t>10/14/2019 17:18:24</t>
  </si>
  <si>
    <t>10/16/2019 15:17:34</t>
  </si>
  <si>
    <t>10/15/2019 08:18:35</t>
  </si>
  <si>
    <t>10/15/2019 16:38:18</t>
  </si>
  <si>
    <t>ENC: Faturamento Digital</t>
  </si>
  <si>
    <t>10/16/2019 15:13:15</t>
  </si>
  <si>
    <t>Emissão Extra Base Line Outubro 2019.xlsx</t>
  </si>
  <si>
    <t>10/16/2019 15:13:34</t>
  </si>
  <si>
    <t>C:\Users\brunop\Desktop\Docs Visão Receptivo\Modelo para Planejamento\</t>
  </si>
  <si>
    <t>DW Algar - Planejado Intradiario Modelo.xlsm</t>
  </si>
  <si>
    <t>10/16/2019 15:15:58</t>
  </si>
  <si>
    <t>10/16/2019 15:18:34</t>
  </si>
  <si>
    <t>/o=exchangelabs/ou=exchange administrative group (fydibohf23spdlt)/cn=recipients/cn=1388e760581940569776ffce7145c40e-patricia ap;</t>
  </si>
  <si>
    <t>/o=exchangelabs/ou=exchange administrative group (fydibohf23spdlt)/cn=recipients/cn=1388e760581940569776ffce7145c40e-patricia ap</t>
  </si>
  <si>
    <t>10/16/2019 15:16:33</t>
  </si>
  <si>
    <t>10/16/2019 15:14:46</t>
  </si>
  <si>
    <t>10/16/2019 15:19:33</t>
  </si>
  <si>
    <t>10/16/2019 15:16:06</t>
  </si>
  <si>
    <t>10/16/2019 15:17:30</t>
  </si>
  <si>
    <t>10/16/2019 15:19:30</t>
  </si>
  <si>
    <t>10/16/2019 15:22:34</t>
  </si>
  <si>
    <t>Validação de Ganhos CCC - Capex e Opex - Julho 2019 - Algar Tech.xlsb</t>
  </si>
  <si>
    <t>10/16/2019 15:21:41</t>
  </si>
  <si>
    <t>10/16/2019 15:24:34</t>
  </si>
  <si>
    <t>10/16/2019 15:23:35</t>
  </si>
  <si>
    <t>10/16/2019 15:27:44</t>
  </si>
  <si>
    <t>10/16/2019 15:28:33</t>
  </si>
  <si>
    <t>10/16/2019 15:25:30</t>
  </si>
  <si>
    <t>10/16/2019 15:29:34</t>
  </si>
  <si>
    <t>LOJAS RENNER SA.xlsx</t>
  </si>
  <si>
    <t>10/16/2019 15:28:55</t>
  </si>
  <si>
    <t>10/16/2019 15:31:34</t>
  </si>
  <si>
    <t>/o=exchangelabs/ou=exchange administrative group (fydibohf23spdlt)/cn=recipients/cn=0ca6cc8d100949a7866a928f62ef5778-rosilene de;/o=exchangelabs/ou=exchange administrative group (fydibohf23spdlt)/cn=recipients/cn=1023d5718cf74aad8f1f7f0d507959c2-michel ribe;/o=exchangelabs/ou=exchange administrative group (fydibohf23spdlt)/cn=recipients/cn=3a10c1d788234688b257ab253389ec06-mateus mala;/o=exchangelabs/ou=exchange administrative group (fydibohf23spdlt)/cn=recipients/cn=7903c13fa0504ff0bc7dd2644020b0e8-mirna prado;/o=exchangelabs/ou=exchange administrative group (fydibohf23spdlt)/cn=recipients/cn=a9a1fe1d51ef4ee29617a1c11aa10050-marinalva i;/o=exchangelabs/ou=exchange administrative group (fydibohf23spdlt)/cn=recipients/cn=ca1f2dadbd0542a8ad075275acf52ff3-rondinele s;/o=exchangelabs/ou=exchange administrative group (fydibohf23spdlt)/cn=recipients/cn=cbea44aca4fb41a1aba289a0475041a1-daiane cris;guilherme_andrade@whirlpool.com;luanda_s_almeida@whirlpool.com;</t>
  </si>
  <si>
    <t>/o=exchangelabs/ou=exchange administrative group (fydibohf23spdlt)/cn=recipients/cn=0ca6cc8d100949a7866a928f62ef5778-rosilene de,/o=exchangelabs/ou=exchange administrative group (fydibohf23spdlt)/cn=recipients/cn=1023d5718cf74aad8f1f7f0d507959c2-michel ribe,/o=exchangelabs/ou=exchange administrative group (fydibohf23spdlt)/cn=recipients/cn=3a10c1d788234688b257ab253389ec06-mateus mala,/o=exchangelabs/ou=exchange administrative group (fydibohf23spdlt)/cn=recipients/cn=7903c13fa0504ff0bc7dd2644020b0e8-mirna prado,/o=exchangelabs/ou=exchange administrative group (fydibohf23spdlt)/cn=recipients/cn=a9a1fe1d51ef4ee29617a1c11aa10050-marinalva i,/o=exchangelabs/ou=exchange administrative group (fydibohf23spdlt)/cn=recipients/cn=ca1f2dadbd0542a8ad075275acf52ff3-rondinele s,/o=exchangelabs/ou=exchange administrative group (fydibohf23spdlt)/cn=recipients/cn=cbea44aca4fb41a1aba289a0475041a1-daiane cris,guilherme_andrade@whirlpool.com,luanda_s_almeida@whirlpool.com</t>
  </si>
  <si>
    <t>10/16/2019 15:30:48</t>
  </si>
  <si>
    <t>10/16/2019 15:32:34</t>
  </si>
  <si>
    <t>mail.google.com/_/upload?authuser=1&amp;dcp=asu-n&amp;upload_id=AEnB2Upr23O70oAUEGv6IWswNm5Tf24c-qcKzy_90yv__YISZo5LysjZIonFmUE9eI3MYEc6ydCJMXTofa9206npkZee5EG273q4o5aaYDt9D7M0e-kLO-0&amp;upload_protocol=resumable</t>
  </si>
  <si>
    <t>Formulario Cadastro de Novos Fornecedores - Algar Tech (002).xlsx</t>
  </si>
  <si>
    <t>10/16/2019 15:29:17</t>
  </si>
  <si>
    <t>10/16/2019 15:33:34</t>
  </si>
  <si>
    <t>augustocdam@algartech.com;bruna.vernalha@bradesco.com.br;cristinahe@algartech.com;daiane.alves@bradesco.com.br;danilocadsn@algartech.com;denisev.carvalho@bradesco.com.br;diegorg@algartech.com;fabiana.valentino@bradesco.com.br;fabianapm@algartech.com;fabio.ribeiro@algarnet.onmicrosoft.com;fabriciovs@algartech.com;faturamento@algartech.com;felipemda@algartech.com;flavio.romero@bradesco.com.br;fredericobs@algartecnologia.com.br;gustavorn@algartech.com;henriqueac@algartech.com;jullian.faria@algartech.com;katiargf@algartech.com;leandrolds@algartech.com;leonardo.calicchio@bradesco.com.br;luanaaoli@algartech.com;lucasm@algartech.com;lucianabo@algartech.com;marcopaulolr@algartech.com;pmo@algartech.com;raphaelas@algartech.com;tatiana.bueno@bradesco.com.br;vanessa.crisan.santos@bradesco.com.br;</t>
  </si>
  <si>
    <t>augustocdam@algartech.com,bruna.vernalha@bradesco.com.br,cristinahe@algartech.com,daiane.alves@bradesco.com.br,danilocadsn@algartech.com,denisev.carvalho@bradesco.com.br,diegorg@algartech.com,fabiana.valentino@bradesco.com.br,fabianapm@algartech.com,fabio.ribeiro@algarnet.onmicrosoft.com,fabriciovs@algartech.com,faturamento@algartech.com,felipemda@algartech.com,flavio.romero@bradesco.com.br,fredericobs@algartecnologia.com.br,gustavorn@algartech.com,henriqueac@algartech.com,jullian.faria@algartech.com,katiargf@algartech.com,leandrolds@algartech.com,leonardo.calicchio@bradesco.com.br,luanaaoli@algartech.com,lucasm@algartech.com,lucianabo@algartech.com,marcopaulolr@algartech.com,pmo@algartech.com,raphaelas@algartech.com,tatiana.bueno@bradesco.com.br,vanessa.crisan.santos@bradesco.com.br</t>
  </si>
  <si>
    <t>10/16/2019 15:36:30</t>
  </si>
  <si>
    <t>10/16/2019 15:37:34</t>
  </si>
  <si>
    <t>RES: RV - Apuração</t>
  </si>
  <si>
    <t>Atingimentos EBIT_PLR out2019_atual enviado 15out.xlsx</t>
  </si>
  <si>
    <t>10/16/2019 15:34:31</t>
  </si>
  <si>
    <t>10/16/2019 15:38:34</t>
  </si>
  <si>
    <t>10/16/2019 15:40:17</t>
  </si>
  <si>
    <t>10/16/2019 15:43:34</t>
  </si>
  <si>
    <t>Avaliação_de_Fornecedor_SI_V7.1 - Questionário BV.xlsx</t>
  </si>
  <si>
    <t>10/16/2019 15:46:04</t>
  </si>
  <si>
    <t>10/16/2019 15:48:34</t>
  </si>
  <si>
    <t>/o=exchangelabs/ou=exchange administrative group (fydibohf23spdlt)/cn=recipients/cn=6fbc44b6d6b549208175d5a27201bd13-cintia nune;/o=exchangelabs/ou=exchange administrative group (fydibohf23spdlt)/cn=recipients/cn=a4725b7c782941fda1d1c00ae0ff9e26-camiller mo;/o=exchangelabs/ou=exchange administrative group (fydibohf23spdlt)/cn=recipients/cn=b3b3e588898842db813e69c542d02bb6-elaine marc;/o=exchangelabs/ou=exchange administrative group (fydibohf23spdlt)/cn=recipients/cn=b67cad4ecfa344baaa94d716e7554f49-bruno camel;</t>
  </si>
  <si>
    <t>ENC: Controle Expansão DIREN</t>
  </si>
  <si>
    <t>Controle de Expansão DIREN Atualizado.xlsx</t>
  </si>
  <si>
    <t>/o=exchangelabs/ou=exchange administrative group (fydibohf23spdlt)/cn=recipients/cn=6fbc44b6d6b549208175d5a27201bd13-cintia nune,/o=exchangelabs/ou=exchange administrative group (fydibohf23spdlt)/cn=recipients/cn=a4725b7c782941fda1d1c00ae0ff9e26-camiller mo,/o=exchangelabs/ou=exchange administrative group (fydibohf23spdlt)/cn=recipients/cn=b3b3e588898842db813e69c542d02bb6-elaine marc,/o=exchangelabs/ou=exchange administrative group (fydibohf23spdlt)/cn=recipients/cn=b67cad4ecfa344baaa94d716e7554f49-bruno camel</t>
  </si>
  <si>
    <t>10/16/2019 15:45:00</t>
  </si>
  <si>
    <t>10/16/2019 15:49:34</t>
  </si>
  <si>
    <t>10/16/2019 15:46:12</t>
  </si>
  <si>
    <t>10/16/2019 10:54:05</t>
  </si>
  <si>
    <t>10/16/2019 15:52:34</t>
  </si>
  <si>
    <t>10.200.99.180</t>
  </si>
  <si>
    <t>/o=exchangelabs/ou=exchange administrative group (fydibohf23spdlt)/cn=recipients/cn=54861e79125f48cc952d00cf8160b9a8-jeferson fe;/o=exchangelabs/ou=exchange administrative group (fydibohf23spdlt)/cn=recipients/cn=ba307e7ec0fc4bdbb07006aa828c05f7-carina ferr;/o=exchangelabs/ou=exchange administrative group (fydibohf23spdlt)/cn=recipients/cn=d1d015f213f648abbf348b5ccdf8e9d9-senilda per;humbertoecj@algartech.com;</t>
  </si>
  <si>
    <t>/o=exchangelabs/ou=exchange administrative group (fydibohf23spdlt)/cn=recipients/cn=54861e79125f48cc952d00cf8160b9a8-jeferson fe,/o=exchangelabs/ou=exchange administrative group (fydibohf23spdlt)/cn=recipients/cn=ba307e7ec0fc4bdbb07006aa828c05f7-carina ferr,/o=exchangelabs/ou=exchange administrative group (fydibohf23spdlt)/cn=recipients/cn=d1d015f213f648abbf348b5ccdf8e9d9-senilda per,humbertoecj@algartech.com</t>
  </si>
  <si>
    <t>10/16/2019 13:39:14</t>
  </si>
  <si>
    <t>/o=exchangelabs/ou=exchange administrative group (fydibohf23spdlt)/cn=recipients/cn=a4d22dd1d15f4af6859c78a97c862082-pedro henri;</t>
  </si>
  <si>
    <t>Base ello.xlsx</t>
  </si>
  <si>
    <t>/o=exchangelabs/ou=exchange administrative group (fydibohf23spdlt)/cn=recipients/cn=a4d22dd1d15f4af6859c78a97c862082-pedro henri</t>
  </si>
  <si>
    <t>10/16/2019 14:45:47</t>
  </si>
  <si>
    <t>AVON_EXTRACAO_RECEPTIVO_2019-10-16.xlsx</t>
  </si>
  <si>
    <t>10/16/2019 15:52:32</t>
  </si>
  <si>
    <t>10/16/2019 15:54:34</t>
  </si>
  <si>
    <t>mail.google.com/_/upload?authuser=0&amp;dcp=asu-n&amp;upload_id=AEnB2UrokkWZsG9Hi65dvbYRwPUyZBLDTfgpXXEpSTrO-oW_XTFba50AfZ-nvpRXrHDYnixUdxUWwYM6UvYCjPjASnLofXA3_g&amp;upload_protocol=resumable</t>
  </si>
  <si>
    <t>Acompanhamento - Gr. Config.xlsx</t>
  </si>
  <si>
    <t>10/16/2019 15:52:44</t>
  </si>
  <si>
    <t>10/16/2019 15:51:47</t>
  </si>
  <si>
    <t>10/16/2019 15:55:33</t>
  </si>
  <si>
    <t>/o=exchangelabs/ou=exchange administrative group (fydibohf23spdlt)/cn=recipients/cn=0397d0473d5f42a78f4b9ffd0e537f3a-paula garci;/o=exchangelabs/ou=exchange administrative group (fydibohf23spdlt)/cn=recipients/cn=f681a87682ec4eb3b3dfa2503f9869d3-filipe rese;</t>
  </si>
  <si>
    <t>RES: Analise Trintidio</t>
  </si>
  <si>
    <t>Analise RCV e HD.xlsx</t>
  </si>
  <si>
    <t>/o=exchangelabs/ou=exchange administrative group (fydibohf23spdlt)/cn=recipients/cn=0397d0473d5f42a78f4b9ffd0e537f3a-paula garci,/o=exchangelabs/ou=exchange administrative group (fydibohf23spdlt)/cn=recipients/cn=f681a87682ec4eb3b3dfa2503f9869d3-filipe rese</t>
  </si>
  <si>
    <t>10/16/2019 15:54:12</t>
  </si>
  <si>
    <t>mail.google.com/_/upload?authuser=0&amp;dcp=asu-n&amp;upload_id=AEnB2Uqb6JOGZlQx0OfALsEvPB5K51eiHIVEKyu8X5hAtpym33PIKwEHe_ApDfPfHKmcULUZZkDfdm6avyw84UrSM2PdRfLBGw&amp;upload_protocol=resumable</t>
  </si>
  <si>
    <t>Export_O365_Grupos-16-10-2019.xlsx</t>
  </si>
  <si>
    <t>10/16/2019 15:53:28</t>
  </si>
  <si>
    <t>10/16/2019 15:56:33</t>
  </si>
  <si>
    <t>https://v2.contractweb.com.br/documents/cliente/ajax_upload.asp?colaborador=&amp;protocolo_documentos=12620468&amp;pendente=1&amp;tipo_documento=0&amp;cod_objeto_analise=631&amp;mes=07&amp;ano=2019&amp;cod_contrato=13508&amp;cod_contratada=10347&amp;diretorio_salvar='13508/10347/2019_07'&amp;nome_arquivo='_631__formulario com os dados da empresa_'</t>
  </si>
  <si>
    <t>C:\Users\sherleyce\Desktop\LICITAÇÃO OUT 19 FERIAS LILI\BV\</t>
  </si>
  <si>
    <t>Formulario_Analise BV - Preenchido.xlsx</t>
  </si>
  <si>
    <t>10/16/2019 15:55:38</t>
  </si>
  <si>
    <t>10/16/2019 15:58:34</t>
  </si>
  <si>
    <t>oscilang@tripag.com.br;</t>
  </si>
  <si>
    <t>ENC: Faturamento Atualizado</t>
  </si>
  <si>
    <t>oscilang@tripag.com.br</t>
  </si>
  <si>
    <t>10/16/2019 15:58:53</t>
  </si>
  <si>
    <t>10/16/2019 16:03:34</t>
  </si>
  <si>
    <t>RELATÓRIO ADMITIDOS E DESLIGADOS ALGAR TELECOM OUT.19</t>
  </si>
  <si>
    <t>RELATÓRIO ADMITIDOS E DESLIGADOS ALGAR TELECOM OUT.19.xlsx</t>
  </si>
  <si>
    <t>10/16/2019 16:02:56</t>
  </si>
  <si>
    <t>10/16/2019 16:04:34</t>
  </si>
  <si>
    <t>C:\Users\lucianarba\Desktop\Toyota UTI (002).pptx\</t>
  </si>
  <si>
    <t>10/16/2019 16:08:35</t>
  </si>
  <si>
    <t>10/16/2019 16:09:33</t>
  </si>
  <si>
    <t>rutiyama@toyota.com.br;</t>
  </si>
  <si>
    <t>PPT</t>
  </si>
  <si>
    <t>rutiyama@toyota.com.br</t>
  </si>
  <si>
    <t>10/16/2019 16:08:24</t>
  </si>
  <si>
    <t>10/16/2019 16:11:34</t>
  </si>
  <si>
    <t>10.12.241.102</t>
  </si>
  <si>
    <t>Disparo_16.10.csv</t>
  </si>
  <si>
    <t>10/16/2019 16:16:40</t>
  </si>
  <si>
    <t>10/16/2019 16:21:35</t>
  </si>
  <si>
    <t>10/16/2019 16:19:02</t>
  </si>
  <si>
    <t>10/16/2019 16:22:34</t>
  </si>
  <si>
    <t>ENC: Promoção Santarem</t>
  </si>
  <si>
    <t>10/16/2019 16:23:26</t>
  </si>
  <si>
    <t>10/16/2019 16:27:34</t>
  </si>
  <si>
    <t>Cópia de Forecast de Receita Oficial_2019 - 16-10.xlsx</t>
  </si>
  <si>
    <t>10/15/2019 18:39:21</t>
  </si>
  <si>
    <t>10/16/2019 16:30:35</t>
  </si>
  <si>
    <t>/o=exchangelabs/ou=exchange administrative group (fydibohf23spdlt)/cn=recipients/cn=3188323005a04a70962871b2b980355d-humberto pi;/o=exchangelabs/ou=exchange administrative group (fydibohf23spdlt)/cn=recipients/cn=c32cee7d339f4e7fab5beda7be171cc0-priscila ca;/o=exchangelabs/ou=exchange administrative group (fydibohf23spdlt)/cn=recipients/cn=c514dbe8b91547adb4618232d1a650ba-afonso domi;/o=exchangelabs/ou=exchange administrative group (fydibohf23spdlt)/cn=recipients/cn=cb5adfd7be5d42f39b6c2497336ba9d7-fernando gu;/o=exchangelabs/ou=exchange administrative group (fydibohf23spdlt)/cn=recipients/cn=e3778f57d65f4c17a6287602f9eb0cdc-alessandra;</t>
  </si>
  <si>
    <t>RES: Nespresso - Finalização Trabalho</t>
  </si>
  <si>
    <t>Cópia de Nespresso Red 2 Anti.xls</t>
  </si>
  <si>
    <t>/o=exchangelabs/ou=exchange administrative group (fydibohf23spdlt)/cn=recipients/cn=3188323005a04a70962871b2b980355d-humberto pi,/o=exchangelabs/ou=exchange administrative group (fydibohf23spdlt)/cn=recipients/cn=c32cee7d339f4e7fab5beda7be171cc0-priscila ca,/o=exchangelabs/ou=exchange administrative group (fydibohf23spdlt)/cn=recipients/cn=c514dbe8b91547adb4618232d1a650ba-afonso domi,/o=exchangelabs/ou=exchange administrative group (fydibohf23spdlt)/cn=recipients/cn=cb5adfd7be5d42f39b6c2497336ba9d7-fernando gu,/o=exchangelabs/ou=exchange administrative group (fydibohf23spdlt)/cn=recipients/cn=e3778f57d65f4c17a6287602f9eb0cdc-alessandra</t>
  </si>
  <si>
    <t>10/16/2019 16:44:58</t>
  </si>
  <si>
    <t>10/16/2019 16:45:35</t>
  </si>
  <si>
    <t>alda.monteiro@avon.com;ivancj@algartech.com;mayza.costa@avon.com;</t>
  </si>
  <si>
    <t>\\acsfs\ACS\Consultoria de Qualidade\Uberlândia\3. Monitores\07 - Avon\12. Aline Nunes\2019\Setembro\Acompanhamento New Model\</t>
  </si>
  <si>
    <t>02-09 atualizado.xlsx</t>
  </si>
  <si>
    <t>alda.monteiro@avon.com,ivancj@algartech.com,mayza.costa@avon.com</t>
  </si>
  <si>
    <t>10/16/2019 16:43:17</t>
  </si>
  <si>
    <t>10/16/2019 16:47:35</t>
  </si>
  <si>
    <t>/o=exchangelabs/ou=exchange administrative group (fydibohf23spdlt)/cn=recipients/cn=d8fa029a932f4642bf8b31479e4c3919-thiago cutr;</t>
  </si>
  <si>
    <t>ENC: Listagem de Camisas Electrolux</t>
  </si>
  <si>
    <t>Camisetas Electrolux.xlsx</t>
  </si>
  <si>
    <t>/o=exchangelabs/ou=exchange administrative group (fydibohf23spdlt)/cn=recipients/cn=d8fa029a932f4642bf8b31479e4c3919-thiago cutr</t>
  </si>
  <si>
    <t>10/16/2019 16:49:48</t>
  </si>
  <si>
    <t>10/16/2019 16:51:35</t>
  </si>
  <si>
    <t>claidsones@algartech.com;</t>
  </si>
  <si>
    <t>Grupo Algar - TH - _Relatório de Cadastro Geral 16.10.19.csv</t>
  </si>
  <si>
    <t>claidsones@algartech.com</t>
  </si>
  <si>
    <t>10/16/2019 16:48:04</t>
  </si>
  <si>
    <t>10/16/2019 16:52:35</t>
  </si>
  <si>
    <t>Proposta Suélen - 3TRI2019.xlsx</t>
  </si>
  <si>
    <t>10/16/2019 16:51:04</t>
  </si>
  <si>
    <t>10/16/2019 16:53:35</t>
  </si>
  <si>
    <t>alessandrar@algartech.com;andrelpsa@algartech.com;jefersonfo@algartech.com;reginaldort@algartech.com;thiagordu@algartech.com;</t>
  </si>
  <si>
    <t>Cópia de Avaliação_de_Fornecedor_SI_V7.1 - Questionário.xlsx</t>
  </si>
  <si>
    <t>alessandrar@algartech.com,andrelpsa@algartech.com,jefersonfo@algartech.com,reginaldort@algartech.com,thiagordu@algartech.com</t>
  </si>
  <si>
    <t>10/16/2019 16:54:57</t>
  </si>
  <si>
    <t>10/16/2019 16:55:35</t>
  </si>
  <si>
    <t>Financeiro.xlsx</t>
  </si>
  <si>
    <t>10/16/2019 16:58:22</t>
  </si>
  <si>
    <t>10/16/2019 16:58:35</t>
  </si>
  <si>
    <t>CAPEX_2020_Oficial - Info_Caixa_Dep_Cenário2_aj_lgpd AQUISIÇÃO.xlsx</t>
  </si>
  <si>
    <t>10/16/2019 16:54:41</t>
  </si>
  <si>
    <t>10/16/2019 16:59:35</t>
  </si>
  <si>
    <t>HD+RCV+TLV.xlsx</t>
  </si>
  <si>
    <t>10/16/2019 16:57:41</t>
  </si>
  <si>
    <t>10/16/2019 17:02:35</t>
  </si>
  <si>
    <t>/o=exchangelabs/ou=exchange administrative group (fydibohf23spdlt)/cn=recipients/cn=287c26b08a0f48578479a15a452f025d-edilson rod;/o=exchangelabs/ou=exchange administrative group (fydibohf23spdlt)/cn=recipients/cn=61af722dd06149089cf1c867d796b8bc-delso estre;</t>
  </si>
  <si>
    <t>Meta Pré-Vendas 3º Tri</t>
  </si>
  <si>
    <t>/o=exchangelabs/ou=exchange administrative group (fydibohf23spdlt)/cn=recipients/cn=287c26b08a0f48578479a15a452f025d-edilson rod,/o=exchangelabs/ou=exchange administrative group (fydibohf23spdlt)/cn=recipients/cn=61af722dd06149089cf1c867d796b8bc-delso estre</t>
  </si>
  <si>
    <t>10/16/2019 16:59:44</t>
  </si>
  <si>
    <t>10/16/2019 17:04:35</t>
  </si>
  <si>
    <t>10/16/2019 17:09:21</t>
  </si>
  <si>
    <t>10/16/2019 17:13:35</t>
  </si>
  <si>
    <t>Acompanhamento OTJ - reunião.xlsx</t>
  </si>
  <si>
    <t>10/16/2019 17:15:01</t>
  </si>
  <si>
    <t>10/16/2019 17:18:34</t>
  </si>
  <si>
    <t>Cópia de Avaliação_de_Fornecedor_SI_V7.1 - Questionário BV.xlsx</t>
  </si>
  <si>
    <t>10/16/2019 17:20:39</t>
  </si>
  <si>
    <t>10/16/2019 17:23:34</t>
  </si>
  <si>
    <t>/o=exchangelabs/ou=exchange administrative group (fydibohf23spdlt)/cn=recipients/cn=2504d5028b6b4fb89d14a5df6031358d-jane carla;/o=exchangelabs/ou=exchange administrative group (fydibohf23spdlt)/cn=recipients/cn=55f846c335d7437f892f0b0d49c89e92-celma ribei;/o=exchangelabs/ou=exchange administrative group (fydibohf23spdlt)/cn=recipients/cn=61af722dd06149089cf1c867d796b8bc-delso estre;/o=exchangelabs/ou=exchange administrative group (fydibohf23spdlt)/cn=recipients/cn=8c253c95243a40aa99c9416b7eb70a2a-julio cesar;/o=exchangelabs/ou=exchange administrative group (fydibohf23spdlt)/cn=recipients/cn=a7d54e15e3a94d53b0b5014d75c8d080-wanessa bor;/o=exchangelabs/ou=exchange administrative group (fydibohf23spdlt)/cn=recipients/cn=carlos henrique vilarinho_db6c0fb3df;/o=exchangelabs/ou=exchange administrative group (fydibohf23spdlt)/cn=recipients/cn=e46cd96e8e9e452c8cc8ba65a6c4ec57-gustavo hen;</t>
  </si>
  <si>
    <t>ENC: RV - Apuração</t>
  </si>
  <si>
    <t>/o=exchangelabs/ou=exchange administrative group (fydibohf23spdlt)/cn=recipients/cn=2504d5028b6b4fb89d14a5df6031358d-jane carla,/o=exchangelabs/ou=exchange administrative group (fydibohf23spdlt)/cn=recipients/cn=55f846c335d7437f892f0b0d49c89e92-celma ribei,/o=exchangelabs/ou=exchange administrative group (fydibohf23spdlt)/cn=recipients/cn=61af722dd06149089cf1c867d796b8bc-delso estre,/o=exchangelabs/ou=exchange administrative group (fydibohf23spdlt)/cn=recipients/cn=8c253c95243a40aa99c9416b7eb70a2a-julio cesar,/o=exchangelabs/ou=exchange administrative group (fydibohf23spdlt)/cn=recipients/cn=a7d54e15e3a94d53b0b5014d75c8d080-wanessa bor,/o=exchangelabs/ou=exchange administrative group (fydibohf23spdlt)/cn=recipients/cn=carlos henrique vilarinho_db6c0fb3df,/o=exchangelabs/ou=exchange administrative group (fydibohf23spdlt)/cn=recipients/cn=e46cd96e8e9e452c8cc8ba65a6c4ec57-gustavo hen</t>
  </si>
  <si>
    <t>10/16/2019 17:20:07</t>
  </si>
  <si>
    <t>10/16/2019 17:24:35</t>
  </si>
  <si>
    <t>C:\Users\alessandroam\OneDrive\OneDrive - Grupo Algar\01 - Historico\02 - Seg Informação\00 - TH Seg Inf\Reposição Nikelly - STH 365529\</t>
  </si>
  <si>
    <t>Analise Curriculo.xlsx</t>
  </si>
  <si>
    <t>10/16/2019 17:20:28</t>
  </si>
  <si>
    <t>10/16/2019 17:24:06</t>
  </si>
  <si>
    <t>10/16/2019 17:25:34</t>
  </si>
  <si>
    <t>mail.google.com/_/upload?authuser=0&amp;dcp=asu-n&amp;upload_id=AEnB2UrxUcJwwJ60ux8bZe86SXTMra9DGtxFXcee46C1_VvKX5wEjPvDTNJznhRHJg8wB4nhx-nqJkte5Ya0bi0m5TGEgvVIUg&amp;upload_protocol=resumable</t>
  </si>
  <si>
    <t>Jobs VDP.xlsx</t>
  </si>
  <si>
    <t>10/16/2019 17:34:59</t>
  </si>
  <si>
    <t>10/16/2019 17:37:34</t>
  </si>
  <si>
    <t>Template Suélen - 2020.xlsb</t>
  </si>
  <si>
    <t>10/16/2019 16:03:35</t>
  </si>
  <si>
    <t>10/16/2019 17:34:44</t>
  </si>
  <si>
    <t>10/16/2019 17:38:34</t>
  </si>
  <si>
    <t>BBN Vinicius.xlsx</t>
  </si>
  <si>
    <t>mail.google.com/_/upload?authuser=0&amp;dcp=asu-n&amp;upload_id=AEnB2UpCGMb893xYBqG0VgNlKihCQBhJ2JQqxnGVCwziSt8WDjLwkd51RVC1QgFtemMGaEuSxKmiamo7dFI6SwVQNsEVZ_nlmw&amp;upload_protocol=resumable</t>
  </si>
  <si>
    <t>10/16/2019 17:38:59</t>
  </si>
  <si>
    <t>10/16/2019 17:41:35</t>
  </si>
  <si>
    <t>10.203.30.97</t>
  </si>
  <si>
    <t>mail.google.com/_/upload?authuser=0&amp;dcp=asu-n&amp;upload_id=AEnB2UpFKi3Pml839NIpPHF4rXbr9j5x3Q0r2SSUhhwPjnM7hvBq8DTQ7zQg47fyM4RAWp3izPxf4_F-BigC8K6Wll24kzg9d2noVezjZFNfsV8VFZtUh94&amp;upload_protocol=resumable</t>
  </si>
  <si>
    <t>2019_10_17_Análise_Convergência.xlsx</t>
  </si>
  <si>
    <t>10/16/2019 17:41:18</t>
  </si>
  <si>
    <t>10/16/2019 17:44:34</t>
  </si>
  <si>
    <t>C:\Users\alessandroam\OneDrive\OneDrive - Grupo Algar\01 - Historico\01 - SDM Ti Bradesco\</t>
  </si>
  <si>
    <t>Lista de Sistemas - Consolidado_v7 072018.xlsx</t>
  </si>
  <si>
    <t>10/16/2019 17:45:25</t>
  </si>
  <si>
    <t>10/16/2019 17:49:35</t>
  </si>
  <si>
    <t>Usuarios_sem_email_1610.xlsx</t>
  </si>
  <si>
    <t>10/16/2019 17:52:17</t>
  </si>
  <si>
    <t>10/16/2019 17:54:34</t>
  </si>
  <si>
    <t>Volumetria BKO - BF 2018</t>
  </si>
  <si>
    <t>Atendimento_por_Operador (24).xlsx</t>
  </si>
  <si>
    <t>10/16/2019 18:06:02</t>
  </si>
  <si>
    <t>10/16/2019 18:07:34</t>
  </si>
  <si>
    <t>10/16/2019 18:06:43</t>
  </si>
  <si>
    <t>10/16/2019 18:05:21</t>
  </si>
  <si>
    <t>10/16/2019 18:09:34</t>
  </si>
  <si>
    <t>ENC: Informações Genesys - Ativo</t>
  </si>
  <si>
    <t>10/16/2019 18:07:46</t>
  </si>
  <si>
    <t>10/16/2019 18:12:35</t>
  </si>
  <si>
    <t>10/16/2019 18:30:34</t>
  </si>
  <si>
    <t>10/16/2019 18:34:35</t>
  </si>
  <si>
    <t>5 stars 16.10.csv</t>
  </si>
  <si>
    <t>10/16/2019 18:37:07</t>
  </si>
  <si>
    <t>10/16/2019 18:42:34</t>
  </si>
  <si>
    <t>/o=exchangelabs/ou=exchange administrative group (fydibohf23spdlt)/cn=recipients/cn=38cb943dd1ac413a953757a4a5a53053-fabio welze;ricardoac@weg.net;valerioc@weg.net;</t>
  </si>
  <si>
    <t>Tipos de alertas.xlsx</t>
  </si>
  <si>
    <t>/o=exchangelabs/ou=exchange administrative group (fydibohf23spdlt)/cn=recipients/cn=38cb943dd1ac413a953757a4a5a53053-fabio welze,ricardoac@weg.net,valerioc@weg.net</t>
  </si>
  <si>
    <t>10/16/2019 18:20:31</t>
  </si>
  <si>
    <t>10/16/2019 18:51:35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5694f7d2b5fa4976af2d1dc576e3b544-louany barb;/o=exchangelabs/ou=exchange administrative group (fydibohf23spdlt)/cn=recipients/cn=f4de30cd53104832ac10bc8c610e453e-gustavo pae;</t>
  </si>
  <si>
    <t>3ª Semana de Monitorias de Outubro</t>
  </si>
  <si>
    <t>3ª semana Outubro Qualidade monitorias.xlsx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5694f7d2b5fa4976af2d1dc576e3b544-louany barb,/o=exchangelabs/ou=exchange administrative group (fydibohf23spdlt)/cn=recipients/cn=f4de30cd53104832ac10bc8c610e453e-gustavo pae</t>
  </si>
  <si>
    <t>10/16/2019 19:20:44</t>
  </si>
  <si>
    <t>10/16/2019 19:25:36</t>
  </si>
  <si>
    <t>Almoço de Produtos.xlsx</t>
  </si>
  <si>
    <t>10/16/2019 21:20:41</t>
  </si>
  <si>
    <t>10/16/2019 21:25:38</t>
  </si>
  <si>
    <t>/o=exchangelabs/ou=exchange administrative group (fydibohf23spdlt)/cn=recipients/cn=1698f5af44b14116ad2d0b751d584c7d-danilo rafa;/o=exchangelabs/ou=exchange administrative group (fydibohf23spdlt)/cn=recipients/cn=33eadc062e4e444685992c7de4b20cbb-ana carolin;/o=exchangelabs/ou=exchange administrative group (fydibohf23spdlt)/cn=recipients/cn=cce783223f4944368b1f97b2b2cb217f-robson vini;</t>
  </si>
  <si>
    <t>Novos Cargos Sinergy X FAP</t>
  </si>
  <si>
    <t>Lista de Cargos para Inserção Sinergy_v1.xlsx</t>
  </si>
  <si>
    <t>/o=exchangelabs/ou=exchange administrative group (fydibohf23spdlt)/cn=recipients/cn=1698f5af44b14116ad2d0b751d584c7d-danilo rafa,/o=exchangelabs/ou=exchange administrative group (fydibohf23spdlt)/cn=recipients/cn=33eadc062e4e444685992c7de4b20cbb-ana carolin,/o=exchangelabs/ou=exchange administrative group (fydibohf23spdlt)/cn=recipients/cn=cce783223f4944368b1f97b2b2cb217f-robson vini</t>
  </si>
  <si>
    <t>10/16/2019 22:46:34</t>
  </si>
  <si>
    <t>10/16/2019 22:49:43</t>
  </si>
  <si>
    <t>/o=exchangelabs/ou=exchange administrative group (fydibohf23spdlt)/cn=recipients/cn=61af722dd06149089cf1c867d796b8bc-delso estre;/o=exchangelabs/ou=exchange administrative group (fydibohf23spdlt)/cn=recipients/cn=68f0b0e85da24da0bef3b6b109ed099e-daliane soa;/o=exchangelabs/ou=exchange administrative group (fydibohf23spdlt)/cn=recipients/cn=8c253c95243a40aa99c9416b7eb70a2a-julio cesar;/o=exchangelabs/ou=exchange administrative group (fydibohf23spdlt)/cn=recipients/cn=c9ea031fea1c4d28a37208d7515cef44-mara rubia;/o=exchangelabs/ou=exchange administrative group (fydibohf23spdlt)/cn=recipients/cn=cce783223f4944368b1f97b2b2cb217f-robson vini;/o=exchangelabs/ou=exchange administrative group (fydibohf23spdlt)/cn=recipients/cn=e46cd96e8e9e452c8cc8ba65a6c4ec57-gustavo hen;/o=exchangelabs/ou=exchange administrative group (fydibohf23spdlt)/cn=recipients/cn=edaf2797297d4874bc3a35ad5fa0e8d5-juliana soa;</t>
  </si>
  <si>
    <t>RES: PLR out/19</t>
  </si>
  <si>
    <t>Atingimento EBIT Executivos.xlsx</t>
  </si>
  <si>
    <t>/o=exchangelabs/ou=exchange administrative group (fydibohf23spdlt)/cn=recipients/cn=61af722dd06149089cf1c867d796b8bc-delso estre,/o=exchangelabs/ou=exchange administrative group (fydibohf23spdlt)/cn=recipients/cn=68f0b0e85da24da0bef3b6b109ed099e-daliane soa,/o=exchangelabs/ou=exchange administrative group (fydibohf23spdlt)/cn=recipients/cn=8c253c95243a40aa99c9416b7eb70a2a-julio cesar,/o=exchangelabs/ou=exchange administrative group (fydibohf23spdlt)/cn=recipients/cn=c9ea031fea1c4d28a37208d7515cef44-mara rubia,/o=exchangelabs/ou=exchange administrative group (fydibohf23spdlt)/cn=recipients/cn=cce783223f4944368b1f97b2b2cb217f-robson vini,/o=exchangelabs/ou=exchange administrative group (fydibohf23spdlt)/cn=recipients/cn=e46cd96e8e9e452c8cc8ba65a6c4ec57-gustavo hen,/o=exchangelabs/ou=exchange administrative group (fydibohf23spdlt)/cn=recipients/cn=edaf2797297d4874bc3a35ad5fa0e8d5-juliana soa</t>
  </si>
  <si>
    <t>10/16/2019 23:16:45</t>
  </si>
  <si>
    <t>10/16/2019 23:19:45</t>
  </si>
  <si>
    <t>\\acsfs\DEPTOS\TH\05. Cargos e Remuneração\09.Controles\CSC\2019\</t>
  </si>
  <si>
    <t>Carro Paulo Cruz.xlsx</t>
  </si>
  <si>
    <t>10/16/2019 20:59:21</t>
  </si>
  <si>
    <t>10/17/2019 00:29:46</t>
  </si>
  <si>
    <t>/o=exchangelabs/ou=exchange administrative group (fydibohf23spdlt)/cn=recipients/cn=2d3379e2d04c40db810b4b1f41dd2aea-erica carol;/o=exchangelabs/ou=exchange administrative group (fydibohf23spdlt)/cn=recipients/cn=35600680776041e0b2e3612c7a4448ea-laura venan;/o=exchangelabs/ou=exchange administrative group (fydibohf23spdlt)/cn=recipients/cn=3d85af75e9a44da5bad9ced68d6c53ed-rosana peix;/o=exchangelabs/ou=exchange administrative group (fydibohf23spdlt)/cn=recipients/cn=402535980e9d4d4788d63e3c9587e129-melissa fer;/o=exchangelabs/ou=exchange administrative group (fydibohf23spdlt)/cn=recipients/cn=704ce6c3da8c45c9a4fbd113173d101c-tatiane sil;</t>
  </si>
  <si>
    <t>Procedimento Macro Pré-Faturamento **** Férias Tatiane ****</t>
  </si>
  <si>
    <t>Clientes da Base_GAT.xlsx</t>
  </si>
  <si>
    <t>/o=exchangelabs/ou=exchange administrative group (fydibohf23spdlt)/cn=recipients/cn=2d3379e2d04c40db810b4b1f41dd2aea-erica carol,/o=exchangelabs/ou=exchange administrative group (fydibohf23spdlt)/cn=recipients/cn=35600680776041e0b2e3612c7a4448ea-laura venan,/o=exchangelabs/ou=exchange administrative group (fydibohf23spdlt)/cn=recipients/cn=3d85af75e9a44da5bad9ced68d6c53ed-rosana peix,/o=exchangelabs/ou=exchange administrative group (fydibohf23spdlt)/cn=recipients/cn=402535980e9d4d4788d63e3c9587e129-melissa fer,/o=exchangelabs/ou=exchange administrative group (fydibohf23spdlt)/cn=recipients/cn=704ce6c3da8c45c9a4fbd113173d101c-tatiane sil</t>
  </si>
  <si>
    <t>10/16/2019 16:57:53</t>
  </si>
  <si>
    <t>10/17/2019 06:44:49</t>
  </si>
  <si>
    <t>10/17/2019 07:19:10</t>
  </si>
  <si>
    <t>10/17/2019 07:19:48</t>
  </si>
  <si>
    <t>0ANALYSIS_PATTERN - 2019-10-17T071522.099.csv</t>
  </si>
  <si>
    <t>10/17/2019 07:20:11</t>
  </si>
  <si>
    <t>10/17/2019 07:24:48</t>
  </si>
  <si>
    <t>10/17/2019 07:26:23</t>
  </si>
  <si>
    <t>10/17/2019 07:29:47</t>
  </si>
  <si>
    <t>/o=exchangelabs/ou=exchange administrative group (fydibohf23spdlt)/cn=recipients/cn=0ca6cc8d100949a7866a928f62ef5778-rosilene de;/o=exchangelabs/ou=exchange administrative group (fydibohf23spdlt)/cn=recipients/cn=6189712535ea4b50a3625910837af2c9-larissa bra;/o=exchangelabs/ou=exchange administrative group (fydibohf23spdlt)/cn=recipients/cn=7903c13fa0504ff0bc7dd2644020b0e8-mirna prado;/o=exchangelabs/ou=exchange administrative group (fydibohf23spdlt)/cn=recipients/cn=be8766b4a96d48b483378f7babe180b8-thais coimb;/o=exchangelabs/ou=exchange administrative group (fydibohf23spdlt)/cn=recipients/cn=hugo cesar rodrigues dos santos;</t>
  </si>
  <si>
    <t>/o=exchangelabs/ou=exchange administrative group (fydibohf23spdlt)/cn=recipients/cn=0ca6cc8d100949a7866a928f62ef5778-rosilene de,/o=exchangelabs/ou=exchange administrative group (fydibohf23spdlt)/cn=recipients/cn=6189712535ea4b50a3625910837af2c9-larissa bra,/o=exchangelabs/ou=exchange administrative group (fydibohf23spdlt)/cn=recipients/cn=7903c13fa0504ff0bc7dd2644020b0e8-mirna prado,/o=exchangelabs/ou=exchange administrative group (fydibohf23spdlt)/cn=recipients/cn=be8766b4a96d48b483378f7babe180b8-thais coimb,/o=exchangelabs/ou=exchange administrative group (fydibohf23spdlt)/cn=recipients/cn=hugo cesar rodrigues dos santos</t>
  </si>
  <si>
    <t>10/16/2019 23:26:45</t>
  </si>
  <si>
    <t>10/17/2019 07:51:48</t>
  </si>
  <si>
    <t>/o=exchangelabs/ou=exchange administrative group (fydibohf23spdlt)/cn=recipients/cn=c9ea031fea1c4d28a37208d7515cef44-mara rubia;</t>
  </si>
  <si>
    <t>TH-3362225</t>
  </si>
  <si>
    <t>/o=exchangelabs/ou=exchange administrative group (fydibohf23spdlt)/cn=recipients/cn=c9ea031fea1c4d28a37208d7515cef44-mara rubia</t>
  </si>
  <si>
    <t>10/17/2019 08:07:14</t>
  </si>
  <si>
    <t>10/17/2019 08:09:48</t>
  </si>
  <si>
    <t>10/17/2019 08:07:23</t>
  </si>
  <si>
    <t>/o=exchangelabs/ou=exchange administrative group (fydibohf23spdlt)/cn=recipients/cn=0ca6cc8d100949a7866a928f62ef5778-rosilene de;/o=exchangelabs/ou=exchange administrative group (fydibohf23spdlt)/cn=recipients/cn=6189712535ea4b50a3625910837af2c9-larissa bra;/o=exchangelabs/ou=exchange administrative group (fydibohf23spdlt)/cn=recipients/cn=7903c13fa0504ff0bc7dd2644020b0e8-mirna prado;/o=exchangelabs/ou=exchange administrative group (fydibohf23spdlt)/cn=recipients/cn=be8766b4a96d48b483378f7babe180b8-thais coimb;</t>
  </si>
  <si>
    <t>/o=exchangelabs/ou=exchange administrative group (fydibohf23spdlt)/cn=recipients/cn=0ca6cc8d100949a7866a928f62ef5778-rosilene de,/o=exchangelabs/ou=exchange administrative group (fydibohf23spdlt)/cn=recipients/cn=6189712535ea4b50a3625910837af2c9-larissa bra,/o=exchangelabs/ou=exchange administrative group (fydibohf23spdlt)/cn=recipients/cn=7903c13fa0504ff0bc7dd2644020b0e8-mirna prado,/o=exchangelabs/ou=exchange administrative group (fydibohf23spdlt)/cn=recipients/cn=be8766b4a96d48b483378f7babe180b8-thais coimb</t>
  </si>
  <si>
    <t>10/17/2019 08:08:48</t>
  </si>
  <si>
    <t>10/17/2019 08:10:48</t>
  </si>
  <si>
    <t>GAT_MigradosGoogle.xlsx</t>
  </si>
  <si>
    <t>10/17/2019 08:10:05</t>
  </si>
  <si>
    <t>10/17/2019 08:15:48</t>
  </si>
  <si>
    <t>mail.google.com/_/upload?authuser=0&amp;dcp=asu-n&amp;upload_id=AEnB2UrhcKr-mrUshKLCcayohxRwDhBIpbgpzGRhXZETlgMpLTIKCQcHotrm-b8bzhH-BWBFGRX_Mz6HRmI7xEoogAmvkoZP3VgkbbcZkATHYEWNt_aPGuw&amp;upload_protocol=resumable</t>
  </si>
  <si>
    <t>10/17/2019 08:18:31</t>
  </si>
  <si>
    <t>10/17/2019 08:19:48</t>
  </si>
  <si>
    <t>/o=exchangelabs/ou=exchange administrative group (fydibohf23spdlt)/cn=recipients/cn=2072905e221e44cd93713caf57a4301f-roberta igi;/o=exchangelabs/ou=exchange administrative group (fydibohf23spdlt)/cn=recipients/cn=690534bfcd7340c7beff9dafbdbfc25f-paulo henri;/o=exchangelabs/ou=exchange administrative group (fydibohf23spdlt)/cn=recipients/cn=b517451b6fc4459bab2f030d08d799d0-bruna gabri;/o=exchangelabs/ou=exchange administrative group (fydibohf23spdlt)/cn=recipients/cn=c52a157e02d64dd1a81927cd619e2686-keila prisc;/o=exchangelabs/ou=exchange administrative group (fydibohf23spdlt)/cn=recipients/cn=e6b7580a624e482b95aa2b9747aa6d6d-paulo sergi;/o=exchangelabs/ou=exchange administrative group (fydibohf23spdlt)/cn=recipients/cn=ea256770748c47aebb733d587d4c0a71-maria vitor;claudia@tripag.com.br;cynthiaf@tripag.com.br;dbpaixao@tripag.com.br;ganunes@tripag.com.br;kellyc@tripag.com.br;krysllar@tripag.com.br;oscilang@tripag.com.br;</t>
  </si>
  <si>
    <t>RES: Habilitação de VISA e MASTER para clientes Tricard.</t>
  </si>
  <si>
    <t>ENC Habilitação de VISA e MASTER para clientes Tricard..msg\s1\</t>
  </si>
  <si>
    <t>Base clientes TRICARD - Habilitação 0710.xlsx</t>
  </si>
  <si>
    <t>/o=exchangelabs/ou=exchange administrative group (fydibohf23spdlt)/cn=recipients/cn=2072905e221e44cd93713caf57a4301f-roberta igi,/o=exchangelabs/ou=exchange administrative group (fydibohf23spdlt)/cn=recipients/cn=690534bfcd7340c7beff9dafbdbfc25f-paulo henri,/o=exchangelabs/ou=exchange administrative group (fydibohf23spdlt)/cn=recipients/cn=b517451b6fc4459bab2f030d08d799d0-bruna gabri,/o=exchangelabs/ou=exchange administrative group (fydibohf23spdlt)/cn=recipients/cn=c52a157e02d64dd1a81927cd619e2686-keila prisc,/o=exchangelabs/ou=exchange administrative group (fydibohf23spdlt)/cn=recipients/cn=e6b7580a624e482b95aa2b9747aa6d6d-paulo sergi,/o=exchangelabs/ou=exchange administrative group (fydibohf23spdlt)/cn=recipients/cn=ea256770748c47aebb733d587d4c0a71-maria vitor,claudia@tripag.com.br,cynthiaf@tripag.com.br,dbpaixao@tripag.com.br,ganunes@tripag.com.br,kellyc@tripag.com.br,krysllar@tripag.com.br,oscilang@tripag.com.br</t>
  </si>
  <si>
    <t>10/17/2019 08:23:43</t>
  </si>
  <si>
    <t>10/17/2019 08:24:48</t>
  </si>
  <si>
    <t>64-1C-67-9D-34-80</t>
  </si>
  <si>
    <t>XXXXX - Pedido Transacional_GPON13 PROFISSIONAIS.xls</t>
  </si>
  <si>
    <t>10/16/2019 20:27:16</t>
  </si>
  <si>
    <t>10/17/2019 08:26:49</t>
  </si>
  <si>
    <t>C:\Users\fabriciovs\Desktop\Capex 2020 - BPO\Consolidacao Compras\</t>
  </si>
  <si>
    <t>Capex Consolidado TI.xlsx</t>
  </si>
  <si>
    <t>10/17/2019 08:30:32</t>
  </si>
  <si>
    <t>10/17/2019 08:32:49</t>
  </si>
  <si>
    <t>10/17/2019 08:33:56</t>
  </si>
  <si>
    <t>10/17/2019 08:35:49</t>
  </si>
  <si>
    <t>Alterar email.msg\s1\</t>
  </si>
  <si>
    <t>Operadores.xlsx</t>
  </si>
  <si>
    <t>10/17/2019 08:35:27</t>
  </si>
  <si>
    <t>10/17/2019 08:38:48</t>
  </si>
  <si>
    <t>/o=exchangelabs/ou=exchange administrative group (fydibohf23spdlt)/cn=recipients/cn=03a1bc99308a456db7c0105407689b39-gilda elain;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65d35bc38c6743d7a55b3ae9726a5893-diego ribei;/o=exchangelabs/ou=exchange administrative group (fydibohf23spdlt)/cn=recipients/cn=cfc48e6960e745d5a5caa3a9584c60eb-leticia vie;cristianecsa@algartech.com;</t>
  </si>
  <si>
    <t>RES: Comitê Jornada ERP</t>
  </si>
  <si>
    <t>CAPEX_2020_Oficial - rampa_ERP.xlsx</t>
  </si>
  <si>
    <t>/o=exchangelabs/ou=exchange administrative group (fydibohf23spdlt)/cn=recipients/cn=03a1bc99308a456db7c0105407689b39-gilda elain,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65d35bc38c6743d7a55b3ae9726a5893-diego ribei,/o=exchangelabs/ou=exchange administrative group (fydibohf23spdlt)/cn=recipients/cn=cfc48e6960e745d5a5caa3a9584c60eb-leticia vie,cristianecsa@algartech.com</t>
  </si>
  <si>
    <t>10/17/2019 08:39:34</t>
  </si>
  <si>
    <t>10/17/2019 08:43:48</t>
  </si>
  <si>
    <t>/o=exchangelabs/ou=exchange administrative group (fydibohf23spdlt)/cn=recipients/cn=1e212ef08dab4f26b88cba944f2ab7cb-pmo.governa;/o=exchangelabs/ou=exchange administrative group (fydibohf23spdlt)/cn=recipients/cn=287c26b08a0f48578479a15a452f025d-edilson rod;/o=exchangelabs/ou=exchange administrative group (fydibohf23spdlt)/cn=recipients/cn=54abac0a4fdc4ad1bec39bb51d85eab1-victor hugo;/o=exchangelabs/ou=exchange administrative group (fydibohf23spdlt)/cn=recipients/cn=65d35bc38c6743d7a55b3ae9726a5893-diego ribei;/o=exchangelabs/ou=exchange administrative group (fydibohf23spdlt)/cn=recipients/cn=780b9404adbb490eb0a80de60612f32d-filemon can;/o=exchangelabs/ou=exchange administrative group (fydibohf23spdlt)/cn=recipients/cn=89e58c8da071492dbdcb4fee4156b705-gustavo alm;/o=exchangelabs/ou=exchange administrative group (fydibohf23spdlt)/cn=recipients/cn=f0723cfec25d44359e10a3afabfe3d5f-ederlei rod;/o=exchangelabs/ou=exchange administrative group (fydibohf23spdlt)/cn=recipients/cn=userdc05fc7c;/o=exchangelabs/ou=excha</t>
  </si>
  <si>
    <t>ENC: Capitalização Prudential - 2020</t>
  </si>
  <si>
    <t>/o=exchangelabs/ou=exchange administrative group (fydibohf23spdlt)/cn=recipients/cn=1e212ef08dab4f26b88cba944f2ab7cb-pmo.governa,/o=exchangelabs/ou=exchange administrative group (fydibohf23spdlt)/cn=recipients/cn=287c26b08a0f48578479a15a452f025d-edilson rod,/o=exchangelabs/ou=exchange administrative group (fydibohf23spdlt)/cn=recipients/cn=54abac0a4fdc4ad1bec39bb51d85eab1-victor hugo,/o=exchangelabs/ou=exchange administrative group (fydibohf23spdlt)/cn=recipients/cn=65d35bc38c6743d7a55b3ae9726a5893-diego ribei,/o=exchangelabs/ou=exchange administrative group (fydibohf23spdlt)/cn=recipients/cn=780b9404adbb490eb0a80de60612f32d-filemon can,/o=exchangelabs/ou=exchange administrative group (fydibohf23spdlt)/cn=recipients/cn=89e58c8da071492dbdcb4fee4156b705-gustavo alm,/o=exchangelabs/ou=exchange administrative group (fydibohf23spdlt)/cn=recipients/cn=f0723cfec25d44359e10a3afabfe3d5f-ederlei rod,/o=exchangelabs/ou=exchange administrative group (fydibohf23spdlt)/cn=recipients/cn=userdc05fc7c,/o=exchangelabs/ou=excha</t>
  </si>
  <si>
    <t>10/16/2019 16:20:23</t>
  </si>
  <si>
    <t>10/17/2019 08:46:48</t>
  </si>
  <si>
    <t>/o=exchangelabs/ou=exchange administrative group (fydibohf23spdlt)/cn=recipients/cn=50f8ab770c6e4ce1a0c6a59d9c0a5d77-gessica ste;flavia@iclicconsultoria.com.br;keilaps@algartech.com.br;</t>
  </si>
  <si>
    <t>ENC: Validação Páginas - Home Atendimento PJ</t>
  </si>
  <si>
    <t>/o=exchangelabs/ou=exchange administrative group (fydibohf23spdlt)/cn=recipients/cn=50f8ab770c6e4ce1a0c6a59d9c0a5d77-gessica ste,flavia@iclicconsultoria.com.br,keilaps@algartech.com.br</t>
  </si>
  <si>
    <t>10/17/2019 08:43:36</t>
  </si>
  <si>
    <t>10/17/2019 08:48:48</t>
  </si>
  <si>
    <t>CURVA NORMAL - 16/10/2019</t>
  </si>
  <si>
    <t>10/17/2019 08:47:57</t>
  </si>
  <si>
    <t>10/17/2019 08:50:49</t>
  </si>
  <si>
    <t>R:\OneDrive - Grupo Algar\Advanced Collection\0 - Cliente\99 - RFP\Estácio\</t>
  </si>
  <si>
    <t>206382 - BP ESTÁCIO C018 B018 v1.xlsb</t>
  </si>
  <si>
    <t>R:\OneDrive - Grupo Algar\Advanced Collection\0 - Cliente\99 - RFP\Estácio\206382 - BP ESTÁCIO C018 B018 v1.xlsb\</t>
  </si>
  <si>
    <t>10/17/2019 08:51:48</t>
  </si>
  <si>
    <t>10/17/2019 08:52:49</t>
  </si>
  <si>
    <t>10/16/2019 16:59:25</t>
  </si>
  <si>
    <t>10/17/2019 08:53:49</t>
  </si>
  <si>
    <t>201909_Mapa Clientes.xlsx</t>
  </si>
  <si>
    <t>10/17/2019 08:52:27</t>
  </si>
  <si>
    <t>10/17/2019 08:56:48</t>
  </si>
  <si>
    <t>Bases Pesquisa de Satisfação</t>
  </si>
  <si>
    <t>Pesquisa_Satisfacao_RA_20191005.xlsx</t>
  </si>
  <si>
    <t>10/17/2019 08:57:06</t>
  </si>
  <si>
    <t>10/17/2019 09:00:48</t>
  </si>
  <si>
    <t>/o=exchangelabs/ou=exchange administrative group (fydibohf23spdlt)/cn=recipients/cn=26984366badb41bea1ad9ee21b28411b-luciene rod;/o=exchangelabs/ou=exchange administrative group (fydibohf23spdlt)/cn=recipients/cn=2f8300fc6f8b4714a77c0227cba72162-vinicius pi;/o=exchangelabs/ou=exchange administrative group (fydibohf23spdlt)/cn=recipients/cn=518d86a2f4064540845859796ca5563b-vinicius sc;/o=exchangelabs/ou=exchange administrative group (fydibohf23spdlt)/cn=recipients/cn=8295bdf2d84b481dacb8e4962fb430d4-rodrigo ant;aline.prado@cscalgar.com.br;</t>
  </si>
  <si>
    <t>RES: Processo Reset de Senha</t>
  </si>
  <si>
    <t>Fraseologias Reset de Senha.xlsx</t>
  </si>
  <si>
    <t>/o=exchangelabs/ou=exchange administrative group (fydibohf23spdlt)/cn=recipients/cn=26984366badb41bea1ad9ee21b28411b-luciene rod,/o=exchangelabs/ou=exchange administrative group (fydibohf23spdlt)/cn=recipients/cn=2f8300fc6f8b4714a77c0227cba72162-vinicius pi,/o=exchangelabs/ou=exchange administrative group (fydibohf23spdlt)/cn=recipients/cn=518d86a2f4064540845859796ca5563b-vinicius sc,/o=exchangelabs/ou=exchange administrative group (fydibohf23spdlt)/cn=recipients/cn=8295bdf2d84b481dacb8e4962fb430d4-rodrigo ant,aline.prado@cscalgar.com.br</t>
  </si>
  <si>
    <t>10/16/2019 18:16:05</t>
  </si>
  <si>
    <t>10/17/2019 09:04:49</t>
  </si>
  <si>
    <t>RES: Relatório do Nº de O.A. Concluída por Motivo de cada operador</t>
  </si>
  <si>
    <t>BKO Out19.xlsx</t>
  </si>
  <si>
    <t>10/16/2019 11:21:52</t>
  </si>
  <si>
    <t>/o=exchangelabs/ou=exchange administrative group (fydibohf23spdlt)/cn=recipients/cn=6857e7b89b5f46e3b6aed2352ac8d5ac-carlos albe;/o=exchangelabs/ou=exchange administrative group (fydibohf23spdlt)/cn=recipients/cn=6c861aa06809426789ff50cfcf8afea3-rosemary az;</t>
  </si>
  <si>
    <t>ENC: Relatorios disparos Toyota</t>
  </si>
  <si>
    <t>Relatorios Toyota.rar\Relatorios Toyota\01-10-2019\</t>
  </si>
  <si>
    <t>RelAuditoria20191010093036.csv</t>
  </si>
  <si>
    <t>/o=exchangelabs/ou=exchange administrative group (fydibohf23spdlt)/cn=recipients/cn=6857e7b89b5f46e3b6aed2352ac8d5ac-carlos albe,/o=exchangelabs/ou=exchange administrative group (fydibohf23spdlt)/cn=recipients/cn=6c861aa06809426789ff50cfcf8afea3-rosemary az</t>
  </si>
  <si>
    <t>10/16/2019 16:31:24</t>
  </si>
  <si>
    <t>/o=exchangelabs/ou=exchange administrative group (fydibohf23spdlt)/cn=recipients/cn=d5130784dc81436d9511788de4df376c-jeciene gom;/o=exchangelabs/ou=exchange administrative group (fydibohf23spdlt)/cn=recipients/cn=d66a262ea1e040adaf711e9b38c488e7-adine paula;</t>
  </si>
  <si>
    <t>ENC: Projeto Precificação: Orçamento</t>
  </si>
  <si>
    <t>/o=exchangelabs/ou=exchange administrative group (fydibohf23spdlt)/cn=recipients/cn=d5130784dc81436d9511788de4df376c-jeciene gom,/o=exchangelabs/ou=exchange administrative group (fydibohf23spdlt)/cn=recipients/cn=d66a262ea1e040adaf711e9b38c488e7-adine paula</t>
  </si>
  <si>
    <t>10/17/2019 09:09:18</t>
  </si>
  <si>
    <t>10/17/2019 09:09:49</t>
  </si>
  <si>
    <t>C:\Users\alefl\OneDrive - Grupo Algar\Relatorio\Office365\</t>
  </si>
  <si>
    <t>users_17_10_2019 12_06_50.csv</t>
  </si>
  <si>
    <t>10/17/2019 09:10:17</t>
  </si>
  <si>
    <t>10/17/2019 09:11:49</t>
  </si>
  <si>
    <t>RES: ANALISE CONCORRENCIA</t>
  </si>
  <si>
    <t>analise concorrencia.xlsx</t>
  </si>
  <si>
    <t>10/17/2019 09:11:42</t>
  </si>
  <si>
    <t>10/17/2019 09:14:49</t>
  </si>
  <si>
    <t>10/17/2019 09:13:40</t>
  </si>
  <si>
    <t>10/17/2019 09:16:49</t>
  </si>
  <si>
    <t>10/17/2019 09:17:30</t>
  </si>
  <si>
    <t>10/17/2019 09:18:49</t>
  </si>
  <si>
    <t>10.200.57.161</t>
  </si>
  <si>
    <t>c:\users\gildaepma\appdata\local\temp\</t>
  </si>
  <si>
    <t>ch545_20191017_082552.xls</t>
  </si>
  <si>
    <t>10/17/2019 09:13:31</t>
  </si>
  <si>
    <t>10/17/2019 09:19:11</t>
  </si>
  <si>
    <t>10/17/2019 09:23:49</t>
  </si>
  <si>
    <t>antoniojr@algartech.com;cristinahe@algartech.com;eduardost@algartech.com;fabio.ribeiro@algarnet.onmicrosoft.com;fredericobs@algartecnologia.com.br;jullian.faria@algartech.com;leandrolds@algartech.com;marcopaulolr@algartech.com;moiragt@algartech.com;pamelatc@algartech.com;polati@algartech.com;</t>
  </si>
  <si>
    <t>Justificativas resultado Set Bradesco e NEXT.xls</t>
  </si>
  <si>
    <t>antoniojr@algartech.com,cristinahe@algartech.com,eduardost@algartech.com,fabio.ribeiro@algarnet.onmicrosoft.com,fredericobs@algartecnologia.com.br,jullian.faria@algartech.com,leandrolds@algartech.com,marcopaulolr@algartech.com,moiragt@algartech.com,pamelatc@algartech.com,polati@algartech.com</t>
  </si>
  <si>
    <t>10/17/2019 09:20:47</t>
  </si>
  <si>
    <t>10/17/2019 09:25:49</t>
  </si>
  <si>
    <t>/o=exchangelabs/ou=exchange administrative group (fydibohf23spdlt)/cn=recipients/cn=88e4fcbd3ea14730a81286cc0683fb42-manoel eloy;manoelern@algartech.com.br;</t>
  </si>
  <si>
    <t>ENC: Ata Staff Semanal - 03/10</t>
  </si>
  <si>
    <t>Ata.xlsx</t>
  </si>
  <si>
    <t>/o=exchangelabs/ou=exchange administrative group (fydibohf23spdlt)/cn=recipients/cn=88e4fcbd3ea14730a81286cc0683fb42-manoel eloy,manoelern@algartech.com.br</t>
  </si>
  <si>
    <t>10/17/2019 09:25:24</t>
  </si>
  <si>
    <t>10/17/2019 09:27:49</t>
  </si>
  <si>
    <t>Bacen</t>
  </si>
  <si>
    <t>BACEN.xlsx</t>
  </si>
  <si>
    <t>10/17/2019 09:32:01</t>
  </si>
  <si>
    <t>10/17/2019 09:33:49</t>
  </si>
  <si>
    <t>10/17/2019 09:30:27</t>
  </si>
  <si>
    <t>10.200.60.174</t>
  </si>
  <si>
    <t>Sage Volumetria Setembro 2019.xlsx</t>
  </si>
  <si>
    <t>10/17/2019 09:34:58</t>
  </si>
  <si>
    <t>10/17/2019 09:37:49</t>
  </si>
  <si>
    <t>10/17/2019 09:34:23</t>
  </si>
  <si>
    <t>10/17/2019 09:38:48</t>
  </si>
  <si>
    <t>/o=exchangelabs/ou=exchange administrative group (fydibohf23spdlt)/cn=recipients/cn=00dbcea0702d4358b7c66d1d0dd7b863-juliana tei;/o=exchangelabs/ou=exchange administrative group (fydibohf23spdlt)/cn=recipients/cn=010c9ad8a2ca4b90b7642d039dda856e-karolyne ca;/o=exchangelabs/ou=exchange administrative group (fydibohf23spdlt)/cn=recipients/cn=0177ccde46e64a8f8723f2fcb8751283-diego franc;/o=exchangelabs/ou=exchange administrative group (fydibohf23spdlt)/cn=recipients/cn=01dd947fa5e64c6cb9bbbb6c6ff21082-amanda silv;/o=exchangelabs/ou=exchange administrative group (fydibohf23spdlt)/cn=recipients/cn=022f9be39d034221ac81aa3656cce40a-ana paula s;/o=exchangelabs/ou=exchange administrative group (fydibohf23spdlt)/cn=recipients/cn=0397d0473d5f42a78f4b9ffd0e537f3a-paula garci;/o=exchangelabs/ou=exchange administrative group (fydibohf23spdlt)/cn=recipients/cn=04ff9975af994627902477cd10e5d09d-fabricio vi;/o=exchangelabs/ou=exchange administrative group (fydibohf23spdlt)/cn=recipients/cn=0673cd34d1b2417c834ebe2a895edd43-maic</t>
  </si>
  <si>
    <t>/o=exchangelabs/ou=exchange administrative group (fydibohf23spdlt)/cn=recipients/cn=00dbcea0702d4358b7c66d1d0dd7b863-juliana tei,/o=exchangelabs/ou=exchange administrative group (fydibohf23spdlt)/cn=recipients/cn=010c9ad8a2ca4b90b7642d039dda856e-karolyne ca,/o=exchangelabs/ou=exchange administrative group (fydibohf23spdlt)/cn=recipients/cn=0177ccde46e64a8f8723f2fcb8751283-diego franc,/o=exchangelabs/ou=exchange administrative group (fydibohf23spdlt)/cn=recipients/cn=01dd947fa5e64c6cb9bbbb6c6ff21082-amanda silv,/o=exchangelabs/ou=exchange administrative group (fydibohf23spdlt)/cn=recipients/cn=022f9be39d034221ac81aa3656cce40a-ana paula s,/o=exchangelabs/ou=exchange administrative group (fydibohf23spdlt)/cn=recipients/cn=0397d0473d5f42a78f4b9ffd0e537f3a-paula garci,/o=exchangelabs/ou=exchange administrative group (fydibohf23spdlt)/cn=recipients/cn=04ff9975af994627902477cd10e5d09d-fabricio vi,/o=exchangelabs/ou=exchange administrative group (fydibohf23spdlt)/cn=recipients/cn=0673cd34d1b2417c834ebe2a895edd43-maic</t>
  </si>
  <si>
    <t>10/17/2019 09:35:51</t>
  </si>
  <si>
    <t>10/17/2019 09:43:24</t>
  </si>
  <si>
    <t>10/17/2019 09:46:49</t>
  </si>
  <si>
    <t>192.168.1.113</t>
  </si>
  <si>
    <t>68-A3-C4-5A-84-D8</t>
  </si>
  <si>
    <t>/o=exchangelabs/ou=exchange administrative group (fydibohf23spdlt)/cn=recipients/cn=0a343ab60c904ee9b25c54f941bc50a2-elincon pis;/o=exchangelabs/ou=exchange administrative group (fydibohf23spdlt)/cn=recipients/cn=3bff4ffb267e4ea2a4a3347f6a4c5cf8-tatiane mag;</t>
  </si>
  <si>
    <t>Controle de Penalidades de Stembro 2019.xlsx</t>
  </si>
  <si>
    <t>/o=exchangelabs/ou=exchange administrative group (fydibohf23spdlt)/cn=recipients/cn=0a343ab60c904ee9b25c54f941bc50a2-elincon pis,/o=exchangelabs/ou=exchange administrative group (fydibohf23spdlt)/cn=recipients/cn=3bff4ffb267e4ea2a4a3347f6a4c5cf8-tatiane mag</t>
  </si>
  <si>
    <t>10/16/2019 14:38:40</t>
  </si>
  <si>
    <t>10/17/2019 09:49:49</t>
  </si>
  <si>
    <t>adriana.rosa@electrolux.com;alessandrar@algartech.com;andre.marcos@electrolux.com;angelinegn@algartech.com;brunobsc@algartech.com;ceciliame@algartech.com;cristiane.xavier@electrolux.com;cticgerenciamentofornecedoresti@algartech.com;diogogbb@algartech.com;elaine.freitas@electrolux.com;eliomarcos.lopes@sotreq.com.br;evelyzegavf@algartech.com;henriqueac@algartech.com;jessikalfr@algartech.com;priscilacy@algartech.com;projetossuporteadministrativo@algartech.com;qualidade.electrolux@algartech.com;rafaelmb@algartech.com;raphaelas@algartech.com;rosangelatf@algartech.com;sabrinavds@algartech.com;simone.carneiro@cscalgar.com.br;supervisaoelectrolux@algartech.com;viniciusmlf@algartech.com;</t>
  </si>
  <si>
    <t>Tma Retenção Robô Chat.xlsx</t>
  </si>
  <si>
    <t>adriana.rosa@electrolux.com,alessandrar@algartech.com,andre.marcos@electrolux.com,angelinegn@algartech.com,brunobsc@algartech.com,ceciliame@algartech.com,cristiane.xavier@electrolux.com,cticgerenciamentofornecedoresti@algartech.com,diogogbb@algartech.com,elaine.freitas@electrolux.com,eliomarcos.lopes@sotreq.com.br,evelyzegavf@algartech.com,henriqueac@algartech.com,jessikalfr@algartech.com,priscilacy@algartech.com,projetossuporteadministrativo@algartech.com,qualidade.electrolux@algartech.com,rafaelmb@algartech.com,raphaelas@algartech.com,rosangelatf@algartech.com,sabrinavds@algartech.com,simone.carneiro@cscalgar.com.br,supervisaoelectrolux@algartech.com,viniciusmlf@algartech.com</t>
  </si>
  <si>
    <t>10/17/2019 09:48:24</t>
  </si>
  <si>
    <t>Farol Churn - Parcial - Out/2019 - 16/10/19</t>
  </si>
  <si>
    <t>Base BW % Conversão - Out-2019 - Parcial - 16-10-2019.xlsm</t>
  </si>
  <si>
    <t>10/17/2019 09:48:49</t>
  </si>
  <si>
    <t>Produtividade RAF - Out-2019 - Parcial - 16-10-19.xlsm</t>
  </si>
  <si>
    <t>10/17/2019 09:48:48</t>
  </si>
  <si>
    <t>10/17/2019 09:51:49</t>
  </si>
  <si>
    <t>ENC: Entrega Conciliações Fiscais Algar Tech</t>
  </si>
  <si>
    <t>Impacto Ajustes Conciliação Grupo Tech - Resumo.xlsx</t>
  </si>
  <si>
    <t>10/17/2019 09:53:16</t>
  </si>
  <si>
    <t>10/17/2019 09:55:49</t>
  </si>
  <si>
    <t>/o=exchangelabs/ou=exchange administrative group (fydibohf23spdlt)/cn=recipients/cn=1a68fd0c71d242d89abd9f9904b69653-lidianne sa;/o=exchangelabs/ou=exchange administrative group (fydibohf23spdlt)/cn=recipients/cn=7010366a38334f4ea93ff55da14a3fd0-supervisore;</t>
  </si>
  <si>
    <t>ENC: Relatório Treinamento NR-17 - 31ª Parcial 2019</t>
  </si>
  <si>
    <t>Farol NR-17 - 31ª Parcial 2019.xlsb</t>
  </si>
  <si>
    <t>/o=exchangelabs/ou=exchange administrative group (fydibohf23spdlt)/cn=recipients/cn=1a68fd0c71d242d89abd9f9904b69653-lidianne sa,/o=exchangelabs/ou=exchange administrative group (fydibohf23spdlt)/cn=recipients/cn=7010366a38334f4ea93ff55da14a3fd0-supervisore</t>
  </si>
  <si>
    <t>10/17/2019 09:43:19</t>
  </si>
  <si>
    <t>10/17/2019 09:56:48</t>
  </si>
  <si>
    <t>10/17/2019 09:53:03</t>
  </si>
  <si>
    <t>10/17/2019 09:57:49</t>
  </si>
  <si>
    <t>ENC: Volume Gerenciadas Amex e Visa - 17/10</t>
  </si>
  <si>
    <t>10/17/2019 10:08:57</t>
  </si>
  <si>
    <t>10/17/2019 10:10:49</t>
  </si>
  <si>
    <t>/o=exchangelabs/ou=exchange administrative group (fydibohf23spdlt)/cn=recipients/cn=2f1b08ea2f784157bec52a53b7e2d6d4-rafaela apa;</t>
  </si>
  <si>
    <t>Equipe Gat</t>
  </si>
  <si>
    <t>/o=exchangelabs/ou=exchange administrative group (fydibohf23spdlt)/cn=recipients/cn=2f1b08ea2f784157bec52a53b7e2d6d4-rafaela apa</t>
  </si>
  <si>
    <t>10/17/2019 10:08:07</t>
  </si>
  <si>
    <t>/o=exchangelabs/ou=exchange administrative group (fydibohf23spdlt)/cn=recipients/cn=23e3be28ac6a4bbf8335736c953c7732-patrick luh;/o=exchangelabs/ou=exchange administrative group (fydibohf23spdlt)/cn=recipients/cn=32b8fe8190544464835988f8feefefa4-supervisore;/o=exchangelabs/ou=exchange administrative group (fydibohf23spdlt)/cn=recipients/cn=a4725b7c782941fda1d1c00ae0ff9e26-camiller mo;</t>
  </si>
  <si>
    <t>ENC: URGENTE - Desconto de faltas Caixa - Folha de Outubro com ponto de Setembro</t>
  </si>
  <si>
    <t>faltas caixa capitalizacao setembro.xls</t>
  </si>
  <si>
    <t>/o=exchangelabs/ou=exchange administrative group (fydibohf23spdlt)/cn=recipients/cn=23e3be28ac6a4bbf8335736c953c7732-patrick luh,/o=exchangelabs/ou=exchange administrative group (fydibohf23spdlt)/cn=recipients/cn=32b8fe8190544464835988f8feefefa4-supervisore,/o=exchangelabs/ou=exchange administrative group (fydibohf23spdlt)/cn=recipients/cn=a4725b7c782941fda1d1c00ae0ff9e26-camiller mo</t>
  </si>
  <si>
    <t>10/17/2019 10:10:30</t>
  </si>
  <si>
    <t>10/17/2019 10:11:48</t>
  </si>
  <si>
    <t>10.200.60.74</t>
  </si>
  <si>
    <t>ENC: Notebooks Campinas</t>
  </si>
  <si>
    <t>Laudo Notebook HP Rafael.xlsx</t>
  </si>
  <si>
    <t>10/17/2019 10:07:19</t>
  </si>
  <si>
    <t>10/17/2019 10:12:49</t>
  </si>
  <si>
    <t>ENC: ATIVAÇÃO DE 16 POSIÇÕES CHAMPION</t>
  </si>
  <si>
    <t>ATIVAÇÃO DE 16 PA'S CHAMPION.XLSX</t>
  </si>
  <si>
    <t>10/17/2019 10:08:56</t>
  </si>
  <si>
    <t>10.200.60.185</t>
  </si>
  <si>
    <t>A4-02-B9-05-90-BA</t>
  </si>
  <si>
    <t>\\acsfs\DEPTOS\TH\15. Rescisão\15.5 Templates\2019\10-Outubro\</t>
  </si>
  <si>
    <t>NATALIA CRUZ REZENDE.xlsx</t>
  </si>
  <si>
    <t>10/17/2019 10:11:07</t>
  </si>
  <si>
    <t>10/17/2019 10:13:49</t>
  </si>
  <si>
    <t>AMEX SERVIÇOS PJ - VIAGENS/VM</t>
  </si>
  <si>
    <t>10.200.32.196</t>
  </si>
  <si>
    <t>64-1C-67-9B-9D-2D</t>
  </si>
  <si>
    <t>NB-LUCASFR</t>
  </si>
  <si>
    <t>lucasfra</t>
  </si>
  <si>
    <t>lucasfra@algartech.com</t>
  </si>
  <si>
    <t>\\acsfs\DEPTOS\Engenharia\2 - Service Desk\2.19 - Help Desk Corporate\2.19.9 - Outros\SUPERVISORES\Lucas Rabboni\001 - Equipes\1.Implementação\Acompanhamentos\2019 10 01\</t>
  </si>
  <si>
    <t>Dashboard Viagens SETEMBRO.xlsx</t>
  </si>
  <si>
    <t>10/17/2019 10:13:20</t>
  </si>
  <si>
    <t>10/17/2019 10:17:50</t>
  </si>
  <si>
    <t>10/17/2019 10:17:07</t>
  </si>
  <si>
    <t>10/17/2019 10:19:49</t>
  </si>
  <si>
    <t>/o=exchangelabs/ou=exchange administrative group (fydibohf23spdlt)/cn=recipients/cn=eed5803ff66b4c7e97c904a9837817b5-kelly dos s;lucianagd@algartech.com;</t>
  </si>
  <si>
    <t>RES: Licenças Aspect</t>
  </si>
  <si>
    <t>Picos Licença 1609_1510.xlsx</t>
  </si>
  <si>
    <t>/o=exchangelabs/ou=exchange administrative group (fydibohf23spdlt)/cn=recipients/cn=eed5803ff66b4c7e97c904a9837817b5-kelly dos s,lucianagd@algartech.com</t>
  </si>
  <si>
    <t>10/17/2019 10:18:26</t>
  </si>
  <si>
    <t>10/17/2019 10:21:49</t>
  </si>
  <si>
    <t>Criterio de rateio com "traço"</t>
  </si>
  <si>
    <t>CH554_20191017_101202.xls</t>
  </si>
  <si>
    <t>10/17/2019 10:21:19</t>
  </si>
  <si>
    <t>Atualziar nome das Contas - Antonio Junior.xlsx</t>
  </si>
  <si>
    <t>10/17/2019 09:30:31</t>
  </si>
  <si>
    <t>10/17/2019 10:20:46</t>
  </si>
  <si>
    <t>BPs Digital</t>
  </si>
  <si>
    <t>206472 Xperience DIGITAL + HUMANO - Precificacao C017 B017 GRC.xlsb</t>
  </si>
  <si>
    <t>10/17/2019 10:21:11</t>
  </si>
  <si>
    <t>10/17/2019 10:24:50</t>
  </si>
  <si>
    <t>analise concorrencia v2.xlsx</t>
  </si>
  <si>
    <t>10/17/2019 10:23:40</t>
  </si>
  <si>
    <t>10/17/2019 10:20:26</t>
  </si>
  <si>
    <t>10/17/2019 10:25:50</t>
  </si>
  <si>
    <t>mail.google.com/_/upload?authuser=1&amp;dcp=asu-n&amp;upload_id=AEnB2UpkmqePDum6N71jwD1ezX6jkDdPlVrE6I8witbO6DEBapIvEze5Cq6PDajIZfNCQsRPNR_26uFZ8l_YbMcDKBY1sw-8j6STm_QCbS4K6g05qJfeVDI&amp;upload_protocol=resumable</t>
  </si>
  <si>
    <t>camisetas elux.xlsx</t>
  </si>
  <si>
    <t>10/17/2019 10:30:05</t>
  </si>
  <si>
    <t>10/17/2019 10:32:49</t>
  </si>
  <si>
    <t>adrianimv@algartech.com.br;alandsfj@algartech.com.br;anapaps@algartech.com.br;andreacs@algartech.com.br;cesaradsg@algartech.com.br;danields@algartech.com.br;denisems@algartech.com.br;erikasl@algartech.com.br;eversonmc@algartech.com.br;fernandass@algartech.com.br;franciellemn@algartech.com.br;grizanibda@algartech.com.br;ludimilafd@algartech.com.br;mariaads@algartech.com.br;marinalsc@algartech.com.br;naianefo@algartech.com.br;quelencf@algartech.com.br;rosaliamfv@algartech.com.br;sauloss@algartech.com.br;talouanecsr@algartech.com.br;whelingtoncg@algartech.com.br;</t>
  </si>
  <si>
    <t>ENC: Relatório de pendencia EBTA/CPB - 16/10/2019</t>
  </si>
  <si>
    <t>2019-10-16_REGUA DE PENDENCIAS.xlsx</t>
  </si>
  <si>
    <t>adrianimv@algartech.com.br,alandsfj@algartech.com.br,anapaps@algartech.com.br,andreacs@algartech.com.br,cesaradsg@algartech.com.br,danields@algartech.com.br,denisems@algartech.com.br,erikasl@algartech.com.br,eversonmc@algartech.com.br,fernandass@algartech.com.br,franciellemn@algartech.com.br,grizanibda@algartech.com.br,ludimilafd@algartech.com.br,mariaads@algartech.com.br,marinalsc@algartech.com.br,naianefo@algartech.com.br,quelencf@algartech.com.br,rosaliamfv@algartech.com.br,sauloss@algartech.com.br,talouanecsr@algartech.com.br,whelingtoncg@algartech.com.br</t>
  </si>
  <si>
    <t>10/17/2019 10:35:56</t>
  </si>
  <si>
    <t>10/17/2019 10:37:50</t>
  </si>
  <si>
    <t>10/17/2019 10:37:11</t>
  </si>
  <si>
    <t>10/17/2019 10:38:49</t>
  </si>
  <si>
    <t>C:\Users\lucasfra\Desktop\</t>
  </si>
  <si>
    <t>Solicitação de Macros UPC.xlsx</t>
  </si>
  <si>
    <t>10/17/2019 10:38:12</t>
  </si>
  <si>
    <t>10/17/2019 10:39:50</t>
  </si>
  <si>
    <t>10/17/2019 10:38:52</t>
  </si>
  <si>
    <t>mail.google.com/_/upload?authuser=0&amp;dcp=asu-n&amp;upload_id=AEnB2UobSYcZBCWF3invorI-GlegxgvvVVeEQWskx3NeSZ5fwxPtO7FFU98cddQNE8Itp5WRDDqrwN9Pxx1NuDgozJ1VB2ZoLw&amp;upload_protocol=resumable</t>
  </si>
  <si>
    <t>\\acsfs\DEPTOS\TI Corporativa\07 - SGSI\02-Equipe-SI\Alef Lima\Analise VPN x Power BI\</t>
  </si>
  <si>
    <t>17_10_2019.xlsx</t>
  </si>
  <si>
    <t>10/17/2019 10:37:58</t>
  </si>
  <si>
    <t>10/17/2019 10:42:49</t>
  </si>
  <si>
    <t>/o=exchangelabs/ou=exchange administrative group (fydibohf23spdlt)/cn=recipients/cn=5af2cae509964078b2026f7f550380b0-andre luis;/o=exchangelabs/ou=exchange administrative group (fydibohf23spdlt)/cn=recipients/cn=8ab5e44d485043d59eb4f21463e63e6a-tays dos sa;/o=exchangelabs/ou=exchange administrative group (fydibohf23spdlt)/cn=recipients/cn=9b52022a6e624c30a92f50cf4538a4bf-talmaia rod;/o=exchangelabs/ou=exchange administrative group (fydibohf23spdlt)/cn=recipients/cn=df6ea6cc78a840278b1e7acccac67692-thiago rodr;/o=exchangelabs/ou=exchange administrative group (fydibohf23spdlt)/cn=recipients/cn=user776b6484;/o=exchangelabs/ou=exchange administrative group (fydibohf23spdlt)/cn=recipients/cn=user8e89d2d7;amanda.poucheira@bv.com.br;eliane.martins@bv.com.br;jose.gomes@bv.com.br;</t>
  </si>
  <si>
    <t>Transformação Digital BV - Melhorias FAQ Transferência de Dívida</t>
  </si>
  <si>
    <t>Tarefas de transf de divida.msg\s1\</t>
  </si>
  <si>
    <t>Base de tarefas.xlsx</t>
  </si>
  <si>
    <t>/o=exchangelabs/ou=exchange administrative group (fydibohf23spdlt)/cn=recipients/cn=5af2cae509964078b2026f7f550380b0-andre luis,/o=exchangelabs/ou=exchange administrative group (fydibohf23spdlt)/cn=recipients/cn=8ab5e44d485043d59eb4f21463e63e6a-tays dos sa,/o=exchangelabs/ou=exchange administrative group (fydibohf23spdlt)/cn=recipients/cn=9b52022a6e624c30a92f50cf4538a4bf-talmaia rod,/o=exchangelabs/ou=exchange administrative group (fydibohf23spdlt)/cn=recipients/cn=df6ea6cc78a840278b1e7acccac67692-thiago rodr,/o=exchangelabs/ou=exchange administrative group (fydibohf23spdlt)/cn=recipients/cn=user776b6484,/o=exchangelabs/ou=exchange administrative group (fydibohf23spdlt)/cn=recipients/cn=user8e89d2d7,amanda.poucheira@bv.com.br,eliane.martins@bv.com.br,jose.gomes@bv.com.br</t>
  </si>
  <si>
    <t>10/17/2019 10:41:51</t>
  </si>
  <si>
    <t>10/17/2019 10:43:49</t>
  </si>
  <si>
    <t>RES: Olha o Ranking aí gente...</t>
  </si>
  <si>
    <t>10/17/2019 10:43:28</t>
  </si>
  <si>
    <t>10/17/2019 10:45:06</t>
  </si>
  <si>
    <t>10/17/2019 10:48:49</t>
  </si>
  <si>
    <t>/o=exchangelabs/ou=exchange administrative group (fydibohf23spdlt)/cn=recipients/cn=d671a45a993b449aa9f10fd9a6d53be4-trilhas_est;</t>
  </si>
  <si>
    <t>/o=exchangelabs/ou=exchange administrative group (fydibohf23spdlt)/cn=recipients/cn=d671a45a993b449aa9f10fd9a6d53be4-trilhas_est</t>
  </si>
  <si>
    <t>10/17/2019 10:48:22</t>
  </si>
  <si>
    <t>10/17/2019 10:49:49</t>
  </si>
  <si>
    <t>10.200.61.94</t>
  </si>
  <si>
    <t>/o=exchangelabs/ou=exchange administrative group (fydibohf23spdlt)/cn=recipients/cn=d671a45a993b449aa9f10fd9a6d53be4-trilhas_est;/o=exchangelabs/ou=exchange administrative group (fydibohf23spdlt)/cn=recipients/cn=f6cbd0513564419dbd829242338a05f3-wilsiane ma;</t>
  </si>
  <si>
    <t>/o=exchangelabs/ou=exchange administrative group (fydibohf23spdlt)/cn=recipients/cn=d671a45a993b449aa9f10fd9a6d53be4-trilhas_est,/o=exchangelabs/ou=exchange administrative group (fydibohf23spdlt)/cn=recipients/cn=f6cbd0513564419dbd829242338a05f3-wilsiane ma</t>
  </si>
  <si>
    <t>10/17/2019 10:47:23</t>
  </si>
  <si>
    <t>10/17/2019 10:50:49</t>
  </si>
  <si>
    <t>10/17/2019 10:51:43</t>
  </si>
  <si>
    <t>10/17/2019 10:53:49</t>
  </si>
  <si>
    <t>/o=exchangelabs/ou=exchange administrative group (fydibohf23spdlt)/cn=recipients/cn=3efbc8c427614158ac5e05d72141135e-thiago guil;</t>
  </si>
  <si>
    <t>/o=exchangelabs/ou=exchange administrative group (fydibohf23spdlt)/cn=recipients/cn=3efbc8c427614158ac5e05d72141135e-thiago guil</t>
  </si>
  <si>
    <t>10/17/2019 10:55:16</t>
  </si>
  <si>
    <t>10/17/2019 10:56:49</t>
  </si>
  <si>
    <t>RES: Criterio de rateio com "traço"</t>
  </si>
  <si>
    <t>CR por envio 17-10-2019.xlsx</t>
  </si>
  <si>
    <t>10/17/2019 10:55:09</t>
  </si>
  <si>
    <t>10/17/2019 10:58:49</t>
  </si>
  <si>
    <t>RES: BadCall Televendas Receptivo Out/19 - Atualizado até 16/09</t>
  </si>
  <si>
    <t>Badcall TLV Receptivo - Out19.msg\s1\</t>
  </si>
  <si>
    <t>10/17/2019 10:57:13</t>
  </si>
  <si>
    <t>10/17/2019 11:00:49</t>
  </si>
  <si>
    <t>10/17/2019 11:05:14</t>
  </si>
  <si>
    <t>10/17/2019 11:09:49</t>
  </si>
  <si>
    <t>10/17/2019 11:11:16</t>
  </si>
  <si>
    <t>10/17/2019 11:15:49</t>
  </si>
  <si>
    <t>10/17/2019 11:15:02</t>
  </si>
  <si>
    <t>ENC: AÇÃO ATUALIZAÇÃO CONTATOS EMPRESARIAS - PORTAL PJ (URGENTE)</t>
  </si>
  <si>
    <t>REPORT PORTAL PJ.xlsx</t>
  </si>
  <si>
    <t>10/17/2019 11:12:58</t>
  </si>
  <si>
    <t>10298;</t>
  </si>
  <si>
    <t>Cadastro Flavio.xlsx</t>
  </si>
  <si>
    <t>https://10298</t>
  </si>
  <si>
    <t>10/17/2019 09:13:00</t>
  </si>
  <si>
    <t>10/17/2019 11:16:48</t>
  </si>
  <si>
    <t>10.200.200.84</t>
  </si>
  <si>
    <t>/o=exchangelabs/ou=exchange administrative group (fydibohf23spdlt)/cn=recipients/cn=2072905e221e44cd93713caf57a4301f-roberta igi;/o=exchangelabs/ou=exchange administrative group (fydibohf23spdlt)/cn=recipients/cn=690534bfcd7340c7beff9dafbdbfc25f-paulo henri;/o=exchangelabs/ou=exchange administrative group (fydibohf23spdlt)/cn=recipients/cn=e6b7580a624e482b95aa2b9747aa6d6d-paulo sergi;/o=exchangelabs/ou=exchange administrative group (fydibohf23spdlt)/cn=recipients/cn=ea256770748c47aebb733d587d4c0a71-maria vitor;claudia@tripag.com.br;</t>
  </si>
  <si>
    <t>ENC: Ordem de Servico - 2019-10-14T112401.235.csv</t>
  </si>
  <si>
    <t>Chamados FV_Algar.xlsx</t>
  </si>
  <si>
    <t>/o=exchangelabs/ou=exchange administrative group (fydibohf23spdlt)/cn=recipients/cn=2072905e221e44cd93713caf57a4301f-roberta igi,/o=exchangelabs/ou=exchange administrative group (fydibohf23spdlt)/cn=recipients/cn=690534bfcd7340c7beff9dafbdbfc25f-paulo henri,/o=exchangelabs/ou=exchange administrative group (fydibohf23spdlt)/cn=recipients/cn=e6b7580a624e482b95aa2b9747aa6d6d-paulo sergi,/o=exchangelabs/ou=exchange administrative group (fydibohf23spdlt)/cn=recipients/cn=ea256770748c47aebb733d587d4c0a71-maria vitor,claudia@tripag.com.br</t>
  </si>
  <si>
    <t>10/17/2019 11:13:40</t>
  </si>
  <si>
    <t>gabrielaog@algartech.com.br;rayannerd@algartech.com.br;</t>
  </si>
  <si>
    <t>gabrielaog@algartech.com.br,rayannerd@algartech.com.br</t>
  </si>
  <si>
    <t>10/17/2019 11:20:14</t>
  </si>
  <si>
    <t>10/17/2019 11:23:49</t>
  </si>
  <si>
    <t>RUSTON MARCUSSO.xlsx</t>
  </si>
  <si>
    <t>10/17/2019 11:24:29</t>
  </si>
  <si>
    <t>10/17/2019 11:28:49</t>
  </si>
  <si>
    <t>JACKSON WALLACE PEREIRA.xlsx</t>
  </si>
  <si>
    <t>10/17/2019 11:24:47</t>
  </si>
  <si>
    <t>\\acsfs\deptos\controladoria\3. csc\controles csc\7-orçamento 2020\recebidos csc\</t>
  </si>
  <si>
    <t>csc ti erp microsoft e gsuite(informacoes recebidas de lucas marques).xls</t>
  </si>
  <si>
    <t>10/17/2019 11:27:55</t>
  </si>
  <si>
    <t>10/17/2019 11:31:50</t>
  </si>
  <si>
    <t>Estudo Reativação 232</t>
  </si>
  <si>
    <t>BP Reativação 232 - 191017.xlsx</t>
  </si>
  <si>
    <t>10/17/2019 11:31:37</t>
  </si>
  <si>
    <t>10/17/2019 11:35:49</t>
  </si>
  <si>
    <t>Disparo_17.10.csv</t>
  </si>
  <si>
    <t>10/17/2019 11:33:52</t>
  </si>
  <si>
    <t>10/17/2019 11:39:49</t>
  </si>
  <si>
    <t>C:\Users\elainemdlp\OD\_Projetos\Em andamento\EDP\02 - Planejamento\02 - Cronograma\</t>
  </si>
  <si>
    <t>whats_ura.xlsx</t>
  </si>
  <si>
    <t>10/17/2019 11:39:47</t>
  </si>
  <si>
    <t>10/17/2019 11:40:49</t>
  </si>
  <si>
    <t>10/17/2019 11:39:21</t>
  </si>
  <si>
    <t>10/17/2019 11:41:49</t>
  </si>
  <si>
    <t>/o=exchangelabs/ou=exchange administrative group (fydibohf23spdlt)/cn=recipients/cn=287c26b08a0f48578479a15a452f025d-edilson rod;/o=exchangelabs/ou=exchange administrative group (fydibohf23spdlt)/cn=recipients/cn=5676353c001f41558e00d4c7fa4fd023-aprova.vend;/o=exchangelabs/ou=exchange administrative group (fydibohf23spdlt)/cn=recipients/cn=dc302903ac1a4151bcd049b90df4486f-ricardo soa;</t>
  </si>
  <si>
    <t>213391 - Commercial Proposal - A100 - Office Adjustments - rev01</t>
  </si>
  <si>
    <t>/o=exchangelabs/ou=exchange administrative group (fydibohf23spdlt)/cn=recipients/cn=287c26b08a0f48578479a15a452f025d-edilson rod,/o=exchangelabs/ou=exchange administrative group (fydibohf23spdlt)/cn=recipients/cn=5676353c001f41558e00d4c7fa4fd023-aprova.vend,/o=exchangelabs/ou=exchange administrative group (fydibohf23spdlt)/cn=recipients/cn=dc302903ac1a4151bcd049b90df4486f-ricardo soa</t>
  </si>
  <si>
    <t>10/17/2019 11:41:30</t>
  </si>
  <si>
    <t>10/17/2019 11:43:49</t>
  </si>
  <si>
    <t>10.201.28.44</t>
  </si>
  <si>
    <t>Correntista</t>
  </si>
  <si>
    <t>Resumo orçamento - Correntista.xls</t>
  </si>
  <si>
    <t>10/17/2019 11:42:05</t>
  </si>
  <si>
    <t>camilat@algartech.com;saramfg@algartech.com;vivianercu@algartech.com;</t>
  </si>
  <si>
    <t>camilat@algartech.com,saramfg@algartech.com,vivianercu@algartech.com</t>
  </si>
  <si>
    <t>10/17/2019 11:40:47</t>
  </si>
  <si>
    <t>10/17/2019 11:45:50</t>
  </si>
  <si>
    <t>10/17/2019 11:50:04</t>
  </si>
  <si>
    <t>10/17/2019 11:51:48</t>
  </si>
  <si>
    <t>RES: BPs Digital</t>
  </si>
  <si>
    <t>10/17/2019 11:55:43</t>
  </si>
  <si>
    <t>10/17/2019 11:56:48</t>
  </si>
  <si>
    <t>Obras Tim_Terceiros aguard. Pgto_SUL-CONOSLIDADO.xlsx</t>
  </si>
  <si>
    <t>10/17/2019 11:55:51</t>
  </si>
  <si>
    <t>10/17/2019 12:00:48</t>
  </si>
  <si>
    <t>10.200.60.91</t>
  </si>
  <si>
    <t>10/17/2019 12:00:44</t>
  </si>
  <si>
    <t>10/17/2019 12:01:49</t>
  </si>
  <si>
    <t>Planilha CRs e CNPJ</t>
  </si>
  <si>
    <t>10/17/2019 12:00:46</t>
  </si>
  <si>
    <t>10/17/2019 12:03:48</t>
  </si>
  <si>
    <t>10/17/2019 12:00:09</t>
  </si>
  <si>
    <t>10/17/2019 12:05:49</t>
  </si>
  <si>
    <t>10.12.241.119</t>
  </si>
  <si>
    <t>10/17/2019 12:00:16</t>
  </si>
  <si>
    <t>mail.google.com/_/upload?authuser=1&amp;dcp=asu-n&amp;upload_id=AEnB2UomndOA6A3wwIzA3hmj0WB6wz-AH5t9RUgDSQ-_-FRaspbvHGXn6YYMKMsd_OMERcnemn9NnW5o4dqy3kuDeKLV47quBPpwTfIEtc4kxAbhF24vfoo&amp;upload_protocol=resumable</t>
  </si>
  <si>
    <t>10/17/2019 12:01:17</t>
  </si>
  <si>
    <t>10/17/2019 12:02:29</t>
  </si>
  <si>
    <t>10/17/2019 12:07:49</t>
  </si>
  <si>
    <t>\\acsfs\scorp$\2 - operacao udi\2.3 - relatorios\2.6.1 - relatórios algar tecnologia\2.6.1.1 - relatório de ocorrência empresarial\r.o 2019\r.o - 10-2019\</t>
  </si>
  <si>
    <t>201920852 - suspeita de desaparecimento de creme - mateus.xlsx</t>
  </si>
  <si>
    <t>10/17/2019 12:07:07</t>
  </si>
  <si>
    <t>10/17/2019 12:09:48</t>
  </si>
  <si>
    <t>C:\Users\alefl\OneDrive - Grupo Algar\Relatorio\SDM\</t>
  </si>
  <si>
    <t>Não confirmado 201244.crdownload</t>
  </si>
  <si>
    <t>10/17/2019 12:07:13</t>
  </si>
  <si>
    <t>Number of users assigned to a Microsoft subscription.xlsx</t>
  </si>
  <si>
    <t>10/17/2019 12:08:22</t>
  </si>
  <si>
    <t>Users with license assigned.xlsx</t>
  </si>
  <si>
    <t>10/17/2019 12:08:53</t>
  </si>
  <si>
    <t>10/17/2019 12:11:02</t>
  </si>
  <si>
    <t>10/17/2019 12:15:49</t>
  </si>
  <si>
    <t>C:\Users\diegoodz\Desktop\Recisão\</t>
  </si>
  <si>
    <t>10/17/2019 12:19:44</t>
  </si>
  <si>
    <t>10/17/2019 12:23:49</t>
  </si>
  <si>
    <t>/o=exchangelabs/ou=exchange administrative group (fydibohf23spdlt)/cn=recipients/cn=2361e4251bf74fc4a50ab766b8d95847-algar tech;/o=exchangelabs/ou=exchange administrative group (fydibohf23spdlt)/cn=recipients/cn=5c0e0b883c0f4ccbb2cf13db05a00b36-luciene ivo;/o=exchangelabs/ou=exchange administrative group (fydibohf23spdlt)/cn=recipients/cn=a4ba92cba10f4fe498074594f937f3b6-leandro lop;/o=exchangelabs/ou=exchange administrative group (fydibohf23spdlt)/cn=recipients/cn=b284454839e94314a90d49e7ec00864f-antonio car;/o=exchangelabs/ou=exchange administrative group (fydibohf23spdlt)/cn=recipients/cn=c29ec9dae022497281c840087cccddec-patricia ar;</t>
  </si>
  <si>
    <t>ENC: Proposta - Envio SMS Operação Crédito/Cobrança</t>
  </si>
  <si>
    <t>RELATORIO RETORNO SMS REGUA BRADESCO.msg\s1\</t>
  </si>
  <si>
    <t>RELATORIO_RETORNO_SMS_REGUA_BRADESCO2019-10-10.xlsx</t>
  </si>
  <si>
    <t>/o=exchangelabs/ou=exchange administrative group (fydibohf23spdlt)/cn=recipients/cn=2361e4251bf74fc4a50ab766b8d95847-algar tech,/o=exchangelabs/ou=exchange administrative group (fydibohf23spdlt)/cn=recipients/cn=5c0e0b883c0f4ccbb2cf13db05a00b36-luciene ivo,/o=exchangelabs/ou=exchange administrative group (fydibohf23spdlt)/cn=recipients/cn=a4ba92cba10f4fe498074594f937f3b6-leandro lop,/o=exchangelabs/ou=exchange administrative group (fydibohf23spdlt)/cn=recipients/cn=b284454839e94314a90d49e7ec00864f-antonio car,/o=exchangelabs/ou=exchange administrative group (fydibohf23spdlt)/cn=recipients/cn=c29ec9dae022497281c840087cccddec-patricia ar</t>
  </si>
  <si>
    <t>10/17/2019 12:25:28</t>
  </si>
  <si>
    <t>10/17/2019 12:27:49</t>
  </si>
  <si>
    <t>/o=exchangelabs/ou=exchange administrative group (fydibohf23spdlt)/cn=recipients/cn=42003965c773486991517108e51c3776-paula dayan;</t>
  </si>
  <si>
    <t>Segue</t>
  </si>
  <si>
    <t>desvios.xls</t>
  </si>
  <si>
    <t>/o=exchangelabs/ou=exchange administrative group (fydibohf23spdlt)/cn=recipients/cn=42003965c773486991517108e51c3776-paula dayan</t>
  </si>
  <si>
    <t>10/17/2019 12:42:23</t>
  </si>
  <si>
    <t>10/17/2019 12:43:48</t>
  </si>
  <si>
    <t>C:\Users\lauanecca\Desktop\</t>
  </si>
  <si>
    <t>CDI_MANUAL_CAROLINA FERNANDA.xlsx</t>
  </si>
  <si>
    <t>10/17/2019 10:33:30</t>
  </si>
  <si>
    <t>10/17/2019 12:47:49</t>
  </si>
  <si>
    <t>/o=exchangelabs/ou=exchange administrative group (fydibohf23spdlt)/cn=recipients/cn=65d35bc38c6743d7a55b3ae9726a5893-diego ribei;/o=exchangelabs/ou=exchange administrative group (fydibohf23spdlt)/cn=recipients/cn=a208dc8cbe6e49ba9e1a5ae0804f17ec-ana.rugai;</t>
  </si>
  <si>
    <t>Fornecedores Engeset</t>
  </si>
  <si>
    <t>Fornecedores Engeset.xlsx</t>
  </si>
  <si>
    <t>/o=exchangelabs/ou=exchange administrative group (fydibohf23spdlt)/cn=recipients/cn=65d35bc38c6743d7a55b3ae9726a5893-diego ribei,/o=exchangelabs/ou=exchange administrative group (fydibohf23spdlt)/cn=recipients/cn=a208dc8cbe6e49ba9e1a5ae0804f17ec-ana.rugai</t>
  </si>
  <si>
    <t>10/17/2019 12:44:18</t>
  </si>
  <si>
    <t>10/17/2019 12:48:49</t>
  </si>
  <si>
    <t>CDI_MANUAL_ALICE RODRIGUES.xlsx</t>
  </si>
  <si>
    <t>10/17/2019 12:55:39</t>
  </si>
  <si>
    <t>10/17/2019 12:56:48</t>
  </si>
  <si>
    <t>10/17/2019 12:56:52</t>
  </si>
  <si>
    <t>10/17/2019 13:00:48</t>
  </si>
  <si>
    <t>C:\Users\alinesf\Downloads\</t>
  </si>
  <si>
    <t>10/17/2019 12:56:53</t>
  </si>
  <si>
    <t>mail.google.com/_/upload?authuser=1&amp;dcp=asu-n&amp;upload_id=AEnB2Uqi-vyQHIHe8H8jn7Rka6uCuu8Rjt6Bw-P2TOQib5iLdygNyfh0O6e92hBYP8SDtzikQ7gJ8LZA-AhCNUDJJykcRs6FFA&amp;upload_protocol=resumable</t>
  </si>
  <si>
    <t>10/17/2019 13:28:24</t>
  </si>
  <si>
    <t>10/17/2019 13:29:49</t>
  </si>
  <si>
    <t>17_10_2019 - Relatório Pipeline - Hunter</t>
  </si>
  <si>
    <t>Relatório Pipeline_Raul_ 2019_10_17.xlsx</t>
  </si>
  <si>
    <t>10/17/2019 13:31:33</t>
  </si>
  <si>
    <t>10/17/2019 13:34:49</t>
  </si>
  <si>
    <t>17_10_2019 - Relatório Pipeline - Key Account</t>
  </si>
  <si>
    <t>Relatório Pipeline_Dionizio_19_10_17.xlsx</t>
  </si>
  <si>
    <t>10/17/2019 13:31:23</t>
  </si>
  <si>
    <t>10/17/2019 13:35:48</t>
  </si>
  <si>
    <t>mail.google.com/_/upload?authuser=0&amp;dcp=asu-n&amp;upload_id=AEnB2UpIIBEG-uHZDK51siRQuf38sqh4BUyWjyw2NWs0556huH41JHjyA9mCkE5AKAKJ9Y-8QNrhYmFiCBz2AS_c9LKsVy5YGA&amp;upload_protocol=resumable</t>
  </si>
  <si>
    <t>fullnamesLucas.csv</t>
  </si>
  <si>
    <t>10/17/2019 13:35:28</t>
  </si>
  <si>
    <t>10/17/2019 13:39:49</t>
  </si>
  <si>
    <t>17_10_2019 - Relatório Pipeline - Base _Afonso</t>
  </si>
  <si>
    <t>Relatório Pipeline_Afonso_ 19_10_17.xlsx</t>
  </si>
  <si>
    <t>10/17/2019 13:39:57</t>
  </si>
  <si>
    <t>10/17/2019 13:43:49</t>
  </si>
  <si>
    <t>UAT_Daily_Total Risk-AlgarTech.xlsm</t>
  </si>
  <si>
    <t>10/17/2019 13:42:00</t>
  </si>
  <si>
    <t>BP Crescimento Caixa Seguradora - STH 643971</t>
  </si>
  <si>
    <t>10/17/2019 13:38:20</t>
  </si>
  <si>
    <t>10/17/2019 13:44:49</t>
  </si>
  <si>
    <t>/o=exchangelabs/ou=exchange administrative group (fydibohf23spdlt)/cn=recipients/cn=2af9cbc0e9af4d91b36813b0ff5f73e1-reynaldo pe;/o=exchangelabs/ou=exchange administrative group (fydibohf23spdlt)/cn=recipients/cn=b3ad8a638fcc4c57bf8c7953dd4b3cb8-augusto ces;</t>
  </si>
  <si>
    <t>/o=exchangelabs/ou=exchange administrative group (fydibohf23spdlt)/cn=recipients/cn=2af9cbc0e9af4d91b36813b0ff5f73e1-reynaldo pe,/o=exchangelabs/ou=exchange administrative group (fydibohf23spdlt)/cn=recipients/cn=b3ad8a638fcc4c57bf8c7953dd4b3cb8-augusto ces</t>
  </si>
  <si>
    <t>10/17/2019 13:42:16</t>
  </si>
  <si>
    <t>10/17/2019 13:46:49</t>
  </si>
  <si>
    <t>5 stars 17.10.csv</t>
  </si>
  <si>
    <t>10/17/2019 13:46:17</t>
  </si>
  <si>
    <t>/o=exchangelabs/ou=exchange administrative group (fydibohf23spdlt)/cn=recipients/cn=3a10c1d788234688b257ab253389ec06-mateus mala;humbertoecj@algartech.com;</t>
  </si>
  <si>
    <t>RES: Alteração - Atendimento célula Top Seller 3P Clube das Estrelas</t>
  </si>
  <si>
    <t>Atendimento Top Seller 3P (158 Registros).xlsx</t>
  </si>
  <si>
    <t>/o=exchangelabs/ou=exchange administrative group (fydibohf23spdlt)/cn=recipients/cn=3a10c1d788234688b257ab253389ec06-mateus mala,humbertoecj@algartech.com</t>
  </si>
  <si>
    <t>10/17/2019 13:45:37</t>
  </si>
  <si>
    <t>10/17/2019 13:49:49</t>
  </si>
  <si>
    <t>ENC: PROJETO PRECIFICAÇÃO - ABERTURA DE RA</t>
  </si>
  <si>
    <t>10/17/2019 13:53:01</t>
  </si>
  <si>
    <t>10/17/2019 13:55:50</t>
  </si>
  <si>
    <t>10/17/2019 14:00:28</t>
  </si>
  <si>
    <t>10/17/2019 14:05:50</t>
  </si>
  <si>
    <t>ENC: Relatório de pendencia EBTA/CPB - 17/10/2019</t>
  </si>
  <si>
    <t>2019-10-17_REGUA DE PENDENCIAS.xlsx</t>
  </si>
  <si>
    <t>10/17/2019 14:07:21</t>
  </si>
  <si>
    <t>10/17/2019 14:09:50</t>
  </si>
  <si>
    <t>/o=exchangelabs/ou=exchange administrative group (fydibohf23spdlt)/cn=recipients/cn=372a4aee70df4061aed129651510b96b-raul montei;/o=exchangelabs/ou=exchange administrative group (fydibohf23spdlt)/cn=recipients/cn=b16974d7de334bfabfe3dee1e8e47e59-sherley cri;carlosfn@algartech.com;</t>
  </si>
  <si>
    <t>Pipeline Detalhado Latam 2019_10_17.xlsx</t>
  </si>
  <si>
    <t>/o=exchangelabs/ou=exchange administrative group (fydibohf23spdlt)/cn=recipients/cn=372a4aee70df4061aed129651510b96b-raul montei,/o=exchangelabs/ou=exchange administrative group (fydibohf23spdlt)/cn=recipients/cn=b16974d7de334bfabfe3dee1e8e47e59-sherley cri,carlosfn@algartech.com</t>
  </si>
  <si>
    <t>10/15/2019 10:34:45</t>
  </si>
  <si>
    <t>Previa Correntista_Outubro.xlsx</t>
  </si>
  <si>
    <t>10/17/2019 14:06:43</t>
  </si>
  <si>
    <t>10/17/2019 14:11:50</t>
  </si>
  <si>
    <t>Insucesso - auditar.xlsx</t>
  </si>
  <si>
    <t>10/17/2019 14:15:26</t>
  </si>
  <si>
    <t>10/17/2019 14:17:49</t>
  </si>
  <si>
    <t>cristiane.almeida@bradesco.com.br;</t>
  </si>
  <si>
    <t>RELAÇÃO DE PENDÊNCIAS 2º CORTE - PETRONAS LUBRIFICANTES BRASIL S A CRM:006070000388</t>
  </si>
  <si>
    <t>RDP - PETRONAS LUBRIFICANTES BRASIL S A.xlsx</t>
  </si>
  <si>
    <t>cristiane.almeida@bradesco.com.br</t>
  </si>
  <si>
    <t>10/17/2019 14:14:24</t>
  </si>
  <si>
    <t>10/17/2019 14:18:49</t>
  </si>
  <si>
    <t>10/17/2019 14:15:08</t>
  </si>
  <si>
    <t>GestÃ£o de Demandas BV.xlsx</t>
  </si>
  <si>
    <t>10/13/2019 09:21:31</t>
  </si>
  <si>
    <t>10.201.28.77</t>
  </si>
  <si>
    <t>D8-9C-67-6F-2A-19</t>
  </si>
  <si>
    <t>MANIFESTAÇÕES.xlsx</t>
  </si>
  <si>
    <t>10/13/2019 09:21:35</t>
  </si>
  <si>
    <t>mail.google.com/_/upload?authuser=0&amp;dcp=asu-n&amp;upload_id=AEnB2Uqbz5NwTLrnhblNKYQZ8I7qfR6CVfki8yS9HRmxy_FKRJaxRu81dHiYZv9P1JYoiPLmCqQNleGyWcAKg8m_d9jmVHJeRSzmA_DyPLKybKLKNRE90xA&amp;upload_protocol=resumable</t>
  </si>
  <si>
    <t>10/13/2019 10:12:29</t>
  </si>
  <si>
    <t>10/13/2019 10:12:57</t>
  </si>
  <si>
    <t>10/13/2019 19:34:22</t>
  </si>
  <si>
    <t>C:\Users\rodrigormc\Desktop\Parcial\Boletim Semanal_11-10 - Comercial Algar.pptx\</t>
  </si>
  <si>
    <t>10/15/2019 10:19:39</t>
  </si>
  <si>
    <t>C:\Users\rodrigormc\Desktop\Memoria de Calculo\</t>
  </si>
  <si>
    <t>09-Memória de Cálculo Faturamento 100% Variável -ALGAR - Setembro.xlsx</t>
  </si>
  <si>
    <t>10/17/2019 14:18:17</t>
  </si>
  <si>
    <t>10/17/2019 14:19:50</t>
  </si>
  <si>
    <t>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5cff907b7abb465c8dbe10257a462656-diego iure;/o=exchangelabs/ou=exchange administrative group (fydibohf23spdlt)/cn=recipients/cn=6da98ab9b2254d688a75ce822637acbf-ricardo de;/o=exchangelabs/ou=exchange administrative group (fydibohf23spdlt)/cn=recipients/cn=82e9af7034e542b3a622ab8e7d09ff5d-ricardo de;</t>
  </si>
  <si>
    <t>ENC: Meta Orçamento- INDICADORES SLA CONTRATUAL</t>
  </si>
  <si>
    <t>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5cff907b7abb465c8dbe10257a462656-diego iure,/o=exchangelabs/ou=exchange administrative group (fydibohf23spdlt)/cn=recipients/cn=6da98ab9b2254d688a75ce822637acbf-ricardo de,/o=exchangelabs/ou=exchange administrative group (fydibohf23spdlt)/cn=recipients/cn=82e9af7034e542b3a622ab8e7d09ff5d-ricardo de</t>
  </si>
  <si>
    <t>10/17/2019 14:21:14</t>
  </si>
  <si>
    <t>10/17/2019 14:23:50</t>
  </si>
  <si>
    <t>Ações 2019_Preclosing_30_09.xlsx</t>
  </si>
  <si>
    <t>10/17/2019 14:20:26</t>
  </si>
  <si>
    <t>10/17/2019 14:24:49</t>
  </si>
  <si>
    <t>ENC: Formulário BACEN - ALGAR - 16/10/2019</t>
  </si>
  <si>
    <t>modelo_importacao.xlsx</t>
  </si>
  <si>
    <t>10/17/2019 14:27:01</t>
  </si>
  <si>
    <t>10/17/2019 14:31:49</t>
  </si>
  <si>
    <t>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56dc126fba5b4a5f8fb1cd7e4f10477d-thais olive;/o=exchangelabs/ou=exchange administrative group (fydibohf23spdlt)/cn=recipients/cn=d1d015f213f648abbf348b5ccdf8e9d9-senilda per;/o=exchangelabs/ou=exchange administrative group (fydibohf23spdlt)/cn=recipients/cn=ff07a8bacc8946dda73cdb81f8820316-humberto eu;carinafr@algartech.com;</t>
  </si>
  <si>
    <t>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56dc126fba5b4a5f8fb1cd7e4f10477d-thais olive,/o=exchangelabs/ou=exchange administrative group (fydibohf23spdlt)/cn=recipients/cn=d1d015f213f648abbf348b5ccdf8e9d9-senilda per,/o=exchangelabs/ou=exchange administrative group (fydibohf23spdlt)/cn=recipients/cn=ff07a8bacc8946dda73cdb81f8820316-humberto eu,carinafr@algartech.com</t>
  </si>
  <si>
    <t>10/17/2019 14:33:58</t>
  </si>
  <si>
    <t>10/17/2019 14:38:48</t>
  </si>
  <si>
    <t>C:\Users\marcopaulolr\OneDrive - Grupo Algar\Melhoria Processos\Gestão e TH\PTH Staff 2019\</t>
  </si>
  <si>
    <t>Projetos Staff Transformação 2019 PBI.xlsx</t>
  </si>
  <si>
    <t>10/17/2019 14:40:50</t>
  </si>
  <si>
    <t>10/17/2019 14:43:49</t>
  </si>
  <si>
    <t>/o=exchangelabs/ou=exchange administrative group (fydibohf23spdlt)/cn=recipients/cn=004fbe04a76042fda28a404cff30f61b-vinicius ma;/o=exchangelabs/ou=exchange administrative group (fydibohf23spdlt)/cn=recipients/cn=52684aee05874b27a5c249763c2fe008-andre mota;/o=exchangelabs/ou=exchange administrative group (fydibohf23spdlt)/cn=recipients/cn=6fbc44b6d6b549208175d5a27201bd13-cintia nune;/o=exchangelabs/ou=exchange administrative group (fydibohf23spdlt)/cn=recipients/cn=fe134ce6f7124ebfa00395a14326bd71-luciana ber;</t>
  </si>
  <si>
    <t>ENC: Resumo Faturamento</t>
  </si>
  <si>
    <t>FATURAMENTO FIXO NOVAS AÇÕES FEV A SET.xlsx</t>
  </si>
  <si>
    <t>/o=exchangelabs/ou=exchange administrative group (fydibohf23spdlt)/cn=recipients/cn=004fbe04a76042fda28a404cff30f61b-vinicius ma,/o=exchangelabs/ou=exchange administrative group (fydibohf23spdlt)/cn=recipients/cn=52684aee05874b27a5c249763c2fe008-andre mota,/o=exchangelabs/ou=exchange administrative group (fydibohf23spdlt)/cn=recipients/cn=6fbc44b6d6b549208175d5a27201bd13-cintia nune,/o=exchangelabs/ou=exchange administrative group (fydibohf23spdlt)/cn=recipients/cn=fe134ce6f7124ebfa00395a14326bd71-luciana ber</t>
  </si>
  <si>
    <t>10/17/2019 14:48:20</t>
  </si>
  <si>
    <t>10/17/2019 14:49:48</t>
  </si>
  <si>
    <t>bianca.misko@odontoprev.com.br;dalmeida@odontoprev.com.br;marina.mariano@bradesco.com.br;mosouza@odontoprev.com.br;selma.franca@odontoprev.com.br;suporte.vmc@bradescocartoes.com.br;</t>
  </si>
  <si>
    <t>Cadastro de Arquivos VCF - ODONTOPREV</t>
  </si>
  <si>
    <t>ODONTOPREV SA.xlsx</t>
  </si>
  <si>
    <t>bianca.misko@odontoprev.com.br,dalmeida@odontoprev.com.br,marina.mariano@bradesco.com.br,mosouza@odontoprev.com.br,selma.franca@odontoprev.com.br,suporte.vmc@bradescocartoes.com.br</t>
  </si>
  <si>
    <t>10/17/2019 14:49:09</t>
  </si>
  <si>
    <t>\\cppfs\cpdeptos\Financeiro\2019\001 - CCP\05 - Fechamento, Provisões e Transferências Custos\09 - SETEMBRO\DEPARTAMENTAL\</t>
  </si>
  <si>
    <t>Departamental Mercedes.xlsx</t>
  </si>
  <si>
    <t>10/17/2019 14:45:33</t>
  </si>
  <si>
    <t>amandafdcs@algartech.com;bruna.vernalha@bradesco.com.br;daiane.alves@bradesco.com.br;denisev.carvalho@bradesco.com.br;eva.cordeiro@bradesco.com.br;fabianapm@algartech.com;jullian.faria@algartech.com;poliane.amaral@bradesco.com.br;suzane.b.rodrigues@bradesco.com.br;tatiana.bueno@bradesco.com.br;thaismo@algartech.com;vanessa.crisan.santos@bradesco.com.br;</t>
  </si>
  <si>
    <t>amandafdcs@algartech.com,bruna.vernalha@bradesco.com.br,daiane.alves@bradesco.com.br,denisev.carvalho@bradesco.com.br,eva.cordeiro@bradesco.com.br,fabianapm@algartech.com,jullian.faria@algartech.com,poliane.amaral@bradesco.com.br,suzane.b.rodrigues@bradesco.com.br,tatiana.bueno@bradesco.com.br,thaismo@algartech.com,vanessa.crisan.santos@bradesco.com.br</t>
  </si>
  <si>
    <t>10/17/2019 14:45:43</t>
  </si>
  <si>
    <t>Divergências.xlsx</t>
  </si>
  <si>
    <t>10/17/2019 14:46:23</t>
  </si>
  <si>
    <t>10/17/2019 14:49:26</t>
  </si>
  <si>
    <t>10/17/2019 14:54:48</t>
  </si>
  <si>
    <t>Pipeline Detalhado Argentina 2019_10_17.xlsx</t>
  </si>
  <si>
    <t>10/17/2019 14:51:31</t>
  </si>
  <si>
    <t>Pipeline Detalhado Colombia 2019_10_17.xlsx</t>
  </si>
  <si>
    <t>10/17/2019 14:51:45</t>
  </si>
  <si>
    <t>Pipeline Detalhado Mexico 2019_10_17.xlsx</t>
  </si>
  <si>
    <t>10/17/2019 14:55:32</t>
  </si>
  <si>
    <t>10/17/2019 14:56:49</t>
  </si>
  <si>
    <t>Substituição Mini Disjuntores - A100</t>
  </si>
  <si>
    <t>10/17/2019 13:53:19</t>
  </si>
  <si>
    <t>10/17/2019 15:01:48</t>
  </si>
  <si>
    <t>mail.google.com/_/upload?authuser=1&amp;dcp=asu-n&amp;upload_id=AEnB2Upsay4VRBBsOo1WQ9vJJYGf3ZUawD__TnJ2vPgrmU8CDZEgi0Q5C-SnEVGG-bZerWDBCKD214n0BhYd8CvszQsF5gbT2A&amp;upload_protocol=resumable</t>
  </si>
  <si>
    <t>Book de Entregas - PF.xlsx</t>
  </si>
  <si>
    <t>10/17/2019 12:05:29</t>
  </si>
  <si>
    <t>10/17/2019 15:02:49</t>
  </si>
  <si>
    <t>/o=exchangelabs/ou=exchange administrative group (fydibohf23spdlt)/cn=recipients/cn=249f643ba1e044588b45a020c76dadde-daniel de o;/o=exchangelabs/ou=exchange administrative group (fydibohf23spdlt)/cn=recipients/cn=45f281eb2c55454da382ae61cb22aff4-fabiano mus;/o=exchangelabs/ou=exchange administrative group (fydibohf23spdlt)/cn=recipients/cn=8c89829ad534498fa4c85b5ac11174f1-suelen more;/o=exchangelabs/ou=exchange administrative group (fydibohf23spdlt)/cn=recipients/cn=97d172c8919b4efe9c4a5cda6727a6c7-walter robe;</t>
  </si>
  <si>
    <t>Turnos AMS SAP Weg</t>
  </si>
  <si>
    <t>Walter Custos de Profissionais_v2.xlsx</t>
  </si>
  <si>
    <t>/o=exchangelabs/ou=exchange administrative group (fydibohf23spdlt)/cn=recipients/cn=249f643ba1e044588b45a020c76dadde-daniel de o,/o=exchangelabs/ou=exchange administrative group (fydibohf23spdlt)/cn=recipients/cn=45f281eb2c55454da382ae61cb22aff4-fabiano mus,/o=exchangelabs/ou=exchange administrative group (fydibohf23spdlt)/cn=recipients/cn=8c89829ad534498fa4c85b5ac11174f1-suelen more,/o=exchangelabs/ou=exchange administrative group (fydibohf23spdlt)/cn=recipients/cn=97d172c8919b4efe9c4a5cda6727a6c7-walter robe</t>
  </si>
  <si>
    <t>10/17/2019 14:57:09</t>
  </si>
  <si>
    <t>10/17/2019 15:03:49</t>
  </si>
  <si>
    <t>10/17/2019 15:04:31</t>
  </si>
  <si>
    <t>10/17/2019 15:06:48</t>
  </si>
  <si>
    <t>10/17/2019 15:05:39</t>
  </si>
  <si>
    <t>10/17/2019 15:09:46</t>
  </si>
  <si>
    <t>10/17/2019 15:11:49</t>
  </si>
  <si>
    <t>mail.google.com/_/upload?authuser=1&amp;dcp=asu-n&amp;upload_id=AEnB2UpwwPDP3reH2nSODEeV-Wm05dBr0PDrBoQSVvs2O-DVzjOwMp1LWttSAqXJEVMbv9HBmxDEZAyCP23SeuwOZojdqwpfVA&amp;upload_protocol=resumable</t>
  </si>
  <si>
    <t>PENDENTES 14.10.xlsx</t>
  </si>
  <si>
    <t>10/17/2019 15:14:00</t>
  </si>
  <si>
    <t>10/17/2019 15:15:50</t>
  </si>
  <si>
    <t>/o=exchangelabs/ou=exchange administrative group (fydibohf23spdlt)/cn=recipients/cn=dd337141664f45e6bdf5a0b2e5156fba-gisele de m;</t>
  </si>
  <si>
    <t>Atividades ADM GAT</t>
  </si>
  <si>
    <t>Atividades ADM GAT.xlsx</t>
  </si>
  <si>
    <t>/o=exchangelabs/ou=exchange administrative group (fydibohf23spdlt)/cn=recipients/cn=dd337141664f45e6bdf5a0b2e5156fba-gisele de m</t>
  </si>
  <si>
    <t>10/17/2019 15:20:09</t>
  </si>
  <si>
    <t>10/17/2019 15:22:50</t>
  </si>
  <si>
    <t>/o=exchangelabs/ou=exchange administrative group (fydibohf23spdlt)/cn=recipients/cn=bec14da9ad4d434b8151ce12587e9186-khassio mar;flavia@iclicconsultoria.com.br;</t>
  </si>
  <si>
    <t>RES: PENDENCIA_FOCUS_GROUP_14102019</t>
  </si>
  <si>
    <t>PENDENCIA_FOCUS_GROUP_14102019 (002).xlsx</t>
  </si>
  <si>
    <t>/o=exchangelabs/ou=exchange administrative group (fydibohf23spdlt)/cn=recipients/cn=bec14da9ad4d434b8151ce12587e9186-khassio mar,flavia@iclicconsultoria.com.br</t>
  </si>
  <si>
    <t>10/17/2019 15:20:01</t>
  </si>
  <si>
    <t>10/17/2019 15:23:50</t>
  </si>
  <si>
    <t>10.207.12.69</t>
  </si>
  <si>
    <t>/o=exchangelabs/ou=exchange administrative group (fydibohf23spdlt)/cn=recipients/cn=7b5ea93fb6624321b4140325b23162ff-lucas andra;</t>
  </si>
  <si>
    <t>ENC: 2020</t>
  </si>
  <si>
    <t>Clientes 2020.xlsx</t>
  </si>
  <si>
    <t>/o=exchangelabs/ou=exchange administrative group (fydibohf23spdlt)/cn=recipients/cn=7b5ea93fb6624321b4140325b23162ff-lucas andra</t>
  </si>
  <si>
    <t>10/17/2019 15:25:51</t>
  </si>
  <si>
    <t>10/17/2019 15:30:50</t>
  </si>
  <si>
    <t>Cenários de CAPEX</t>
  </si>
  <si>
    <t>CAPEX_2020_Oficial - Cenário1_LGPD_ERP.xlsx</t>
  </si>
  <si>
    <t>10/17/2019 15:30:33</t>
  </si>
  <si>
    <t>C:\Users\leandrom\Contacts\OneDrive - Grupo Algar\Scripts\Windows\Variados\HorarioVeraoMult\</t>
  </si>
  <si>
    <t>10/17/2019 15:30:34</t>
  </si>
  <si>
    <t>C:\Users\leandrom\Contacts\OneDrive - Grupo Algar\Scripts\Windows\Variados\HovarioVeraoSingle\</t>
  </si>
  <si>
    <t>test.csv</t>
  </si>
  <si>
    <t>10/17/2019 15:28:45</t>
  </si>
  <si>
    <t>10/17/2019 15:31:49</t>
  </si>
  <si>
    <t>10/17/2019 15:30:40</t>
  </si>
  <si>
    <t>10/17/2019 15:35:49</t>
  </si>
  <si>
    <t>C:\Users\leandrom\Contacts\OneDrive - Grupo Algar\Scripts\Windows\Variados\LimpasCamposMailProxy\</t>
  </si>
  <si>
    <t>BKP-Exclusao-MailsO365.csv</t>
  </si>
  <si>
    <t>10/17/2019 15:34:11</t>
  </si>
  <si>
    <t>10/17/2019 15:37:50</t>
  </si>
  <si>
    <t>jfmattos@timbrasil.com.br;</t>
  </si>
  <si>
    <t>ABONOS</t>
  </si>
  <si>
    <t>RES Penalidades - Julho2019.msg\s1\</t>
  </si>
  <si>
    <t>Controle de Penalidades de Julho de 2019 - TCO 22-08-19.xlsx</t>
  </si>
  <si>
    <t>jfmattos@timbrasil.com.br</t>
  </si>
  <si>
    <t>10/17/2019 15:44:55</t>
  </si>
  <si>
    <t>10/17/2019 15:45:50</t>
  </si>
  <si>
    <t>ENC: ST JUDE - Relatório de Conciliação CTS - Agência Carlson Wagonlit - Setembro.2019 CRM:000580002345</t>
  </si>
  <si>
    <t>ENC Relatórios Conciliação (214 MB).msg\s1\</t>
  </si>
  <si>
    <t>10/17/2019 15:44:34</t>
  </si>
  <si>
    <t>10/17/2019 15:48:50</t>
  </si>
  <si>
    <t>A-2019-10 Daily_Total Risk-AlgarTech_v2.xlsx</t>
  </si>
  <si>
    <t>10/17/2019 15:47:36</t>
  </si>
  <si>
    <t>/o=exchangelabs/ou=exchange administrative group (fydibohf23spdlt)/cn=recipients/cn=1388e760581940569776ffce7145c40e-patricia ap;/o=exchangelabs/ou=exchange administrative group (fydibohf23spdlt)/cn=recipients/cn=240fafdb21074ab9a87c95d3265e411c-rodrigo rod;emerson.r.correia@bradesco.com.br;</t>
  </si>
  <si>
    <t>Comitê de Resultados Comercial</t>
  </si>
  <si>
    <t>Comite Oficial - Correntista Set19.pptx\</t>
  </si>
  <si>
    <t>/o=exchangelabs/ou=exchange administrative group (fydibohf23spdlt)/cn=recipients/cn=1388e760581940569776ffce7145c40e-patricia ap,/o=exchangelabs/ou=exchange administrative group (fydibohf23spdlt)/cn=recipients/cn=240fafdb21074ab9a87c95d3265e411c-rodrigo rod,emerson.r.correia@bradesco.com.br</t>
  </si>
  <si>
    <t>10/17/2019 15:49:49</t>
  </si>
  <si>
    <t>/o=exchangelabs/ou=exchange administrative group (fydibohf23spdlt)/cn=recipients/cn=eeabe757fd9847189424a9c6f7064f76-luana souza;danielhdm@algartech.com;</t>
  </si>
  <si>
    <t>Tempos Operacionais</t>
  </si>
  <si>
    <t>/o=exchangelabs/ou=exchange administrative group (fydibohf23spdlt)/cn=recipients/cn=eeabe757fd9847189424a9c6f7064f76-luana souza,danielhdm@algartech.com</t>
  </si>
  <si>
    <t>10/17/2019 15:42:14</t>
  </si>
  <si>
    <t>ENC: Projeto Precificação - Pre-closing e 2020</t>
  </si>
  <si>
    <t>10/17/2019 16:00:28</t>
  </si>
  <si>
    <t>10/17/2019 16:00:50</t>
  </si>
  <si>
    <t>Complementar Novembro</t>
  </si>
  <si>
    <t>WEG - Template HE GAT_FEV.xlsx</t>
  </si>
  <si>
    <t>10/17/2019 16:02:32</t>
  </si>
  <si>
    <t>10/17/2019 16:03:50</t>
  </si>
  <si>
    <t>Previsão Clientes x Faturamento - 2020</t>
  </si>
  <si>
    <t>Previsão Faturamento 2020 - MAB.xlsx</t>
  </si>
  <si>
    <t>10/17/2019 16:02:11</t>
  </si>
  <si>
    <t>lista de presença nr 33.xlsx</t>
  </si>
  <si>
    <t>10/17/2019 16:06:25</t>
  </si>
  <si>
    <t>10/17/2019 16:09:49</t>
  </si>
  <si>
    <t>ENC: Extrato - Meta Treinamento e Qualidade</t>
  </si>
  <si>
    <t>10/17/2019 16:05:29</t>
  </si>
  <si>
    <t>/o=exchangelabs/ou=exchange administrative group (fydibohf23spdlt)/cn=recipients/cn=14a70e6ea48e469fb92836fb9681d216-nayara barr;/o=exchangelabs/ou=exchange administrative group (fydibohf23spdlt)/cn=recipients/cn=c514dbe8b91547adb4618232d1a650ba-afonso domi;rafaelbdt@algartech.com;</t>
  </si>
  <si>
    <t>/o=exchangelabs/ou=exchange administrative group (fydibohf23spdlt)/cn=recipients/cn=14a70e6ea48e469fb92836fb9681d216-nayara barr,/o=exchangelabs/ou=exchange administrative group (fydibohf23spdlt)/cn=recipients/cn=c514dbe8b91547adb4618232d1a650ba-afonso domi,rafaelbdt@algartech.com</t>
  </si>
  <si>
    <t>10/17/2019 15:54:44</t>
  </si>
  <si>
    <t>10/17/2019 16:17:49</t>
  </si>
  <si>
    <t>/o=exchangelabs/ou=exchange administrative group (fydibohf23spdlt)/cn=recipients/cn=9b52022a6e624c30a92f50cf4538a4bf-talmaia rod;/o=exchangelabs/ou=exchange administrative group (fydibohf23spdlt)/cn=recipients/cn=user8e89d2d7;</t>
  </si>
  <si>
    <t>RES: TMO ALTO VALOR - OUT.xlsb</t>
  </si>
  <si>
    <t>D-1 POR OPERADOR - BV - SETEMBRO (VERSÃO LEVE).xlsb</t>
  </si>
  <si>
    <t>/o=exchangelabs/ou=exchange administrative group (fydibohf23spdlt)/cn=recipients/cn=9b52022a6e624c30a92f50cf4538a4bf-talmaia rod,/o=exchangelabs/ou=exchange administrative group (fydibohf23spdlt)/cn=recipients/cn=user8e89d2d7</t>
  </si>
  <si>
    <t>10/17/2019 16:16:13</t>
  </si>
  <si>
    <t>10/17/2019 16:19:49</t>
  </si>
  <si>
    <t>10/17/2019 16:15:30</t>
  </si>
  <si>
    <t>10/17/2019 16:20:50</t>
  </si>
  <si>
    <t>mail.google.com/_/upload?authuser=1&amp;dcp=asu-n&amp;upload_id=AEnB2UrMp545j7raj1Mpxrh5MLhtWviwGLi5y4ZM59pT1SPHA4mmZQKbGAJ41k-_DuJaRsIyRgzs0sWlOd3BSHTCRnAllrKjow&amp;upload_protocol=resumable</t>
  </si>
  <si>
    <t>Book de Entregas - Risco e Credito.xlsx</t>
  </si>
  <si>
    <t>10/17/2019 16:21:20</t>
  </si>
  <si>
    <t>10/17/2019 16:21:49</t>
  </si>
  <si>
    <t>ENC: Medição ASCENTY - SETEMBRO 2019</t>
  </si>
  <si>
    <t>9 - RELATÓRIO ASCENTY - SETEMBRO - 2019.xlsx</t>
  </si>
  <si>
    <t>10/17/2019 16:20:47</t>
  </si>
  <si>
    <t>10/17/2019 16:23:50</t>
  </si>
  <si>
    <t>diegoodz@algartech.com;</t>
  </si>
  <si>
    <t>ENC: ADERENCIA - validar</t>
  </si>
  <si>
    <t>11 - ADERENCIA NOVEMBRO - Diego.xlsx</t>
  </si>
  <si>
    <t>diegoodz@algartech.com</t>
  </si>
  <si>
    <t>10/17/2019 16:33:30</t>
  </si>
  <si>
    <t>10/17/2019 16:33:50</t>
  </si>
  <si>
    <t>10/17/2019 16:35:47</t>
  </si>
  <si>
    <t>10/17/2019 16:36:50</t>
  </si>
  <si>
    <t>edna.kumano@t-systems.com.br;fabio.tomaz@alaturjtb.com;tsystems@alatur.com;</t>
  </si>
  <si>
    <t>RES: 0901 - Valores duplicados</t>
  </si>
  <si>
    <t>edna.kumano@t-systems.com.br,fabio.tomaz@alaturjtb.com,tsystems@alatur.com</t>
  </si>
  <si>
    <t>10/17/2019 16:37:27</t>
  </si>
  <si>
    <t>10/17/2019 16:38:50</t>
  </si>
  <si>
    <t>mail.google.com/_/upload?authuser=0&amp;dcp=asu-n&amp;upload_id=AEnB2UpHVUfnAQOGwjETdZN44_I2ns0ilkzeA038PnIYg6i2zb7TUMOD85AI3vbc-L6QeFJp7Y3_fDUcJzq8htkiN_Bvi7JoOg&amp;upload_protocol=resumable</t>
  </si>
  <si>
    <t>Orçamento-Tech_2020_v2.xlsx</t>
  </si>
  <si>
    <t>10/17/2019 16:37:44</t>
  </si>
  <si>
    <t>comite</t>
  </si>
  <si>
    <t>Comite Oficial - Correntista Set (1).pptx\</t>
  </si>
  <si>
    <t>10/17/2019 16:40:37</t>
  </si>
  <si>
    <t>10/17/2019 16:43:49</t>
  </si>
  <si>
    <t>10/17/2019 16:39:31</t>
  </si>
  <si>
    <t>10/17/2019 16:44:50</t>
  </si>
  <si>
    <t>10/17/2019 16:39:32</t>
  </si>
  <si>
    <t>10/17/2019 16:39:34</t>
  </si>
  <si>
    <t>10/17/2019 16:39:38</t>
  </si>
  <si>
    <t>10/17/2019 16:39:40</t>
  </si>
  <si>
    <t>10/17/2019 16:39:41</t>
  </si>
  <si>
    <t>10/17/2019 16:41:03</t>
  </si>
  <si>
    <t>10/17/2019 16:41:04</t>
  </si>
  <si>
    <t>10/17/2019 16:41:05</t>
  </si>
  <si>
    <t>10/17/2019 16:41:06</t>
  </si>
  <si>
    <t>10/17/2019 16:41:07</t>
  </si>
  <si>
    <t>10/17/2019 16:41:20</t>
  </si>
  <si>
    <t>10/17/2019 16:41:21</t>
  </si>
  <si>
    <t>10/17/2019 16:41:22</t>
  </si>
  <si>
    <t>10/17/2019 16:41:23</t>
  </si>
  <si>
    <t>10/17/2019 16:41:25</t>
  </si>
  <si>
    <t>10/17/2019 16:41:26</t>
  </si>
  <si>
    <t>10/17/2019 16:41:27</t>
  </si>
  <si>
    <t>10/17/2019 16:41:28</t>
  </si>
  <si>
    <t>10/17/2019 16:41:33</t>
  </si>
  <si>
    <t>10/17/2019 16:41:34</t>
  </si>
  <si>
    <t>10/17/2019 16:41:48</t>
  </si>
  <si>
    <t>10/17/2019 16:41:49</t>
  </si>
  <si>
    <t>10/17/2019 16:41:51</t>
  </si>
  <si>
    <t>10/17/2019 16:41:54</t>
  </si>
  <si>
    <t>10/17/2019 16:41:55</t>
  </si>
  <si>
    <t>10/17/2019 16:41:56</t>
  </si>
  <si>
    <t>10/17/2019 16:41:58</t>
  </si>
  <si>
    <t>10/17/2019 16:41:59</t>
  </si>
  <si>
    <t>10/17/2019 16:42:00</t>
  </si>
  <si>
    <t>10/17/2019 16:42:01</t>
  </si>
  <si>
    <t>10/17/2019 16:42:02</t>
  </si>
  <si>
    <t>10/17/2019 16:42:03</t>
  </si>
  <si>
    <t>10/17/2019 16:42:04</t>
  </si>
  <si>
    <t>10/17/2019 16:42:05</t>
  </si>
  <si>
    <t>10/17/2019 16:42:22</t>
  </si>
  <si>
    <t>10/17/2019 16:42:38</t>
  </si>
  <si>
    <t>10/17/2019 16:43:12</t>
  </si>
  <si>
    <t>10/17/2019 16:43:13</t>
  </si>
  <si>
    <t>10/17/2019 16:43:14</t>
  </si>
  <si>
    <t>10/17/2019 16:43:15</t>
  </si>
  <si>
    <t>10/17/2019 16:43:16</t>
  </si>
  <si>
    <t>10/17/2019 16:43:17</t>
  </si>
  <si>
    <t>10/17/2019 16:43:18</t>
  </si>
  <si>
    <t>10/17/2019 16:43:19</t>
  </si>
  <si>
    <t>10/17/2019 16:43:20</t>
  </si>
  <si>
    <t>10/17/2019 16:43:22</t>
  </si>
  <si>
    <t>10/17/2019 16:43:23</t>
  </si>
  <si>
    <t>10/17/2019 16:43:39</t>
  </si>
  <si>
    <t>10/17/2019 16:43:42</t>
  </si>
  <si>
    <t>10/17/2019 16:43:43</t>
  </si>
  <si>
    <t>10/17/2019 16:43:44</t>
  </si>
  <si>
    <t>10/17/2019 16:43:45</t>
  </si>
  <si>
    <t>10/17/2019 16:43:46</t>
  </si>
  <si>
    <t>10/17/2019 16:43:47</t>
  </si>
  <si>
    <t>10/17/2019 16:43:48</t>
  </si>
  <si>
    <t>10/17/2019 16:43:50</t>
  </si>
  <si>
    <t>10/17/2019 16:43:51</t>
  </si>
  <si>
    <t>10/17/2019 16:43:52</t>
  </si>
  <si>
    <t>10/17/2019 16:43:53</t>
  </si>
  <si>
    <t>10/17/2019 16:43:54</t>
  </si>
  <si>
    <t>10/17/2019 16:43:55</t>
  </si>
  <si>
    <t>10/17/2019 16:45:59</t>
  </si>
  <si>
    <t>10/17/2019 16:48:51</t>
  </si>
  <si>
    <t>10/17/2019 16:49:50</t>
  </si>
  <si>
    <t>10/17/2019 16:43:56</t>
  </si>
  <si>
    <t>10/17/2019 16:43:57</t>
  </si>
  <si>
    <t>10/17/2019 16:44:00</t>
  </si>
  <si>
    <t>10/17/2019 16:44:04</t>
  </si>
  <si>
    <t>10/17/2019 16:44:06</t>
  </si>
  <si>
    <t>10/17/2019 16:44:07</t>
  </si>
  <si>
    <t>10/17/2019 16:44:09</t>
  </si>
  <si>
    <t>10/17/2019 16:44:10</t>
  </si>
  <si>
    <t>10/17/2019 16:44:12</t>
  </si>
  <si>
    <t>10/17/2019 16:44:13</t>
  </si>
  <si>
    <t>10/17/2019 16:44:16</t>
  </si>
  <si>
    <t>10/17/2019 16:44:17</t>
  </si>
  <si>
    <t>10/17/2019 16:44:23</t>
  </si>
  <si>
    <t>10/17/2019 16:44:24</t>
  </si>
  <si>
    <t>10/17/2019 16:44:25</t>
  </si>
  <si>
    <t>10/17/2019 16:44:26</t>
  </si>
  <si>
    <t>10/17/2019 16:44:27</t>
  </si>
  <si>
    <t>10/17/2019 16:44:32</t>
  </si>
  <si>
    <t>10/17/2019 16:44:33</t>
  </si>
  <si>
    <t>10/17/2019 16:44:34</t>
  </si>
  <si>
    <t>10/17/2019 16:44:35</t>
  </si>
  <si>
    <t>10/17/2019 16:44:36</t>
  </si>
  <si>
    <t>10/17/2019 16:44:37</t>
  </si>
  <si>
    <t>10/17/2019 16:44:38</t>
  </si>
  <si>
    <t>10/17/2019 16:44:40</t>
  </si>
  <si>
    <t>10/17/2019 16:44:54</t>
  </si>
  <si>
    <t>10/17/2019 16:44:58</t>
  </si>
  <si>
    <t>10/17/2019 16:45:01</t>
  </si>
  <si>
    <t>10/17/2019 16:45:03</t>
  </si>
  <si>
    <t>10/17/2019 16:45:04</t>
  </si>
  <si>
    <t>10/17/2019 16:45:05</t>
  </si>
  <si>
    <t>10/17/2019 16:45:06</t>
  </si>
  <si>
    <t>10/17/2019 16:45:07</t>
  </si>
  <si>
    <t>10/17/2019 16:45:08</t>
  </si>
  <si>
    <t>10/17/2019 16:45:09</t>
  </si>
  <si>
    <t>10/17/2019 16:45:10</t>
  </si>
  <si>
    <t>10/17/2019 16:45:11</t>
  </si>
  <si>
    <t>10/17/2019 16:45:12</t>
  </si>
  <si>
    <t>10/17/2019 16:45:13</t>
  </si>
  <si>
    <t>10/17/2019 16:45:14</t>
  </si>
  <si>
    <t>10/17/2019 16:45:15</t>
  </si>
  <si>
    <t>10/17/2019 16:45:16</t>
  </si>
  <si>
    <t>10/17/2019 16:45:17</t>
  </si>
  <si>
    <t>10/17/2019 16:45:18</t>
  </si>
  <si>
    <t>10/17/2019 16:45:21</t>
  </si>
  <si>
    <t>10/17/2019 16:45:23</t>
  </si>
  <si>
    <t>10/17/2019 16:45:24</t>
  </si>
  <si>
    <t>10/17/2019 16:45:25</t>
  </si>
  <si>
    <t>10/17/2019 16:45:26</t>
  </si>
  <si>
    <t>10/17/2019 16:45:28</t>
  </si>
  <si>
    <t>10/17/2019 16:45:29</t>
  </si>
  <si>
    <t>10/17/2019 16:45:31</t>
  </si>
  <si>
    <t>10/17/2019 16:45:33</t>
  </si>
  <si>
    <t>10/17/2019 16:45:34</t>
  </si>
  <si>
    <t>10/17/2019 16:45:43</t>
  </si>
  <si>
    <t>10/17/2019 16:45:51</t>
  </si>
  <si>
    <t>10/17/2019 16:45:52</t>
  </si>
  <si>
    <t>10/17/2019 16:46:03</t>
  </si>
  <si>
    <t>10/17/2019 16:46:27</t>
  </si>
  <si>
    <t>10/17/2019 16:46:28</t>
  </si>
  <si>
    <t>10/17/2019 16:46:29</t>
  </si>
  <si>
    <t>10/17/2019 16:46:30</t>
  </si>
  <si>
    <t>10/17/2019 16:46:31</t>
  </si>
  <si>
    <t>10/17/2019 16:46:32</t>
  </si>
  <si>
    <t>10/17/2019 16:46:38</t>
  </si>
  <si>
    <t>10/17/2019 16:46:39</t>
  </si>
  <si>
    <t>10/17/2019 16:46:40</t>
  </si>
  <si>
    <t>10/17/2019 16:46:41</t>
  </si>
  <si>
    <t>10/17/2019 16:46:45</t>
  </si>
  <si>
    <t>10/17/2019 16:46:50</t>
  </si>
  <si>
    <t>10/17/2019 16:46:52</t>
  </si>
  <si>
    <t>10/17/2019 16:46:54</t>
  </si>
  <si>
    <t>10/17/2019 16:46:55</t>
  </si>
  <si>
    <t>10/17/2019 16:46:56</t>
  </si>
  <si>
    <t>10/17/2019 16:47:17</t>
  </si>
  <si>
    <t>10/17/2019 16:47:18</t>
  </si>
  <si>
    <t>10/17/2019 16:47:19</t>
  </si>
  <si>
    <t>10/17/2019 16:47:20</t>
  </si>
  <si>
    <t>10/17/2019 16:47:21</t>
  </si>
  <si>
    <t>10/17/2019 16:47:22</t>
  </si>
  <si>
    <t>10/17/2019 16:47:23</t>
  </si>
  <si>
    <t>10/17/2019 16:47:24</t>
  </si>
  <si>
    <t>10/17/2019 16:47:25</t>
  </si>
  <si>
    <t>10/17/2019 16:47:26</t>
  </si>
  <si>
    <t>10/17/2019 16:47:27</t>
  </si>
  <si>
    <t>10/17/2019 16:47:28</t>
  </si>
  <si>
    <t>10/17/2019 16:47:29</t>
  </si>
  <si>
    <t>10/17/2019 16:47:30</t>
  </si>
  <si>
    <t>10/17/2019 16:47:39</t>
  </si>
  <si>
    <t>10/17/2019 16:47:40</t>
  </si>
  <si>
    <t>10/17/2019 16:47:41</t>
  </si>
  <si>
    <t>10/17/2019 16:47:42</t>
  </si>
  <si>
    <t>10/17/2019 16:47:43</t>
  </si>
  <si>
    <t>10/17/2019 16:47:44</t>
  </si>
  <si>
    <t>10/17/2019 16:47:45</t>
  </si>
  <si>
    <t>10/17/2019 16:47:46</t>
  </si>
  <si>
    <t>10/17/2019 16:47:47</t>
  </si>
  <si>
    <t>10/17/2019 16:47:48</t>
  </si>
  <si>
    <t>10/17/2019 16:47:51</t>
  </si>
  <si>
    <t>10/17/2019 16:47:52</t>
  </si>
  <si>
    <t>10/17/2019 16:47:53</t>
  </si>
  <si>
    <t>10/17/2019 16:47:56</t>
  </si>
  <si>
    <t>10/17/2019 16:47:59</t>
  </si>
  <si>
    <t>10/17/2019 16:48:00</t>
  </si>
  <si>
    <t>10/17/2019 16:48:06</t>
  </si>
  <si>
    <t>10/17/2019 16:48:22</t>
  </si>
  <si>
    <t>10/17/2019 16:48:24</t>
  </si>
  <si>
    <t>10/17/2019 16:48:25</t>
  </si>
  <si>
    <t>10/17/2019 16:48:26</t>
  </si>
  <si>
    <t>10/17/2019 16:47:15</t>
  </si>
  <si>
    <t>10/17/2019 16:50:51</t>
  </si>
  <si>
    <t>/o=exchangelabs/ou=exchange administrative group (fydibohf23spdlt)/cn=recipients/cn=5d559e739a9e422da552ffdc9668775c-luiz fernan;/o=exchangelabs/ou=exchange administrative group (fydibohf23spdlt)/cn=recipients/cn=b79663656cc44aa3bf06617d1695ae51-carlos faci;/o=exchangelabs/ou=exchange administrative group (fydibohf23spdlt)/cn=recipients/cn=f7a4290a46314a3cbb0d392508a7b5c5-luciana sil;</t>
  </si>
  <si>
    <t>ENC: BP LATAM - Informações para o financeiro</t>
  </si>
  <si>
    <t>Premissas_RL_MC_CAPEX.xlsx</t>
  </si>
  <si>
    <t>/o=exchangelabs/ou=exchange administrative group (fydibohf23spdlt)/cn=recipients/cn=5d559e739a9e422da552ffdc9668775c-luiz fernan,/o=exchangelabs/ou=exchange administrative group (fydibohf23spdlt)/cn=recipients/cn=b79663656cc44aa3bf06617d1695ae51-carlos faci,/o=exchangelabs/ou=exchange administrative group (fydibohf23spdlt)/cn=recipients/cn=f7a4290a46314a3cbb0d392508a7b5c5-luciana sil</t>
  </si>
  <si>
    <t>10/17/2019 16:50:22</t>
  </si>
  <si>
    <t>10/17/2019 16:51:50</t>
  </si>
  <si>
    <t>alexandre.magno@plenaalimentos.com.br;cristiane.almeida@bradesco.com.br;kelly.felix@plenaalimentos.com.br;victor.hugo@plenaalimentos.com.br;</t>
  </si>
  <si>
    <t>Integração Sisatak - Bradesco.</t>
  </si>
  <si>
    <t>Modelo EDINET.xls</t>
  </si>
  <si>
    <t>alexandre.magno@plenaalimentos.com.br,cristiane.almeida@bradesco.com.br,kelly.felix@plenaalimentos.com.br,victor.hugo@plenaalimentos.com.br</t>
  </si>
  <si>
    <t>10/17/2019 16:50:10</t>
  </si>
  <si>
    <t>10/17/2019 16:53:50</t>
  </si>
  <si>
    <t>ENC: Crescimento Caixa Seguradora</t>
  </si>
  <si>
    <t>10/17/2019 16:53:39</t>
  </si>
  <si>
    <t>Expansão Caixa: BP do projeto</t>
  </si>
  <si>
    <t>10/17/2019 16:53:33</t>
  </si>
  <si>
    <t>10/17/2019 16:56:50</t>
  </si>
  <si>
    <t>/o=exchangelabs/ou=exchange administrative group (fydibohf23spdlt)/cn=recipients/cn=8c89829ad534498fa4c85b5ac11174f1-suelen more;/o=exchangelabs/ou=exchange administrative group (fydibohf23spdlt)/cn=recipients/cn=b194f014572c4c36b52132f9199df1aa-jairo junio;marcelom@algartech.com;</t>
  </si>
  <si>
    <t>RES: BPS Vale</t>
  </si>
  <si>
    <t>Vale_Plan Precificacao C017 B017_16_10_2019 Official_Draft_CM_r3 rev1.xlsb</t>
  </si>
  <si>
    <t>/o=exchangelabs/ou=exchange administrative group (fydibohf23spdlt)/cn=recipients/cn=8c89829ad534498fa4c85b5ac11174f1-suelen more,/o=exchangelabs/ou=exchange administrative group (fydibohf23spdlt)/cn=recipients/cn=b194f014572c4c36b52132f9199df1aa-jairo junio,marcelom@algartech.com</t>
  </si>
  <si>
    <t>10/17/2019 16:57:25</t>
  </si>
  <si>
    <t>10/17/2019 17:00:50</t>
  </si>
  <si>
    <t>GUILHERME DA SILVA FERREIRA</t>
  </si>
  <si>
    <t>Follow.xlsx</t>
  </si>
  <si>
    <t>10/17/2019 16:58:50</t>
  </si>
  <si>
    <t>10.201.164.23</t>
  </si>
  <si>
    <t>54-BF-64-F5-7E-E2</t>
  </si>
  <si>
    <t>camilacsf@algartech.com;taniacs@algartech.com;</t>
  </si>
  <si>
    <t>C:\Users\andremg\Desktop\</t>
  </si>
  <si>
    <t>Calculadora - Desconto por Interrupção.xlsx</t>
  </si>
  <si>
    <t>camilacsf@algartech.com,taniacs@algartech.com</t>
  </si>
  <si>
    <t>10/17/2019 17:05:00</t>
  </si>
  <si>
    <t>10/17/2019 17:05:51</t>
  </si>
  <si>
    <t>10/17/2019 17:04:12</t>
  </si>
  <si>
    <t>10/17/2019 17:09:50</t>
  </si>
  <si>
    <t>/o=exchangelabs/ou=exchange administrative group (fydibohf23spdlt)/cn=recipients/cn=userd3ef8196;victoria_m_evangelinos@whirlpool.com;</t>
  </si>
  <si>
    <t>Cenários BF 2019</t>
  </si>
  <si>
    <t>Cenários Black Friday (cen whp).xlsx</t>
  </si>
  <si>
    <t>/o=exchangelabs/ou=exchange administrative group (fydibohf23spdlt)/cn=recipients/cn=userd3ef8196,victoria_m_evangelinos@whirlpool.com</t>
  </si>
  <si>
    <t>10/17/2019 17:03:51</t>
  </si>
  <si>
    <t>/o=exchangelabs/ou=exchange administrative group (fydibohf23spdlt)/cn=recipients/cn=0eb8b2385d354af2b97da6b3eb0e0e32-augusto mor;/o=exchangelabs/ou=exchange administrative group (fydibohf23spdlt)/cn=recipients/cn=21aa01d9848343cfa37b264e629bb011-hudson brun;/o=exchangelabs/ou=exchange administrative group (fydibohf23spdlt)/cn=recipients/cn=2f8300fc6f8b4714a77c0227cba72162-vinicius pi;/o=exchangelabs/ou=exchange administrative group (fydibohf23spdlt)/cn=recipients/cn=3188323005a04a70962871b2b980355d-humberto pi;/o=exchangelabs/ou=exchange administrative group (fydibohf23spdlt)/cn=recipients/cn=32fe8a14424941da83c2bf35a8a5709e-fabiana car;/o=exchangelabs/ou=exchange administrative group (fydibohf23spdlt)/cn=recipients/cn=430b7fc0ccfe4728933af1b3039c7e24-marcus gome;/o=exchangelabs/ou=exchange administrative group (fydibohf23spdlt)/cn=recipients/cn=545f738e0fe740ba856f4eb6ef0135e0-vinicius si;/o=exchangelabs/ou=exchange administrative group (fydibohf23spdlt)/cn=recipients/cn=56c2af2d07fd48c0aebfc00ddc006494-ales</t>
  </si>
  <si>
    <t>/o=exchangelabs/ou=exchange administrative group (fydibohf23spdlt)/cn=recipients/cn=0eb8b2385d354af2b97da6b3eb0e0e32-augusto mor,/o=exchangelabs/ou=exchange administrative group (fydibohf23spdlt)/cn=recipients/cn=21aa01d9848343cfa37b264e629bb011-hudson brun,/o=exchangelabs/ou=exchange administrative group (fydibohf23spdlt)/cn=recipients/cn=2f8300fc6f8b4714a77c0227cba72162-vinicius pi,/o=exchangelabs/ou=exchange administrative group (fydibohf23spdlt)/cn=recipients/cn=3188323005a04a70962871b2b980355d-humberto pi,/o=exchangelabs/ou=exchange administrative group (fydibohf23spdlt)/cn=recipients/cn=32fe8a14424941da83c2bf35a8a5709e-fabiana car,/o=exchangelabs/ou=exchange administrative group (fydibohf23spdlt)/cn=recipients/cn=430b7fc0ccfe4728933af1b3039c7e24-marcus gome,/o=exchangelabs/ou=exchange administrative group (fydibohf23spdlt)/cn=recipients/cn=545f738e0fe740ba856f4eb6ef0135e0-vinicius si,/o=exchangelabs/ou=exchange administrative group (fydibohf23spdlt)/cn=recipients/cn=56c2af2d07fd48c0aebfc00ddc006494-ales</t>
  </si>
  <si>
    <t>10/17/2019 17:09:00</t>
  </si>
  <si>
    <t>10/17/2019 17:10:50</t>
  </si>
  <si>
    <t>10/17/2019 17:08:59</t>
  </si>
  <si>
    <t>10/17/2019 17:14:49</t>
  </si>
  <si>
    <t>C:\Users\elainemdlp\OD\_Projetos\Em andamento\Expansao Caixa\Centro Logistico\</t>
  </si>
  <si>
    <t>Liberacao_Ativos_ExpansaoCaixa_05 - Copia.xlsx</t>
  </si>
  <si>
    <t>10/17/2019 17:15:10</t>
  </si>
  <si>
    <t>10/17/2019 17:16:49</t>
  </si>
  <si>
    <t>c:\users\rosanapccb\desktop\rpccb\boletos\</t>
  </si>
  <si>
    <t>1.a-rpccb ctas.xlsx</t>
  </si>
  <si>
    <t>10/17/2019 17:19:32</t>
  </si>
  <si>
    <t>10/17/2019 17:20:50</t>
  </si>
  <si>
    <t>anapaps@algartech.com.br;</t>
  </si>
  <si>
    <t>'D1 - Volume de Casos Pendentes - Atribuir (1).xlsx</t>
  </si>
  <si>
    <t>anapaps@algartech.com.br</t>
  </si>
  <si>
    <t>10/17/2019 17:24:13</t>
  </si>
  <si>
    <t>10/17/2019 17:26:50</t>
  </si>
  <si>
    <t>10.200.61.151</t>
  </si>
  <si>
    <t>10/17/2019 17:30:09</t>
  </si>
  <si>
    <t>10/17/2019 17:30:50</t>
  </si>
  <si>
    <t>mail.google.com/_/upload?authuser=0&amp;dcp=asu-n&amp;upload_id=AEnB2Uo1TlyXTskkiMksfDQYCsZ5qRfqNUrDdyl7aOA1JRl68zBJEj-kpg8IWOPByhrqKA1eqygPkAthyEmDItghnEdwjOiEpQ&amp;upload_protocol=resumable</t>
  </si>
  <si>
    <t>\\acsfs\dsti\CITIM - Coordenação de Infra TI Implantação\Projetos\EM IMPLANTAÇÃO\SAGE\NOVO FATURAMENTO\11 - Novembro\</t>
  </si>
  <si>
    <t>Faturamento.Sage.Novembro.xlsx</t>
  </si>
  <si>
    <t>10/17/2019 17:30:13</t>
  </si>
  <si>
    <t>10/17/2019 17:31:50</t>
  </si>
  <si>
    <t>Carona.xlsx</t>
  </si>
  <si>
    <t>10/17/2019 17:30:12</t>
  </si>
  <si>
    <t>10/17/2019 17:33:51</t>
  </si>
  <si>
    <t>\\acsfs\DEPTOS\Controladoria\Planejamento\Reuniões Mensais\2019\Acompanhamento DAF\1ª Revisão orçamento 2019\Enviados aos pacoteiros\</t>
  </si>
  <si>
    <t>10/17/2019 17:33:21</t>
  </si>
  <si>
    <t>10/17/2019 17:35:57</t>
  </si>
  <si>
    <t>10/17/2019 17:40:51</t>
  </si>
  <si>
    <t>ENC: Lista de Skill Bradesco</t>
  </si>
  <si>
    <t>10/17/2019 17:43:57</t>
  </si>
  <si>
    <t>10/17/2019 17:46:50</t>
  </si>
  <si>
    <t>Abertura DRE Sicoob.xlsx</t>
  </si>
  <si>
    <t>10/17/2019 17:54:11</t>
  </si>
  <si>
    <t>10/17/2019 17:55:50</t>
  </si>
  <si>
    <t>mail.google.com/_/upload?authuser=1&amp;dcp=asu-n&amp;upload_id=AEnB2UoUneoBfkoAH4DpHSkrPAymuInvhRLmymNJ25UarsurFIpT_wUQRq3D-nFlj6-aYneEgD8-_xI8MSWivRVfRWEmnBQw-g&amp;upload_protocol=resumable</t>
  </si>
  <si>
    <t>BD Qualidade e Educação.xlsx</t>
  </si>
  <si>
    <t>10/17/2019 17:52:30</t>
  </si>
  <si>
    <t>10/17/2019 17:56:50</t>
  </si>
  <si>
    <t>mail.google.com/_/upload?authuser=1&amp;dcp=asu-n&amp;upload_id=AEnB2UpNRm9glFxz6AN5VsVmfcUYPeOU50oT_4IN5ME9fN5y1sgIUtsnsPj3GTRZkPrK27lI9gi2abzb6bEGvxz7dn6aPmfWWClOeXW9vHdhfcPMeUD3x5w&amp;upload_protocol=resumable</t>
  </si>
  <si>
    <t>base desinstalação.xlsx</t>
  </si>
  <si>
    <t>10/17/2019 17:52:33</t>
  </si>
  <si>
    <t>10/17/2019 17:55:26</t>
  </si>
  <si>
    <t>10/17/2019 17:59:49</t>
  </si>
  <si>
    <t>/o=exchangelabs/ou=exchange administrative group (fydibohf23spdlt)/cn=recipients/cn=3efbc8c427614158ac5e05d72141135e-thiago guil;/o=exchangelabs/ou=exchange administrative group (fydibohf23spdlt)/cn=recipients/cn=51e4257c2b7f4ac3a37104c52a243254-caf - centr;</t>
  </si>
  <si>
    <t>Expansão Caixa: Retirada de Ativos - 795796</t>
  </si>
  <si>
    <t>Liberacao_Ativos_ExpansaoCaixa_06.xlsx</t>
  </si>
  <si>
    <t>/o=exchangelabs/ou=exchange administrative group (fydibohf23spdlt)/cn=recipients/cn=3efbc8c427614158ac5e05d72141135e-thiago guil,/o=exchangelabs/ou=exchange administrative group (fydibohf23spdlt)/cn=recipients/cn=51e4257c2b7f4ac3a37104c52a243254-caf - centr</t>
  </si>
  <si>
    <t>10/17/2019 17:58:19</t>
  </si>
  <si>
    <t>C:\Users\elainemdlp\OD\_Projetos\Em andamento\Expansao Caixa\Infra\</t>
  </si>
  <si>
    <t>ATIVAÇÃO CAIXA SITE 1 BLOCO 4 INFERIOR.xlsx</t>
  </si>
  <si>
    <t>10/17/2019 18:00:51</t>
  </si>
  <si>
    <t>10/17/2019 18:04:50</t>
  </si>
  <si>
    <t>10/17/2019 18:12:17</t>
  </si>
  <si>
    <t>10/17/2019 18:14:50</t>
  </si>
  <si>
    <t>10/17/2019 18:16:34</t>
  </si>
  <si>
    <t>10/17/2019 18:19:50</t>
  </si>
  <si>
    <t>/o=exchangelabs/ou=exchange administrative group (fydibohf23spdlt)/cn=recipients/cn=32fe8a14424941da83c2bf35a8a5709e-fabiana car;/o=exchangelabs/ou=exchange administrative group (fydibohf23spdlt)/cn=recipients/cn=9c71bc5f5a3648bbbb5f6bedb86e15a6-marcelo buz;/o=exchangelabs/ou=exchange administrative group (fydibohf23spdlt)/cn=recipients/cn=ee68a2a53024446789dc480aef9c7a7c-joao gabrie;/o=exchangelabs/ou=exchange administrative group (fydibohf23spdlt)/cn=recipients/cn=fd4a47c4d251414eb48a57376a49e773-marco tulio;</t>
  </si>
  <si>
    <t>Próximos passos - Reestruturação Staff QLD e TRN</t>
  </si>
  <si>
    <t>Plan de Custo.xlsx</t>
  </si>
  <si>
    <t>/o=exchangelabs/ou=exchange administrative group (fydibohf23spdlt)/cn=recipients/cn=32fe8a14424941da83c2bf35a8a5709e-fabiana car,/o=exchangelabs/ou=exchange administrative group (fydibohf23spdlt)/cn=recipients/cn=9c71bc5f5a3648bbbb5f6bedb86e15a6-marcelo buz,/o=exchangelabs/ou=exchange administrative group (fydibohf23spdlt)/cn=recipients/cn=ee68a2a53024446789dc480aef9c7a7c-joao gabrie,/o=exchangelabs/ou=exchange administrative group (fydibohf23spdlt)/cn=recipients/cn=fd4a47c4d251414eb48a57376a49e773-marco tulio</t>
  </si>
  <si>
    <t>10/17/2019 18:21:00</t>
  </si>
  <si>
    <t>10/17/2019 18:22:49</t>
  </si>
  <si>
    <t>/o=exchangelabs/ou=exchange administrative group (fydibohf23spdlt)/cn=recipients/cn=2b69c7de1a3641269a7eed0596e1ddc2-wayner oliv;/o=exchangelabs/ou=exchange administrative group (fydibohf23spdlt)/cn=recipients/cn=54abac0a4fdc4ad1bec39bb51d85eab1-victor hugo;/o=exchangelabs/ou=exchange administrative group (fydibohf23spdlt)/cn=recipients/cn=6bc6ced03b1b4fafa41bb5c70c178940-antonio per;/o=exchangelabs/ou=exchange administrative group (fydibohf23spdlt)/cn=recipients/cn=c5057601f2364b0db7ea84dbec10baa4-matheus mor;janecsa@algartech.com;</t>
  </si>
  <si>
    <t>ENC: 4ª Reuger - Pautas Financeiro</t>
  </si>
  <si>
    <t>Algar Tech_4ª Reuger 2019 - template _Holding.xlsx</t>
  </si>
  <si>
    <t>/o=exchangelabs/ou=exchange administrative group (fydibohf23spdlt)/cn=recipients/cn=2b69c7de1a3641269a7eed0596e1ddc2-wayner oliv,/o=exchangelabs/ou=exchange administrative group (fydibohf23spdlt)/cn=recipients/cn=54abac0a4fdc4ad1bec39bb51d85eab1-victor hugo,/o=exchangelabs/ou=exchange administrative group (fydibohf23spdlt)/cn=recipients/cn=6bc6ced03b1b4fafa41bb5c70c178940-antonio per,/o=exchangelabs/ou=exchange administrative group (fydibohf23spdlt)/cn=recipients/cn=c5057601f2364b0db7ea84dbec10baa4-matheus mor,janecsa@algartech.com</t>
  </si>
  <si>
    <t>10/17/2019 18:42:35</t>
  </si>
  <si>
    <t>10/17/2019 18:44:50</t>
  </si>
  <si>
    <t>10/17/2019 19:31:54</t>
  </si>
  <si>
    <t>10/17/2019 19:33:50</t>
  </si>
  <si>
    <t>mail.google.com/_/upload?authuser=0&amp;dcp=asu-n&amp;upload_id=AEnB2UoSA-yQke7ygAnBnFpg3JdNVp390msX2RY_rkdUW8NW5LE1YMg6owZoM00BPt5MVFjQj1djkf74-sbaUje89BrIWEgHPQ&amp;upload_protocol=resumable</t>
  </si>
  <si>
    <t>Orçamento-Tech_2020_v3.xlsx</t>
  </si>
  <si>
    <t>10/17/2019 20:15:11</t>
  </si>
  <si>
    <t>10/17/2019 20:19:51</t>
  </si>
  <si>
    <t>10/17/2019 20:46:53</t>
  </si>
  <si>
    <t>10/17/2019 20:51:51</t>
  </si>
  <si>
    <t>/o=exchangelabs/ou=exchange administrative group (fydibohf23spdlt)/cn=recipients/cn=5cdc4a7b917a447c993600ca829a0a39-elisangela;karen.algar.ext@bayer.com;samara.chahine@algartech.com;</t>
  </si>
  <si>
    <t>RES: Faturamento Bayer - 10/2019</t>
  </si>
  <si>
    <t>Faturamento Monsanto - 2019 - 10_2019.xlsx</t>
  </si>
  <si>
    <t>/o=exchangelabs/ou=exchange administrative group (fydibohf23spdlt)/cn=recipients/cn=5cdc4a7b917a447c993600ca829a0a39-elisangela,karen.algar.ext@bayer.com,samara.chahine@algartech.com</t>
  </si>
  <si>
    <t>10/16/2019 22:55:33</t>
  </si>
  <si>
    <t>10/18/2019 07:13:53</t>
  </si>
  <si>
    <t>antoniocoj@algartech.com;cqe-qualidadeudi@algartech.com;cqe-regionalcps@algartech.com;cqe-uberaba@algartech.com;danilormo@algartech.com;dgrc.coordenadores.cps.cwb@algartech.com;dgrc.coordenadores.udi.iua@algartech.com;dgrc.gerentes@algartech.com;dgrc.supervisores.cps@algartech.com;dgrc.supervisores.cwb@algartech.com;dgrc.supervisores.udi.iua@algartech.com;gabrielaf@algartech.com;hugooc@algartech.com;karolynecj@algartech.com;mateusms@algartech.com;octavio.vasconcellos@algartech.com;olivar@algar.com.br;sesmt-regionalcps@algartech.com;sesmt-regionaludi@algartech.com;wasleylc@algartech.com;</t>
  </si>
  <si>
    <t>antoniocoj@algartech.com,cqe-qualidadeudi@algartech.com,cqe-regionalcps@algartech.com,cqe-uberaba@algartech.com,danilormo@algartech.com,dgrc.coordenadores.cps.cwb@algartech.com,dgrc.coordenadores.udi.iua@algartech.com,dgrc.gerentes@algartech.com,dgrc.supervisores.cps@algartech.com,dgrc.supervisores.cwb@algartech.com,dgrc.supervisores.udi.iua@algartech.com,gabrielaf@algartech.com,hugooc@algartech.com,karolynecj@algartech.com,mateusms@algartech.com,octavio.vasconcellos@algartech.com,olivar@algar.com.br,sesmt-regionalcps@algartech.com,sesmt-regionaludi@algartech.com,wasleylc@algartech.com</t>
  </si>
  <si>
    <t>10/16/2019 23:19:21</t>
  </si>
  <si>
    <t>gabrielbc@algartech.com;</t>
  </si>
  <si>
    <t>Importar_Quadro_Colaboradores_SinergyRH GDT LAU.xlsx</t>
  </si>
  <si>
    <t>gabrielbc@algartech.com</t>
  </si>
  <si>
    <t>10/16/2019 11:42:54</t>
  </si>
  <si>
    <t>10/18/2019 07:57:55</t>
  </si>
  <si>
    <t>10/16/2019 11:43:11</t>
  </si>
  <si>
    <t>10/16/2019 11:44:28</t>
  </si>
  <si>
    <t>D:\Projetos\ACS\One_drive\OneDrive - Grupo Algar\Projetos\indicadores_electrolux-master.zip\indicadores_electrolux-master\2 - DocumentaÃ§Ã£o Indicadores\4 - EspecÃ­ficos\</t>
  </si>
  <si>
    <t>D:\Projetos\ACS\One_drive\OneDrive - Grupo Algar\Projetos\indicadores_electrolux-master.zip\indicadores_electrolux-master\2 - DocumentaÃ§Ã£o Indicadores\7 - RelatÃ³rios Atuais\</t>
  </si>
  <si>
    <t>-RelatÃ³rio Whats e Telegram 2019 - VIRA PADRÃƒO ASC.xlsx</t>
  </si>
  <si>
    <t>8_Dash_Electrolux_Painel_v7_TV_N_Aut - NAO PRECISA MAPEAR, POIS Ã‰ TUDO DE AVAYA.xlsm</t>
  </si>
  <si>
    <t>Movimento DiÃ¡rio Oficial Setembro - MIS - BASE XXXXXX - CLAUDIO FERREIRA.xlsx</t>
  </si>
  <si>
    <t>RelatÃ³rio de MÃ©tricas - Atualizado atÃ© 03_set - AVAYA MEDIA CORE E SALESFORCE - HELBER E RAFA.xlsb</t>
  </si>
  <si>
    <t>RelatÃ³rio Whats e Telegram 2019.xlsx</t>
  </si>
  <si>
    <t>SQL_Prod_MÃªs_Julho(1).xlsx</t>
  </si>
  <si>
    <t>Z MAPEADO - 09 - TransferÃªncias -Setembro - AVAYA - BRUNO.xlsm</t>
  </si>
  <si>
    <t>Z MAPEADO - 9 - Relatorio DesconexÃ£o Setembro.xlsx</t>
  </si>
  <si>
    <t>Z MAPEADO - ANALISAR - Produtividade_MÃªs_Julho_2019_1 - RAFA --- SQL-----.xlsx</t>
  </si>
  <si>
    <t>Z MAPEADO - RelatÃ³rio Vendas Electrolux - Setembro_Corrigido - VTEX E PDVBOX.xlsm</t>
  </si>
  <si>
    <t>Z MAPEADO 06 - RelatÃ³rio Electrolux CCS e GE _ Junho.xlsb</t>
  </si>
  <si>
    <t>D:\Projetos\ACS\One_drive\OneDrive - Grupo Algar\Projetos\indicadores_electrolux-master.zip\indicadores_electrolux-master\5 - Comum\</t>
  </si>
  <si>
    <t>Preco Final V2 com reduÃ§Ã£o de 02 Pessoas.xlsb</t>
  </si>
  <si>
    <t>D:\Projetos\ACS\One_drive\OneDrive - Grupo Algar\Projetos\indicadores_electrolux-master.zip\indicadores_electrolux-master\2 - DocumentaÃ§Ã£o Indicadores\4 - EspecÃ­ficos\DE-Electrolux-Dashboards-v1.0.doc\</t>
  </si>
  <si>
    <t>D:\Projetos\ACS\One_drive\OneDrive - Grupo Algar\Projetos\indicadores_electrolux-master.zip\indicadores_electrolux-master\2 - DocumentaÃ§Ã£o Indicadores\4 - EspecÃ­ficos\DE-Electrolux-Dashboards-v1.1.doc\</t>
  </si>
  <si>
    <t>D:\Projetos\ACS\One_drive\OneDrive - Grupo Algar\Projetos\indicadores_electrolux-master.zip\indicadores_electrolux-master\2 - DocumentaÃ§Ã£o Indicadores\4 - EspecÃ­ficos\DE-Electrolux-Dashboards-v1.2.doc\</t>
  </si>
  <si>
    <t>10/16/2019 11:44:29</t>
  </si>
  <si>
    <t>D:\Projetos\ACS\One_drive\OneDrive - Grupo Algar\Projetos\indicadores_electrolux-master.zip\indicadores_electrolux-master\2 - DocumentaÃ§Ã£o Indicadores\4 - EspecÃ­ficos\DE-Electrolux-Dashboards.doc\</t>
  </si>
  <si>
    <t>D:\Projetos\ACS\One_drive\OneDrive - Grupo Algar\Projetos\indicadores_electrolux-master.zip\indicadores_electrolux-master\5 - Comum\Preco Final V2 com reduÃ§Ã£o de 02 Pessoas.xlsb\</t>
  </si>
  <si>
    <t>Requisitos projeto ERP Tesouraria.xlsx</t>
  </si>
  <si>
    <t>planejamento projeto.xlsx</t>
  </si>
  <si>
    <t>Orçamento Jornada ERP.xlsx</t>
  </si>
  <si>
    <t>linha tempo Jornada ERP.xlsx</t>
  </si>
  <si>
    <t>Algar - Sugestão de agenda_v2.xlsx</t>
  </si>
  <si>
    <t>10/16/2019 11:44:30</t>
  </si>
  <si>
    <t>20190905 - Requisitos projeto ERP_v3.xlsx</t>
  </si>
  <si>
    <t>10/16/2019 11:44:31</t>
  </si>
  <si>
    <t>20190905 - Requisitos projeto ERP_v2.xlsx</t>
  </si>
  <si>
    <t>10/16/2019 11:44:32</t>
  </si>
  <si>
    <t>20190905 - Requisitos projeto ERP - SAP.xlsx</t>
  </si>
  <si>
    <t>10/16/2019 11:44:33</t>
  </si>
  <si>
    <t>D:\Projetos\ACS\One_drive\OneDrive - Grupo Algar\Projetos\CAPEX\</t>
  </si>
  <si>
    <t>10/16/2019 11:44:37</t>
  </si>
  <si>
    <t>D:\Projetos\ACS\One_drive\OneDrive - Grupo Algar\Projetos\2019 Algar_-_Precificação\Exemplo BPs\</t>
  </si>
  <si>
    <t>BP ISD - 24_08 8% Ano 2 3% demais anos.xlsb</t>
  </si>
  <si>
    <t>D:\Projetos\ACS\One_drive\OneDrive - Grupo Algar\Projetos\2019 Algar_-_Precificação\Exemplo BPs\BP ISD - 24_08 8% Ano 2 3% demais anos.xlsb\</t>
  </si>
  <si>
    <t>10/17/2019 09:27:14</t>
  </si>
  <si>
    <t>C:\Users\hewersong\Downloads\</t>
  </si>
  <si>
    <t>10/17/2019 18:36:13</t>
  </si>
  <si>
    <t>10/18/2019 08:11:55</t>
  </si>
  <si>
    <t>C:\Users\mariannacsm\OneDrive - Grupo Algar\</t>
  </si>
  <si>
    <t>Solicitações de Ajustes de Ponto.xlsx</t>
  </si>
  <si>
    <t>10/18/2019 08:11:47</t>
  </si>
  <si>
    <t>10/18/2019 08:16:55</t>
  </si>
  <si>
    <t>10/18/2019 08:24:01</t>
  </si>
  <si>
    <t>10/18/2019 08:25:55</t>
  </si>
  <si>
    <t>RES: Quantidade de associados Qlikview</t>
  </si>
  <si>
    <t>Qtde Associados por CR-Familia - Jul a Set 2019.xlsx</t>
  </si>
  <si>
    <t>10/18/2019 08:23:33</t>
  </si>
  <si>
    <t>10/17/2019 21:56:28</t>
  </si>
  <si>
    <t>10/18/2019 08:27:55</t>
  </si>
  <si>
    <t>10/18/2019 08:27:19</t>
  </si>
  <si>
    <t>10/18/2019 08:28:54</t>
  </si>
  <si>
    <t>R:\OneDrive - Grupo Algar\Advanced Collection\0 - Cliente\99 - RFP\Menu.com\</t>
  </si>
  <si>
    <t>214378 - MENU.COM BP v2 C018 B018 GRC 6 meses.xlsb</t>
  </si>
  <si>
    <t>10/18/2019 08:27:20</t>
  </si>
  <si>
    <t>R:\OneDrive - Grupo Algar\Advanced Collection\0 - Cliente\99 - RFP\Menu.com\214378 - MENU.COM BP v2 C018 B018 GRC 6 meses.xlsb\</t>
  </si>
  <si>
    <t>10/18/2019 08:28:15</t>
  </si>
  <si>
    <t>10/18/2019 08:33:54</t>
  </si>
  <si>
    <t>206382 - BP ESTÁCIO C018 B018 v2.xlsb</t>
  </si>
  <si>
    <t>R:\OneDrive - Grupo Algar\Advanced Collection\0 - Cliente\99 - RFP\Estácio\206382 - BP ESTÁCIO C018 B018 v2.xlsb\</t>
  </si>
  <si>
    <t>10/18/2019 08:29:26</t>
  </si>
  <si>
    <t>20191018 - Projeção receita GRC - Cenário base LP - 2020.xlsx</t>
  </si>
  <si>
    <t>10/17/2019 22:07:03</t>
  </si>
  <si>
    <t>10/18/2019 08:39:54</t>
  </si>
  <si>
    <t>mail.google.com/_/upload?authuser=0&amp;dcp=asu-n&amp;upload_id=AEnB2Uq5K3RiCdszqNArwiMa9QpWM9buEdMhvAxj0rq77KLkFt00_yPncJUIg1g3_mRTKd9ARAG-0hnV3OlXvgrvbKMGc_oaIg&amp;upload_protocol=resumable</t>
  </si>
  <si>
    <t>10/17/2019 11:15:50</t>
  </si>
  <si>
    <t>10/18/2019 08:41:55</t>
  </si>
  <si>
    <t>/o=exchangelabs/ou=exchange administrative group (fydibohf23spdlt)/cn=recipients/cn=2b69c7de1a3641269a7eed0596e1ddc2-wayner oliv;/o=exchangelabs/ou=exchange administrative group (fydibohf23spdlt)/cn=recipients/cn=518109802f95454588121e2ff09bd792-marcio roge;/o=exchangelabs/ou=exchange administrative group (fydibohf23spdlt)/cn=recipients/cn=57f57523b47440868fdef2c0ecd04b26-gustavo ram;</t>
  </si>
  <si>
    <t>Relação Telefones TIM Consolidada - Final.xlsx</t>
  </si>
  <si>
    <t>/o=exchangelabs/ou=exchange administrative group (fydibohf23spdlt)/cn=recipients/cn=2b69c7de1a3641269a7eed0596e1ddc2-wayner oliv,/o=exchangelabs/ou=exchange administrative group (fydibohf23spdlt)/cn=recipients/cn=518109802f95454588121e2ff09bd792-marcio roge,/o=exchangelabs/ou=exchange administrative group (fydibohf23spdlt)/cn=recipients/cn=57f57523b47440868fdef2c0ecd04b26-gustavo ram</t>
  </si>
  <si>
    <t>10/18/2019 08:46:31</t>
  </si>
  <si>
    <t>10/18/2019 08:48:55</t>
  </si>
  <si>
    <t>acessos 3</t>
  </si>
  <si>
    <t>ACESSO PORTAL DA GENTE.msg\s1\</t>
  </si>
  <si>
    <t>Equipe Portal da gente.xlsx</t>
  </si>
  <si>
    <t>10/17/2019 17:43:17</t>
  </si>
  <si>
    <t>10/18/2019 08:51:54</t>
  </si>
  <si>
    <t>10/18/2019 08:45:38</t>
  </si>
  <si>
    <t>10/18/2019 08:52:54</t>
  </si>
  <si>
    <t>10/18/2019 08:49:39</t>
  </si>
  <si>
    <t>10/18/2019 08:54:54</t>
  </si>
  <si>
    <t>b9e54076303042329aad272677598194.xls</t>
  </si>
  <si>
    <t>10/18/2019 08:51:45</t>
  </si>
  <si>
    <t>1.xls</t>
  </si>
  <si>
    <t>10/18/2019 09:01:36</t>
  </si>
  <si>
    <t>10/18/2019 09:01:55</t>
  </si>
  <si>
    <t>CURVA NORMAL - 17/10/2019</t>
  </si>
  <si>
    <t>10/17/2019 11:41:14</t>
  </si>
  <si>
    <t>/o=exchangelabs/ou=exchange administrative group (fydibohf23spdlt)/cn=recipients/cn=122c3ad8b401472e84885d44a2466b4c-jair de pau;/o=exchangelabs/ou=exchange administrative group (fydibohf23spdlt)/cn=recipients/cn=651324bc204a42f6bbcdf62273ebdc5c-aluisio ant;/o=exchangelabs/ou=exchange administrative group (fydibohf23spdlt)/cn=recipients/cn=fedd0b8e2dbf442f837981a40559d630-viviane bar;</t>
  </si>
  <si>
    <t>1° Exercicio LP GAT</t>
  </si>
  <si>
    <t>PROJEÇÃO LP GAT PPE + AS IS - Outubro 2019_V3.xlsx</t>
  </si>
  <si>
    <t>/o=exchangelabs/ou=exchange administrative group (fydibohf23spdlt)/cn=recipients/cn=122c3ad8b401472e84885d44a2466b4c-jair de pau,/o=exchangelabs/ou=exchange administrative group (fydibohf23spdlt)/cn=recipients/cn=651324bc204a42f6bbcdf62273ebdc5c-aluisio ant,/o=exchangelabs/ou=exchange administrative group (fydibohf23spdlt)/cn=recipients/cn=fedd0b8e2dbf442f837981a40559d630-viviane bar</t>
  </si>
  <si>
    <t>10/18/2019 09:03:25</t>
  </si>
  <si>
    <t>10/18/2019 09:04:54</t>
  </si>
  <si>
    <t>mail.google.com/_/upload?authuser=0&amp;dcp=asu-n&amp;upload_id=AEnB2UqcvT11NxCBZR-8VMPkMmDCAzfde6VU66BZSY6l_rRlftJGaO9rft32bxdGe8dlMd17zI_MXirLL5uVDhR_z-uLdtJvFw&amp;upload_protocol=resumable</t>
  </si>
  <si>
    <t>10/18/2019 09:04:48</t>
  </si>
  <si>
    <t>10/18/2019 09:06:55</t>
  </si>
  <si>
    <t>/o=exchangelabs/ou=exchange administrative group (fydibohf23spdlt)/cn=recipients/cn=453b61456320491dad510b65b310018f-kelen crist;/o=exchangelabs/ou=exchange administrative group (fydibohf23spdlt)/cn=recipients/cn=68e6aa2e3fef4ccaba997d98294c9ed5-cristina he;/o=exchangelabs/ou=exchange administrative group (fydibohf23spdlt)/cn=recipients/cn=88e4fcbd3ea14730a81286cc0683fb42-manoel eloy;/o=exchangelabs/ou=exchange administrative group (fydibohf23spdlt)/cn=recipients/cn=b284454839e94314a90d49e7ec00864f-antonio car;/o=exchangelabs/ou=exchange administrative group (fydibohf23spdlt)/cn=recipients/cn=b3b3e588898842db813e69c542d02bb6-elaine marc;/o=exchangelabs/ou=exchange administrative group (fydibohf23spdlt)/cn=recipients/cn=b712c36eebee42428d3790abe2696417-romario gom;/o=exchangelabs/ou=exchange administrative group (fydibohf23spdlt)/cn=recipients/cn=c54bebbd63a1403e83787e59fcd1acdc-joao sergio;diogo@quilleconsultoria.com.br;</t>
  </si>
  <si>
    <t>Relatórios Genesys - NEXT</t>
  </si>
  <si>
    <t>Agent_Login-Logout_Details_Report 15.10.xlsx</t>
  </si>
  <si>
    <t>/o=exchangelabs/ou=exchange administrative group (fydibohf23spdlt)/cn=recipients/cn=453b61456320491dad510b65b310018f-kelen crist,/o=exchangelabs/ou=exchange administrative group (fydibohf23spdlt)/cn=recipients/cn=68e6aa2e3fef4ccaba997d98294c9ed5-cristina he,/o=exchangelabs/ou=exchange administrative group (fydibohf23spdlt)/cn=recipients/cn=88e4fcbd3ea14730a81286cc0683fb42-manoel eloy,/o=exchangelabs/ou=exchange administrative group (fydibohf23spdlt)/cn=recipients/cn=b284454839e94314a90d49e7ec00864f-antonio car,/o=exchangelabs/ou=exchange administrative group (fydibohf23spdlt)/cn=recipients/cn=b3b3e588898842db813e69c542d02bb6-elaine marc,/o=exchangelabs/ou=exchange administrative group (fydibohf23spdlt)/cn=recipients/cn=b712c36eebee42428d3790abe2696417-romario gom,/o=exchangelabs/ou=exchange administrative group (fydibohf23spdlt)/cn=recipients/cn=c54bebbd63a1403e83787e59fcd1acdc-joao sergio,diogo@quilleconsultoria.com.br</t>
  </si>
  <si>
    <t>10/18/2019 08:52:01</t>
  </si>
  <si>
    <t>10/18/2019 09:14:55</t>
  </si>
  <si>
    <t>mail.google.com/_/upload?authuser=1&amp;dcp=asu-n&amp;upload_id=AEnB2UqjBWdns1J1Z6ewcNt0VmsEjGtHrT1g4xBdXm9OhwNaRbm9CT6U79mDqlpD8lzSIwAi0vg7JS-bFrkFMKsFiMGqyNoGTQ&amp;upload_protocol=resumable</t>
  </si>
  <si>
    <t>aptos a cancelar RPI pt2.xlsx</t>
  </si>
  <si>
    <t>10/18/2019 09:11:15</t>
  </si>
  <si>
    <t>/o=exchangelabs/ou=exchange administrative group (fydibohf23spdlt)/cn=recipients/cn=49457acaa5584c6d8daec8f0ad186be2-carlos maur;/o=exchangelabs/ou=exchange administrative group (fydibohf23spdlt)/cn=recipients/cn=c514dbe8b91547adb4618232d1a650ba-afonso domi;/o=exchangelabs/ou=exchange administrative group (fydibohf23spdlt)/cn=recipients/cn=c82d742f5f1e4122a86db0495b71e095-nilton j. g;</t>
  </si>
  <si>
    <t>RES: Informações complementares para Projetos IBM Multi visando elaborarmos soluções alternativas</t>
  </si>
  <si>
    <t>199274_IBM_v6.1_Serviços_Equipe_Multi.xlsx</t>
  </si>
  <si>
    <t>/o=exchangelabs/ou=exchange administrative group (fydibohf23spdlt)/cn=recipients/cn=49457acaa5584c6d8daec8f0ad186be2-carlos maur,/o=exchangelabs/ou=exchange administrative group (fydibohf23spdlt)/cn=recipients/cn=c514dbe8b91547adb4618232d1a650ba-afonso domi,/o=exchangelabs/ou=exchange administrative group (fydibohf23spdlt)/cn=recipients/cn=c82d742f5f1e4122a86db0495b71e095-nilton j. g</t>
  </si>
  <si>
    <t>10/18/2019 09:11:49</t>
  </si>
  <si>
    <t>10/18/2019 09:15:54</t>
  </si>
  <si>
    <t>/o=exchangelabs/ou=exchange administrative group (fydibohf23spdlt)/cn=recipients/cn=1e212ef08dab4f26b88cba944f2ab7cb-pmo.governa;/o=exchangelabs/ou=exchange administrative group (fydibohf23spdlt)/cn=recipients/cn=443a648e2bd247c69659ca2ac6a18582-adriele fer;/o=exchangelabs/ou=exchange administrative group (fydibohf23spdlt)/cn=recipients/cn=56f1ed18d0b4438e8484a989403b0f53-ana paula c;/o=exchangelabs/ou=exchange administrative group (fydibohf23spdlt)/cn=recipients/cn=65d35bc38c6743d7a55b3ae9726a5893-diego ribei;</t>
  </si>
  <si>
    <t>RES: 10_18_2019_BANCO PAN_ GOVERNANÇA DE CAPEX</t>
  </si>
  <si>
    <t>188270_v3 - Plan Precificacao C017 B017 Last Call r4 17_10_2019_r3.xlsb</t>
  </si>
  <si>
    <t>/o=exchangelabs/ou=exchange administrative group (fydibohf23spdlt)/cn=recipients/cn=1e212ef08dab4f26b88cba944f2ab7cb-pmo.governa,/o=exchangelabs/ou=exchange administrative group (fydibohf23spdlt)/cn=recipients/cn=443a648e2bd247c69659ca2ac6a18582-adriele fer,/o=exchangelabs/ou=exchange administrative group (fydibohf23spdlt)/cn=recipients/cn=56f1ed18d0b4438e8484a989403b0f53-ana paula c,/o=exchangelabs/ou=exchange administrative group (fydibohf23spdlt)/cn=recipients/cn=65d35bc38c6743d7a55b3ae9726a5893-diego ribei</t>
  </si>
  <si>
    <t>10/18/2019 09:17:52</t>
  </si>
  <si>
    <t>10/18/2019 09:18:54</t>
  </si>
  <si>
    <t>/o=exchangelabs/ou=exchange administrative group (fydibohf23spdlt)/cn=recipients/cn=a4ba92cba10f4fe498074594f937f3b6-leandro lop;/o=exchangelabs/ou=exchange administrative group (fydibohf23spdlt)/cn=recipients/cn=cd93dacc38404a95a829585c2e317a9f-dionizio ri;/o=exchangelabs/ou=exchange administrative group (fydibohf23spdlt)/cn=recipients/cn=f7a4290a46314a3cbb0d392508a7b5c5-luciana sil;</t>
  </si>
  <si>
    <t>RES: RES: Migração Ambiente URR - Elaboração de Proposta Operações Vs Soluções.</t>
  </si>
  <si>
    <t>Matriz de Responsabilidades (RACI) Projeto Exponencial.xlsx</t>
  </si>
  <si>
    <t>/o=exchangelabs/ou=exchange administrative group (fydibohf23spdlt)/cn=recipients/cn=a4ba92cba10f4fe498074594f937f3b6-leandro lop,/o=exchangelabs/ou=exchange administrative group (fydibohf23spdlt)/cn=recipients/cn=cd93dacc38404a95a829585c2e317a9f-dionizio ri,/o=exchangelabs/ou=exchange administrative group (fydibohf23spdlt)/cn=recipients/cn=f7a4290a46314a3cbb0d392508a7b5c5-luciana sil</t>
  </si>
  <si>
    <t>10/18/2019 09:17:29</t>
  </si>
  <si>
    <t>10/18/2019 09:19:55</t>
  </si>
  <si>
    <t>mail.google.com/_/upload?authuser=0&amp;dcp=asu-n&amp;upload_id=AEnB2Uph_O9IilhguCRaLVi48Fgszf_1HD2XKROgp1RiIn4w582zVXeloAo3o_7Wb3u9vFluiYFPB4gsVx8OCII_5XgyNE2ffpIWKDEnhj0t9tjGORsKvdQ&amp;upload_protocol=resumable</t>
  </si>
  <si>
    <t>TP01_FIC_340_210601001 SETEMBRO 19.xlsx</t>
  </si>
  <si>
    <t>10/18/2019 09:20:49</t>
  </si>
  <si>
    <t>10/18/2019 09:22:54</t>
  </si>
  <si>
    <t>C:\Users\ericsonns\Documents\</t>
  </si>
  <si>
    <t>10/18/2019 09:22:11</t>
  </si>
  <si>
    <t>10/18/2019 09:24:54</t>
  </si>
  <si>
    <t>Gráfico</t>
  </si>
  <si>
    <t>NOVA BASE.xlsx</t>
  </si>
  <si>
    <t>10/17/2019 18:18:36</t>
  </si>
  <si>
    <t>ENC: Agosto HD</t>
  </si>
  <si>
    <t>08 - Cálculo Extra Baseline..xlsx</t>
  </si>
  <si>
    <t>10/17/2019 18:18:44</t>
  </si>
  <si>
    <t>ENC: Setembro HD</t>
  </si>
  <si>
    <t>09 - Demonstrativo de Faturamento - Receptivo.xlsx</t>
  </si>
  <si>
    <t>10/18/2019 09:23:39</t>
  </si>
  <si>
    <t>10/18/2019 09:27:55</t>
  </si>
  <si>
    <t>Régua área de Precificação</t>
  </si>
  <si>
    <t>Regua Acionamento BP_Aprovada Vila.xlsx</t>
  </si>
  <si>
    <t>10/18/2019 09:26:25</t>
  </si>
  <si>
    <t>10/18/2019 09:30:33</t>
  </si>
  <si>
    <t>10/18/2019 09:32:55</t>
  </si>
  <si>
    <t>C:\Users\suelenmm\Desktop\Vale - Apresentacao - Business Performance_ VF3 18_10_2019.pptx\</t>
  </si>
  <si>
    <t>Microsoft_Excel_Binary_Worksheet1.xlsb</t>
  </si>
  <si>
    <t>Microsoft_Excel_Binary_Worksheet2.xlsb</t>
  </si>
  <si>
    <t>Microsoft_Excel_Binary_Worksheet3.xlsb</t>
  </si>
  <si>
    <t>Microsoft_Excel_Binary_Worksheet4.xlsb</t>
  </si>
  <si>
    <t>10/18/2019 09:30:34</t>
  </si>
  <si>
    <t>Microsoft_Excel_Binary_Worksheet5.xlsb</t>
  </si>
  <si>
    <t>C:\Users\suelenmm\Desktop\Vale - Apresentacao - Business Performance_ VF3 18_10_2019.pptx\Microsoft_Excel_Binary_Worksheet.xlsb\</t>
  </si>
  <si>
    <t>C:\Users\suelenmm\Desktop\Vale - Apresentacao - Business Performance_ VF3 18_10_2019.pptx\Microsoft_Excel_Binary_Worksheet1.xlsb\</t>
  </si>
  <si>
    <t>C:\Users\suelenmm\Desktop\Vale - Apresentacao - Business Performance_ VF3 18_10_2019.pptx\Microsoft_Excel_Binary_Worksheet2.xlsb\</t>
  </si>
  <si>
    <t>10/18/2019 09:30:35</t>
  </si>
  <si>
    <t>C:\Users\suelenmm\Desktop\Vale - Apresentacao - Business Performance_ VF3 18_10_2019.pptx\Microsoft_Excel_Binary_Worksheet3.xlsb\</t>
  </si>
  <si>
    <t>C:\Users\suelenmm\Desktop\Vale - Apresentacao - Business Performance_ VF3 18_10_2019.pptx\Microsoft_Excel_Binary_Worksheet4.xlsb\</t>
  </si>
  <si>
    <t>C:\Users\suelenmm\Desktop\Vale - Apresentacao - Business Performance_ VF3 18_10_2019.pptx\Microsoft_Excel_Binary_Worksheet5.xlsb\</t>
  </si>
  <si>
    <t>10/18/2019 09:35:39</t>
  </si>
  <si>
    <t>10/18/2019 09:36:55</t>
  </si>
  <si>
    <t>ENC: capex 2020</t>
  </si>
  <si>
    <t>Demandas Tecnologia e Inovação2.xlsx</t>
  </si>
  <si>
    <t>10/17/2019 09:56:57</t>
  </si>
  <si>
    <t>10/18/2019 09:38:55</t>
  </si>
  <si>
    <t>/o=exchangelabs/ou=exchange administrative group (fydibohf23spdlt)/cn=recipients/cn=0dbabd26a5ee40599bf13bc0381f22f0-drielle per;/o=exchangelabs/ou=exchange administrative group (fydibohf23spdlt)/cn=recipients/cn=f45617401bdf436baf70c45766699413-frederico b;/o=exchangelabs/ou=exchange administrative group (fydibohf23spdlt)/cn=recipients/cn=user9f44a979;</t>
  </si>
  <si>
    <t>RES: Relação de Ativos - CR 340004014</t>
  </si>
  <si>
    <t>Levantamento CR 340004014.xlsx</t>
  </si>
  <si>
    <t>/o=exchangelabs/ou=exchange administrative group (fydibohf23spdlt)/cn=recipients/cn=0dbabd26a5ee40599bf13bc0381f22f0-drielle per,/o=exchangelabs/ou=exchange administrative group (fydibohf23spdlt)/cn=recipients/cn=f45617401bdf436baf70c45766699413-frederico b,/o=exchangelabs/ou=exchange administrative group (fydibohf23spdlt)/cn=recipients/cn=user9f44a979</t>
  </si>
  <si>
    <t>10/17/2019 17:36:30</t>
  </si>
  <si>
    <t>ENC: BP</t>
  </si>
  <si>
    <t>10/17/2019 19:02:12</t>
  </si>
  <si>
    <t>ENC: Divulgação do Resultado EBIT por cliente Agosto 2019</t>
  </si>
  <si>
    <t>10/18/2019 09:48:38</t>
  </si>
  <si>
    <t>10/18/2019 09:48:54</t>
  </si>
  <si>
    <t>10/18/2019 09:46:02</t>
  </si>
  <si>
    <t>10/18/2019 09:49:55</t>
  </si>
  <si>
    <t>Categorizações BBlend - Out19.xlsx</t>
  </si>
  <si>
    <t>10/18/2019 09:48:52</t>
  </si>
  <si>
    <t>luceliabs@algartech.com.br;</t>
  </si>
  <si>
    <t>luceliabs@algartech.com.br</t>
  </si>
  <si>
    <t>10/18/2019 09:52:47</t>
  </si>
  <si>
    <t>10/18/2019 09:53:54</t>
  </si>
  <si>
    <t>FUP STATUS EBIT - REUNIÃO 18/10</t>
  </si>
  <si>
    <t>STATUS EBIT REUNIÃO 18-10.xlsx</t>
  </si>
  <si>
    <t>10/18/2019 09:51:56</t>
  </si>
  <si>
    <t>gustavohs@algartech.com;silvio@algartech.com;</t>
  </si>
  <si>
    <t>Dep escopo B.xlsx</t>
  </si>
  <si>
    <t>gustavohs@algartech.com,silvio@algartech.com</t>
  </si>
  <si>
    <t>10/18/2019 09:53:07</t>
  </si>
  <si>
    <t>10/18/2019 09:54:54</t>
  </si>
  <si>
    <t>C:\Users\renatofol\OneDrive - Grupo Algar\ALGAR_-_Transformação Digital\Consultoria CX\Documentações\TIME CX\Clientes\Vale Card\</t>
  </si>
  <si>
    <t>Estudo da Régua.xlsx</t>
  </si>
  <si>
    <t>10/18/2019 09:50:19</t>
  </si>
  <si>
    <t>10/18/2019 09:55:54</t>
  </si>
  <si>
    <t>/o=exchangelabs/ou=exchange administrative group (fydibohf23spdlt)/cn=recipients/cn=a67b870d47244fa19f0fe0fbb7458d8d-igo henriqu;/o=exchangelabs/ou=exchange administrative group (fydibohf23spdlt)/cn=recipients/cn=b16974d7de334bfabfe3dee1e8e47e59-sherley cri;</t>
  </si>
  <si>
    <t>RES: 17_10_2019 - Relatório Pipeline - Hunter</t>
  </si>
  <si>
    <t>/o=exchangelabs/ou=exchange administrative group (fydibohf23spdlt)/cn=recipients/cn=a67b870d47244fa19f0fe0fbb7458d8d-igo henriqu,/o=exchangelabs/ou=exchange administrative group (fydibohf23spdlt)/cn=recipients/cn=b16974d7de334bfabfe3dee1e8e47e59-sherley cri</t>
  </si>
  <si>
    <t>10/18/2019 09:51:32</t>
  </si>
  <si>
    <t>/o=exchangelabs/ou=exchange administrative group (fydibohf23spdlt)/cn=recipients/cn=545f738e0fe740ba856f4eb6ef0135e0-vinicius si;/o=exchangelabs/ou=exchange administrative group (fydibohf23spdlt)/cn=recipients/cn=be0b59caa4dc43e39afaa089f44ef778-leonardo al;/o=exchangelabs/ou=exchange administrative group (fydibohf23spdlt)/cn=recipients/cn=c29ec9dae022497281c840087cccddec-patricia ar;/o=exchangelabs/ou=exchange administrative group (fydibohf23spdlt)/cn=recipients/cn=f00c439d0d474c0586a503a0209ed1f2-bruno wande;</t>
  </si>
  <si>
    <t>RES: BV</t>
  </si>
  <si>
    <t>Alavancas de Melhoria - BV_v2.xlsx</t>
  </si>
  <si>
    <t>/o=exchangelabs/ou=exchange administrative group (fydibohf23spdlt)/cn=recipients/cn=545f738e0fe740ba856f4eb6ef0135e0-vinicius si,/o=exchangelabs/ou=exchange administrative group (fydibohf23spdlt)/cn=recipients/cn=be0b59caa4dc43e39afaa089f44ef778-leonardo al,/o=exchangelabs/ou=exchange administrative group (fydibohf23spdlt)/cn=recipients/cn=c29ec9dae022497281c840087cccddec-patricia ar,/o=exchangelabs/ou=exchange administrative group (fydibohf23spdlt)/cn=recipients/cn=f00c439d0d474c0586a503a0209ed1f2-bruno wande</t>
  </si>
  <si>
    <t>10/18/2019 09:59:03</t>
  </si>
  <si>
    <t>10/18/2019 10:02:54</t>
  </si>
  <si>
    <t>ENC: Fechamento mês de Setembro</t>
  </si>
  <si>
    <t>Ascenty_Acionamentos_Novo contrato_02-10-2019_v00_reparado.xlsx</t>
  </si>
  <si>
    <t>10/18/2019 09:59:20</t>
  </si>
  <si>
    <t>10/18/2019 10:00:10</t>
  </si>
  <si>
    <t>Campos_Desligamento.xlsx</t>
  </si>
  <si>
    <t>10/18/2019 10:03:35</t>
  </si>
  <si>
    <t>10/18/2019 10:05:53</t>
  </si>
  <si>
    <t>/o=exchangelabs/ou=exchange administrative group (fydibohf23spdlt)/cn=recipients/cn=4097402e2d3e4073b597d33928140586-paulo sergi;/o=exchangelabs/ou=exchange administrative group (fydibohf23spdlt)/cn=recipients/cn=65f2464c9a2e4d2981cae7124572133d-cristiane c;/o=exchangelabs/ou=exchange administrative group (fydibohf23spdlt)/cn=recipients/cn=user12c3790d;</t>
  </si>
  <si>
    <t>RES: Entrevistas Equipes Algar Tech</t>
  </si>
  <si>
    <t>Venda de Ativos Algar Telecom.msg\s1\</t>
  </si>
  <si>
    <t>Equipamentos Telecom_ Proposta.xlsx</t>
  </si>
  <si>
    <t>/o=exchangelabs/ou=exchange administrative group (fydibohf23spdlt)/cn=recipients/cn=4097402e2d3e4073b597d33928140586-paulo sergi,/o=exchangelabs/ou=exchange administrative group (fydibohf23spdlt)/cn=recipients/cn=65f2464c9a2e4d2981cae7124572133d-cristiane c,/o=exchangelabs/ou=exchange administrative group (fydibohf23spdlt)/cn=recipients/cn=user12c3790d</t>
  </si>
  <si>
    <t>10/17/2019 21:03:18</t>
  </si>
  <si>
    <t>10/18/2019 10:09:54</t>
  </si>
  <si>
    <t>gabiialvessampaio@gmail.com</t>
  </si>
  <si>
    <t>mail.google.com/_/upload?authuser=0&amp;dcp=asu-n&amp;upload_id=AEnB2UqxFJUqMutY-550Pe9AhxqB0K74Owv07MEnyyr-QMmhm71p_Jbo1K4E_Xx8OXGioHickMemXlxnLQTSzpE5rsYnapf9Ey7xnYQ1kM_AHOjqc2ZaOjA&amp;upload_protocol=resumable</t>
  </si>
  <si>
    <t>C:\Users\gabrielaasa\Desktop\FACULDADE\8º PERÍODO\</t>
  </si>
  <si>
    <t>AFOIV -Plano de Negócios_Delicatta Doceria Gourmet_Versão Final.xls</t>
  </si>
  <si>
    <t>10/18/2019 10:10:02</t>
  </si>
  <si>
    <t>10/18/2019 10:12:54</t>
  </si>
  <si>
    <t>Algartech _ User _ Machines Link _ September 24, 2019.xlsx</t>
  </si>
  <si>
    <t>10/18/2019 10:10:28</t>
  </si>
  <si>
    <t>10/18/2019 10:14:55</t>
  </si>
  <si>
    <t>lista_demandas_relatorios_v6.xlsx</t>
  </si>
  <si>
    <t>10/18/2019 10:13:14</t>
  </si>
  <si>
    <t>10/18/2019 10:15:54</t>
  </si>
  <si>
    <t>RES: sugestão de Controle Carteira Hunter atuações.</t>
  </si>
  <si>
    <t>Carteira Consultores 2019_2020 Hunters.xlsx</t>
  </si>
  <si>
    <t>10/18/2019 10:23:49</t>
  </si>
  <si>
    <t>10/18/2019 10:26:55</t>
  </si>
  <si>
    <t>10.200.36.3</t>
  </si>
  <si>
    <t>54-BF-64-F5-50-11</t>
  </si>
  <si>
    <t>NB-MARCELODSD</t>
  </si>
  <si>
    <t>marcelodsd</t>
  </si>
  <si>
    <t>C:\Users\marcelodsd\documents\OneDrive - Grupo Algar\Marcelo\Projetos\ERP\erp-api\node_modules\toposort-class\benchmark\</t>
  </si>
  <si>
    <t>results.csv</t>
  </si>
  <si>
    <t>10/18/2019 10:25:34</t>
  </si>
  <si>
    <t>10/18/2019 10:29:54</t>
  </si>
  <si>
    <t>/o=exchangelabs/ou=exchange administrative group (fydibohf23spdlt)/cn=recipients/cn=109f6d628834480fabc1188cbdef64fa-antonia apa;/o=exchangelabs/ou=exchange administrative group (fydibohf23spdlt)/cn=recipients/cn=69cc68072bd74472a6fed235e590fc65-cassia alve;</t>
  </si>
  <si>
    <t>RES: Testes Electrolux</t>
  </si>
  <si>
    <t>Fraseologia Electrolux.xlsx</t>
  </si>
  <si>
    <t>/o=exchangelabs/ou=exchange administrative group (fydibohf23spdlt)/cn=recipients/cn=109f6d628834480fabc1188cbdef64fa-antonia apa,/o=exchangelabs/ou=exchange administrative group (fydibohf23spdlt)/cn=recipients/cn=69cc68072bd74472a6fed235e590fc65-cassia alve</t>
  </si>
  <si>
    <t>10/18/2019 10:27:02</t>
  </si>
  <si>
    <t>10/18/2019 10:30:55</t>
  </si>
  <si>
    <t>10.200.60.192</t>
  </si>
  <si>
    <t>64-1C-67-9C-32-44</t>
  </si>
  <si>
    <t>De acordo TH - Climatização containers</t>
  </si>
  <si>
    <t>Classificação de Risco - Climatização Containers.xlsx</t>
  </si>
  <si>
    <t>10/18/2019 10:28:34</t>
  </si>
  <si>
    <t>10/18/2019 10:33:55</t>
  </si>
  <si>
    <t>10/18/2019 10:28:35</t>
  </si>
  <si>
    <t>10/18/2019 10:28:37</t>
  </si>
  <si>
    <t>10/18/2019 10:28:43</t>
  </si>
  <si>
    <t>10/18/2019 10:28:49</t>
  </si>
  <si>
    <t>10/18/2019 10:30:21</t>
  </si>
  <si>
    <t>10/18/2019 10:30:22</t>
  </si>
  <si>
    <t>10/18/2019 10:30:23</t>
  </si>
  <si>
    <t>10/18/2019 10:30:24</t>
  </si>
  <si>
    <t>10/18/2019 10:30:25</t>
  </si>
  <si>
    <t>10/18/2019 10:30:26</t>
  </si>
  <si>
    <t>10/18/2019 10:30:41</t>
  </si>
  <si>
    <t>10/18/2019 10:30:42</t>
  </si>
  <si>
    <t>10/18/2019 10:30:44</t>
  </si>
  <si>
    <t>10/18/2019 10:30:46</t>
  </si>
  <si>
    <t>10/18/2019 10:30:47</t>
  </si>
  <si>
    <t>10/18/2019 10:30:48</t>
  </si>
  <si>
    <t>10/18/2019 10:30:49</t>
  </si>
  <si>
    <t>10/18/2019 10:30:56</t>
  </si>
  <si>
    <t>10/18/2019 10:31:16</t>
  </si>
  <si>
    <t>10/18/2019 10:31:17</t>
  </si>
  <si>
    <t>10/18/2019 10:31:21</t>
  </si>
  <si>
    <t>10/18/2019 10:31:27</t>
  </si>
  <si>
    <t>10/18/2019 10:31:28</t>
  </si>
  <si>
    <t>10/18/2019 10:31:29</t>
  </si>
  <si>
    <t>10/18/2019 10:31:30</t>
  </si>
  <si>
    <t>10/18/2019 10:31:31</t>
  </si>
  <si>
    <t>10/18/2019 10:31:32</t>
  </si>
  <si>
    <t>10/18/2019 10:31:33</t>
  </si>
  <si>
    <t>10/18/2019 10:31:34</t>
  </si>
  <si>
    <t>10/18/2019 10:31:36</t>
  </si>
  <si>
    <t>10/18/2019 10:31:37</t>
  </si>
  <si>
    <t>10/18/2019 10:31:38</t>
  </si>
  <si>
    <t>10/18/2019 10:31:39</t>
  </si>
  <si>
    <t>10/18/2019 10:31:40</t>
  </si>
  <si>
    <t>10/18/2019 10:31:41</t>
  </si>
  <si>
    <t>10/18/2019 10:32:02</t>
  </si>
  <si>
    <t>10/18/2019 10:32:22</t>
  </si>
  <si>
    <t>10/18/2019 10:33:53</t>
  </si>
  <si>
    <t>10/18/2019 10:34:54</t>
  </si>
  <si>
    <t>pentest_bmg_resposta_algar_v1.xlsx</t>
  </si>
  <si>
    <t>10/18/2019 10:34:41</t>
  </si>
  <si>
    <t>10/18/2019 10:36:55</t>
  </si>
  <si>
    <t>10/18/2019 10:35:46</t>
  </si>
  <si>
    <t>ederleirdr@algartech.com;</t>
  </si>
  <si>
    <t>RES: capex 2020</t>
  </si>
  <si>
    <t>ederleirdr@algartech.com</t>
  </si>
  <si>
    <t>10/18/2019 10:35:10</t>
  </si>
  <si>
    <t>10/18/2019 10:37:55</t>
  </si>
  <si>
    <t>Cargos para parametrização no SinergyRH out2019 V_Iramilda.xlsx</t>
  </si>
  <si>
    <t>10/18/2019 10:33:09</t>
  </si>
  <si>
    <t>10/18/2019 10:38:55</t>
  </si>
  <si>
    <t>10/18/2019 10:33:10</t>
  </si>
  <si>
    <t>10/18/2019 10:33:11</t>
  </si>
  <si>
    <t>10/18/2019 10:33:13</t>
  </si>
  <si>
    <t>10/18/2019 10:33:14</t>
  </si>
  <si>
    <t>10/18/2019 10:33:15</t>
  </si>
  <si>
    <t>10/18/2019 10:33:16</t>
  </si>
  <si>
    <t>10/18/2019 10:33:18</t>
  </si>
  <si>
    <t>10/18/2019 10:33:19</t>
  </si>
  <si>
    <t>10/18/2019 10:33:21</t>
  </si>
  <si>
    <t>10/18/2019 10:33:24</t>
  </si>
  <si>
    <t>10/18/2019 10:33:48</t>
  </si>
  <si>
    <t>10/18/2019 10:33:52</t>
  </si>
  <si>
    <t>10/18/2019 10:33:54</t>
  </si>
  <si>
    <t>10/18/2019 10:33:56</t>
  </si>
  <si>
    <t>10/18/2019 10:33:57</t>
  </si>
  <si>
    <t>10/18/2019 10:33:58</t>
  </si>
  <si>
    <t>10/18/2019 10:33:59</t>
  </si>
  <si>
    <t>10/18/2019 10:34:01</t>
  </si>
  <si>
    <t>10/18/2019 10:34:02</t>
  </si>
  <si>
    <t>10/18/2019 10:34:03</t>
  </si>
  <si>
    <t>10/18/2019 10:34:04</t>
  </si>
  <si>
    <t>10/18/2019 10:34:05</t>
  </si>
  <si>
    <t>10/18/2019 10:34:06</t>
  </si>
  <si>
    <t>10/18/2019 10:34:07</t>
  </si>
  <si>
    <t>10/18/2019 10:34:08</t>
  </si>
  <si>
    <t>10/18/2019 10:34:09</t>
  </si>
  <si>
    <t>10/18/2019 10:34:10</t>
  </si>
  <si>
    <t>10/18/2019 10:34:14</t>
  </si>
  <si>
    <t>10/18/2019 10:34:18</t>
  </si>
  <si>
    <t>10/18/2019 10:34:21</t>
  </si>
  <si>
    <t>10/18/2019 10:34:22</t>
  </si>
  <si>
    <t>10/18/2019 10:34:24</t>
  </si>
  <si>
    <t>10/18/2019 10:34:25</t>
  </si>
  <si>
    <t>10/18/2019 10:34:28</t>
  </si>
  <si>
    <t>10/18/2019 10:34:29</t>
  </si>
  <si>
    <t>10/18/2019 10:34:32</t>
  </si>
  <si>
    <t>10/18/2019 10:34:33</t>
  </si>
  <si>
    <t>10/18/2019 10:34:42</t>
  </si>
  <si>
    <t>10/18/2019 10:34:43</t>
  </si>
  <si>
    <t>10/18/2019 10:34:44</t>
  </si>
  <si>
    <t>10/18/2019 10:34:45</t>
  </si>
  <si>
    <t>10/18/2019 10:34:47</t>
  </si>
  <si>
    <t>10/18/2019 10:34:51</t>
  </si>
  <si>
    <t>10/18/2019 10:34:52</t>
  </si>
  <si>
    <t>10/18/2019 10:34:53</t>
  </si>
  <si>
    <t>10/18/2019 10:34:55</t>
  </si>
  <si>
    <t>10/18/2019 10:34:56</t>
  </si>
  <si>
    <t>10/18/2019 10:34:57</t>
  </si>
  <si>
    <t>10/18/2019 10:35:00</t>
  </si>
  <si>
    <t>10/18/2019 10:35:16</t>
  </si>
  <si>
    <t>10/18/2019 10:35:22</t>
  </si>
  <si>
    <t>10/18/2019 10:35:27</t>
  </si>
  <si>
    <t>10/18/2019 10:35:30</t>
  </si>
  <si>
    <t>10/18/2019 10:35:31</t>
  </si>
  <si>
    <t>10/18/2019 10:35:32</t>
  </si>
  <si>
    <t>10/18/2019 10:35:33</t>
  </si>
  <si>
    <t>10/18/2019 10:35:34</t>
  </si>
  <si>
    <t>10/18/2019 10:35:35</t>
  </si>
  <si>
    <t>10/18/2019 10:35:37</t>
  </si>
  <si>
    <t>10/18/2019 10:35:38</t>
  </si>
  <si>
    <t>10/18/2019 10:35:39</t>
  </si>
  <si>
    <t>10/18/2019 10:35:40</t>
  </si>
  <si>
    <t>10/18/2019 10:35:41</t>
  </si>
  <si>
    <t>10/18/2019 10:35:42</t>
  </si>
  <si>
    <t>10/18/2019 10:35:43</t>
  </si>
  <si>
    <t>10/18/2019 10:35:44</t>
  </si>
  <si>
    <t>10/18/2019 10:35:45</t>
  </si>
  <si>
    <t>10/18/2019 10:35:51</t>
  </si>
  <si>
    <t>10/18/2019 10:35:54</t>
  </si>
  <si>
    <t>10/18/2019 10:35:55</t>
  </si>
  <si>
    <t>10/18/2019 10:35:56</t>
  </si>
  <si>
    <t>10/18/2019 10:35:57</t>
  </si>
  <si>
    <t>10/18/2019 10:35:58</t>
  </si>
  <si>
    <t>10/18/2019 10:35:59</t>
  </si>
  <si>
    <t>10/18/2019 10:36:01</t>
  </si>
  <si>
    <t>10/18/2019 10:36:02</t>
  </si>
  <si>
    <t>10/18/2019 10:36:06</t>
  </si>
  <si>
    <t>10/18/2019 10:36:08</t>
  </si>
  <si>
    <t>10/18/2019 10:36:22</t>
  </si>
  <si>
    <t>10/18/2019 10:36:33</t>
  </si>
  <si>
    <t>10/18/2019 10:36:34</t>
  </si>
  <si>
    <t>10/18/2019 10:36:35</t>
  </si>
  <si>
    <t>10/18/2019 10:36:53</t>
  </si>
  <si>
    <t>10/18/2019 10:37:39</t>
  </si>
  <si>
    <t>10/18/2019 10:37:40</t>
  </si>
  <si>
    <t>10/18/2019 10:37:41</t>
  </si>
  <si>
    <t>10/18/2019 10:37:42</t>
  </si>
  <si>
    <t>10/18/2019 10:37:44</t>
  </si>
  <si>
    <t>10/18/2019 10:37:45</t>
  </si>
  <si>
    <t>10/18/2019 10:37:46</t>
  </si>
  <si>
    <t>10/18/2019 10:37:47</t>
  </si>
  <si>
    <t>10/18/2019 10:37:58</t>
  </si>
  <si>
    <t>10/18/2019 10:37:59</t>
  </si>
  <si>
    <t>10/18/2019 10:38:00</t>
  </si>
  <si>
    <t>10/18/2019 10:38:01</t>
  </si>
  <si>
    <t>10/18/2019 10:38:02</t>
  </si>
  <si>
    <t>10/18/2019 10:38:03</t>
  </si>
  <si>
    <t>10/18/2019 10:38:04</t>
  </si>
  <si>
    <t>10/18/2019 10:40:08</t>
  </si>
  <si>
    <t>10/18/2019 10:41:54</t>
  </si>
  <si>
    <t>C:\Users\victorsm\OneDrive - Grupo Algar\04 - Trabalhos - Algar\04 - Tribanco\</t>
  </si>
  <si>
    <t>BASE - KPI'S Tribanco.xlsx</t>
  </si>
  <si>
    <t>10/18/2019 10:40:39</t>
  </si>
  <si>
    <t>/o=exchangelabs/ou=exchange administrative group (fydibohf23spdlt)/cn=recipients/cn=c52a157e02d64dd1a81927cd619e2686-keila prisc;/o=exchangelabs/ou=exchange administrative group (fydibohf23spdlt)/cn=recipients/cn=d6cce5a70d504cc2ad89cee834cd59a9-luciana rib;</t>
  </si>
  <si>
    <t>RES: Fechamento Backoffice</t>
  </si>
  <si>
    <t>Planilha Controle BKO Consolidado.xlsx</t>
  </si>
  <si>
    <t>/o=exchangelabs/ou=exchange administrative group (fydibohf23spdlt)/cn=recipients/cn=c52a157e02d64dd1a81927cd619e2686-keila prisc,/o=exchangelabs/ou=exchange administrative group (fydibohf23spdlt)/cn=recipients/cn=d6cce5a70d504cc2ad89cee834cd59a9-luciana rib</t>
  </si>
  <si>
    <t>10/18/2019 10:40:02</t>
  </si>
  <si>
    <t>10/18/2019 10:42:55</t>
  </si>
  <si>
    <t>ENC: Template para CA Algar</t>
  </si>
  <si>
    <t>Template CA.xlsx</t>
  </si>
  <si>
    <t>10/18/2019 10:38:12</t>
  </si>
  <si>
    <t>10/18/2019 10:43:54</t>
  </si>
  <si>
    <t>10/18/2019 10:38:22</t>
  </si>
  <si>
    <t>10/18/2019 10:38:23</t>
  </si>
  <si>
    <t>10/18/2019 10:38:25</t>
  </si>
  <si>
    <t>10/18/2019 10:38:29</t>
  </si>
  <si>
    <t>10/18/2019 10:38:33</t>
  </si>
  <si>
    <t>10/18/2019 10:38:34</t>
  </si>
  <si>
    <t>10/18/2019 10:38:35</t>
  </si>
  <si>
    <t>10/18/2019 10:38:36</t>
  </si>
  <si>
    <t>10/18/2019 10:39:10</t>
  </si>
  <si>
    <t>10/18/2019 10:39:12</t>
  </si>
  <si>
    <t>10/18/2019 10:39:13</t>
  </si>
  <si>
    <t>10/18/2019 10:39:14</t>
  </si>
  <si>
    <t>10/18/2019 10:39:15</t>
  </si>
  <si>
    <t>10/18/2019 10:39:16</t>
  </si>
  <si>
    <t>10/18/2019 10:39:17</t>
  </si>
  <si>
    <t>10/18/2019 10:39:18</t>
  </si>
  <si>
    <t>10/18/2019 10:39:19</t>
  </si>
  <si>
    <t>10/18/2019 10:39:20</t>
  </si>
  <si>
    <t>10/18/2019 10:39:21</t>
  </si>
  <si>
    <t>10/18/2019 10:39:22</t>
  </si>
  <si>
    <t>10/18/2019 10:39:23</t>
  </si>
  <si>
    <t>10/18/2019 10:39:24</t>
  </si>
  <si>
    <t>10/18/2019 10:39:25</t>
  </si>
  <si>
    <t>10/18/2019 10:39:26</t>
  </si>
  <si>
    <t>10/18/2019 10:39:27</t>
  </si>
  <si>
    <t>10/18/2019 10:39:44</t>
  </si>
  <si>
    <t>10/18/2019 10:39:45</t>
  </si>
  <si>
    <t>10/18/2019 10:39:46</t>
  </si>
  <si>
    <t>10/18/2019 10:39:47</t>
  </si>
  <si>
    <t>10/18/2019 10:39:49</t>
  </si>
  <si>
    <t>10/18/2019 10:39:50</t>
  </si>
  <si>
    <t>10/18/2019 10:39:51</t>
  </si>
  <si>
    <t>10/18/2019 10:39:52</t>
  </si>
  <si>
    <t>10/18/2019 10:39:53</t>
  </si>
  <si>
    <t>10/18/2019 10:39:54</t>
  </si>
  <si>
    <t>10/18/2019 10:39:55</t>
  </si>
  <si>
    <t>10/18/2019 10:39:56</t>
  </si>
  <si>
    <t>10/18/2019 10:39:57</t>
  </si>
  <si>
    <t>10/18/2019 10:40:01</t>
  </si>
  <si>
    <t>10/18/2019 10:40:04</t>
  </si>
  <si>
    <t>10/18/2019 10:40:05</t>
  </si>
  <si>
    <t>10/18/2019 10:40:13</t>
  </si>
  <si>
    <t>10/18/2019 10:40:40</t>
  </si>
  <si>
    <t>10/18/2019 10:40:42</t>
  </si>
  <si>
    <t>10/18/2019 10:41:00</t>
  </si>
  <si>
    <t>10/18/2019 10:45:55</t>
  </si>
  <si>
    <t>/o=exchangelabs/ou=exchange administrative group (fydibohf23spdlt)/cn=recipients/cn=0bafe1ed27024338be4e911e19871cd1-william rob;/o=exchangelabs/ou=exchange administrative group (fydibohf23spdlt)/cn=recipients/cn=1262e099c0f24b3489b19e6494cd5fca-rayssa da c;/o=exchangelabs/ou=exchange administrative group (fydibohf23spdlt)/cn=recipients/cn=161c8ab454bb4f4ebde8223bf694a34b-pedro felip;/o=exchangelabs/ou=exchange administrative group (fydibohf23spdlt)/cn=recipients/cn=220eab2784814ada972ad8cbae088aa3-camila de o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32b20a28d31f440a8435af323365cdb0-wesley doug;/o=exchangelabs/ou=exchange administrative group (fydibohf23spdlt)/cn=recipients/cn=34a28d636a1b4c86b1ec79baed4b846a-marc</t>
  </si>
  <si>
    <t>IMPORTANTE - Ocorrências no ponto período de 01 A 17/10</t>
  </si>
  <si>
    <t>Ocorrencias3ªSemana_0110a17102019.xlsm</t>
  </si>
  <si>
    <t>/o=exchangelabs/ou=exchange administrative group (fydibohf23spdlt)/cn=recipients/cn=0bafe1ed27024338be4e911e19871cd1-william rob,/o=exchangelabs/ou=exchange administrative group (fydibohf23spdlt)/cn=recipients/cn=1262e099c0f24b3489b19e6494cd5fca-rayssa da c,/o=exchangelabs/ou=exchange administrative group (fydibohf23spdlt)/cn=recipients/cn=161c8ab454bb4f4ebde8223bf694a34b-pedro felip,/o=exchangelabs/ou=exchange administrative group (fydibohf23spdlt)/cn=recipients/cn=220eab2784814ada972ad8cbae088aa3-camila de o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32b20a28d31f440a8435af323365cdb0-wesley doug,/o=exchangelabs/ou=exchange administrative group (fydibohf23spdlt)/cn=recipients/cn=34a28d636a1b4c86b1ec79baed4b846a-marc</t>
  </si>
  <si>
    <t>10/18/2019 10:42:47</t>
  </si>
  <si>
    <t>danielsfe@algartech.com;</t>
  </si>
  <si>
    <t>ENC: IMPORTANTE - Ocorrências no ponto período de 01 A 17/10</t>
  </si>
  <si>
    <t>danielsfe@algartech.com</t>
  </si>
  <si>
    <t>10/18/2019 10:44:54</t>
  </si>
  <si>
    <t>10/18/2019 10:46:54</t>
  </si>
  <si>
    <t>10/18/2019 10:50:18</t>
  </si>
  <si>
    <t>10/18/2019 10:50:54</t>
  </si>
  <si>
    <t>/o=exchangelabs/ou=exchange administrative group (fydibohf23spdlt)/cn=recipients/cn=433c44314b25411787c58f7b0b761a9c-augusto afo;/o=exchangelabs/ou=exchange administrative group (fydibohf23spdlt)/cn=recipients/cn=66edf19ebc2742d0aad16b8a34a09b10-andre luiz;/o=exchangelabs/ou=exchange administrative group (fydibohf23spdlt)/cn=recipients/cn=be2f22acb57d489f9cd8aeae5327b8c9-alexandre v;</t>
  </si>
  <si>
    <t>RES: RFP - Climatização Containers</t>
  </si>
  <si>
    <t>/o=exchangelabs/ou=exchange administrative group (fydibohf23spdlt)/cn=recipients/cn=433c44314b25411787c58f7b0b761a9c-augusto afo,/o=exchangelabs/ou=exchange administrative group (fydibohf23spdlt)/cn=recipients/cn=66edf19ebc2742d0aad16b8a34a09b10-andre luiz,/o=exchangelabs/ou=exchange administrative group (fydibohf23spdlt)/cn=recipients/cn=be2f22acb57d489f9cd8aeae5327b8c9-alexandre v</t>
  </si>
  <si>
    <t>10/18/2019 10:50:08</t>
  </si>
  <si>
    <t>10/18/2019 10:51:55</t>
  </si>
  <si>
    <t>ORC_2020_HENRIQUE AUGUSTO.xlsx</t>
  </si>
  <si>
    <t>10/18/2019 10:53:05</t>
  </si>
  <si>
    <t>10/18/2019 10:54:55</t>
  </si>
  <si>
    <t>/o=exchangelabs/ou=exchange administrative group (fydibohf23spdlt)/cn=recipients/cn=083204b1bd464d0fbbd2451a3a305923-katia gonca;/o=exchangelabs/ou=exchange administrative group (fydibohf23spdlt)/cn=recipients/cn=2f25493a7e37433d8dafca90f527b173-danubia cri;/o=exchangelabs/ou=exchange administrative group (fydibohf23spdlt)/cn=recipients/cn=4adb6e0b3de84bf2bfdb543494159749-leandro lim;/o=exchangelabs/ou=exchange administrative group (fydibohf23spdlt)/cn=recipients/cn=670d10f0276c47ba89a984b1a225496b-victor gala;/o=exchangelabs/ou=exchange administrative group (fydibohf23spdlt)/cn=recipients/cn=cd9a537135134b65a0d7151c4bba7129-brenda bruc;/o=exchangelabs/ou=exchange administrative group (fydibohf23spdlt)/cn=recipients/cn=fe134ce6f7124ebfa00395a14326bd71-luciana ber;/o=exchangelabs/ou=exchange administrative group (fydibohf23spdlt)/cn=recipients/cn=userd3ef8196;</t>
  </si>
  <si>
    <t>Escala TRN - Portáteis KichenAid v3.xlsx</t>
  </si>
  <si>
    <t>/o=exchangelabs/ou=exchange administrative group (fydibohf23spdlt)/cn=recipients/cn=083204b1bd464d0fbbd2451a3a305923-katia gonca,/o=exchangelabs/ou=exchange administrative group (fydibohf23spdlt)/cn=recipients/cn=2f25493a7e37433d8dafca90f527b173-danubia cri,/o=exchangelabs/ou=exchange administrative group (fydibohf23spdlt)/cn=recipients/cn=4adb6e0b3de84bf2bfdb543494159749-leandro lim,/o=exchangelabs/ou=exchange administrative group (fydibohf23spdlt)/cn=recipients/cn=670d10f0276c47ba89a984b1a225496b-victor gala,/o=exchangelabs/ou=exchange administrative group (fydibohf23spdlt)/cn=recipients/cn=cd9a537135134b65a0d7151c4bba7129-brenda bruc,/o=exchangelabs/ou=exchange administrative group (fydibohf23spdlt)/cn=recipients/cn=fe134ce6f7124ebfa00395a14326bd71-luciana ber,/o=exchangelabs/ou=exchange administrative group (fydibohf23spdlt)/cn=recipients/cn=userd3ef8196</t>
  </si>
  <si>
    <t>10/18/2019 10:53:25</t>
  </si>
  <si>
    <t>ENC: [FORMALIZAÇÃO] ● FORECAST ALGAR ● 45 DIAS ● /19</t>
  </si>
  <si>
    <t>FORMALIZAÇÃO_Volumetria - Dezembro_2019 -Algar.xlsx</t>
  </si>
  <si>
    <t>10/18/2019 10:52:05</t>
  </si>
  <si>
    <t>10/18/2019 10:55:55</t>
  </si>
  <si>
    <t>/o=exchangelabs/ou=exchange administrative group (fydibohf23spdlt)/cn=recipients/cn=71d61cf74988455d8586a88b31233851-pablo mathe;/o=exchangelabs/ou=exchange administrative group (fydibohf23spdlt)/cn=recipients/cn=8ff30dc79f6a4a0f9467872ff681e5dd-solange apa;/o=exchangelabs/ou=exchange administrative group (fydibohf23spdlt)/cn=recipients/cn=d34862636b3f4dd788a4b79302af038e-simone ribe;</t>
  </si>
  <si>
    <t>/o=exchangelabs/ou=exchange administrative group (fydibohf23spdlt)/cn=recipients/cn=71d61cf74988455d8586a88b31233851-pablo mathe,/o=exchangelabs/ou=exchange administrative group (fydibohf23spdlt)/cn=recipients/cn=8ff30dc79f6a4a0f9467872ff681e5dd-solange apa,/o=exchangelabs/ou=exchange administrative group (fydibohf23spdlt)/cn=recipients/cn=d34862636b3f4dd788a4b79302af038e-simone ribe</t>
  </si>
  <si>
    <t>10/18/2019 10:50:49</t>
  </si>
  <si>
    <t>10/18/2019 10:57:54</t>
  </si>
  <si>
    <t>C:\Users\marcopaulolr\OneDrive - Grupo Algar\08 PROJETO FIS\Execução\</t>
  </si>
  <si>
    <t>Niveis OPS 181019.xlsx</t>
  </si>
  <si>
    <t>10/18/2019 10:51:45</t>
  </si>
  <si>
    <t>/o=exchangelabs/ou=exchange administrative group (fydibohf23spdlt)/cn=recipients/cn=bcc9538754d3496ea31a487e560f8214-silvio mart;diogo@quilleconsultoria.com.br;</t>
  </si>
  <si>
    <t>Níveis RFP Escopo B</t>
  </si>
  <si>
    <t>/o=exchangelabs/ou=exchange administrative group (fydibohf23spdlt)/cn=recipients/cn=bcc9538754d3496ea31a487e560f8214-silvio mart,diogo@quilleconsultoria.com.br</t>
  </si>
  <si>
    <t>10/18/2019 10:56:32</t>
  </si>
  <si>
    <t>10/18/2019 10:59:55</t>
  </si>
  <si>
    <t>ENC: Contatos Out Atualização de Arquivos Eletrônicos - Onda 4</t>
  </si>
  <si>
    <t>Onda 4- UNE.xlsx</t>
  </si>
  <si>
    <t>10/18/2019 10:57:26</t>
  </si>
  <si>
    <t>10/18/2019 11:00:55</t>
  </si>
  <si>
    <t>andersonrf@algartech.com;cleberafp@algartech.com;fabriciovs@algartech.com;humbertopj@algartech.com;leandrosma@algartech.com;lucasm@algartech.com;lucianagd@algartech.com;rafael@quilleconsultoria.com.br;</t>
  </si>
  <si>
    <t>andersonrf@algartech.com,cleberafp@algartech.com,fabriciovs@algartech.com,humbertopj@algartech.com,leandrosma@algartech.com,lucasm@algartech.com,lucianagd@algartech.com,rafael@quilleconsultoria.com.br</t>
  </si>
  <si>
    <t>10/18/2019 10:52:24</t>
  </si>
  <si>
    <t>10/18/2019 11:03:55</t>
  </si>
  <si>
    <t>C:\Users\fellypcsj\OneDrive - Grupo Algar\Fellyp\Desenvolvimento Pessoal e Financeiro\Metas 2019\</t>
  </si>
  <si>
    <t>Tabelas Metas 2019 v1.xlsx</t>
  </si>
  <si>
    <t>10/18/2019 10:52:30</t>
  </si>
  <si>
    <t>10/18/2019 10:52:23</t>
  </si>
  <si>
    <t>10/18/2019 11:08:54</t>
  </si>
  <si>
    <t>Jose Divino Pinheiro da Silva ME.xlsx</t>
  </si>
  <si>
    <t>10/18/2019 11:09:41</t>
  </si>
  <si>
    <t>10/18/2019 11:10:55</t>
  </si>
  <si>
    <t>/o=exchangelabs/ou=exchange administrative group (fydibohf23spdlt)/cn=recipients/cn=0ca6cc8d100949a7866a928f62ef5778-rosilene de;/o=exchangelabs/ou=exchange administrative group (fydibohf23spdlt)/cn=recipients/cn=3a10c1d788234688b257ab253389ec06-mateus mala;/o=exchangelabs/ou=exchange administrative group (fydibohf23spdlt)/cn=recipients/cn=7903c13fa0504ff0bc7dd2644020b0e8-mirna prado;/o=exchangelabs/ou=exchange administrative group (fydibohf23spdlt)/cn=recipients/cn=81f72ed6e9d042e3bed0cec08d488854-vinicius go;/o=exchangelabs/ou=exchange administrative group (fydibohf23spdlt)/cn=recipients/cn=98e18f75c1d448d18c2b385d101db11f-luiz alfred;/o=exchangelabs/ou=exchange administrative group (fydibohf23spdlt)/cn=recipients/cn=ba307e7ec0fc4bdbb07006aa828c05f7-carina ferr;/o=exchangelabs/ou=exchange administrative group (fydibohf23spdlt)/cn=recipients/cn=c22b2d8de1594760baec681322c0933f-fernanda ma;/o=exchangelabs/ou=exchange administrative group (fydibohf23spdlt)/cn=recipients/cn=d1d015f213f648abbf348b5ccdf8e9d9-seni</t>
  </si>
  <si>
    <t>Ociosidade</t>
  </si>
  <si>
    <t>Ociosidade.xls</t>
  </si>
  <si>
    <t>/o=exchangelabs/ou=exchange administrative group (fydibohf23spdlt)/cn=recipients/cn=0ca6cc8d100949a7866a928f62ef5778-rosilene de,/o=exchangelabs/ou=exchange administrative group (fydibohf23spdlt)/cn=recipients/cn=3a10c1d788234688b257ab253389ec06-mateus mala,/o=exchangelabs/ou=exchange administrative group (fydibohf23spdlt)/cn=recipients/cn=7903c13fa0504ff0bc7dd2644020b0e8-mirna prado,/o=exchangelabs/ou=exchange administrative group (fydibohf23spdlt)/cn=recipients/cn=81f72ed6e9d042e3bed0cec08d488854-vinicius go,/o=exchangelabs/ou=exchange administrative group (fydibohf23spdlt)/cn=recipients/cn=98e18f75c1d448d18c2b385d101db11f-luiz alfred,/o=exchangelabs/ou=exchange administrative group (fydibohf23spdlt)/cn=recipients/cn=ba307e7ec0fc4bdbb07006aa828c05f7-carina ferr,/o=exchangelabs/ou=exchange administrative group (fydibohf23spdlt)/cn=recipients/cn=c22b2d8de1594760baec681322c0933f-fernanda ma,/o=exchangelabs/ou=exchange administrative group (fydibohf23spdlt)/cn=recipients/cn=d1d015f213f648abbf348b5ccdf8e9d9-seni</t>
  </si>
  <si>
    <t>10/18/2019 11:11:32</t>
  </si>
  <si>
    <t>10/18/2019 11:12:55</t>
  </si>
  <si>
    <t>marcelacarolinaenf@yahoo.com.br,</t>
  </si>
  <si>
    <t>br.mail.yahoo.com/ws/v3/batch?name=messages.saveV3&amp;hash=52f8a5ea&amp;appId=YMailNorrin&amp;ymreqid=3fbc17a3-0847-50c6-1c3c-91000a012800&amp;wssid=A1Y6MUKuJ8r</t>
  </si>
  <si>
    <t>brukauan28@gmail.com;</t>
  </si>
  <si>
    <t>C:\Users\marcelacpe\Desktop\</t>
  </si>
  <si>
    <t>Planilha de Despesas Bruna.xlsx</t>
  </si>
  <si>
    <t>brukauan28@gmail.com</t>
  </si>
  <si>
    <t>10/18/2019 11:11:49</t>
  </si>
  <si>
    <t>10/18/2019 11:13:55</t>
  </si>
  <si>
    <t>ENC: Relatório</t>
  </si>
  <si>
    <t>Controle Diário Tecnologia.xlsx</t>
  </si>
  <si>
    <t>10/17/2019 16:09:45</t>
  </si>
  <si>
    <t>10/18/2019 11:18:55</t>
  </si>
  <si>
    <t>https://algarnet-my.sharepoint.com/personal/marcosvsoa_algartech_com/_layouts/15/upload.aspx?isajax=1&amp;list={7bf81912-75d9-4c17-9116-111e6a268104}&amp;rootfolder=/personal/marcosvsoa_algartech_com/documents/justificativas financeira</t>
  </si>
  <si>
    <t>Painel Financeiro.xlsb</t>
  </si>
  <si>
    <t>10/18/2019 11:17:01</t>
  </si>
  <si>
    <t>/o=exchangelabs/ou=exchange administrative group (fydibohf23spdlt)/cn=recipients/cn=9a65d8734c444cbc8372a614d17d98e1-lucia maalo;</t>
  </si>
  <si>
    <t>ENC: Hub- ID 148219 3 EMAIL</t>
  </si>
  <si>
    <t>TRANSACIONAIS AGR-2019.xlsx</t>
  </si>
  <si>
    <t>/o=exchangelabs/ou=exchange administrative group (fydibohf23spdlt)/cn=recipients/cn=9a65d8734c444cbc8372a614d17d98e1-lucia maalo</t>
  </si>
  <si>
    <t>10/18/2019 11:17:31</t>
  </si>
  <si>
    <t>ENC: RES: Hub- ID 148219</t>
  </si>
  <si>
    <t>10/18/2019 11:15:01</t>
  </si>
  <si>
    <t>mail.google.com/_/upload?authuser=0&amp;dcp=asu-n&amp;upload_id=AEnB2Ups4sqbxoAscEoGufulmlhKArrVJhh9uEKrmGgY1gW4hDCPJGSNe3RDH8GUK495g0jmmEGDYUH1xbNWYVlGKh82Gv85Dw&amp;upload_protocol=resumable</t>
  </si>
  <si>
    <t>mail.google.com/_/upload?authuser=0&amp;dcp=asu-n&amp;upload_id=AEnB2UpriNnWWFmofRaXyEVwgV9waszt4xMOMsDrK7O2FuE2gb4sMNJmzNy26Ske0kr7qdEMLZcrmb9HNhw8i2rfxFDoKQC9PQ&amp;upload_protocol=resumable</t>
  </si>
  <si>
    <t>10/18/2019 11:15:28</t>
  </si>
  <si>
    <t>10/18/2019 11:19:54</t>
  </si>
  <si>
    <t>10/18/2019 11:25:19</t>
  </si>
  <si>
    <t>10/18/2019 11:25:55</t>
  </si>
  <si>
    <t>celso.goncalves@bradesco.com.br;daisejm@algartech.com;katiargf@algartech.com;lucieneili@algartech.com;pedrohma@algartech.com;ricardomi@algartech.com;</t>
  </si>
  <si>
    <t>celso.goncalves@bradesco.com.br,daisejm@algartech.com,katiargf@algartech.com,lucieneili@algartech.com,pedrohma@algartech.com,ricardomi@algartech.com</t>
  </si>
  <si>
    <t>10/18/2019 11:23:30</t>
  </si>
  <si>
    <t>10/18/2019 11:26:55</t>
  </si>
  <si>
    <t>10/18/2019 11:29:27</t>
  </si>
  <si>
    <t>10/18/2019 11:30:55</t>
  </si>
  <si>
    <t>helio.souza@energgeradores.com.br;</t>
  </si>
  <si>
    <t>Orçamento - Sistema de Geração de Diesel</t>
  </si>
  <si>
    <t>EL-LM-DE-001_R00.xls</t>
  </si>
  <si>
    <t>helio.souza@energgeradores.com.br</t>
  </si>
  <si>
    <t>10/18/2019 11:33:31</t>
  </si>
  <si>
    <t>10/18/2019 11:35:56</t>
  </si>
  <si>
    <t>/o=exchangelabs/ou=exchange administrative group (fydibohf23spdlt)/cn=recipients/cn=4a3f707d8a5147aa9447c72502b81121-carlos anto;carlajustino@sinergyrh.com.br;</t>
  </si>
  <si>
    <t>Dados parceiros Tech</t>
  </si>
  <si>
    <t>Importar_Quadro_Colaboradores_Sinergy.xlsx</t>
  </si>
  <si>
    <t>/o=exchangelabs/ou=exchange administrative group (fydibohf23spdlt)/cn=recipients/cn=4a3f707d8a5147aa9447c72502b81121-carlos anto,carlajustino@sinergyrh.com.br</t>
  </si>
  <si>
    <t>10/18/2019 11:38:56</t>
  </si>
  <si>
    <t>/o=exchangelabs/ou=exchange administrative group (fydibohf23spdlt)/cn=recipients/cn=2efe26bca22a43cc89c6ed48ba5e50b4-luciano cor;/o=exchangelabs/ou=exchange administrative group (fydibohf23spdlt)/cn=recipients/cn=3d559cad8a6b4c9ba2e512604e1484a2-marcelo mal;/o=exchangelabs/ou=exchange administrative group (fydibohf23spdlt)/cn=recipients/cn=65d35bc38c6743d7a55b3ae9726a5893-diego ribei;/o=exchangelabs/ou=exchange administrative group (fydibohf23spdlt)/cn=recipients/cn=b194f014572c4c36b52132f9199df1aa-jairo junio;</t>
  </si>
  <si>
    <t>ENC: BPS Vale</t>
  </si>
  <si>
    <t>Vale_Plan Precificacao C017 B017 17_10_2019 NOC Out Side r4.xlsb</t>
  </si>
  <si>
    <t>/o=exchangelabs/ou=exchange administrative group (fydibohf23spdlt)/cn=recipients/cn=2efe26bca22a43cc89c6ed48ba5e50b4-luciano cor,/o=exchangelabs/ou=exchange administrative group (fydibohf23spdlt)/cn=recipients/cn=3d559cad8a6b4c9ba2e512604e1484a2-marcelo mal,/o=exchangelabs/ou=exchange administrative group (fydibohf23spdlt)/cn=recipients/cn=65d35bc38c6743d7a55b3ae9726a5893-diego ribei,/o=exchangelabs/ou=exchange administrative group (fydibohf23spdlt)/cn=recipients/cn=b194f014572c4c36b52132f9199df1aa-jairo junio</t>
  </si>
  <si>
    <t>10/18/2019 11:36:29</t>
  </si>
  <si>
    <t>10/18/2019 11:39:55</t>
  </si>
  <si>
    <t>Pesquisa.xlsx</t>
  </si>
  <si>
    <t>10/18/2019 11:39:28</t>
  </si>
  <si>
    <t>10/18/2019 11:41:56</t>
  </si>
  <si>
    <t>10.16.72.57</t>
  </si>
  <si>
    <t>/o=exchangelabs/ou=exchange administrative group (fydibohf23spdlt)/cn=recipients/cn=2b69c7de1a3641269a7eed0596e1ddc2-wayner oliv;/o=exchangelabs/ou=exchange administrative group (fydibohf23spdlt)/cn=recipients/cn=3bff4ffb267e4ea2a4a3347f6a4c5cf8-tatiane mag;/o=exchangelabs/ou=exchange administrative group (fydibohf23spdlt)/cn=recipients/cn=7df34f8bfd5c49aba90be766dd53403a-rosimar lei;/o=exchangelabs/ou=exchange administrative group (fydibohf23spdlt)/cn=recipients/cn=88c76f56ba274d40bc5ef03a7197e5b9-marcos pere;/o=exchangelabs/ou=exchange administrative group (fydibohf23spdlt)/cn=recipients/cn=9e20ba3b6afd447db98f75fb7bdc7037-francisco e;</t>
  </si>
  <si>
    <t>Obras BBN</t>
  </si>
  <si>
    <t>/o=exchangelabs/ou=exchange administrative group (fydibohf23spdlt)/cn=recipients/cn=2b69c7de1a3641269a7eed0596e1ddc2-wayner oliv,/o=exchangelabs/ou=exchange administrative group (fydibohf23spdlt)/cn=recipients/cn=3bff4ffb267e4ea2a4a3347f6a4c5cf8-tatiane mag,/o=exchangelabs/ou=exchange administrative group (fydibohf23spdlt)/cn=recipients/cn=7df34f8bfd5c49aba90be766dd53403a-rosimar lei,/o=exchangelabs/ou=exchange administrative group (fydibohf23spdlt)/cn=recipients/cn=88c76f56ba274d40bc5ef03a7197e5b9-marcos pere,/o=exchangelabs/ou=exchange administrative group (fydibohf23spdlt)/cn=recipients/cn=9e20ba3b6afd447db98f75fb7bdc7037-francisco e</t>
  </si>
  <si>
    <t>10/18/2019 11:42:03</t>
  </si>
  <si>
    <t>10/18/2019 11:42:56</t>
  </si>
  <si>
    <t>206472 Xperience DIGITAL - Precificacao C017 B017 GRC.xlsb</t>
  </si>
  <si>
    <t>10/18/2019 11:49:25</t>
  </si>
  <si>
    <t>10/18/2019 11:50:56</t>
  </si>
  <si>
    <t>10/18/2019 11:54:40</t>
  </si>
  <si>
    <t>10/18/2019 11:57:56</t>
  </si>
  <si>
    <t>/o=exchangelabs/ou=exchange administrative group (fydibohf23spdlt)/cn=recipients/cn=adf9f91d3cf5433d98d0a80a1a22fe72-rogerio cip;</t>
  </si>
  <si>
    <t>/o=exchangelabs/ou=exchange administrative group (fydibohf23spdlt)/cn=recipients/cn=adf9f91d3cf5433d98d0a80a1a22fe72-rogerio cip</t>
  </si>
  <si>
    <t>10/18/2019 11:56:37</t>
  </si>
  <si>
    <t>BPs Projeto Weg</t>
  </si>
  <si>
    <t>209379 Weg GIAT C017 B017_v2 Mudança BP Ganho.xlsb</t>
  </si>
  <si>
    <t>10/18/2019 12:12:06</t>
  </si>
  <si>
    <t>10/18/2019 12:13:56</t>
  </si>
  <si>
    <t>grupo 30.xlsx</t>
  </si>
  <si>
    <t>10/18/2019 12:12:08</t>
  </si>
  <si>
    <t>mail.google.com/_/upload?authuser=0&amp;dcp=asu-n&amp;upload_id=AEnB2UrlnW06AQCQbSsc9yZXTmbyaquHi9nRr__J496Rmdp9Iv1-El7K84OgAXDlR9CPYNfQrYzXukeZVeTxna--FZww9Y21mw&amp;upload_protocol=resumable</t>
  </si>
  <si>
    <t>10/18/2019 12:12:35</t>
  </si>
  <si>
    <t>mail.google.com/_/upload?authuser=0&amp;dcp=asu-n&amp;upload_id=AEnB2Urmm5vPL8ROpV9N912J0HW4rWfbCpz1xeG9m_UuHyXFNn5zroOl6P69F08D30crcInkf_KOKNDGyMxCbjhcq17Y78w3Cw&amp;upload_protocol=resumable</t>
  </si>
  <si>
    <t>10/18/2019 12:13:55</t>
  </si>
  <si>
    <t>10/18/2019 12:18:56</t>
  </si>
  <si>
    <t>18_10_2019 Ata e Relatório da Reunião Comercial</t>
  </si>
  <si>
    <t>Relatório Pipeline_Dionizio_19_10_18.xlsx</t>
  </si>
  <si>
    <t>10/18/2019 12:17:43</t>
  </si>
  <si>
    <t>10/18/2019 12:19:56</t>
  </si>
  <si>
    <t>Disparo_18.10.csv</t>
  </si>
  <si>
    <t>10/17/2019 19:08:37</t>
  </si>
  <si>
    <t>10/18/2019 12:20:56</t>
  </si>
  <si>
    <t>/o=exchangelabs/ou=exchange administrative group (fydibohf23spdlt)/cn=recipients/cn=8ab5e44d485043d59eb4f21463e63e6a-tays dos sa;/o=exchangelabs/ou=exchange administrative group (fydibohf23spdlt)/cn=recipients/cn=ed4af2f11ff34c02ba04f39acb2813c2-rafael tega;/o=exchangelabs/ou=exchange administrative group (fydibohf23spdlt)/cn=recipients/cn=usere11ed38c;</t>
  </si>
  <si>
    <t>RES: ENC: Informações PA's ANTIFRAUDE</t>
  </si>
  <si>
    <t>Caixa - Histórico.xlsx</t>
  </si>
  <si>
    <t>/o=exchangelabs/ou=exchange administrative group (fydibohf23spdlt)/cn=recipients/cn=8ab5e44d485043d59eb4f21463e63e6a-tays dos sa,/o=exchangelabs/ou=exchange administrative group (fydibohf23spdlt)/cn=recipients/cn=ed4af2f11ff34c02ba04f39acb2813c2-rafael tega,/o=exchangelabs/ou=exchange administrative group (fydibohf23spdlt)/cn=recipients/cn=usere11ed38c</t>
  </si>
  <si>
    <t>10/17/2019 20:52:25</t>
  </si>
  <si>
    <t>/o=exchangelabs/ou=exchange administrative group (fydibohf23spdlt)/cn=recipients/cn=8ab5e44d485043d59eb4f21463e63e6a-tays dos sa;rutiyama@toyota.com.br;</t>
  </si>
  <si>
    <t>Fluxo RA - Painel de Ações</t>
  </si>
  <si>
    <t>Painel de Ações RA Toyota Out 19.xlsx</t>
  </si>
  <si>
    <t>/o=exchangelabs/ou=exchange administrative group (fydibohf23spdlt)/cn=recipients/cn=8ab5e44d485043d59eb4f21463e63e6a-tays dos sa,rutiyama@toyota.com.br</t>
  </si>
  <si>
    <t>10/17/2019 21:47:26</t>
  </si>
  <si>
    <t>/o=exchangelabs/ou=exchange administrative group (fydibohf23spdlt)/cn=recipients/cn=3975f847ff8048f683702df727006829-melissa bet;</t>
  </si>
  <si>
    <t>ENC: Informaçoes Caixa</t>
  </si>
  <si>
    <t>/o=exchangelabs/ou=exchange administrative group (fydibohf23spdlt)/cn=recipients/cn=3975f847ff8048f683702df727006829-melissa bet</t>
  </si>
  <si>
    <t>10/17/2019 21:49:00</t>
  </si>
  <si>
    <t>/o=exchangelabs/ou=exchange administrative group (fydibohf23spdlt)/cn=recipients/cn=2072905e221e44cd93713caf57a4301f-roberta igi;/o=exchangelabs/ou=exchange administrative group (fydibohf23spdlt)/cn=recipients/cn=a5f3c22313d74f5cbd68347bb02489b8-lilian lima;/o=exchangelabs/ou=exchange administrative group (fydibohf23spdlt)/cn=recipients/cn=b517451b6fc4459bab2f030d08d799d0-bruna gabri;/o=exchangelabs/ou=exchange administrative group (fydibohf23spdlt)/cn=recipients/cn=c52a157e02d64dd1a81927cd619e2686-keila prisc;/o=exchangelabs/ou=exchange administrative group (fydibohf23spdlt)/cn=recipients/cn=e6b7580a624e482b95aa2b9747aa6d6d-paulo sergi;cfonseca@tripag.com.br;cynthiaf@tripag.com.br;lrocha@tribanco.com.br;orlando@tribanco.com.br;</t>
  </si>
  <si>
    <t>RES: Novo mailing - Ação de Contato com RCA</t>
  </si>
  <si>
    <t>Novo mailing - Ação de Contato com RCA.msg\s1\</t>
  </si>
  <si>
    <t>Mailing RCAs.xlsx</t>
  </si>
  <si>
    <t>/o=exchangelabs/ou=exchange administrative group (fydibohf23spdlt)/cn=recipients/cn=2072905e221e44cd93713caf57a4301f-roberta igi,/o=exchangelabs/ou=exchange administrative group (fydibohf23spdlt)/cn=recipients/cn=a5f3c22313d74f5cbd68347bb02489b8-lilian lima,/o=exchangelabs/ou=exchange administrative group (fydibohf23spdlt)/cn=recipients/cn=b517451b6fc4459bab2f030d08d799d0-bruna gabri,/o=exchangelabs/ou=exchange administrative group (fydibohf23spdlt)/cn=recipients/cn=c52a157e02d64dd1a81927cd619e2686-keila prisc,/o=exchangelabs/ou=exchange administrative group (fydibohf23spdlt)/cn=recipients/cn=e6b7580a624e482b95aa2b9747aa6d6d-paulo sergi,cfonseca@tripag.com.br,cynthiaf@tripag.com.br,lrocha@tribanco.com.br,orlando@tribanco.com.br</t>
  </si>
  <si>
    <t>10/17/2019 21:51:45</t>
  </si>
  <si>
    <t>/o=exchangelabs/ou=exchange administrative group (fydibohf23spdlt)/cn=recipients/cn=2072905e221e44cd93713caf57a4301f-roberta igi;/o=exchangelabs/ou=exchange administrative group (fydibohf23spdlt)/cn=recipients/cn=c52a157e02d64dd1a81927cd619e2686-keila prisc;</t>
  </si>
  <si>
    <t>ENC: Sugestão de Volume Única - Dezembro -19</t>
  </si>
  <si>
    <t>12 - VALIDAÇÃO FORECAST - ALGAR - DEZ- 2019.xlsx</t>
  </si>
  <si>
    <t>/o=exchangelabs/ou=exchange administrative group (fydibohf23spdlt)/cn=recipients/cn=2072905e221e44cd93713caf57a4301f-roberta igi,/o=exchangelabs/ou=exchange administrative group (fydibohf23spdlt)/cn=recipients/cn=c52a157e02d64dd1a81927cd619e2686-keila prisc</t>
  </si>
  <si>
    <t>10/17/2019 23:08:20</t>
  </si>
  <si>
    <t>/o=exchangelabs/ou=exchange administrative group (fydibohf23spdlt)/cn=recipients/cn=0dbabd26a5ee40599bf13bc0381f22f0-drielle per;/o=exchangelabs/ou=exchange administrative group (fydibohf23spdlt)/cn=recipients/cn=6bc6ced03b1b4fafa41bb5c70c178940-antonio per;/o=exchangelabs/ou=exchange administrative group (fydibohf23spdlt)/cn=recipients/cn=8bab2e9eaf824d2d93602784a48ac5f9-ronan salus;/o=exchangelabs/ou=exchange administrative group (fydibohf23spdlt)/cn=recipients/cn=d0093b7063a942388b31a7ba794f9061-dener benic;/o=exchangelabs/ou=exchange administrative group (fydibohf23spdlt)/cn=recipients/cn=d052f9c9a4404e849e00b751758229a8-carlos dos;cristianecsa@algartech.com;</t>
  </si>
  <si>
    <t>RES: Desativação CR - 340013001 - ACS SAUDE POOL</t>
  </si>
  <si>
    <t>CR 340013001.xlsx</t>
  </si>
  <si>
    <t>/o=exchangelabs/ou=exchange administrative group (fydibohf23spdlt)/cn=recipients/cn=0dbabd26a5ee40599bf13bc0381f22f0-drielle per,/o=exchangelabs/ou=exchange administrative group (fydibohf23spdlt)/cn=recipients/cn=6bc6ced03b1b4fafa41bb5c70c178940-antonio per,/o=exchangelabs/ou=exchange administrative group (fydibohf23spdlt)/cn=recipients/cn=8bab2e9eaf824d2d93602784a48ac5f9-ronan salus,/o=exchangelabs/ou=exchange administrative group (fydibohf23spdlt)/cn=recipients/cn=d0093b7063a942388b31a7ba794f9061-dener benic,/o=exchangelabs/ou=exchange administrative group (fydibohf23spdlt)/cn=recipients/cn=d052f9c9a4404e849e00b751758229a8-carlos dos,cristianecsa@algartech.com</t>
  </si>
  <si>
    <t>10/18/2019 12:25:19</t>
  </si>
  <si>
    <t>10/18/2019 12:30:55</t>
  </si>
  <si>
    <t>10/18/2019 12:26:49</t>
  </si>
  <si>
    <t>10/18/2019 12:27:06</t>
  </si>
  <si>
    <t>Resumo Executivo_Escopo B_JAN_18OUT_12 meses.xlsx</t>
  </si>
  <si>
    <t>10/18/2019 09:33:35</t>
  </si>
  <si>
    <t>10/18/2019 12:51:55</t>
  </si>
  <si>
    <t>196DBE20</t>
  </si>
  <si>
    <t>D:\LOTUS\TREINAMENTO\NR 12\196DBE20</t>
  </si>
  <si>
    <t>10/18/2019 10:21:04</t>
  </si>
  <si>
    <t>10/18/2019 13:00:18</t>
  </si>
  <si>
    <t>10/18/2019 13:00:54</t>
  </si>
  <si>
    <t>/o=exchangelabs/ou=exchange administrative group (fydibohf23spdlt)/cn=recipients/cn=0cec7376894d4cf598c7d569fd0deb33-daniel henr;/o=exchangelabs/ou=exchange administrative group (fydibohf23spdlt)/cn=recipients/cn=240fafdb21074ab9a87c95d3265e411c-rodrigo rod;/o=exchangelabs/ou=exchange administrative group (fydibohf23spdlt)/cn=recipients/cn=a4ba92cba10f4fe498074594f937f3b6-leandro lop;claudiac.machado@bradesco.com.br;elton.r.luz@bradesco.com.br;renata.c.freitas@bradesco.com.br;</t>
  </si>
  <si>
    <t>RES: STATUS - Projeto CACSWEB</t>
  </si>
  <si>
    <t>Arquivos de Retorno CacsWeb - Algar.msg\s1\</t>
  </si>
  <si>
    <t>Arquivo Retorno dados cadastrais - Empresa_ATUALIZADO_30_09.xlsx</t>
  </si>
  <si>
    <t>/o=exchangelabs/ou=exchange administrative group (fydibohf23spdlt)/cn=recipients/cn=0cec7376894d4cf598c7d569fd0deb33-daniel henr,/o=exchangelabs/ou=exchange administrative group (fydibohf23spdlt)/cn=recipients/cn=240fafdb21074ab9a87c95d3265e411c-rodrigo rod,/o=exchangelabs/ou=exchange administrative group (fydibohf23spdlt)/cn=recipients/cn=a4ba92cba10f4fe498074594f937f3b6-leandro lop,claudiac.machado@bradesco.com.br,elton.r.luz@bradesco.com.br,renata.c.freitas@bradesco.com.br</t>
  </si>
  <si>
    <t>10/18/2019 12:55:57</t>
  </si>
  <si>
    <t>Sistema de Diesel Campinas - Parte 2</t>
  </si>
  <si>
    <t>10/18/2019 13:06:04</t>
  </si>
  <si>
    <t>10/18/2019 13:10:55</t>
  </si>
  <si>
    <t>Resumo Executivo_Escopo B_JAN_18OUT_12 meses SEM desmob.xlsx</t>
  </si>
  <si>
    <t>10/18/2019 13:06:50</t>
  </si>
  <si>
    <t>Resumo Executivo_Escopo B_JAN_18OUT_12 meses COM desmob.xlsx</t>
  </si>
  <si>
    <t>10/18/2019 13:11:57</t>
  </si>
  <si>
    <t>10/18/2019 13:14:54</t>
  </si>
  <si>
    <t>'D1 - Volume de Casos Pendentes - Atribuir (2).xlsx</t>
  </si>
  <si>
    <t>10/18/2019 13:22:04</t>
  </si>
  <si>
    <t>10/18/2019 13:22:55</t>
  </si>
  <si>
    <t>10/18/2019 13:27:06</t>
  </si>
  <si>
    <t>10/18/2019 13:29:55</t>
  </si>
  <si>
    <t>/o=exchangelabs/ou=exchange administrative group (fydibohf23spdlt)/cn=recipients/cn=50f8ab770c6e4ce1a0c6a59d9c0a5d77-gessica ste;/o=exchangelabs/ou=exchange administrative group (fydibohf23spdlt)/cn=recipients/cn=bec14da9ad4d434b8151ce12587e9186-khassio mar;flavia@iclicconsultoria.com.br;gustavo@iclicconsultoria.com.br;</t>
  </si>
  <si>
    <t>RES: FOCUS GROUP - CONTATO ONDA 4</t>
  </si>
  <si>
    <t>FOCUS GROUP 21a24outubro.xlsx</t>
  </si>
  <si>
    <t>/o=exchangelabs/ou=exchange administrative group (fydibohf23spdlt)/cn=recipients/cn=50f8ab770c6e4ce1a0c6a59d9c0a5d77-gessica ste,/o=exchangelabs/ou=exchange administrative group (fydibohf23spdlt)/cn=recipients/cn=bec14da9ad4d434b8151ce12587e9186-khassio mar,flavia@iclicconsultoria.com.br,gustavo@iclicconsultoria.com.br</t>
  </si>
  <si>
    <t>10/18/2019 13:29:59</t>
  </si>
  <si>
    <t>10/18/2019 13:33:54</t>
  </si>
  <si>
    <t>C:\Gisele (Todos os arquivos)\</t>
  </si>
  <si>
    <t>5.6 - Planilha de Controle Anual de CAT.xls</t>
  </si>
  <si>
    <t>E:\Gisele (Todos os arquivos)\5.6 - Planilha de Controle Anual de CAT.xls</t>
  </si>
  <si>
    <t>10/18/2019 13:30:07</t>
  </si>
  <si>
    <t>Cadastro geral 17_10_2019.xlsx</t>
  </si>
  <si>
    <t>E:\Gisele (Todos os arquivos)\Cadastro geral 17_10_2019.xlsx</t>
  </si>
  <si>
    <t>10/18/2019 13:30:15</t>
  </si>
  <si>
    <t>INDICADORES CAT SESMT 2019 - CONSOLIDADO 1º SEMESTRE Telecom.xlsm</t>
  </si>
  <si>
    <t>E:\Gisele (Todos os arquivos)\INDICADORES CAT SESMT 2019 - CONSOLIDADO 1º SEMESTRE Telecom.xlsm</t>
  </si>
  <si>
    <t>10/18/2019 13:30:18</t>
  </si>
  <si>
    <t>Rascunho acidentes José Mário .xlsx</t>
  </si>
  <si>
    <t>E:\Gisele (Todos os arquivos)\Rascunho acidentes José Mário .xlsx</t>
  </si>
  <si>
    <t>10/18/2019 13:31:48</t>
  </si>
  <si>
    <t>RC Set 2019.xlsx</t>
  </si>
  <si>
    <t>E:\Gisele (Todos os arquivos)\RC Set 2019.xlsx</t>
  </si>
  <si>
    <t>10/18/2019 13:31:52</t>
  </si>
  <si>
    <t>RESUMO-ATUALIZAÇÃO-NR-01.xlsx</t>
  </si>
  <si>
    <t>E:\Gisele (Todos os arquivos)\RESUMO-ATUALIZAÇÃO-NR-01.xlsx</t>
  </si>
  <si>
    <t>SESMT - Vidas e Licenças (outubro_2019).xlsx</t>
  </si>
  <si>
    <t>E:\Gisele (Todos os arquivos)\SESMT - Vidas e Licenças (outubro_2019).xlsx</t>
  </si>
  <si>
    <t>Template_Materiais_Escritorio_Informatica.xlsx</t>
  </si>
  <si>
    <t>E:\Gisele (Todos os arquivos)\Template_Materiais_Escritorio_Informatica.xlsx</t>
  </si>
  <si>
    <t>10/18/2019 13:31:53</t>
  </si>
  <si>
    <t>C:\Gisele (Todos os arquivos)\1 Gisele\</t>
  </si>
  <si>
    <t>01 VALE TRANSPORTE.xlsx</t>
  </si>
  <si>
    <t>E:\Gisele (Todos os arquivos)\1 Gisele\01 VALE TRANSPORTE.xlsx</t>
  </si>
  <si>
    <t>11-09-17 Turma 1.xlsx</t>
  </si>
  <si>
    <t>E:\Gisele (Todos os arquivos)\1 Gisele\11-09-17 Turma 1.xlsx</t>
  </si>
  <si>
    <t>10/18/2019 13:31:58</t>
  </si>
  <si>
    <t>Atividades Gisele (2).xlsx</t>
  </si>
  <si>
    <t>E:\Gisele (Todos os arquivos)\1 Gisele\Atividades Gisele (2).xlsx</t>
  </si>
  <si>
    <t>Atividades Gisele .xlsx</t>
  </si>
  <si>
    <t>E:\Gisele (Todos os arquivos)\1 Gisele\Atividades Gisele .xlsx</t>
  </si>
  <si>
    <t>10/18/2019 13:31:59</t>
  </si>
  <si>
    <t>Auditoria das NR's - Compilado.xlsx</t>
  </si>
  <si>
    <t>E:\Gisele (Todos os arquivos)\1 Gisele\Auditoria das NR's - Compilado.xlsx</t>
  </si>
  <si>
    <t>Auditoria Documental SSMA PPRA.xlsx</t>
  </si>
  <si>
    <t>E:\Gisele (Todos os arquivos)\1 Gisele\Auditoria Documental SSMA PPRA.xlsx</t>
  </si>
  <si>
    <t>Auditoria dos Processos de CIPA Algar Tech, TI e Engeset (FPW) 1.xlsx</t>
  </si>
  <si>
    <t>E:\Gisele (Todos os arquivos)\1 Gisele\Auditoria dos Processos de CIPA Algar Tech, TI e Engeset (FPW) 1.xlsx</t>
  </si>
  <si>
    <t>Auditoria janeiro (enviado por Meirielen).xlsx</t>
  </si>
  <si>
    <t>E:\Gisele (Todos os arquivos)\1 Gisele\Auditoria janeiro (enviado por Meirielen).xlsx</t>
  </si>
  <si>
    <t>10/18/2019 13:32:00</t>
  </si>
  <si>
    <t>AUDITORIA NR'S prazos e responsáveis.xlsx</t>
  </si>
  <si>
    <t>E:\Gisele (Todos os arquivos)\1 Gisele\AUDITORIA NR'S prazos e responsáveis.xlsx</t>
  </si>
  <si>
    <t>Auditoria PPRA 2018-2019 (Em andamento).xlsx</t>
  </si>
  <si>
    <t>E:\Gisele (Todos os arquivos)\1 Gisele\Auditoria PPRA 2018-2019 (Em andamento).xlsx</t>
  </si>
  <si>
    <t>Auditoria Uberaba 2017.xlsx</t>
  </si>
  <si>
    <t>E:\Gisele (Todos os arquivos)\1 Gisele\Auditoria Uberaba 2017.xlsx</t>
  </si>
  <si>
    <t>10/18/2019 13:32:06</t>
  </si>
  <si>
    <t>Cad - Profisionais.xlsx</t>
  </si>
  <si>
    <t>E:\Gisele (Todos os arquivos)\1 Gisele\Cad - Profisionais.xlsx</t>
  </si>
  <si>
    <t>Cargos e O.S.xlsx</t>
  </si>
  <si>
    <t>E:\Gisele (Todos os arquivos)\1 Gisele\Cargos e O.S.xlsx</t>
  </si>
  <si>
    <t>Cargos Executivos.xlsx</t>
  </si>
  <si>
    <t>E:\Gisele (Todos os arquivos)\1 Gisele\Cargos Executivos.xlsx</t>
  </si>
  <si>
    <t>Cargos para Indicador Acidentes.xlsx</t>
  </si>
  <si>
    <t>E:\Gisele (Todos os arquivos)\1 Gisele\Cargos para Indicador Acidentes.xlsx</t>
  </si>
  <si>
    <t>10/18/2019 13:32:09</t>
  </si>
  <si>
    <t>CDI e SHOPPING.xlsx</t>
  </si>
  <si>
    <t>E:\Gisele (Todos os arquivos)\1 Gisele\CDI e SHOPPING.xlsx</t>
  </si>
  <si>
    <t>Consolidado Indicadores de Acidentes.xls</t>
  </si>
  <si>
    <t>E:\Gisele (Todos os arquivos)\1 Gisele\Consolidado Indicadores de Acidentes.xls</t>
  </si>
  <si>
    <t>Contestação FAP - CATs.xlsx</t>
  </si>
  <si>
    <t>E:\Gisele (Todos os arquivos)\1 Gisele\Contestação FAP - CATs.xlsx</t>
  </si>
  <si>
    <t>10/18/2019 13:32:10</t>
  </si>
  <si>
    <t>Contestação FAP B91(Atualizada por Gisele 23-10-17).xlsx</t>
  </si>
  <si>
    <t>E:\Gisele (Todos os arquivos)\1 Gisele\Contestação FAP B91(Atualizada por Gisele 23-10-17).xlsx</t>
  </si>
  <si>
    <t>Controle de Férias DTH_oficial.xlsx</t>
  </si>
  <si>
    <t>E:\Gisele (Todos os arquivos)\1 Gisele\Controle de Férias DTH_oficial.xlsx</t>
  </si>
  <si>
    <t>10/18/2019 13:32:15</t>
  </si>
  <si>
    <t>Controle-de-Atividades-2.0.xlsx</t>
  </si>
  <si>
    <t>E:\Gisele (Todos os arquivos)\1 Gisele\Controle-de-Atividades-2.0.xlsx</t>
  </si>
  <si>
    <t>Cronograma de acordo com PPRA's.xlsx</t>
  </si>
  <si>
    <t>E:\Gisele (Todos os arquivos)\1 Gisele\Cronograma de acordo com PPRA's.xlsx</t>
  </si>
  <si>
    <t>Cronograma de Avaliações.xlsx</t>
  </si>
  <si>
    <t>E:\Gisele (Todos os arquivos)\1 Gisele\Cronograma de Avaliações.xlsx</t>
  </si>
  <si>
    <t>10/18/2019 13:32:16</t>
  </si>
  <si>
    <t>Cópia de Auditoria SESMT ALGAR TECH.xlsx</t>
  </si>
  <si>
    <t>E:\Gisele (Todos os arquivos)\1 Gisele\Cópia de Auditoria SESMT ALGAR TECH.xlsx</t>
  </si>
  <si>
    <t>Cópia de FAP 2018_novo.xlsx</t>
  </si>
  <si>
    <t>E:\Gisele (Todos os arquivos)\1 Gisele\Cópia de FAP 2018_novo.xlsx</t>
  </si>
  <si>
    <t>Dados das Ordens de Serviços.xlsx</t>
  </si>
  <si>
    <t>E:\Gisele (Todos os arquivos)\1 Gisele\Dados das Ordens de Serviços.xlsx</t>
  </si>
  <si>
    <t>10/18/2019 13:32:17</t>
  </si>
  <si>
    <t>Documentos para Auditoria da Holding.xlsx</t>
  </si>
  <si>
    <t>E:\Gisele (Todos os arquivos)\1 Gisele\Documentos para Auditoria da Holding.xlsx</t>
  </si>
  <si>
    <t>10/18/2019 13:32:18</t>
  </si>
  <si>
    <t>Em branco.xlsx</t>
  </si>
  <si>
    <t>E:\Gisele (Todos os arquivos)\1 Gisele\Em branco.xlsx</t>
  </si>
  <si>
    <t>10/18/2019 13:32:20</t>
  </si>
  <si>
    <t>E:\Gisele (Todos os arquivos)\1 Gisele\Formulario_Avaliacao_Contratacao.xlsx</t>
  </si>
  <si>
    <t>Formulário - Ficha de Entrega EPI.xlsx</t>
  </si>
  <si>
    <t>E:\Gisele (Todos os arquivos)\1 Gisele\Formulário - Ficha de Entrega EPI.xlsx</t>
  </si>
  <si>
    <t>10/18/2019 13:32:30</t>
  </si>
  <si>
    <t>Formulário de Investigação de Acidente.xlsx</t>
  </si>
  <si>
    <t>E:\Gisele (Todos os arquivos)\1 Gisele\Formulário de Investigação de Acidente.xlsx</t>
  </si>
  <si>
    <t>10/18/2019 13:32:31</t>
  </si>
  <si>
    <t>Formulário OBZ .xlsx</t>
  </si>
  <si>
    <t>E:\Gisele (Todos os arquivos)\1 Gisele\Formulário OBZ .xlsx</t>
  </si>
  <si>
    <t>10/18/2019 13:32:32</t>
  </si>
  <si>
    <t>Gisele - Cronograma revisão documentação.xlsx</t>
  </si>
  <si>
    <t>E:\Gisele (Todos os arquivos)\1 Gisele\Gisele - Cronograma revisão documentação.xlsx</t>
  </si>
  <si>
    <t>10/18/2019 13:29:30</t>
  </si>
  <si>
    <t>Caderno 1 - Proposta Alternativa - 02.c. Planilha da Negociação_Processo40137735I Algar.xlsx</t>
  </si>
  <si>
    <t>10/18/2019 13:34:57</t>
  </si>
  <si>
    <t>10/18/2019 13:39:54</t>
  </si>
  <si>
    <t>/o=exchangelabs/ou=exchange administrative group (fydibohf23spdlt)/cn=recipients/cn=1698f5af44b14116ad2d0b751d584c7d-danilo rafa;/o=exchangelabs/ou=exchange administrative group (fydibohf23spdlt)/cn=recipients/cn=1867d5fca12044e08946537995369baf-diego rodri;/o=exchangelabs/ou=exchange administrative group (fydibohf23spdlt)/cn=recipients/cn=68e6aa2e3fef4ccaba997d98294c9ed5-cristina he;/o=exchangelabs/ou=exchange administrative group (fydibohf23spdlt)/cn=recipients/cn=a4ba92cba10f4fe498074594f937f3b6-leandro lop;/o=exchangelabs/ou=exchange administrative group (fydibohf23spdlt)/cn=recipients/cn=b60c7f02b7944b639da5c2f90b0fe2f5-diogo soare;/o=exchangelabs/ou=exchange administrative group (fydibohf23spdlt)/cn=recipients/cn=d3d28899a5be4c2c8b5b9e55717f7da7-fabio ribei;/o=exchangelabs/ou=exchange administrative group (fydibohf23spdlt)/cn=recipients/cn=f45617401bdf436baf70c45766699413-frederico b;</t>
  </si>
  <si>
    <t>RES: ## STATUS - TURMA 05 BRIGADA ORGANICA/SITE SEDE##</t>
  </si>
  <si>
    <t>3Escala de brigada 2019.xlsx</t>
  </si>
  <si>
    <t>/o=exchangelabs/ou=exchange administrative group (fydibohf23spdlt)/cn=recipients/cn=1698f5af44b14116ad2d0b751d584c7d-danilo rafa,/o=exchangelabs/ou=exchange administrative group (fydibohf23spdlt)/cn=recipients/cn=1867d5fca12044e08946537995369baf-diego rodri,/o=exchangelabs/ou=exchange administrative group (fydibohf23spdlt)/cn=recipients/cn=68e6aa2e3fef4ccaba997d98294c9ed5-cristina he,/o=exchangelabs/ou=exchange administrative group (fydibohf23spdlt)/cn=recipients/cn=a4ba92cba10f4fe498074594f937f3b6-leandro lop,/o=exchangelabs/ou=exchange administrative group (fydibohf23spdlt)/cn=recipients/cn=b60c7f02b7944b639da5c2f90b0fe2f5-diogo soare,/o=exchangelabs/ou=exchange administrative group (fydibohf23spdlt)/cn=recipients/cn=d3d28899a5be4c2c8b5b9e55717f7da7-fabio ribei,/o=exchangelabs/ou=exchange administrative group (fydibohf23spdlt)/cn=recipients/cn=f45617401bdf436baf70c45766699413-frederico b</t>
  </si>
  <si>
    <t>10/18/2019 13:39:58</t>
  </si>
  <si>
    <t>10/18/2019 13:43:55</t>
  </si>
  <si>
    <t>Gráficos-Adicionais-Material-Apoio.xlsx</t>
  </si>
  <si>
    <t>E:\Gisele (Todos os arquivos)\1 Gisele\Gráficos-Adicionais-Material-Apoio.xlsx</t>
  </si>
  <si>
    <t>10/18/2019 13:40:02</t>
  </si>
  <si>
    <t>Lançamento objetivos - portal.xlsx</t>
  </si>
  <si>
    <t>E:\Gisele (Todos os arquivos)\1 Gisele\Lançamento objetivos - portal.xlsx</t>
  </si>
  <si>
    <t>10/18/2019 13:40:05</t>
  </si>
  <si>
    <t>Lista de Presença - Algar Tech.xlsx</t>
  </si>
  <si>
    <t>E:\Gisele (Todos os arquivos)\1 Gisele\Lista de Presença - Algar Tech.xlsx</t>
  </si>
  <si>
    <t>10/18/2019 13:40:06</t>
  </si>
  <si>
    <t>Lista de presença NR17 EM BRANCO.xlsx</t>
  </si>
  <si>
    <t>E:\Gisele (Todos os arquivos)\1 Gisele\Lista de presença NR17 EM BRANCO.xlsx</t>
  </si>
  <si>
    <t>Lista de Presença NR17.xlsx</t>
  </si>
  <si>
    <t>E:\Gisele (Todos os arquivos)\1 Gisele\Lista de Presença NR17.xlsx</t>
  </si>
  <si>
    <t>Lista Mestra documentos SGA.xlsx</t>
  </si>
  <si>
    <t>E:\Gisele (Todos os arquivos)\1 Gisele\Lista Mestra documentos SGA.xlsx</t>
  </si>
  <si>
    <t>10/18/2019 13:40:07</t>
  </si>
  <si>
    <t>Meirielen Auditoria dos Processos corrigido.xlsx</t>
  </si>
  <si>
    <t>E:\Gisele (Todos os arquivos)\1 Gisele\Meirielen Auditoria dos Processos corrigido.xlsx</t>
  </si>
  <si>
    <t>Meirielen PENDENCIAS Auditoria Documental SSMA CIPA (1).xlsx</t>
  </si>
  <si>
    <t>E:\Gisele (Todos os arquivos)\1 Gisele\Meirielen PENDENCIAS Auditoria Documental SSMA CIPA (1).xlsx</t>
  </si>
  <si>
    <t>10/18/2019 13:40:09</t>
  </si>
  <si>
    <t>PLANILHA DE RECADASTRO DE USUÁRIOS VANS 2017.xlsx</t>
  </si>
  <si>
    <t>E:\Gisele (Todos os arquivos)\1 Gisele\PLANILHA DE RECADASTRO DE USUÁRIOS VANS 2017.xlsx</t>
  </si>
  <si>
    <t>PLANILHA SCJ.xlsx</t>
  </si>
  <si>
    <t>E:\Gisele (Todos os arquivos)\1 Gisele\PLANILHA SCJ.xlsx</t>
  </si>
  <si>
    <t>Ponto acompanhamento diário.xlsx</t>
  </si>
  <si>
    <t>E:\Gisele (Todos os arquivos)\1 Gisele\Ponto acompanhamento diário.xlsx</t>
  </si>
  <si>
    <t>10/18/2019 13:40:12</t>
  </si>
  <si>
    <t>PT.xlsx</t>
  </si>
  <si>
    <t>E:\Gisele (Todos os arquivos)\1 Gisele\PT.xlsx</t>
  </si>
  <si>
    <t>10/18/2019 13:40:13</t>
  </si>
  <si>
    <t>Questionario - R1.xlsx</t>
  </si>
  <si>
    <t>E:\Gisele (Todos os arquivos)\1 Gisele\Questionario - R1.xlsx</t>
  </si>
  <si>
    <t>10/18/2019 13:40:14</t>
  </si>
  <si>
    <t>Relação de atividades desempenhadas.xlsx</t>
  </si>
  <si>
    <t>E:\Gisele (Todos os arquivos)\1 Gisele\Relação de atividades desempenhadas.xlsx</t>
  </si>
  <si>
    <t>Relação de CAT's Acidentes de Trajeto - Ano 2011.xlsx</t>
  </si>
  <si>
    <t>E:\Gisele (Todos os arquivos)\1 Gisele\Relação de CAT's Acidentes de Trajeto - Ano 2011.xlsx</t>
  </si>
  <si>
    <t>10/18/2019 13:40:16</t>
  </si>
  <si>
    <t>SESMT por regional.xlsx</t>
  </si>
  <si>
    <t>E:\Gisele (Todos os arquivos)\1 Gisele\SESMT por regional.xlsx</t>
  </si>
  <si>
    <t>10/18/2019 13:40:30</t>
  </si>
  <si>
    <t>C:\Gisele (Todos os arquivos)\1 Gisele\SSMA - apresentação Olivar .pptx2.pptx\</t>
  </si>
  <si>
    <t>E:\Gisele (Todos os arquivos)\1 Gisele\SSMA - apresentação Olivar .pptx2.pptx</t>
  </si>
  <si>
    <t>10/18/2019 13:40:33</t>
  </si>
  <si>
    <t>Status Documentos.xlsx</t>
  </si>
  <si>
    <t>E:\Gisele (Todos os arquivos)\1 Gisele\Status Documentos.xlsx</t>
  </si>
  <si>
    <t>Template Criação de NOVOS LOCAIS DE TRABALHO NO FPW.xlsx</t>
  </si>
  <si>
    <t>E:\Gisele (Todos os arquivos)\1 Gisele\Template Criação de NOVOS LOCAIS DE TRABALHO NO FPW.xlsx</t>
  </si>
  <si>
    <t>Template Criação_Alteração_ Cargo.xlsx</t>
  </si>
  <si>
    <t>E:\Gisele (Todos os arquivos)\1 Gisele\Template Criação_Alteração_ Cargo.xlsx</t>
  </si>
  <si>
    <t>10/18/2019 13:40:58</t>
  </si>
  <si>
    <t>C:\Gisele (Todos os arquivos)\1 Gisele\Treinamentos.rar\Treinamentos\NR17 Treinamentos Algar Tech\CAPACITAÃ‡ÃƒO NR-17\NR17 - IMPRIMIR\29.02.16 Tarde\</t>
  </si>
  <si>
    <t>NR17.xlsx</t>
  </si>
  <si>
    <t>E:\Gisele (Todos os arquivos)\1 Gisele\Treinamentos.rar</t>
  </si>
  <si>
    <t>C:\Gisele (Todos os arquivos)\1 Gisele\Treinamentos.rar\Treinamentos\NR17 Treinamentos Algar Tech\CAPACITAÃ‡ÃƒO NR-17\NR17 - IMPRIMIR\</t>
  </si>
  <si>
    <t>Lista de PresenÃ§a CAPACITAÃ‡ÃƒO.xls</t>
  </si>
  <si>
    <t>Lista de PresenÃ§a Larisa NR1728.06.xlsx</t>
  </si>
  <si>
    <t>TURMA BIANCA 23.06.xlsx</t>
  </si>
  <si>
    <t>TURMA CASSIA 20.06.xlsx</t>
  </si>
  <si>
    <t>TURMA HYONARA 22.06.xlsx</t>
  </si>
  <si>
    <t>C:\Gisele (Todos os arquivos)\1 Gisele\Treinamentos.rar\Treinamentos\NR17 Treinamentos Algar Tech\INTEGRAÃ‡ÃƒO DE STAFF\</t>
  </si>
  <si>
    <t>Cronograma IntegraÃ§Ã£o 2016.xlsx</t>
  </si>
  <si>
    <t>Lista de PresenÃ§a STAFF.xls</t>
  </si>
  <si>
    <t>10/18/2019 13:41:05</t>
  </si>
  <si>
    <t>C:\Gisele (Todos os arquivos)\1 Gisele\0 GISELE IMPORTANTE\</t>
  </si>
  <si>
    <t>Contabilidade Apto Caldas Novas (2017_2019).xls</t>
  </si>
  <si>
    <t>E:\Gisele (Todos os arquivos)\1 Gisele\0 GISELE IMPORTANTE\Contabilidade Apto Caldas Novas (2017_2019).xls</t>
  </si>
  <si>
    <t>C:\Gisele (Todos os arquivos)\1 Gisele\0 GISELE IMPORTANTE\CIPA's SCJ\</t>
  </si>
  <si>
    <t>Controle dos processos de CIPA SCJ.xlsx</t>
  </si>
  <si>
    <t>E:\Gisele (Todos os arquivos)\1 Gisele\0 GISELE IMPORTANTE\CIPA's SCJ\Controle dos processos de CIPA SCJ.xlsx</t>
  </si>
  <si>
    <t>Planilha de controle de vencimentos de PPRA's SCJ.xlsx</t>
  </si>
  <si>
    <t>E:\Gisele (Todos os arquivos)\1 Gisele\0 GISELE IMPORTANTE\CIPA's SCJ\Planilha de controle de vencimentos de PPRA's SCJ.xlsx</t>
  </si>
  <si>
    <t>C:\Gisele (Todos os arquivos)\1 Gisele\0 GISELE IMPORTANTE\CIPA's SCJ\1 CIPA MODELOS\</t>
  </si>
  <si>
    <t>0 CIPA Calcular datas (SCJ).xls</t>
  </si>
  <si>
    <t>E:\Gisele (Todos os arquivos)\1 Gisele\0 GISELE IMPORTANTE\CIPA's SCJ\1 CIPA MODELOS\0 CIPA Calcular datas (SCJ).xls</t>
  </si>
  <si>
    <t>10/18/2019 13:41:06</t>
  </si>
  <si>
    <t>0 CIPA Calcular datas.xls</t>
  </si>
  <si>
    <t>E:\Gisele (Todos os arquivos)\1 Gisele\0 GISELE IMPORTANTE\CIPA's SCJ\1 CIPA MODELOS\0 CIPA Calcular datas.xls</t>
  </si>
  <si>
    <t>10/18/2019 13:41:08</t>
  </si>
  <si>
    <t>7 - CÉDULAS DE VOTAÇÃO.xls</t>
  </si>
  <si>
    <t>E:\Gisele (Todos os arquivos)\1 Gisele\0 GISELE IMPORTANTE\CIPA's SCJ\1 CIPA MODELOS\7 - CÉDULAS DE VOTAÇÃO.xls</t>
  </si>
  <si>
    <t>10/18/2019 13:41:09</t>
  </si>
  <si>
    <t>LISTA DE PRESENÇA NO CURSO DE CIPA.xlsx</t>
  </si>
  <si>
    <t>E:\Gisele (Todos os arquivos)\1 Gisele\0 GISELE IMPORTANTE\CIPA's SCJ\1 CIPA MODELOS\LISTA DE PRESENÇA NO CURSO DE CIPA.xlsx</t>
  </si>
  <si>
    <t>10/18/2019 13:41:11</t>
  </si>
  <si>
    <t>E:\Gisele (Todos os arquivos)\1 Gisele\0 GISELE IMPORTANTE\CIPA's SCJ\1 CIPA MODELOS\0 Informativos e outros\00 SCJ\PLANILHA SCJ.xlsx</t>
  </si>
  <si>
    <t>10/18/2019 13:41:14</t>
  </si>
  <si>
    <t>C:\Gisele (Todos os arquivos)\1 Gisele\0 GISELE IMPORTANTE\CIPA's SCJ\Badião\CIPA BADIÃO 2017_2018\</t>
  </si>
  <si>
    <t>E:\Gisele (Todos os arquivos)\1 Gisele\0 GISELE IMPORTANTE\CIPA's SCJ\Badião\CIPA BADIÃO 2017_2018\7 - CÉDULAS DE VOTAÇÃO.xls</t>
  </si>
  <si>
    <t>10/18/2019 13:41:15</t>
  </si>
  <si>
    <t>9 - LISTA DE PRESENÇA NO CURSO DE CIPA.xlsx</t>
  </si>
  <si>
    <t>E:\Gisele (Todos os arquivos)\1 Gisele\0 GISELE IMPORTANTE\CIPA's SCJ\Badião\CIPA BADIÃO 2017_2018\9 - LISTA DE PRESENÇA NO CURSO DE CIPA.xlsx</t>
  </si>
  <si>
    <t>10/18/2019 13:41:17</t>
  </si>
  <si>
    <t>C:\Gisele (Todos os arquivos)\1 Gisele\0 GISELE IMPORTANTE\CIPA's SCJ\Badião\CIPA BADIÃO 2018_2019\</t>
  </si>
  <si>
    <t>E:\Gisele (Todos os arquivos)\1 Gisele\0 GISELE IMPORTANTE\CIPA's SCJ\Badião\CIPA BADIÃO 2018_2019\7 - CÉDULAS DE VOTAÇÃO.xls</t>
  </si>
  <si>
    <t>E:\Gisele (Todos os arquivos)\1 Gisele\0 GISELE IMPORTANTE\CIPA's SCJ\Badião\CIPA BADIÃO 2018_2019\9 - LISTA DE PRESENÇA NO CURSO DE CIPA.xlsx</t>
  </si>
  <si>
    <t>10/18/2019 13:41:20</t>
  </si>
  <si>
    <t>E:\Gisele (Todos os arquivos)\1 Gisele\0 GISELE IMPORTANTE\CIPA's SCJ\Badião Surpresa\CIPA BADIÃO SURPRESA 2017_2018\7 - CÉDULAS DE VOTAÇÃO.xls</t>
  </si>
  <si>
    <t>E:\Gisele (Todos os arquivos)\1 Gisele\0 GISELE IMPORTANTE\CIPA's SCJ\Badião Surpresa\CIPA BADIÃO SURPRESA 2017_2018\9 - LISTA DE PRESENÇA NO CURSO DE CIPA.xlsx</t>
  </si>
  <si>
    <t>10/18/2019 13:41:22</t>
  </si>
  <si>
    <t>E:\Gisele (Todos os arquivos)\1 Gisele\0 GISELE IMPORTANTE\CIPA's SCJ\Badião Surpresa\CIPA BADIÃO SURPRESA 2018_2019 (novo)\7 - CÉDULAS DE VOTAÇÃO.xls</t>
  </si>
  <si>
    <t>E:\Gisele (Todos os arquivos)\1 Gisele\0 GISELE IMPORTANTE\CIPA's SCJ\Badião Surpresa\CIPA BADIÃO SURPRESA 2018_2019 (novo)\9 - LISTA DE PRESENÇA NO CURSO DE CIPA.xlsx</t>
  </si>
  <si>
    <t>10/18/2019 13:41:24</t>
  </si>
  <si>
    <t>E:\Gisele (Todos os arquivos)\1 Gisele\0 GISELE IMPORTANTE\CIPA's SCJ\Badião Surpresa\CIPA BADIÃO SURPRESA 2018_2019 (não usou, pq não foi autorizado)\7 - CÉDULAS DE VOTAÇÃO.xls</t>
  </si>
  <si>
    <t>E:\Gisele (Todos os arquivos)\1 Gisele\0 GISELE IMPORTANTE\CIPA's SCJ\Badião Surpresa\CIPA BADIÃO SURPRESA 2018_2019 (não usou, pq não foi autorizado)\9 - LISTA DE PRESENÇA NO CURSO DE CIPA.xlsx</t>
  </si>
  <si>
    <t>10/18/2019 13:41:26</t>
  </si>
  <si>
    <t>C:\Gisele (Todos os arquivos)\1 Gisele\0 GISELE IMPORTANTE\CIPA's SCJ\Brasbag\CIPA BRASBAG 2016_2017\</t>
  </si>
  <si>
    <t>E:\Gisele (Todos os arquivos)\1 Gisele\0 GISELE IMPORTANTE\CIPA's SCJ\Brasbag\CIPA BRASBAG 2016_2017\7 - CÉDULAS DE VOTAÇÃO.xls</t>
  </si>
  <si>
    <t>E:\Gisele (Todos os arquivos)\1 Gisele\0 GISELE IMPORTANTE\CIPA's SCJ\Brasbag\CIPA BRASBAG 2016_2017\9 - LISTA DE PRESENÇA NO CURSO DE CIPA.xlsx</t>
  </si>
  <si>
    <t>10/18/2019 13:41:28</t>
  </si>
  <si>
    <t>C:\Gisele (Todos os arquivos)\1 Gisele\0 GISELE IMPORTANTE\CIPA's SCJ\Brasbag\CIPA BRASBAG 2018_2019\</t>
  </si>
  <si>
    <t>E:\Gisele (Todos os arquivos)\1 Gisele\0 GISELE IMPORTANTE\CIPA's SCJ\Brasbag\CIPA BRASBAG 2018_2019\7 - CÉDULAS DE VOTAÇÃO.xls</t>
  </si>
  <si>
    <t>E:\Gisele (Todos os arquivos)\1 Gisele\0 GISELE IMPORTANTE\CIPA's SCJ\Brasbag\CIPA BRASBAG 2018_2019\9 - LISTA DE PRESENÇA NO CURSO DE CIPA.xlsx</t>
  </si>
  <si>
    <t>10/18/2019 13:41:29</t>
  </si>
  <si>
    <t>C:\Gisele (Todos os arquivos)\1 Gisele\0 GISELE IMPORTANTE\CIPA's SCJ\Brasbag\CIPA BRASBAG 2019_2020\</t>
  </si>
  <si>
    <t>E:\Gisele (Todos os arquivos)\1 Gisele\0 GISELE IMPORTANTE\CIPA's SCJ\Brasbag\CIPA BRASBAG 2019_2020\7 - CÉDULAS DE VOTAÇÃO.xls</t>
  </si>
  <si>
    <t>10/18/2019 13:41:30</t>
  </si>
  <si>
    <t>E:\Gisele (Todos os arquivos)\1 Gisele\0 GISELE IMPORTANTE\CIPA's SCJ\Brasbag\CIPA BRASBAG 2019_2020\9 - LISTA DE PRESENÇA NO CURSO DE CIPA.xlsx</t>
  </si>
  <si>
    <t>10/18/2019 13:41:31</t>
  </si>
  <si>
    <t>C:\Gisele (Todos os arquivos)\1 Gisele\0 GISELE IMPORTANTE\CIPA's SCJ\Brascafé\CIPA BRASCAFÉ 2017_2018\</t>
  </si>
  <si>
    <t>E:\Gisele (Todos os arquivos)\1 Gisele\0 GISELE IMPORTANTE\CIPA's SCJ\Brascafé\CIPA BRASCAFÉ 2017_2018\7 - CÉDULAS DE VOTAÇÃO.xls</t>
  </si>
  <si>
    <t>E:\Gisele (Todos os arquivos)\1 Gisele\0 GISELE IMPORTANTE\CIPA's SCJ\Brascafé\CIPA BRASCAFÉ 2017_2018\9 - LISTA DE PRESENÇA NO CURSO DE CIPA.xlsx</t>
  </si>
  <si>
    <t>10/18/2019 13:41:33</t>
  </si>
  <si>
    <t>C:\Gisele (Todos os arquivos)\1 Gisele\0 GISELE IMPORTANTE\CIPA's SCJ\Brascafé\CIPA BRASCAFÉ 2018_2019\</t>
  </si>
  <si>
    <t>E:\Gisele (Todos os arquivos)\1 Gisele\0 GISELE IMPORTANTE\CIPA's SCJ\Brascafé\CIPA BRASCAFÉ 2018_2019\7 - CÉDULAS DE VOTAÇÃO.xls</t>
  </si>
  <si>
    <t>E:\Gisele (Todos os arquivos)\1 Gisele\0 GISELE IMPORTANTE\CIPA's SCJ\Brascafé\CIPA BRASCAFÉ 2018_2019\9 - LISTA DE PRESENÇA NO CURSO DE CIPA.xlsx</t>
  </si>
  <si>
    <t>10/18/2019 13:41:34</t>
  </si>
  <si>
    <t>C:\Gisele (Todos os arquivos)\1 Gisele\0 GISELE IMPORTANTE\CIPA's SCJ\Hospital Santo Antônio\CIPA HOSPITAL SANTO ANTÔNIO 2017_2018\</t>
  </si>
  <si>
    <t>E:\Gisele (Todos os arquivos)\1 Gisele\0 GISELE IMPORTANTE\CIPA's SCJ\Hospital Santo Antônio\CIPA HOSPITAL SANTO ANTÔNIO 2017_2018\7 - CÉDULAS DE VOTAÇÃO.xls</t>
  </si>
  <si>
    <t>10/18/2019 13:41:35</t>
  </si>
  <si>
    <t>E:\Gisele (Todos os arquivos)\1 Gisele\0 GISELE IMPORTANTE\CIPA's SCJ\Hospital Santo Antônio\CIPA HOSPITAL SANTO ANTÔNIO 2017_2018\9 - LISTA DE PRESENÇA NO CURSO DE CIPA.xlsx</t>
  </si>
  <si>
    <t>10/18/2019 13:41:36</t>
  </si>
  <si>
    <t>C:\Gisele (Todos os arquivos)\1 Gisele\0 GISELE IMPORTANTE\CIPA's SCJ\Hospital Santo Antônio\CIPA HOSPITAL SANTO ANTÔNIO 2018_2019 (foi realizado)\</t>
  </si>
  <si>
    <t>E:\Gisele (Todos os arquivos)\1 Gisele\0 GISELE IMPORTANTE\CIPA's SCJ\Hospital Santo Antônio\CIPA HOSPITAL SANTO ANTÔNIO 2018_2019 (foi realizado)\7 - CÉDULAS DE VOTAÇÃO.xls</t>
  </si>
  <si>
    <t>E:\Gisele (Todos os arquivos)\1 Gisele\0 GISELE IMPORTANTE\CIPA's SCJ\Hospital Santo Antônio\CIPA HOSPITAL SANTO ANTÔNIO 2018_2019 (foi realizado)\9 - LISTA DE PRESENÇA NO CURSO DE CIPA.xlsx</t>
  </si>
  <si>
    <t>10/18/2019 13:41:37</t>
  </si>
  <si>
    <t>C:\Gisele (Todos os arquivos)\1 Gisele\0 GISELE IMPORTANTE\CIPA's SCJ\Hospital Santo Antônio\CIPA HOSPITAL SANTO ANTÔNIO 2018_2019 (não foi realizado)\</t>
  </si>
  <si>
    <t>E:\Gisele (Todos os arquivos)\1 Gisele\0 GISELE IMPORTANTE\CIPA's SCJ\Hospital Santo Antônio\CIPA HOSPITAL SANTO ANTÔNIO 2018_2019 (não foi realizado)\7 - CÉDULAS DE VOTAÇÃO.xls</t>
  </si>
  <si>
    <t>10/18/2019 13:41:38</t>
  </si>
  <si>
    <t>E:\Gisele (Todos os arquivos)\1 Gisele\0 GISELE IMPORTANTE\CIPA's SCJ\Hospital Santo Antônio\CIPA HOSPITAL SANTO ANTÔNIO 2018_2019 (não foi realizado)\9 - LISTA DE PRESENÇA NO CURSO DE CIPA.xlsx</t>
  </si>
  <si>
    <t>10/18/2019 13:41:40</t>
  </si>
  <si>
    <t>C:\Gisele (Todos os arquivos)\1 Gisele\0 GISELE IMPORTANTE\CIPA's SCJ\Imepac\CIPA IMEPAC 2017_2018\DOCUMENTOS PARA ASSINAR\</t>
  </si>
  <si>
    <t>E:\Gisele (Todos os arquivos)\1 Gisele\0 GISELE IMPORTANTE\CIPA's SCJ\Imepac\CIPA IMEPAC 2017_2018\DOCUMENTOS PARA ASSINAR\7 - CÉDULAS DE VOTAÇÃO.xls</t>
  </si>
  <si>
    <t>E:\Gisele (Todos os arquivos)\1 Gisele\0 GISELE IMPORTANTE\CIPA's SCJ\Imepac\CIPA IMEPAC 2017_2018\DOCUMENTOS PARA ASSINAR\9 - LISTA DE PRESENÇA NO CURSO DE CIPA.xlsx</t>
  </si>
  <si>
    <t>10/18/2019 13:41:41</t>
  </si>
  <si>
    <t>C:\Gisele (Todos os arquivos)\1 Gisele\0 GISELE IMPORTANTE\CIPA's SCJ\Imepac\CIPA IMEPAC 2018_2019\</t>
  </si>
  <si>
    <t>E:\Gisele (Todos os arquivos)\1 Gisele\0 GISELE IMPORTANTE\CIPA's SCJ\Imepac\CIPA IMEPAC 2018_2019\7 - CÉDULAS DE VOTAÇÃO.xls</t>
  </si>
  <si>
    <t>10/18/2019 13:41:42</t>
  </si>
  <si>
    <t>E:\Gisele (Todos os arquivos)\1 Gisele\0 GISELE IMPORTANTE\CIPA's SCJ\Imepac\CIPA IMEPAC 2018_2019\9 - LISTA DE PRESENÇA NO CURSO DE CIPA.xlsx</t>
  </si>
  <si>
    <t>10/18/2019 13:41:43</t>
  </si>
  <si>
    <t>C:\Gisele (Todos os arquivos)\1 Gisele\0 GISELE IMPORTANTE\CIPA's SCJ\Menegon\CIPA MENEGON 2016_2017\</t>
  </si>
  <si>
    <t>E:\Gisele (Todos os arquivos)\1 Gisele\0 GISELE IMPORTANTE\CIPA's SCJ\Menegon\CIPA MENEGON 2016_2017\7 - CÉDULAS DE VOTAÇÃO.xls</t>
  </si>
  <si>
    <t>E:\Gisele (Todos os arquivos)\1 Gisele\0 GISELE IMPORTANTE\CIPA's SCJ\Menegon\CIPA MENEGON 2016_2017\9 - LISTA DE PRESENÇA NO CURSO DE CIPA.xlsx</t>
  </si>
  <si>
    <t>10/18/2019 13:41:44</t>
  </si>
  <si>
    <t>C:\Gisele (Todos os arquivos)\1 Gisele\0 GISELE IMPORTANTE\CIPA's SCJ\Menegon\CIPA MENEGON 2018_2019\</t>
  </si>
  <si>
    <t>E:\Gisele (Todos os arquivos)\1 Gisele\0 GISELE IMPORTANTE\CIPA's SCJ\Menegon\CIPA MENEGON 2018_2019\7 - CÉDULAS DE VOTAÇÃO.xls</t>
  </si>
  <si>
    <t>10/18/2019 13:41:45</t>
  </si>
  <si>
    <t>E:\Gisele (Todos os arquivos)\1 Gisele\0 GISELE IMPORTANTE\CIPA's SCJ\Menegon\CIPA MENEGON 2018_2019\9 - LISTA DE PRESENÇA NO CURSO DE CIPA.xlsx</t>
  </si>
  <si>
    <t>10/18/2019 13:41:46</t>
  </si>
  <si>
    <t>C:\Gisele (Todos os arquivos)\1 Gisele\0 GISELE IMPORTANTE\CIPA's SCJ\Nogan\CIPA NOGAN 2017_2018\</t>
  </si>
  <si>
    <t>E:\Gisele (Todos os arquivos)\1 Gisele\0 GISELE IMPORTANTE\CIPA's SCJ\Nogan\CIPA NOGAN 2017_2018\7 - CÉDULAS DE VOTAÇÃO.xls</t>
  </si>
  <si>
    <t>E:\Gisele (Todos os arquivos)\1 Gisele\0 GISELE IMPORTANTE\CIPA's SCJ\Nogan\CIPA NOGAN 2017_2018\9 - LISTA DE PRESENÇA NO CURSO DE CIPA.xlsx</t>
  </si>
  <si>
    <t>10/18/2019 13:41:48</t>
  </si>
  <si>
    <t>C:\Gisele (Todos os arquivos)\1 Gisele\0 GISELE IMPORTANTE\CIPA's SCJ\Nosso Lar\CIPA NOSSO LAR 2017_2018\</t>
  </si>
  <si>
    <t>E:\Gisele (Todos os arquivos)\1 Gisele\0 GISELE IMPORTANTE\CIPA's SCJ\Nosso Lar\CIPA NOSSO LAR 2017_2018\7 - CÉDULAS DE VOTAÇÃO.xls</t>
  </si>
  <si>
    <t>E:\Gisele (Todos os arquivos)\1 Gisele\0 GISELE IMPORTANTE\CIPA's SCJ\Nosso Lar\CIPA NOSSO LAR 2017_2018\9 - LISTA DE PRESENÇA NO CURSO DE CIPA.xlsx</t>
  </si>
  <si>
    <t>10/18/2019 13:41:50</t>
  </si>
  <si>
    <t>C:\Gisele (Todos os arquivos)\1 Gisele\0 GISELE IMPORTANTE\CIPA's SCJ\RC\CIPA RC 2018_2019\</t>
  </si>
  <si>
    <t>E:\Gisele (Todos os arquivos)\1 Gisele\0 GISELE IMPORTANTE\CIPA's SCJ\RC\CIPA RC 2018_2019\7 - CÉDULAS DE VOTAÇÃO.xls</t>
  </si>
  <si>
    <t>E:\Gisele (Todos os arquivos)\1 Gisele\0 GISELE IMPORTANTE\CIPA's SCJ\RC\CIPA RC 2018_2019\9 - LISTA DE PRESENÇA NO CURSO DE CIPA.xlsx</t>
  </si>
  <si>
    <t>10/18/2019 13:41:51</t>
  </si>
  <si>
    <t>C:\Gisele (Todos os arquivos)\1 Gisele\0 GISELE IMPORTANTE\CIPA's SCJ\RC\CIPA RC 2019_2020\</t>
  </si>
  <si>
    <t>E:\Gisele (Todos os arquivos)\1 Gisele\0 GISELE IMPORTANTE\CIPA's SCJ\RC\CIPA RC 2019_2020\7 - CÉDULAS DE VOTAÇÃO.xls</t>
  </si>
  <si>
    <t>E:\Gisele (Todos os arquivos)\1 Gisele\0 GISELE IMPORTANTE\CIPA's SCJ\RC\CIPA RC 2019_2020\9 - LISTA DE PRESENÇA NO CURSO DE CIPA.xlsx</t>
  </si>
  <si>
    <t>10/18/2019 13:41:54</t>
  </si>
  <si>
    <t>C:\Gisele (Todos os arquivos)\1 Gisele\0 GISELE IMPORTANTE\CIPA's SCJ\Tejotão\CIPA TEJOTÃO 2019_2020\</t>
  </si>
  <si>
    <t>7 - CÉDULAS DE VOTAÇÃO 2019.xls</t>
  </si>
  <si>
    <t>E:\Gisele (Todos os arquivos)\1 Gisele\0 GISELE IMPORTANTE\CIPA's SCJ\Tejotão\CIPA TEJOTÃO 2019_2020\7 - CÉDULAS DE VOTAÇÃO 2019.xls</t>
  </si>
  <si>
    <t>E:\Gisele (Todos os arquivos)\1 Gisele\0 GISELE IMPORTANTE\CIPA's SCJ\Tejotão\CIPA TEJOTÃO 2019_2020\9 - LISTA DE PRESENÇA NO CURSO DE CIPA.xlsx</t>
  </si>
  <si>
    <t>10/18/2019 13:41:55</t>
  </si>
  <si>
    <t>C:\Gisele (Todos os arquivos)\1 Gisele\0 GISELE IMPORTANTE\CIPA's SCJ\União\CIPA UNIÃO 2017_2018\</t>
  </si>
  <si>
    <t>E:\Gisele (Todos os arquivos)\1 Gisele\0 GISELE IMPORTANTE\CIPA's SCJ\União\CIPA UNIÃO 2017_2018\7 - CÉDULAS DE VOTAÇÃO.xls</t>
  </si>
  <si>
    <t>10/18/2019 13:41:56</t>
  </si>
  <si>
    <t>E:\Gisele (Todos os arquivos)\1 Gisele\0 GISELE IMPORTANTE\CIPA's SCJ\União\CIPA UNIÃO 2017_2018\9 - LISTA DE PRESENÇA NO CURSO DE CIPA.xlsx</t>
  </si>
  <si>
    <t>10/18/2019 13:41:57</t>
  </si>
  <si>
    <t>C:\Gisele (Todos os arquivos)\1 Gisele\0 GISELE IMPORTANTE\CIPA's SCJ\União\CIPA UNIÃO 2018_2019\</t>
  </si>
  <si>
    <t>E:\Gisele (Todos os arquivos)\1 Gisele\0 GISELE IMPORTANTE\CIPA's SCJ\União\CIPA UNIÃO 2018_2019\7 - CÉDULAS DE VOTAÇÃO.xls</t>
  </si>
  <si>
    <t>E:\Gisele (Todos os arquivos)\1 Gisele\0 GISELE IMPORTANTE\CIPA's SCJ\União\CIPA UNIÃO 2018_2019\9 - LISTA DE PRESENÇA NO CURSO DE CIPA.xlsx</t>
  </si>
  <si>
    <t>10/18/2019 13:41:58</t>
  </si>
  <si>
    <t>E:\Gisele (Todos os arquivos)\1 Gisele\0 GISELE IMPORTANTE\CIPA's SCJ\União Ferreira\CIPA UNIÃO FERREIRA 2017_2018\7 - CÉDULAS DE VOTAÇÃO.xls</t>
  </si>
  <si>
    <t>10/18/2019 13:41:59</t>
  </si>
  <si>
    <t>E:\Gisele (Todos os arquivos)\1 Gisele\0 GISELE IMPORTANTE\CIPA's SCJ\União Ferreira\CIPA UNIÃO FERREIRA 2017_2018\9 - LISTA DE PRESENÇA NO CURSO DE CIPA.xlsx</t>
  </si>
  <si>
    <t>10/18/2019 13:42:00</t>
  </si>
  <si>
    <t>E:\Gisele (Todos os arquivos)\1 Gisele\0 GISELE IMPORTANTE\CIPA's SCJ\União Ferreira\CIPA UNIÃO FERREIRA 2018_2019\7 - CÉDULAS DE VOTAÇÃO.xls</t>
  </si>
  <si>
    <t>10/18/2019 13:42:01</t>
  </si>
  <si>
    <t>E:\Gisele (Todos os arquivos)\1 Gisele\0 GISELE IMPORTANTE\CIPA's SCJ\União Ferreira\CIPA UNIÃO FERREIRA 2018_2019\9 - LISTA DE PRESENÇA NO CURSO DE CIPA.xlsx</t>
  </si>
  <si>
    <t>10/18/2019 13:42:02</t>
  </si>
  <si>
    <t>E:\Gisele (Todos os arquivos)\1 Gisele\0 GISELE IMPORTANTE\CIPA's SCJ\União Ferreira\CIPA UNIÃO FERREIRA 2019_2020\7 - CÉDULAS DE VOTAÇÃO.xls</t>
  </si>
  <si>
    <t>10/18/2019 13:42:03</t>
  </si>
  <si>
    <t>E:\Gisele (Todos os arquivos)\1 Gisele\0 GISELE IMPORTANTE\CIPA's SCJ\União Ferreira\CIPA UNIÃO FERREIRA 2019_2020\9 - LISTA DE PRESENÇA NO CURSO DE CIPA.xlsx</t>
  </si>
  <si>
    <t>10/18/2019 13:42:04</t>
  </si>
  <si>
    <t>E:\Gisele (Todos os arquivos)\1 Gisele\0 GISELE IMPORTANTE\CIPA's SCJ\União NF\CIPA UNIÃO NF 2017_2018\7 - CÉDULAS DE VOTAÇÃO.xls</t>
  </si>
  <si>
    <t>10/18/2019 13:42:05</t>
  </si>
  <si>
    <t>E:\Gisele (Todos os arquivos)\1 Gisele\0 GISELE IMPORTANTE\CIPA's SCJ\União NF\CIPA UNIÃO NF 2017_2018\9 - LISTA DE PRESENÇA NO CURSO DE CIPA.xlsx</t>
  </si>
  <si>
    <t>10/18/2019 13:42:06</t>
  </si>
  <si>
    <t>E:\Gisele (Todos os arquivos)\1 Gisele\0 GISELE IMPORTANTE\CIPA's SCJ\União NF\CIPA UNIÃO NF 2018_2019\7 - CÉDULAS DE VOTAÇÃO.xls</t>
  </si>
  <si>
    <t>10/18/2019 13:42:07</t>
  </si>
  <si>
    <t>E:\Gisele (Todos os arquivos)\1 Gisele\0 GISELE IMPORTANTE\CIPA's SCJ\União NF\CIPA UNIÃO NF 2018_2019\9 - LISTA DE PRESENÇA NO CURSO DE CIPA.xlsx</t>
  </si>
  <si>
    <t>10/18/2019 13:42:08</t>
  </si>
  <si>
    <t>C:\Gisele (Todos os arquivos)\1 Gisele\0 GISELE IMPORTANTE\CIPA's SCJ\União NF\CIPA UNIÃO NF 2019_2020\</t>
  </si>
  <si>
    <t>7 - CÉDTLAS DE VOTAÇÃO 2019.xls</t>
  </si>
  <si>
    <t>E:\Gisele (Todos os arquivos)\1 Gisele\0 GISELE IMPORTANTE\CIPA's SCJ\União NF\CIPA UNIÃO NF 2019_2020\7 - CÉDTLAS DE VOTAÇÃO 2019.xls</t>
  </si>
  <si>
    <t>10/18/2019 13:42:09</t>
  </si>
  <si>
    <t>E:\Gisele (Todos os arquivos)\1 Gisele\0 GISELE IMPORTANTE\CIPA's SCJ\União NF\CIPA UNIÃO NF 2019_2020\9 - LISTA DE PRESENÇA NO CURSO DE CIPA.xlsx</t>
  </si>
  <si>
    <t>10/18/2019 13:42:11</t>
  </si>
  <si>
    <t>C:\Gisele (Todos os arquivos)\1 Gisele\0 GISELE IMPORTANTE\CIPA's SCJ\Villa Fiore\CIPA VILLA FIORE 2017_2018\</t>
  </si>
  <si>
    <t>E:\Gisele (Todos os arquivos)\1 Gisele\0 GISELE IMPORTANTE\CIPA's SCJ\Villa Fiore\CIPA VILLA FIORE 2017_2018\7 - CÉDULAS DE VOTAÇÃO.xls</t>
  </si>
  <si>
    <t>10/18/2019 13:42:12</t>
  </si>
  <si>
    <t>E:\Gisele (Todos os arquivos)\1 Gisele\0 GISELE IMPORTANTE\CIPA's SCJ\Villa Fiore\CIPA VILLA FIORE 2017_2018\9 - LISTA DE PRESENÇA NO CURSO DE CIPA.xlsx</t>
  </si>
  <si>
    <t>10/18/2019 13:42:14</t>
  </si>
  <si>
    <t>C:\Gisele (Todos os arquivos)\1 Gisele\0 GISELE IMPORTANTE\CIPA's SCJ\Villa Fiore\CIPA VILLA FIORE 2018_2019\</t>
  </si>
  <si>
    <t>E:\Gisele (Todos os arquivos)\1 Gisele\0 GISELE IMPORTANTE\CIPA's SCJ\Villa Fiore\CIPA VILLA FIORE 2018_2019\7 - CÉDULAS DE VOTAÇÃO.xls</t>
  </si>
  <si>
    <t>E:\Gisele (Todos os arquivos)\1 Gisele\0 GISELE IMPORTANTE\CIPA's SCJ\Villa Fiore\CIPA VILLA FIORE 2018_2019\9 - LISTA DE PRESENÇA NO CURSO DE CIPA.xlsx</t>
  </si>
  <si>
    <t>10/18/2019 13:42:15</t>
  </si>
  <si>
    <t>C:\Gisele (Todos os arquivos)\1 Gisele\0 GISELE IMPORTANTE\CIPA's SCJ\Volpi\CIPA VOLPI 2017_2018\</t>
  </si>
  <si>
    <t>E:\Gisele (Todos os arquivos)\1 Gisele\0 GISELE IMPORTANTE\CIPA's SCJ\Volpi\CIPA VOLPI 2017_2018\7 - CÉDULAS DE VOTAÇÃO.xls</t>
  </si>
  <si>
    <t>10/18/2019 13:42:16</t>
  </si>
  <si>
    <t>E:\Gisele (Todos os arquivos)\1 Gisele\0 GISELE IMPORTANTE\CIPA's SCJ\Volpi\CIPA VOLPI 2017_2018\9 - LISTA DE PRESENÇA NO CURSO DE CIPA.xlsx</t>
  </si>
  <si>
    <t>10/18/2019 13:42:17</t>
  </si>
  <si>
    <t>C:\Gisele (Todos os arquivos)\1 Gisele\0 GISELE IMPORTANTE\CIPA's SCJ\Volpi\CIPA VOLPI 2018_2019\</t>
  </si>
  <si>
    <t>E:\Gisele (Todos os arquivos)\1 Gisele\0 GISELE IMPORTANTE\CIPA's SCJ\Volpi\CIPA VOLPI 2018_2019\7 - CÉDULAS DE VOTAÇÃO.xls</t>
  </si>
  <si>
    <t>E:\Gisele (Todos os arquivos)\1 Gisele\0 GISELE IMPORTANTE\CIPA's SCJ\Volpi\CIPA VOLPI 2018_2019\9 - LISTA DE PRESENÇA NO CURSO DE CIPA.xlsx</t>
  </si>
  <si>
    <t>10/18/2019 13:42:34</t>
  </si>
  <si>
    <t>C:\Gisele (Todos os arquivos)\1 Gisele\Atividades Lauane\</t>
  </si>
  <si>
    <t>Classificação de riscos - Atividade .xlsx</t>
  </si>
  <si>
    <t>E:\Gisele (Todos os arquivos)\1 Gisele\Atividades Lauane\Classificação de riscos - Atividade .xlsx</t>
  </si>
  <si>
    <t>10/18/2019 13:42:36</t>
  </si>
  <si>
    <t>C:\Gisele (Todos os arquivos)\1 Gisele\Atividades Lauane\Atividades Lauane 2019\</t>
  </si>
  <si>
    <t>Capacitação Janeiro a Dezembro 2019.xlsx</t>
  </si>
  <si>
    <t>E:\Gisele (Todos os arquivos)\1 Gisele\Atividades Lauane\Atividades Lauane 2019\Capacitação Janeiro a Dezembro 2019.xlsx</t>
  </si>
  <si>
    <t>10/18/2019 13:42:39</t>
  </si>
  <si>
    <t>Lista de Documentos de Fornecedores.xlsx</t>
  </si>
  <si>
    <t>E:\Gisele (Todos os arquivos)\1 Gisele\Atividades Lauane\Atividades Lauane 2019\Lista de Documentos de Fornecedores.xlsx</t>
  </si>
  <si>
    <t>10/18/2019 13:42:58</t>
  </si>
  <si>
    <t>C:\Gisele (Todos os arquivos)\1 Gisele\Auditoria das NR' nova\</t>
  </si>
  <si>
    <t>Cronograma Auditoria novo Modelo.xlsx</t>
  </si>
  <si>
    <t>E:\Gisele (Todos os arquivos)\1 Gisele\Auditoria das NR' nova\Cronograma Auditoria novo Modelo.xlsx</t>
  </si>
  <si>
    <t>10/18/2019 13:43:09</t>
  </si>
  <si>
    <t>Sistema para Auditoria NRs.xlsb</t>
  </si>
  <si>
    <t>E:\Gisele (Todos os arquivos)\1 Gisele\Auditoria das NR' nova\Sistema para Auditoria NRs.xlsb</t>
  </si>
  <si>
    <t>10/18/2019 13:43:48</t>
  </si>
  <si>
    <t>angicleiamen@algartech.com;caiocsc@algartech.com;camilaammm@algartech.com;felipeaferr@algartech.com;</t>
  </si>
  <si>
    <t>VITOR ANTONIO.xlsx</t>
  </si>
  <si>
    <t>angicleiamen@algartech.com,caiocsc@algartech.com,camilaammm@algartech.com,felipeaferr@algartech.com</t>
  </si>
  <si>
    <t>10/18/2019 13:43:13</t>
  </si>
  <si>
    <t>C:\Gisele (Todos os arquivos)\1 Gisele\CIPA Treinamento\</t>
  </si>
  <si>
    <t>Invstigação CIPA.xlsx</t>
  </si>
  <si>
    <t>E:\Gisele (Todos os arquivos)\1 Gisele\CIPA Treinamento\Invstigação CIPA.xlsx</t>
  </si>
  <si>
    <t>10/18/2019 13:43:39</t>
  </si>
  <si>
    <t>10/18/2019 13:49:55</t>
  </si>
  <si>
    <t>C:\Gisele (Todos os arquivos)\1 Gisele\EAS\</t>
  </si>
  <si>
    <t>Tutorial de Tabela dinâmica.xltx</t>
  </si>
  <si>
    <t>E:\Gisele (Todos os arquivos)\1 Gisele\EAS\Tutorial de Tabela dinâmica.xltx</t>
  </si>
  <si>
    <t>10/18/2019 13:44:15</t>
  </si>
  <si>
    <t>C:\Gisele (Todos os arquivos)\1 Gisele\EAS\Gisele\Mais TOP.pptx\</t>
  </si>
  <si>
    <t>E:\Gisele (Todos os arquivos)\1 Gisele\EAS\Gisele\Mais TOP.pptx</t>
  </si>
  <si>
    <t>10/18/2019 13:44:16</t>
  </si>
  <si>
    <t>10/18/2019 13:44:17</t>
  </si>
  <si>
    <t>10/18/2019 13:44:18</t>
  </si>
  <si>
    <t>10/18/2019 13:44:19</t>
  </si>
  <si>
    <t>10/18/2019 13:44:41</t>
  </si>
  <si>
    <t>C:\Gisele (Todos os arquivos)\1 Gisele\EAS\Topo e Carto\Trabalho\Apresentação CARTOGRAFIA.pptx\</t>
  </si>
  <si>
    <t>E:\Gisele (Todos os arquivos)\1 Gisele\EAS\Topo e Carto\Trabalho\Apresentação CARTOGRAFIA.pptx</t>
  </si>
  <si>
    <t>10/18/2019 13:44:51</t>
  </si>
  <si>
    <t>C:\Gisele (Todos os arquivos)\1 Gisele\EAS\Topo e Carto\Trabalho\CARTOGRAFIA - Zona Leste Udi (Apresentação) (1).ppt\s2\</t>
  </si>
  <si>
    <t>E:\Gisele (Todos os arquivos)\1 Gisele\EAS\Topo e Carto\Trabalho\CARTOGRAFIA - Zona Leste Udi (Apresentação) (1).ppt</t>
  </si>
  <si>
    <t>10/18/2019 13:44:58</t>
  </si>
  <si>
    <t>C:\Gisele (Todos os arquivos)\1 Gisele\GEDOC\GDOC\</t>
  </si>
  <si>
    <t>Protocolo GEDOC - 2016.xlsx</t>
  </si>
  <si>
    <t>E:\Gisele (Todos os arquivos)\1 Gisele\GEDOC\GDOC\Protocolo GEDOC - 2016.xlsx</t>
  </si>
  <si>
    <t>10/18/2019 13:45:00</t>
  </si>
  <si>
    <t>C:\Gisele (Todos os arquivos)\1 Gisele\Gisele - pessoal\CIPA's SCJ\</t>
  </si>
  <si>
    <t>CONTROLE DOS PROCESSOS DE CIPA'S SCJ.xlsx</t>
  </si>
  <si>
    <t>E:\Gisele (Todos os arquivos)\1 Gisele\Gisele - pessoal\CIPA's SCJ\CONTROLE DOS PROCESSOS DE CIPA'S SCJ.xlsx</t>
  </si>
  <si>
    <t>C:\Gisele (Todos os arquivos)\1 Gisele\Gisele - pessoal\CIPA's SCJ\1 CIPA MODELOS\</t>
  </si>
  <si>
    <t>E:\Gisele (Todos os arquivos)\1 Gisele\Gisele - pessoal\CIPA's SCJ\1 CIPA MODELOS\0 CIPA Calcular datas.xls</t>
  </si>
  <si>
    <t>10/18/2019 13:45:05</t>
  </si>
  <si>
    <t>E:\Gisele (Todos os arquivos)\1 Gisele\Gisele - pessoal\CIPA's SCJ\1 CIPA MODELOS\7 - CÉDULAS DE VOTAÇÃO.xls</t>
  </si>
  <si>
    <t>10/18/2019 13:45:06</t>
  </si>
  <si>
    <t>E:\Gisele (Todos os arquivos)\1 Gisele\Gisele - pessoal\CIPA's SCJ\1 CIPA MODELOS\LISTA DE PRESENÇA NO CURSO DE CIPA.xlsx</t>
  </si>
  <si>
    <t>10/18/2019 13:45:08</t>
  </si>
  <si>
    <t>C:\Gisele (Todos os arquivos)\1 Gisele\Gisele - pessoal\CIPA's SCJ\1 CIPA MODELOS\0 Informativos e outros\00 SCJ\</t>
  </si>
  <si>
    <t>E:\Gisele (Todos os arquivos)\1 Gisele\Gisele - pessoal\CIPA's SCJ\1 CIPA MODELOS\0 Informativos e outros\00 SCJ\PLANILHA SCJ.xlsx</t>
  </si>
  <si>
    <t>10/18/2019 13:45:12</t>
  </si>
  <si>
    <t>C:\Gisele (Todos os arquivos)\1 Gisele\Gisele - pessoal\CIPA's SCJ\Badião\CIPA BADIÃO 2017_2018\</t>
  </si>
  <si>
    <t>E:\Gisele (Todos os arquivos)\1 Gisele\Gisele - pessoal\CIPA's SCJ\Badião\CIPA BADIÃO 2017_2018\7 - CÉDULAS DE VOTAÇÃO.xls</t>
  </si>
  <si>
    <t>E:\Gisele (Todos os arquivos)\1 Gisele\Gisele - pessoal\CIPA's SCJ\Badião\CIPA BADIÃO 2017_2018\9 - LISTA DE PRESENÇA NO CURSO DE CIPA.xlsx</t>
  </si>
  <si>
    <t>10/18/2019 13:45:14</t>
  </si>
  <si>
    <t>C:\Gisele (Todos os arquivos)\1 Gisele\Gisele - pessoal\CIPA's SCJ\Badião\CIPA BADIÃO 2018_2019\</t>
  </si>
  <si>
    <t>E:\Gisele (Todos os arquivos)\1 Gisele\Gisele - pessoal\CIPA's SCJ\Badião\CIPA BADIÃO 2018_2019\7 - CÉDULAS DE VOTAÇÃO.xls</t>
  </si>
  <si>
    <t>E:\Gisele (Todos os arquivos)\1 Gisele\Gisele - pessoal\CIPA's SCJ\Badião\CIPA BADIÃO 2018_2019\9 - LISTA DE PRESENÇA NO CURSO DE CIPA.xlsx</t>
  </si>
  <si>
    <t>10/18/2019 13:45:16</t>
  </si>
  <si>
    <t>E:\Gisele (Todos os arquivos)\1 Gisele\Gisele - pessoal\CIPA's SCJ\Badião Surpresa\CIPA BADIÃO SURPRESA 2017_2018\7 - CÉDULAS DE VOTAÇÃO.xls</t>
  </si>
  <si>
    <t>E:\Gisele (Todos os arquivos)\1 Gisele\Gisele - pessoal\CIPA's SCJ\Badião Surpresa\CIPA BADIÃO SURPRESA 2017_2018\9 - LISTA DE PRESENÇA NO CURSO DE CIPA.xlsx</t>
  </si>
  <si>
    <t>10/18/2019 13:45:20</t>
  </si>
  <si>
    <t>E:\Gisele (Todos os arquivos)\1 Gisele\Gisele - pessoal\CIPA's SCJ\Badião Surpresa\CIPA BADIÃO SURPRESA 2018_2019\7 - CÉDULAS DE VOTAÇÃO.xls</t>
  </si>
  <si>
    <t>E:\Gisele (Todos os arquivos)\1 Gisele\Gisele - pessoal\CIPA's SCJ\Badião Surpresa\CIPA BADIÃO SURPRESA 2018_2019\9 - LISTA DE PRESENÇA NO CURSO DE CIPA.xlsx</t>
  </si>
  <si>
    <t>10/18/2019 13:45:22</t>
  </si>
  <si>
    <t>C:\Gisele (Todos os arquivos)\1 Gisele\Gisele - pessoal\CIPA's SCJ\Brasbag\CIPA BRASBAG 2016_2017\</t>
  </si>
  <si>
    <t>E:\Gisele (Todos os arquivos)\1 Gisele\Gisele - pessoal\CIPA's SCJ\Brasbag\CIPA BRASBAG 2016_2017\7 - CÉDULAS DE VOTAÇÃO.xls</t>
  </si>
  <si>
    <t>E:\Gisele (Todos os arquivos)\1 Gisele\Gisele - pessoal\CIPA's SCJ\Brasbag\CIPA BRASBAG 2016_2017\9 - LISTA DE PRESENÇA NO CURSO DE CIPA.xlsx</t>
  </si>
  <si>
    <t>10/18/2019 13:45:23</t>
  </si>
  <si>
    <t>C:\Gisele (Todos os arquivos)\1 Gisele\Gisele - pessoal\CIPA's SCJ\Brasbag\CIPA BRASBAG 2018_2019\</t>
  </si>
  <si>
    <t>E:\Gisele (Todos os arquivos)\1 Gisele\Gisele - pessoal\CIPA's SCJ\Brasbag\CIPA BRASBAG 2018_2019\7 - CÉDULAS DE VOTAÇÃO.xls</t>
  </si>
  <si>
    <t>E:\Gisele (Todos os arquivos)\1 Gisele\Gisele - pessoal\CIPA's SCJ\Brasbag\CIPA BRASBAG 2018_2019\9 - LISTA DE PRESENÇA NO CURSO DE CIPA.xlsx</t>
  </si>
  <si>
    <t>10/18/2019 13:45:24</t>
  </si>
  <si>
    <t>C:\Gisele (Todos os arquivos)\1 Gisele\Gisele - pessoal\CIPA's SCJ\Brascafé\CIPA BRASCAFÉ 2018_2019\</t>
  </si>
  <si>
    <t>E:\Gisele (Todos os arquivos)\1 Gisele\Gisele - pessoal\CIPA's SCJ\Brascafé\CIPA BRASCAFÉ 2018_2019\7 - CÉDULAS DE VOTAÇÃO.xls</t>
  </si>
  <si>
    <t>10/18/2019 13:45:25</t>
  </si>
  <si>
    <t>E:\Gisele (Todos os arquivos)\1 Gisele\Gisele - pessoal\CIPA's SCJ\Brascafé\CIPA BRASCAFÉ 2018_2019\9 - LISTA DE PRESENÇA NO CURSO DE CIPA.xlsx</t>
  </si>
  <si>
    <t>10/18/2019 13:45:26</t>
  </si>
  <si>
    <t>C:\Gisele (Todos os arquivos)\1 Gisele\Gisele - pessoal\CIPA's SCJ\Hospital Santo Antônio\CIPA HOSPITAL SANTO ANTÔNIO 2017_2018\</t>
  </si>
  <si>
    <t>E:\Gisele (Todos os arquivos)\1 Gisele\Gisele - pessoal\CIPA's SCJ\Hospital Santo Antônio\CIPA HOSPITAL SANTO ANTÔNIO 2017_2018\7 - CÉDULAS DE VOTAÇÃO.xls</t>
  </si>
  <si>
    <t>E:\Gisele (Todos os arquivos)\1 Gisele\Gisele - pessoal\CIPA's SCJ\Hospital Santo Antônio\CIPA HOSPITAL SANTO ANTÔNIO 2017_2018\9 - LISTA DE PRESENÇA NO CURSO DE CIPA.xlsx</t>
  </si>
  <si>
    <t>10/18/2019 13:45:27</t>
  </si>
  <si>
    <t>C:\Gisele (Todos os arquivos)\1 Gisele\Gisele - pessoal\CIPA's SCJ\Hospital Santo Antônio\CIPA HOSPITAL SANTO ANTÔNIO 2018_2019 (NÃO AUTORIZADO, FEITO NOVO PROCESSO)\</t>
  </si>
  <si>
    <t>E:\Gisele (Todos os arquivos)\1 Gisele\Gisele - pessoal\CIPA's SCJ\Hospital Santo Antônio\CIPA HOSPITAL SANTO ANTÔNIO 2018_2019 (NÃO AUTORIZADO, FEITO NOVO PROCESSO)\7 - CÉDULAS DE VOTAÇÃO.xls</t>
  </si>
  <si>
    <t>E:\Gisele (Todos os arquivos)\1 Gisele\Gisele - pessoal\CIPA's SCJ\Hospital Santo Antônio\CIPA HOSPITAL SANTO ANTÔNIO 2018_2019 (NÃO AUTORIZADO, FEITO NOVO PROCESSO)\9 - LISTA DE PRESENÇA NO CURSO DE CIPA.xlsx</t>
  </si>
  <si>
    <t>10/18/2019 13:45:29</t>
  </si>
  <si>
    <t>C:\Gisele (Todos os arquivos)\1 Gisele\Gisele - pessoal\CIPA's SCJ\Imepac\CIPA IMEPAC 2017_2018\DOCUMENTOS PARA ASSINAR\</t>
  </si>
  <si>
    <t>E:\Gisele (Todos os arquivos)\1 Gisele\Gisele - pessoal\CIPA's SCJ\Imepac\CIPA IMEPAC 2017_2018\DOCUMENTOS PARA ASSINAR\7 - CÉDULAS DE VOTAÇÃO.xls</t>
  </si>
  <si>
    <t>E:\Gisele (Todos os arquivos)\1 Gisele\Gisele - pessoal\CIPA's SCJ\Imepac\CIPA IMEPAC 2017_2018\DOCUMENTOS PARA ASSINAR\9 - LISTA DE PRESENÇA NO CURSO DE CIPA.xlsx</t>
  </si>
  <si>
    <t>10/18/2019 13:45:31</t>
  </si>
  <si>
    <t>C:\Gisele (Todos os arquivos)\1 Gisele\Gisele - pessoal\CIPA's SCJ\Imepac\CIPA IMEPAC 2018_2019\</t>
  </si>
  <si>
    <t>E:\Gisele (Todos os arquivos)\1 Gisele\Gisele - pessoal\CIPA's SCJ\Imepac\CIPA IMEPAC 2018_2019\7 - CÉDULAS DE VOTAÇÃO.xls</t>
  </si>
  <si>
    <t>E:\Gisele (Todos os arquivos)\1 Gisele\Gisele - pessoal\CIPA's SCJ\Imepac\CIPA IMEPAC 2018_2019\9 - LISTA DE PRESENÇA NO CURSO DE CIPA.xlsx</t>
  </si>
  <si>
    <t>10/18/2019 13:45:32</t>
  </si>
  <si>
    <t>C:\Gisele (Todos os arquivos)\1 Gisele\Gisele - pessoal\CIPA's SCJ\Menegon\CIPA MENEGON 2016_2017\</t>
  </si>
  <si>
    <t>E:\Gisele (Todos os arquivos)\1 Gisele\Gisele - pessoal\CIPA's SCJ\Menegon\CIPA MENEGON 2016_2017\7 - CÉDULAS DE VOTAÇÃO.xls</t>
  </si>
  <si>
    <t>E:\Gisele (Todos os arquivos)\1 Gisele\Gisele - pessoal\CIPA's SCJ\Menegon\CIPA MENEGON 2016_2017\9 - LISTA DE PRESENÇA NO CURSO DE CIPA.xlsx</t>
  </si>
  <si>
    <t>10/18/2019 13:45:34</t>
  </si>
  <si>
    <t>C:\Gisele (Todos os arquivos)\1 Gisele\Gisele - pessoal\CIPA's SCJ\Menegon\CIPA MENEGON 2018_2019\</t>
  </si>
  <si>
    <t>E:\Gisele (Todos os arquivos)\1 Gisele\Gisele - pessoal\CIPA's SCJ\Menegon\CIPA MENEGON 2018_2019\7 - CÉDULAS DE VOTAÇÃO.xls</t>
  </si>
  <si>
    <t>E:\Gisele (Todos os arquivos)\1 Gisele\Gisele - pessoal\CIPA's SCJ\Menegon\CIPA MENEGON 2018_2019\9 - LISTA DE PRESENÇA NO CURSO DE CIPA.xlsx</t>
  </si>
  <si>
    <t>10/18/2019 13:45:35</t>
  </si>
  <si>
    <t>C:\Gisele (Todos os arquivos)\1 Gisele\Gisele - pessoal\CIPA's SCJ\Nogan\CIPA NOGAN 2017_2018\</t>
  </si>
  <si>
    <t>E:\Gisele (Todos os arquivos)\1 Gisele\Gisele - pessoal\CIPA's SCJ\Nogan\CIPA NOGAN 2017_2018\7 - CÉDULAS DE VOTAÇÃO.xls</t>
  </si>
  <si>
    <t>E:\Gisele (Todos os arquivos)\1 Gisele\Gisele - pessoal\CIPA's SCJ\Nogan\CIPA NOGAN 2017_2018\9 - LISTA DE PRESENÇA NO CURSO DE CIPA.xlsx</t>
  </si>
  <si>
    <t>10/18/2019 13:45:37</t>
  </si>
  <si>
    <t>C:\Gisele (Todos os arquivos)\1 Gisele\Gisele - pessoal\CIPA's SCJ\Nosso Lar\CIPA NOSSO LAR 2017_2018\</t>
  </si>
  <si>
    <t>E:\Gisele (Todos os arquivos)\1 Gisele\Gisele - pessoal\CIPA's SCJ\Nosso Lar\CIPA NOSSO LAR 2017_2018\7 - CÉDULAS DE VOTAÇÃO.xls</t>
  </si>
  <si>
    <t>E:\Gisele (Todos os arquivos)\1 Gisele\Gisele - pessoal\CIPA's SCJ\Nosso Lar\CIPA NOSSO LAR 2017_2018\9 - LISTA DE PRESENÇA NO CURSO DE CIPA.xlsx</t>
  </si>
  <si>
    <t>10/18/2019 13:45:39</t>
  </si>
  <si>
    <t>C:\Gisele (Todos os arquivos)\1 Gisele\Gisele - pessoal\CIPA's SCJ\RC\CIPA RC 2018_2019\</t>
  </si>
  <si>
    <t>E:\Gisele (Todos os arquivos)\1 Gisele\Gisele - pessoal\CIPA's SCJ\RC\CIPA RC 2018_2019\7 - CÉDULAS DE VOTAÇÃO.xls</t>
  </si>
  <si>
    <t>E:\Gisele (Todos os arquivos)\1 Gisele\Gisele - pessoal\CIPA's SCJ\RC\CIPA RC 2018_2019\9 - LISTA DE PRESENÇA NO CURSO DE CIPA.xlsx</t>
  </si>
  <si>
    <t>10/18/2019 13:45:41</t>
  </si>
  <si>
    <t>C:\Gisele (Todos os arquivos)\1 Gisele\Gisele - pessoal\CIPA's SCJ\União\CIPA UNIÃO 2017_2018\</t>
  </si>
  <si>
    <t>E:\Gisele (Todos os arquivos)\1 Gisele\Gisele - pessoal\CIPA's SCJ\União\CIPA UNIÃO 2017_2018\7 - CÉDULAS DE VOTAÇÃO.xls</t>
  </si>
  <si>
    <t>E:\Gisele (Todos os arquivos)\1 Gisele\Gisele - pessoal\CIPA's SCJ\União\CIPA UNIÃO 2017_2018\9 - LISTA DE PRESENÇA NO CURSO DE CIPA.xlsx</t>
  </si>
  <si>
    <t>10/18/2019 13:45:43</t>
  </si>
  <si>
    <t>C:\Gisele (Todos os arquivos)\1 Gisele\Gisele - pessoal\CIPA's SCJ\União\CIPA UNIÃO 2018_2019\</t>
  </si>
  <si>
    <t>E:\Gisele (Todos os arquivos)\1 Gisele\Gisele - pessoal\CIPA's SCJ\União\CIPA UNIÃO 2018_2019\7 - CÉDULAS DE VOTAÇÃO.xls</t>
  </si>
  <si>
    <t>E:\Gisele (Todos os arquivos)\1 Gisele\Gisele - pessoal\CIPA's SCJ\União\CIPA UNIÃO 2018_2019\9 - LISTA DE PRESENÇA NO CURSO DE CIPA.xlsx</t>
  </si>
  <si>
    <t>10/18/2019 13:45:44</t>
  </si>
  <si>
    <t>E:\Gisele (Todos os arquivos)\1 Gisele\Gisele - pessoal\CIPA's SCJ\União Ferreira\CIPA UNIÃO FERREIRA 2017_2018\7 - CÉDULAS DE VOTAÇÃO.xls</t>
  </si>
  <si>
    <t>10/18/2019 13:45:45</t>
  </si>
  <si>
    <t>E:\Gisele (Todos os arquivos)\1 Gisele\Gisele - pessoal\CIPA's SCJ\União Ferreira\CIPA UNIÃO FERREIRA 2017_2018\9 - LISTA DE PRESENÇA NO CURSO DE CIPA.xlsx</t>
  </si>
  <si>
    <t>10/18/2019 13:45:47</t>
  </si>
  <si>
    <t>E:\Gisele (Todos os arquivos)\1 Gisele\Gisele - pessoal\CIPA's SCJ\União Ferreira\CIPA UNIÃO FERREIRA 2018_2019\7 - CÉDULAS DE VOTAÇÃO.xls</t>
  </si>
  <si>
    <t>E:\Gisele (Todos os arquivos)\1 Gisele\Gisele - pessoal\CIPA's SCJ\União Ferreira\CIPA UNIÃO FERREIRA 2018_2019\9 - LISTA DE PRESENÇA NO CURSO DE CIPA.xlsx</t>
  </si>
  <si>
    <t>10/18/2019 13:45:49</t>
  </si>
  <si>
    <t>E:\Gisele (Todos os arquivos)\1 Gisele\Gisele - pessoal\CIPA's SCJ\União NF\CIPA UNIÃO NF 2017_2018\7 - CÉDULAS DE VOTAÇÃO.xls</t>
  </si>
  <si>
    <t>E:\Gisele (Todos os arquivos)\1 Gisele\Gisele - pessoal\CIPA's SCJ\União NF\CIPA UNIÃO NF 2017_2018\9 - LISTA DE PRESENÇA NO CURSO DE CIPA.xlsx</t>
  </si>
  <si>
    <t>10/18/2019 13:45:51</t>
  </si>
  <si>
    <t>E:\Gisele (Todos os arquivos)\1 Gisele\Gisele - pessoal\CIPA's SCJ\União NF\CIPA UNIÃO NF 2018_2019\7 - CÉDULAS DE VOTAÇÃO.xls</t>
  </si>
  <si>
    <t>E:\Gisele (Todos os arquivos)\1 Gisele\Gisele - pessoal\CIPA's SCJ\União NF\CIPA UNIÃO NF 2018_2019\9 - LISTA DE PRESENÇA NO CURSO DE CIPA.xlsx</t>
  </si>
  <si>
    <t>10/18/2019 13:45:53</t>
  </si>
  <si>
    <t>C:\Gisele (Todos os arquivos)\1 Gisele\Gisele - pessoal\CIPA's SCJ\Villa Fiore\CIPA VILLA FIORE 2017_2018\</t>
  </si>
  <si>
    <t>E:\Gisele (Todos os arquivos)\1 Gisele\Gisele - pessoal\CIPA's SCJ\Villa Fiore\CIPA VILLA FIORE 2017_2018\7 - CÉDULAS DE VOTAÇÃO.xls</t>
  </si>
  <si>
    <t>10/18/2019 13:45:54</t>
  </si>
  <si>
    <t>E:\Gisele (Todos os arquivos)\1 Gisele\Gisele - pessoal\CIPA's SCJ\Villa Fiore\CIPA VILLA FIORE 2017_2018\9 - LISTA DE PRESENÇA NO CURSO DE CIPA.xlsx</t>
  </si>
  <si>
    <t>10/18/2019 13:45:55</t>
  </si>
  <si>
    <t>C:\Gisele (Todos os arquivos)\1 Gisele\Gisele - pessoal\CIPA's SCJ\Villa Fiore\CIPA VILLA FIORE 2018_2019\</t>
  </si>
  <si>
    <t>E:\Gisele (Todos os arquivos)\1 Gisele\Gisele - pessoal\CIPA's SCJ\Villa Fiore\CIPA VILLA FIORE 2018_2019\7 - CÉDULAS DE VOTAÇÃO.xls</t>
  </si>
  <si>
    <t>E:\Gisele (Todos os arquivos)\1 Gisele\Gisele - pessoal\CIPA's SCJ\Villa Fiore\CIPA VILLA FIORE 2018_2019\9 - LISTA DE PRESENÇA NO CURSO DE CIPA.xlsx</t>
  </si>
  <si>
    <t>10/18/2019 13:45:57</t>
  </si>
  <si>
    <t>C:\Gisele (Todos os arquivos)\1 Gisele\Gisele - pessoal\CIPA's SCJ\Volpi\CIPA VOLPI 2017_2018\</t>
  </si>
  <si>
    <t>E:\Gisele (Todos os arquivos)\1 Gisele\Gisele - pessoal\CIPA's SCJ\Volpi\CIPA VOLPI 2017_2018\7 - CÉDULAS DE VOTAÇÃO.xls</t>
  </si>
  <si>
    <t>E:\Gisele (Todos os arquivos)\1 Gisele\Gisele - pessoal\CIPA's SCJ\Volpi\CIPA VOLPI 2017_2018\9 - LISTA DE PRESENÇA NO CURSO DE CIPA.xlsx</t>
  </si>
  <si>
    <t>10/18/2019 13:45:59</t>
  </si>
  <si>
    <t>C:\Gisele (Todos os arquivos)\1 Gisele\Gisele - pessoal\CIPA's SCJ\Volpi\CIPA VOLPI 2018_2019\</t>
  </si>
  <si>
    <t>E:\Gisele (Todos os arquivos)\1 Gisele\Gisele - pessoal\CIPA's SCJ\Volpi\CIPA VOLPI 2018_2019\7 - CÉDULAS DE VOTAÇÃO.xls</t>
  </si>
  <si>
    <t>E:\Gisele (Todos os arquivos)\1 Gisele\Gisele - pessoal\CIPA's SCJ\Volpi\CIPA VOLPI 2018_2019\9 - LISTA DE PRESENÇA NO CURSO DE CIPA.xlsx</t>
  </si>
  <si>
    <t>10/18/2019 13:46:00</t>
  </si>
  <si>
    <t>C:\Gisele (Todos os arquivos)\1 Gisele\IPSM\</t>
  </si>
  <si>
    <t>Cópia de IPSM - ESPECIALIDADES CONTRADAS.xlsx</t>
  </si>
  <si>
    <t>E:\Gisele (Todos os arquivos)\1 Gisele\IPSM\Cópia de IPSM - ESPECIALIDADES CONTRADAS.xlsx</t>
  </si>
  <si>
    <t>10/18/2019 13:46:14</t>
  </si>
  <si>
    <t>C:\Gisele (Todos os arquivos)\1 Gisele\NR's\Orientações para Procedimento a Quente\</t>
  </si>
  <si>
    <t>Recomendações Tech.xlsx</t>
  </si>
  <si>
    <t>E:\Gisele (Todos os arquivos)\1 Gisele\NR's\Orientações para Procedimento a Quente\Recomendações Tech.xlsx</t>
  </si>
  <si>
    <t>10/18/2019 13:46:20</t>
  </si>
  <si>
    <t>C:\Gisele (Todos os arquivos)\1 Gisele\Pendrive 15-06-2018\Gisele\</t>
  </si>
  <si>
    <t>Contabilidade Apto Caldas Novas 07-01-18.xls</t>
  </si>
  <si>
    <t>E:\Gisele (Todos os arquivos)\1 Gisele\Pendrive 15-06-2018\Gisele\Contabilidade Apto Caldas Novas 07-01-18.xls</t>
  </si>
  <si>
    <t>Controle de Locação Apto Caldas Novas 07-01-2018.xlsx</t>
  </si>
  <si>
    <t>E:\Gisele (Todos os arquivos)\1 Gisele\Pendrive 15-06-2018\Gisele\Controle de Locação Apto Caldas Novas 07-01-2018.xlsx</t>
  </si>
  <si>
    <t>10/18/2019 13:46:21</t>
  </si>
  <si>
    <t>C:\Gisele (Todos os arquivos)\1 Gisele\Pendrive 15-06-2018\Gisele\Apê Caldas Novas - Reservas e Pagamentos\</t>
  </si>
  <si>
    <t>Calendário 2017 .xlsm</t>
  </si>
  <si>
    <t>E:\Gisele (Todos os arquivos)\1 Gisele\Pendrive 15-06-2018\Gisele\Apê Caldas Novas - Reservas e Pagamentos\Calendário 2017 .xlsm</t>
  </si>
  <si>
    <t>Calendário 2018.xlsm</t>
  </si>
  <si>
    <t>E:\Gisele (Todos os arquivos)\1 Gisele\Pendrive 15-06-2018\Gisele\Apê Caldas Novas - Reservas e Pagamentos\Calendário 2018.xlsm</t>
  </si>
  <si>
    <t>com erro Contabilidade Apto Caldas Novas.xlsx</t>
  </si>
  <si>
    <t>E:\Gisele (Todos os arquivos)\1 Gisele\Pendrive 15-06-2018\Gisele\Apê Caldas Novas - Reservas e Pagamentos\com erro Contabilidade Apto Caldas Novas.xlsx</t>
  </si>
  <si>
    <t>Contabilidade Apto Caldas Novas.xlsx</t>
  </si>
  <si>
    <t>E:\Gisele (Todos os arquivos)\1 Gisele\Pendrive 15-06-2018\Gisele\Apê Caldas Novas - Reservas e Pagamentos\Contabilidade Apto Caldas Novas.xlsx</t>
  </si>
  <si>
    <t>Controle de Locação Apto Caldas Novas.xlsx</t>
  </si>
  <si>
    <t>E:\Gisele (Todos os arquivos)\1 Gisele\Pendrive 15-06-2018\Gisele\Apê Caldas Novas - Reservas e Pagamentos\Controle de Locação Apto Caldas Novas.xlsx</t>
  </si>
  <si>
    <t>10/18/2019 13:46:22</t>
  </si>
  <si>
    <t>Novo Calendário 2017.xlsm</t>
  </si>
  <si>
    <t>E:\Gisele (Todos os arquivos)\1 Gisele\Pendrive 15-06-2018\Gisele\Apê Caldas Novas - Reservas e Pagamentos\Novo Calendário 2017.xlsm</t>
  </si>
  <si>
    <t>Preços e Locações Apto Caldas Novas.xlsx</t>
  </si>
  <si>
    <t>E:\Gisele (Todos os arquivos)\1 Gisele\Pendrive 15-06-2018\Gisele\Apê Caldas Novas - Reservas e Pagamentos\Preços e Locações Apto Caldas Novas.xlsx</t>
  </si>
  <si>
    <t>10/18/2019 13:47:03</t>
  </si>
  <si>
    <t>C:\Gisele (Todos os arquivos)\1 Gisele\Pendrive 15-06-2018\Raphael\</t>
  </si>
  <si>
    <t>E:\Gisele (Todos os arquivos)\1 Gisele\Pendrive 15-06-2018\Raphael\CONTROLE DOS PROCESSOS DE CIPA'S SCJ.xlsx</t>
  </si>
  <si>
    <t>10/18/2019 13:47:05</t>
  </si>
  <si>
    <t>C:\Gisele (Todos os arquivos)\1 Gisele\Pendrive 15-06-2018\Raphael\0 CIPAS SCJ IMPORTANTE\0 Informativos e outros\00 SCJ\</t>
  </si>
  <si>
    <t>E:\Gisele (Todos os arquivos)\1 Gisele\Pendrive 15-06-2018\Raphael\0 CIPAS SCJ IMPORTANTE\0 Informativos e outros\00 SCJ\PLANILHA SCJ.xlsx</t>
  </si>
  <si>
    <t>10/18/2019 13:47:06</t>
  </si>
  <si>
    <t>C:\Gisele (Todos os arquivos)\1 Gisele\Pendrive 15-06-2018\Raphael\0 CIPAS SCJ IMPORTANTE\1 CIPA MODELOS\</t>
  </si>
  <si>
    <t>E:\Gisele (Todos os arquivos)\1 Gisele\Pendrive 15-06-2018\Raphael\0 CIPAS SCJ IMPORTANTE\1 CIPA MODELOS\0 CIPA Calcular datas.xls</t>
  </si>
  <si>
    <t>10/18/2019 13:47:08</t>
  </si>
  <si>
    <t>E:\Gisele (Todos os arquivos)\1 Gisele\Pendrive 15-06-2018\Raphael\0 CIPAS SCJ IMPORTANTE\1 CIPA MODELOS\7 - CÉDULAS DE VOTAÇÃO.xls</t>
  </si>
  <si>
    <t>10/18/2019 13:47:09</t>
  </si>
  <si>
    <t>E:\Gisele (Todos os arquivos)\1 Gisele\Pendrive 15-06-2018\Raphael\0 CIPAS SCJ IMPORTANTE\1 CIPA MODELOS\LISTA DE PRESENÇA NO CURSO DE CIPA.xlsx</t>
  </si>
  <si>
    <t>10/18/2019 13:47:10</t>
  </si>
  <si>
    <t>C:\Gisele (Todos os arquivos)\1 Gisele\Pendrive 15-06-2018\Raphael\0 CIPAS SCJ IMPORTANTE\10 CIPA BADIÃO\</t>
  </si>
  <si>
    <t>E:\Gisele (Todos os arquivos)\1 Gisele\Pendrive 15-06-2018\Raphael\0 CIPAS SCJ IMPORTANTE\10 CIPA BADIÃO\7 - CÉDULAS DE VOTAÇÃO.xls</t>
  </si>
  <si>
    <t>E:\Gisele (Todos os arquivos)\1 Gisele\Pendrive 15-06-2018\Raphael\0 CIPAS SCJ IMPORTANTE\10 CIPA BADIÃO\9 - LISTA DE PRESENÇA NO CURSO DE CIPA.xlsx</t>
  </si>
  <si>
    <t>10/18/2019 13:47:11</t>
  </si>
  <si>
    <t>C:\Gisele (Todos os arquivos)\1 Gisele\Pendrive 15-06-2018\Raphael\0 CIPAS SCJ IMPORTANTE\11 CIPA UNIÃO FERREIRA 2017_2018\</t>
  </si>
  <si>
    <t>E:\Gisele (Todos os arquivos)\1 Gisele\Pendrive 15-06-2018\Raphael\0 CIPAS SCJ IMPORTANTE\11 CIPA UNIÃO FERREIRA 2017_2018\7 - CÉDULAS DE VOTAÇÃO.xls</t>
  </si>
  <si>
    <t>10/18/2019 13:47:12</t>
  </si>
  <si>
    <t>E:\Gisele (Todos os arquivos)\1 Gisele\Pendrive 15-06-2018\Raphael\0 CIPAS SCJ IMPORTANTE\11 CIPA UNIÃO FERREIRA 2017_2018\9 - LISTA DE PRESENÇA NO CURSO DE CIPA.xlsx</t>
  </si>
  <si>
    <t>10/18/2019 13:47:13</t>
  </si>
  <si>
    <t>C:\Gisele (Todos os arquivos)\1 Gisele\Pendrive 15-06-2018\Raphael\0 CIPAS SCJ IMPORTANTE\12 CIPA UNIÃO NF 2017_2018\</t>
  </si>
  <si>
    <t>E:\Gisele (Todos os arquivos)\1 Gisele\Pendrive 15-06-2018\Raphael\0 CIPAS SCJ IMPORTANTE\12 CIPA UNIÃO NF 2017_2018\7 - CÉDULAS DE VOTAÇÃO.xls</t>
  </si>
  <si>
    <t>E:\Gisele (Todos os arquivos)\1 Gisele\Pendrive 15-06-2018\Raphael\0 CIPAS SCJ IMPORTANTE\12 CIPA UNIÃO NF 2017_2018\9 - LISTA DE PRESENÇA NO CURSO DE CIPA.xlsx</t>
  </si>
  <si>
    <t>10/18/2019 13:47:14</t>
  </si>
  <si>
    <t>C:\Gisele (Todos os arquivos)\1 Gisele\Pendrive 15-06-2018\Raphael\0 CIPAS SCJ IMPORTANTE\13 CIPA UNIÃO 2017_2018\</t>
  </si>
  <si>
    <t>E:\Gisele (Todos os arquivos)\1 Gisele\Pendrive 15-06-2018\Raphael\0 CIPAS SCJ IMPORTANTE\13 CIPA UNIÃO 2017_2018\7 - CÉDULAS DE VOTAÇÃO.xls</t>
  </si>
  <si>
    <t>10/18/2019 13:47:15</t>
  </si>
  <si>
    <t>E:\Gisele (Todos os arquivos)\1 Gisele\Pendrive 15-06-2018\Raphael\0 CIPAS SCJ IMPORTANTE\13 CIPA UNIÃO 2017_2018\9 - LISTA DE PRESENÇA NO CURSO DE CIPA.xlsx</t>
  </si>
  <si>
    <t>10/18/2019 13:47:17</t>
  </si>
  <si>
    <t>C:\Gisele (Todos os arquivos)\1 Gisele\Pendrive 15-06-2018\Raphael\0 CIPAS SCJ IMPORTANTE\15 CIPA VILLA FIORE 2017_2018\</t>
  </si>
  <si>
    <t>E:\Gisele (Todos os arquivos)\1 Gisele\Pendrive 15-06-2018\Raphael\0 CIPAS SCJ IMPORTANTE\15 CIPA VILLA FIORE 2017_2018\7 - CÉDULAS DE VOTAÇÃO.xls</t>
  </si>
  <si>
    <t>10/18/2019 13:47:18</t>
  </si>
  <si>
    <t>E:\Gisele (Todos os arquivos)\1 Gisele\Pendrive 15-06-2018\Raphael\0 CIPAS SCJ IMPORTANTE\15 CIPA VILLA FIORE 2017_2018\9 - LISTA DE PRESENÇA NO CURSO DE CIPA.xlsx</t>
  </si>
  <si>
    <t>10/18/2019 13:47:19</t>
  </si>
  <si>
    <t>C:\Gisele (Todos os arquivos)\1 Gisele\Pendrive 15-06-2018\Raphael\0 CIPAS SCJ IMPORTANTE\16 CIPA VOLPI 2017_2018\</t>
  </si>
  <si>
    <t>E:\Gisele (Todos os arquivos)\1 Gisele\Pendrive 15-06-2018\Raphael\0 CIPAS SCJ IMPORTANTE\16 CIPA VOLPI 2017_2018\7 - CÉDULAS DE VOTAÇÃO.xls</t>
  </si>
  <si>
    <t>E:\Gisele (Todos os arquivos)\1 Gisele\Pendrive 15-06-2018\Raphael\0 CIPAS SCJ IMPORTANTE\16 CIPA VOLPI 2017_2018\9 - LISTA DE PRESENÇA NO CURSO DE CIPA.xlsx</t>
  </si>
  <si>
    <t>10/18/2019 13:47:21</t>
  </si>
  <si>
    <t>C:\Gisele (Todos os arquivos)\1 Gisele\Pendrive 15-06-2018\Raphael\0 CIPAS SCJ IMPORTANTE\17 CIPA NOSSO LAR 2017_2018\</t>
  </si>
  <si>
    <t>E:\Gisele (Todos os arquivos)\1 Gisele\Pendrive 15-06-2018\Raphael\0 CIPAS SCJ IMPORTANTE\17 CIPA NOSSO LAR 2017_2018\7 - CÉDULAS DE VOTAÇÃO.xls</t>
  </si>
  <si>
    <t>E:\Gisele (Todos os arquivos)\1 Gisele\Pendrive 15-06-2018\Raphael\0 CIPAS SCJ IMPORTANTE\17 CIPA NOSSO LAR 2017_2018\9 - LISTA DE PRESENÇA NO CURSO DE CIPA.xlsx</t>
  </si>
  <si>
    <t>10/18/2019 13:47:23</t>
  </si>
  <si>
    <t>C:\Gisele (Todos os arquivos)\1 Gisele\Pendrive 15-06-2018\Raphael\0 CIPAS SCJ IMPORTANTE\18 CIPA RC 2018_2019\</t>
  </si>
  <si>
    <t>E:\Gisele (Todos os arquivos)\1 Gisele\Pendrive 15-06-2018\Raphael\0 CIPAS SCJ IMPORTANTE\18 CIPA RC 2018_2019\7 - CÉDULAS DE VOTAÇÃO.xls</t>
  </si>
  <si>
    <t>E:\Gisele (Todos os arquivos)\1 Gisele\Pendrive 15-06-2018\Raphael\0 CIPAS SCJ IMPORTANTE\18 CIPA RC 2018_2019\9 - LISTA DE PRESENÇA NO CURSO DE CIPA.xlsx</t>
  </si>
  <si>
    <t>10/18/2019 13:47:24</t>
  </si>
  <si>
    <t>C:\Gisele (Todos os arquivos)\1 Gisele\Pendrive 15-06-2018\Raphael\0 CIPAS SCJ IMPORTANTE\19 CIPA BRASBAG 2018_2019\</t>
  </si>
  <si>
    <t>E:\Gisele (Todos os arquivos)\1 Gisele\Pendrive 15-06-2018\Raphael\0 CIPAS SCJ IMPORTANTE\19 CIPA BRASBAG 2018_2019\7 - CÉDULAS DE VOTAÇÃO.xls</t>
  </si>
  <si>
    <t>E:\Gisele (Todos os arquivos)\1 Gisele\Pendrive 15-06-2018\Raphael\0 CIPAS SCJ IMPORTANTE\19 CIPA BRASBAG 2018_2019\9 - LISTA DE PRESENÇA NO CURSO DE CIPA.xlsx</t>
  </si>
  <si>
    <t>10/18/2019 13:47:25</t>
  </si>
  <si>
    <t>C:\Gisele (Todos os arquivos)\1 Gisele\Pendrive 15-06-2018\Raphael\0 CIPAS SCJ IMPORTANTE\2 CIPA HOSPITAL SANTO ANTÔNIO 2017_2018\</t>
  </si>
  <si>
    <t>E:\Gisele (Todos os arquivos)\1 Gisele\Pendrive 15-06-2018\Raphael\0 CIPAS SCJ IMPORTANTE\2 CIPA HOSPITAL SANTO ANTÔNIO 2017_2018\7 - CÉDULAS DE VOTAÇÃO.xls</t>
  </si>
  <si>
    <t>10/18/2019 13:47:26</t>
  </si>
  <si>
    <t>E:\Gisele (Todos os arquivos)\1 Gisele\Pendrive 15-06-2018\Raphael\0 CIPAS SCJ IMPORTANTE\2 CIPA HOSPITAL SANTO ANTÔNIO 2017_2018\9 - LISTA DE PRESENÇA NO CURSO DE CIPA.xlsx</t>
  </si>
  <si>
    <t>10/18/2019 13:47:27</t>
  </si>
  <si>
    <t>C:\Gisele (Todos os arquivos)\1 Gisele\Pendrive 15-06-2018\Raphael\0 CIPAS SCJ IMPORTANTE\20 CIPA BRASCAFÉ 2018_2019\</t>
  </si>
  <si>
    <t>E:\Gisele (Todos os arquivos)\1 Gisele\Pendrive 15-06-2018\Raphael\0 CIPAS SCJ IMPORTANTE\20 CIPA BRASCAFÉ 2018_2019\7 - CÉDULAS DE VOTAÇÃO.xls</t>
  </si>
  <si>
    <t>10/18/2019 13:47:28</t>
  </si>
  <si>
    <t>E:\Gisele (Todos os arquivos)\1 Gisele\Pendrive 15-06-2018\Raphael\0 CIPAS SCJ IMPORTANTE\20 CIPA BRASCAFÉ 2018_2019\9 - LISTA DE PRESENÇA NO CURSO DE CIPA.xlsx</t>
  </si>
  <si>
    <t>10/18/2019 13:47:30</t>
  </si>
  <si>
    <t>C:\Gisele (Todos os arquivos)\1 Gisele\Pendrive 15-06-2018\Raphael\0 CIPAS SCJ IMPORTANTE\3 CIPA UNIPAC 2017_2018\DOCUMENTOS PARA ASSINAR\</t>
  </si>
  <si>
    <t>E:\Gisele (Todos os arquivos)\1 Gisele\Pendrive 15-06-2018\Raphael\0 CIPAS SCJ IMPORTANTE\3 CIPA UNIPAC 2017_2018\DOCUMENTOS PARA ASSINAR\7 - CÉDULAS DE VOTAÇÃO.xls</t>
  </si>
  <si>
    <t>E:\Gisele (Todos os arquivos)\1 Gisele\Pendrive 15-06-2018\Raphael\0 CIPAS SCJ IMPORTANTE\3 CIPA UNIPAC 2017_2018\DOCUMENTOS PARA ASSINAR\9 - LISTA DE PRESENÇA NO CURSO DE CIPA.xlsx</t>
  </si>
  <si>
    <t>10/18/2019 13:47:32</t>
  </si>
  <si>
    <t>C:\Gisele (Todos os arquivos)\1 Gisele\Pendrive 15-06-2018\Raphael\0 CIPAS SCJ IMPORTANTE\4 CIPA NOGAN 2017_2018\</t>
  </si>
  <si>
    <t>E:\Gisele (Todos os arquivos)\1 Gisele\Pendrive 15-06-2018\Raphael\0 CIPAS SCJ IMPORTANTE\4 CIPA NOGAN 2017_2018\7 - CÉDULAS DE VOTAÇÃO.xls</t>
  </si>
  <si>
    <t>E:\Gisele (Todos os arquivos)\1 Gisele\Pendrive 15-06-2018\Raphael\0 CIPAS SCJ IMPORTANTE\4 CIPA NOGAN 2017_2018\9 - LISTA DE PRESENÇA NO CURSO DE CIPA.xlsx</t>
  </si>
  <si>
    <t>10/18/2019 13:47:34</t>
  </si>
  <si>
    <t>C:\Gisele (Todos os arquivos)\1 Gisele\Pendrive 15-06-2018\Raphael\0 CIPAS SCJ IMPORTANTE\5 CIPA BRASBAG 2016_2017\</t>
  </si>
  <si>
    <t>E:\Gisele (Todos os arquivos)\1 Gisele\Pendrive 15-06-2018\Raphael\0 CIPAS SCJ IMPORTANTE\5 CIPA BRASBAG 2016_2017\7 - CÉDULAS DE VOTAÇÃO.xls</t>
  </si>
  <si>
    <t>E:\Gisele (Todos os arquivos)\1 Gisele\Pendrive 15-06-2018\Raphael\0 CIPAS SCJ IMPORTANTE\5 CIPA BRASBAG 2016_2017\9 - LISTA DE PRESENÇA NO CURSO DE CIPA.xlsx</t>
  </si>
  <si>
    <t>10/18/2019 13:47:36</t>
  </si>
  <si>
    <t>C:\Gisele (Todos os arquivos)\1 Gisele\Pendrive 15-06-2018\Raphael\0 CIPAS SCJ IMPORTANTE\6 CIPA MENEGON\</t>
  </si>
  <si>
    <t>E:\Gisele (Todos os arquivos)\1 Gisele\Pendrive 15-06-2018\Raphael\0 CIPAS SCJ IMPORTANTE\6 CIPA MENEGON\7 - CÉDULAS DE VOTAÇÃO.xls</t>
  </si>
  <si>
    <t>E:\Gisele (Todos os arquivos)\1 Gisele\Pendrive 15-06-2018\Raphael\0 CIPAS SCJ IMPORTANTE\6 CIPA MENEGON\9 - LISTA DE PRESENÇA NO CURSO DE CIPA.xlsx</t>
  </si>
  <si>
    <t>10/18/2019 13:47:37</t>
  </si>
  <si>
    <t>C:\Gisele (Todos os arquivos)\1 Gisele\Pendrive 15-06-2018\Raphael\0 CIPAS SCJ IMPORTANTE\8 CIPA BADIÃO COMERCIAL SURPRESA 2017_2018\</t>
  </si>
  <si>
    <t>E:\Gisele (Todos os arquivos)\1 Gisele\Pendrive 15-06-2018\Raphael\0 CIPAS SCJ IMPORTANTE\8 CIPA BADIÃO COMERCIAL SURPRESA 2017_2018\7 - CÉDULAS DE VOTAÇÃO.xls</t>
  </si>
  <si>
    <t>10/18/2019 13:47:38</t>
  </si>
  <si>
    <t>E:\Gisele (Todos os arquivos)\1 Gisele\Pendrive 15-06-2018\Raphael\0 CIPAS SCJ IMPORTANTE\8 CIPA BADIÃO COMERCIAL SURPRESA 2017_2018\9 - LISTA DE PRESENÇA NO CURSO DE CIPA.xlsx</t>
  </si>
  <si>
    <t>C:\Gisele (Todos os arquivos)\1 Gisele\Pendrive Gisele\Raphael\</t>
  </si>
  <si>
    <t>E:\Gisele (Todos os arquivos)\1 Gisele\Pendrive Gisele\Raphael\CONTROLE DOS PROCESSOS DE CIPA'S SCJ.xlsx</t>
  </si>
  <si>
    <t>10/18/2019 13:47:39</t>
  </si>
  <si>
    <t>C:\Gisele (Todos os arquivos)\1 Gisele\Pendrive Gisele\Raphael\Gisele\</t>
  </si>
  <si>
    <t>E:\Gisele (Todos os arquivos)\1 Gisele\Pendrive Gisele\Raphael\Gisele\Contabilidade Apto Caldas Novas 07-01-18.xls</t>
  </si>
  <si>
    <t>E:\Gisele (Todos os arquivos)\1 Gisele\Pendrive Gisele\Raphael\Gisele\Controle de Locação Apto Caldas Novas 07-01-2018.xlsx</t>
  </si>
  <si>
    <t>10/18/2019 13:47:40</t>
  </si>
  <si>
    <t>Novo Calendário 2018.xlsm</t>
  </si>
  <si>
    <t>E:\Gisele (Todos os arquivos)\1 Gisele\Pendrive Gisele\Raphael\Gisele\Novo Calendário 2018.xlsm</t>
  </si>
  <si>
    <t>10/18/2019 13:47:42</t>
  </si>
  <si>
    <t>C:\Gisele (Todos os arquivos)\1 Gisele\Pendrive Gisele\Raphael\Gisele\0 CIPAS SCJ IMPORTANTE\0 Informativos e outros\00 SCJ\</t>
  </si>
  <si>
    <t>E:\Gisele (Todos os arquivos)\1 Gisele\Pendrive Gisele\Raphael\Gisele\0 CIPAS SCJ IMPORTANTE\0 Informativos e outros\00 SCJ\PLANILHA SCJ.xlsx</t>
  </si>
  <si>
    <t>10/18/2019 13:47:44</t>
  </si>
  <si>
    <t>C:\Gisele (Todos os arquivos)\1 Gisele\Pendrive Gisele\Raphael\Gisele\0 CIPAS SCJ IMPORTANTE\1 CIPA MODELOS\</t>
  </si>
  <si>
    <t>E:\Gisele (Todos os arquivos)\1 Gisele\Pendrive Gisele\Raphael\Gisele\0 CIPAS SCJ IMPORTANTE\1 CIPA MODELOS\0 CIPA Calcular datas.xls</t>
  </si>
  <si>
    <t>10/18/2019 13:47:47</t>
  </si>
  <si>
    <t>E:\Gisele (Todos os arquivos)\1 Gisele\Pendrive Gisele\Raphael\Gisele\0 CIPAS SCJ IMPORTANTE\1 CIPA MODELOS\7 - CÉDULAS DE VOTAÇÃO.xls</t>
  </si>
  <si>
    <t>10/18/2019 13:47:49</t>
  </si>
  <si>
    <t>E:\Gisele (Todos os arquivos)\1 Gisele\Pendrive Gisele\Raphael\Gisele\0 CIPAS SCJ IMPORTANTE\1 CIPA MODELOS\LISTA DE PRESENÇA NO CURSO DE CIPA.xlsx</t>
  </si>
  <si>
    <t>10/18/2019 13:47:50</t>
  </si>
  <si>
    <t>C:\Gisele (Todos os arquivos)\1 Gisele\Pendrive Gisele\Raphael\Gisele\0 CIPAS SCJ IMPORTANTE\10 CIPA BADIÃO\</t>
  </si>
  <si>
    <t>E:\Gisele (Todos os arquivos)\1 Gisele\Pendrive Gisele\Raphael\Gisele\0 CIPAS SCJ IMPORTANTE\10 CIPA BADIÃO\7 - CÉDULAS DE VOTAÇÃO.xls</t>
  </si>
  <si>
    <t>E:\Gisele (Todos os arquivos)\1 Gisele\Pendrive Gisele\Raphael\Gisele\0 CIPAS SCJ IMPORTANTE\10 CIPA BADIÃO\9 - LISTA DE PRESENÇA NO CURSO DE CIPA.xlsx</t>
  </si>
  <si>
    <t>10/18/2019 13:47:51</t>
  </si>
  <si>
    <t>C:\Gisele (Todos os arquivos)\1 Gisele\Pendrive Gisele\Raphael\Gisele\0 CIPAS SCJ IMPORTANTE\11 CIPA UNIÃO FERREIRA 2017_2018\</t>
  </si>
  <si>
    <t>E:\Gisele (Todos os arquivos)\1 Gisele\Pendrive Gisele\Raphael\Gisele\0 CIPAS SCJ IMPORTANTE\11 CIPA UNIÃO FERREIRA 2017_2018\7 - CÉDULAS DE VOTAÇÃO.xls</t>
  </si>
  <si>
    <t>10/18/2019 13:47:52</t>
  </si>
  <si>
    <t>E:\Gisele (Todos os arquivos)\1 Gisele\Pendrive Gisele\Raphael\Gisele\0 CIPAS SCJ IMPORTANTE\11 CIPA UNIÃO FERREIRA 2017_2018\9 - LISTA DE PRESENÇA NO CURSO DE CIPA.xlsx</t>
  </si>
  <si>
    <t>10/18/2019 13:47:53</t>
  </si>
  <si>
    <t>C:\Gisele (Todos os arquivos)\1 Gisele\Pendrive Gisele\Raphael\Gisele\0 CIPAS SCJ IMPORTANTE\12 CIPA UNIÃO NF 2017_2018\</t>
  </si>
  <si>
    <t>E:\Gisele (Todos os arquivos)\1 Gisele\Pendrive Gisele\Raphael\Gisele\0 CIPAS SCJ IMPORTANTE\12 CIPA UNIÃO NF 2017_2018\7 - CÉDULAS DE VOTAÇÃO.xls</t>
  </si>
  <si>
    <t>10/18/2019 13:47:54</t>
  </si>
  <si>
    <t>E:\Gisele (Todos os arquivos)\1 Gisele\Pendrive Gisele\Raphael\Gisele\0 CIPAS SCJ IMPORTANTE\12 CIPA UNIÃO NF 2017_2018\9 - LISTA DE PRESENÇA NO CURSO DE CIPA.xlsx</t>
  </si>
  <si>
    <t>10/18/2019 13:47:55</t>
  </si>
  <si>
    <t>C:\Gisele (Todos os arquivos)\1 Gisele\Pendrive Gisele\Raphael\Gisele\0 CIPAS SCJ IMPORTANTE\13 CIPA UNIÃO 2017_2018\</t>
  </si>
  <si>
    <t>E:\Gisele (Todos os arquivos)\1 Gisele\Pendrive Gisele\Raphael\Gisele\0 CIPAS SCJ IMPORTANTE\13 CIPA UNIÃO 2017_2018\7 - CÉDULAS DE VOTAÇÃO.xls</t>
  </si>
  <si>
    <t>E:\Gisele (Todos os arquivos)\1 Gisele\Pendrive Gisele\Raphael\Gisele\0 CIPAS SCJ IMPORTANTE\13 CIPA UNIÃO 2017_2018\9 - LISTA DE PRESENÇA NO CURSO DE CIPA.xlsx</t>
  </si>
  <si>
    <t>10/18/2019 13:47:57</t>
  </si>
  <si>
    <t>C:\Gisele (Todos os arquivos)\1 Gisele\Pendrive Gisele\Raphael\Gisele\0 CIPAS SCJ IMPORTANTE\15 CIPA VILLA FIORE 2017_2018\</t>
  </si>
  <si>
    <t>E:\Gisele (Todos os arquivos)\1 Gisele\Pendrive Gisele\Raphael\Gisele\0 CIPAS SCJ IMPORTANTE\15 CIPA VILLA FIORE 2017_2018\7 - CÉDULAS DE VOTAÇÃO.xls</t>
  </si>
  <si>
    <t>10/18/2019 13:47:58</t>
  </si>
  <si>
    <t>E:\Gisele (Todos os arquivos)\1 Gisele\Pendrive Gisele\Raphael\Gisele\0 CIPAS SCJ IMPORTANTE\15 CIPA VILLA FIORE 2017_2018\9 - LISTA DE PRESENÇA NO CURSO DE CIPA.xlsx</t>
  </si>
  <si>
    <t>10/18/2019 13:47:59</t>
  </si>
  <si>
    <t>C:\Gisele (Todos os arquivos)\1 Gisele\Pendrive Gisele\Raphael\Gisele\0 CIPAS SCJ IMPORTANTE\16 CIPA VOLPI 2017_2018\</t>
  </si>
  <si>
    <t>E:\Gisele (Todos os arquivos)\1 Gisele\Pendrive Gisele\Raphael\Gisele\0 CIPAS SCJ IMPORTANTE\16 CIPA VOLPI 2017_2018\7 - CÉDULAS DE VOTAÇÃO.xls</t>
  </si>
  <si>
    <t>E:\Gisele (Todos os arquivos)\1 Gisele\Pendrive Gisele\Raphael\Gisele\0 CIPAS SCJ IMPORTANTE\16 CIPA VOLPI 2017_2018\9 - LISTA DE PRESENÇA NO CURSO DE CIPA.xlsx</t>
  </si>
  <si>
    <t>10/18/2019 13:48:00</t>
  </si>
  <si>
    <t>C:\Gisele (Todos os arquivos)\1 Gisele\Pendrive Gisele\Raphael\Gisele\0 CIPAS SCJ IMPORTANTE\17 CIPA NOSSO LAR 2017_2018\</t>
  </si>
  <si>
    <t>E:\Gisele (Todos os arquivos)\1 Gisele\Pendrive Gisele\Raphael\Gisele\0 CIPAS SCJ IMPORTANTE\17 CIPA NOSSO LAR 2017_2018\7 - CÉDULAS DE VOTAÇÃO.xls</t>
  </si>
  <si>
    <t>10/18/2019 13:48:01</t>
  </si>
  <si>
    <t>E:\Gisele (Todos os arquivos)\1 Gisele\Pendrive Gisele\Raphael\Gisele\0 CIPAS SCJ IMPORTANTE\17 CIPA NOSSO LAR 2017_2018\9 - LISTA DE PRESENÇA NO CURSO DE CIPA.xlsx</t>
  </si>
  <si>
    <t>10/18/2019 13:48:02</t>
  </si>
  <si>
    <t>C:\Gisele (Todos os arquivos)\1 Gisele\Pendrive Gisele\Raphael\Gisele\0 CIPAS SCJ IMPORTANTE\18 CIPA RC 2018_2019\</t>
  </si>
  <si>
    <t>E:\Gisele (Todos os arquivos)\1 Gisele\Pendrive Gisele\Raphael\Gisele\0 CIPAS SCJ IMPORTANTE\18 CIPA RC 2018_2019\7 - CÉDULAS DE VOTAÇÃO.xls</t>
  </si>
  <si>
    <t>E:\Gisele (Todos os arquivos)\1 Gisele\Pendrive Gisele\Raphael\Gisele\0 CIPAS SCJ IMPORTANTE\18 CIPA RC 2018_2019\9 - LISTA DE PRESENÇA NO CURSO DE CIPA.xlsx</t>
  </si>
  <si>
    <t>10/18/2019 13:48:04</t>
  </si>
  <si>
    <t>C:\Gisele (Todos os arquivos)\1 Gisele\Pendrive Gisele\Raphael\Gisele\0 CIPAS SCJ IMPORTANTE\19 CIPA BRASBAG 2018_2019\</t>
  </si>
  <si>
    <t>E:\Gisele (Todos os arquivos)\1 Gisele\Pendrive Gisele\Raphael\Gisele\0 CIPAS SCJ IMPORTANTE\19 CIPA BRASBAG 2018_2019\7 - CÉDULAS DE VOTAÇÃO.xls</t>
  </si>
  <si>
    <t>E:\Gisele (Todos os arquivos)\1 Gisele\Pendrive Gisele\Raphael\Gisele\0 CIPAS SCJ IMPORTANTE\19 CIPA BRASBAG 2018_2019\9 - LISTA DE PRESENÇA NO CURSO DE CIPA.xlsx</t>
  </si>
  <si>
    <t>10/18/2019 13:48:05</t>
  </si>
  <si>
    <t>C:\Gisele (Todos os arquivos)\1 Gisele\Pendrive Gisele\Raphael\Gisele\0 CIPAS SCJ IMPORTANTE\2 CIPA HOSPITAL SANTO ANTÔNIO 2017_2018\</t>
  </si>
  <si>
    <t>E:\Gisele (Todos os arquivos)\1 Gisele\Pendrive Gisele\Raphael\Gisele\0 CIPAS SCJ IMPORTANTE\2 CIPA HOSPITAL SANTO ANTÔNIO 2017_2018\7 - CÉDULAS DE VOTAÇÃO.xls</t>
  </si>
  <si>
    <t>10/18/2019 13:48:06</t>
  </si>
  <si>
    <t>E:\Gisele (Todos os arquivos)\1 Gisele\Pendrive Gisele\Raphael\Gisele\0 CIPAS SCJ IMPORTANTE\2 CIPA HOSPITAL SANTO ANTÔNIO 2017_2018\9 - LISTA DE PRESENÇA NO CURSO DE CIPA.xlsx</t>
  </si>
  <si>
    <t>10/18/2019 13:48:07</t>
  </si>
  <si>
    <t>C:\Gisele (Todos os arquivos)\1 Gisele\Pendrive Gisele\Raphael\Gisele\0 CIPAS SCJ IMPORTANTE\20 CIPA BRASCAFÉ 2018_2019\</t>
  </si>
  <si>
    <t>E:\Gisele (Todos os arquivos)\1 Gisele\Pendrive Gisele\Raphael\Gisele\0 CIPAS SCJ IMPORTANTE\20 CIPA BRASCAFÉ 2018_2019\7 - CÉDULAS DE VOTAÇÃO.xls</t>
  </si>
  <si>
    <t>10/18/2019 13:48:08</t>
  </si>
  <si>
    <t>E:\Gisele (Todos os arquivos)\1 Gisele\Pendrive Gisele\Raphael\Gisele\0 CIPAS SCJ IMPORTANTE\20 CIPA BRASCAFÉ 2018_2019\9 - LISTA DE PRESENÇA NO CURSO DE CIPA.xlsx</t>
  </si>
  <si>
    <t>10/18/2019 13:48:09</t>
  </si>
  <si>
    <t>C:\Gisele (Todos os arquivos)\1 Gisele\Pendrive Gisele\Raphael\Gisele\0 CIPAS SCJ IMPORTANTE\3 CIPA UNIPAC 2017_2018\DOCUMENTOS PARA ASSINAR\</t>
  </si>
  <si>
    <t>E:\Gisele (Todos os arquivos)\1 Gisele\Pendrive Gisele\Raphael\Gisele\0 CIPAS SCJ IMPORTANTE\3 CIPA UNIPAC 2017_2018\DOCUMENTOS PARA ASSINAR\7 - CÉDULAS DE VOTAÇÃO.xls</t>
  </si>
  <si>
    <t>10/18/2019 13:48:10</t>
  </si>
  <si>
    <t>E:\Gisele (Todos os arquivos)\1 Gisele\Pendrive Gisele\Raphael\Gisele\0 CIPAS SCJ IMPORTANTE\3 CIPA UNIPAC 2017_2018\DOCUMENTOS PARA ASSINAR\9 - LISTA DE PRESENÇA NO CURSO DE CIPA.xlsx</t>
  </si>
  <si>
    <t>10/18/2019 13:48:11</t>
  </si>
  <si>
    <t>C:\Gisele (Todos os arquivos)\1 Gisele\Pendrive Gisele\Raphael\Gisele\0 CIPAS SCJ IMPORTANTE\4 CIPA NOGAN 2017_2018\</t>
  </si>
  <si>
    <t>E:\Gisele (Todos os arquivos)\1 Gisele\Pendrive Gisele\Raphael\Gisele\0 CIPAS SCJ IMPORTANTE\4 CIPA NOGAN 2017_2018\7 - CÉDULAS DE VOTAÇÃO.xls</t>
  </si>
  <si>
    <t>E:\Gisele (Todos os arquivos)\1 Gisele\Pendrive Gisele\Raphael\Gisele\0 CIPAS SCJ IMPORTANTE\4 CIPA NOGAN 2017_2018\9 - LISTA DE PRESENÇA NO CURSO DE CIPA.xlsx</t>
  </si>
  <si>
    <t>10/18/2019 13:48:13</t>
  </si>
  <si>
    <t>C:\Gisele (Todos os arquivos)\1 Gisele\Pendrive Gisele\Raphael\Gisele\0 CIPAS SCJ IMPORTANTE\5 CIPA BRASBAG 2016_2017\</t>
  </si>
  <si>
    <t>E:\Gisele (Todos os arquivos)\1 Gisele\Pendrive Gisele\Raphael\Gisele\0 CIPAS SCJ IMPORTANTE\5 CIPA BRASBAG 2016_2017\7 - CÉDULAS DE VOTAÇÃO.xls</t>
  </si>
  <si>
    <t>E:\Gisele (Todos os arquivos)\1 Gisele\Pendrive Gisele\Raphael\Gisele\0 CIPAS SCJ IMPORTANTE\5 CIPA BRASBAG 2016_2017\9 - LISTA DE PRESENÇA NO CURSO DE CIPA.xlsx</t>
  </si>
  <si>
    <t>10/18/2019 13:48:14</t>
  </si>
  <si>
    <t>C:\Gisele (Todos os arquivos)\1 Gisele\Pendrive Gisele\Raphael\Gisele\0 CIPAS SCJ IMPORTANTE\6 CIPA MENEGON\</t>
  </si>
  <si>
    <t>E:\Gisele (Todos os arquivos)\1 Gisele\Pendrive Gisele\Raphael\Gisele\0 CIPAS SCJ IMPORTANTE\6 CIPA MENEGON\7 - CÉDULAS DE VOTAÇÃO.xls</t>
  </si>
  <si>
    <t>10/18/2019 13:48:15</t>
  </si>
  <si>
    <t>E:\Gisele (Todos os arquivos)\1 Gisele\Pendrive Gisele\Raphael\Gisele\0 CIPAS SCJ IMPORTANTE\6 CIPA MENEGON\9 - LISTA DE PRESENÇA NO CURSO DE CIPA.xlsx</t>
  </si>
  <si>
    <t>10/18/2019 13:48:17</t>
  </si>
  <si>
    <t>C:\Gisele (Todos os arquivos)\1 Gisele\Pendrive Gisele\Raphael\Gisele\0 CIPAS SCJ IMPORTANTE\8 CIPA BADIÃO COMERCIAL SURPRESA 2017_2018\</t>
  </si>
  <si>
    <t>E:\Gisele (Todos os arquivos)\1 Gisele\Pendrive Gisele\Raphael\Gisele\0 CIPAS SCJ IMPORTANTE\8 CIPA BADIÃO COMERCIAL SURPRESA 2017_2018\7 - CÉDULAS DE VOTAÇÃO.xls</t>
  </si>
  <si>
    <t>E:\Gisele (Todos os arquivos)\1 Gisele\Pendrive Gisele\Raphael\Gisele\0 CIPAS SCJ IMPORTANTE\8 CIPA BADIÃO COMERCIAL SURPRESA 2017_2018\9 - LISTA DE PRESENÇA NO CURSO DE CIPA.xlsx</t>
  </si>
  <si>
    <t>10/18/2019 13:48:18</t>
  </si>
  <si>
    <t>C:\Gisele (Todos os arquivos)\1 Gisele\Pendrive Gisele\Raphael\Gisele\Apê Caldas Novas - Reservas e Pagamentos\</t>
  </si>
  <si>
    <t>E:\Gisele (Todos os arquivos)\1 Gisele\Pendrive Gisele\Raphael\Gisele\Apê Caldas Novas - Reservas e Pagamentos\Calendário 2017 .xlsm</t>
  </si>
  <si>
    <t>E:\Gisele (Todos os arquivos)\1 Gisele\Pendrive Gisele\Raphael\Gisele\Apê Caldas Novas - Reservas e Pagamentos\Calendário 2018.xlsm</t>
  </si>
  <si>
    <t>E:\Gisele (Todos os arquivos)\1 Gisele\Pendrive Gisele\Raphael\Gisele\Apê Caldas Novas - Reservas e Pagamentos\com erro Contabilidade Apto Caldas Novas.xlsx</t>
  </si>
  <si>
    <t>E:\Gisele (Todos os arquivos)\1 Gisele\Pendrive Gisele\Raphael\Gisele\Apê Caldas Novas - Reservas e Pagamentos\Contabilidade Apto Caldas Novas.xlsx</t>
  </si>
  <si>
    <t>10/18/2019 13:48:19</t>
  </si>
  <si>
    <t>E:\Gisele (Todos os arquivos)\1 Gisele\Pendrive Gisele\Raphael\Gisele\Apê Caldas Novas - Reservas e Pagamentos\Controle de Locação Apto Caldas Novas.xlsx</t>
  </si>
  <si>
    <t>E:\Gisele (Todos os arquivos)\1 Gisele\Pendrive Gisele\Raphael\Gisele\Apê Caldas Novas - Reservas e Pagamentos\Novo Calendário 2017.xlsm</t>
  </si>
  <si>
    <t>E:\Gisele (Todos os arquivos)\1 Gisele\Pendrive Gisele\Raphael\Gisele\Apê Caldas Novas - Reservas e Pagamentos\Preços e Locações Apto Caldas Novas.xlsx</t>
  </si>
  <si>
    <t>10/18/2019 13:51:32</t>
  </si>
  <si>
    <t>10/18/2019 13:53:54</t>
  </si>
  <si>
    <t>/o=exchangelabs/ou=exchange administrative group (fydibohf23spdlt)/cn=recipients/cn=5412a5c3dbf6470e809115c1b42dde24-algar tech;/o=exchangelabs/ou=exchange administrative group (fydibohf23spdlt)/cn=recipients/cn=54861e79125f48cc952d00cf8160b9a8-jeferson fe;/o=exchangelabs/ou=exchange administrative group (fydibohf23spdlt)/cn=recipients/cn=b16974d7de334bfabfe3dee1e8e47e59-sherley cri;/o=exchangelabs/ou=exchange administrative group (fydibohf23spdlt)/cn=recipients/cn=b5ef1f826e364d2aa99a0df5d1906feb-liliane apa;/o=exchangelabs/ou=exchange administrative group (fydibohf23spdlt)/cn=recipients/cn=c29ec9dae022497281c840087cccddec-patricia ar;/o=exchangelabs/ou=exchange administrative group (fydibohf23spdlt)/cn=recipients/cn=f00c439d0d474c0586a503a0209ed1f2-bruno wande;/o=exchangelabs/ou=exchange administrative group (fydibohf23spdlt)/cn=recipients/cn=f167860e3f1940cc81730e5f24d2f0bb-alexandre f;</t>
  </si>
  <si>
    <t>RES: Carta - Convite Banco Votorantim - SC 201440 - RFP - OPERAÇOES DE PREVENÇÃO A FRAUDES - ANEXO 1: SC 201440 - Questionamentos e Respostas - Fraudes</t>
  </si>
  <si>
    <t>SC 201440 - Questionamentos e Respostas - Fraudes (1).xlsx</t>
  </si>
  <si>
    <t>/o=exchangelabs/ou=exchange administrative group (fydibohf23spdlt)/cn=recipients/cn=5412a5c3dbf6470e809115c1b42dde24-algar tech,/o=exchangelabs/ou=exchange administrative group (fydibohf23spdlt)/cn=recipients/cn=54861e79125f48cc952d00cf8160b9a8-jeferson fe,/o=exchangelabs/ou=exchange administrative group (fydibohf23spdlt)/cn=recipients/cn=b16974d7de334bfabfe3dee1e8e47e59-sherley cri,/o=exchangelabs/ou=exchange administrative group (fydibohf23spdlt)/cn=recipients/cn=b5ef1f826e364d2aa99a0df5d1906feb-liliane apa,/o=exchangelabs/ou=exchange administrative group (fydibohf23spdlt)/cn=recipients/cn=c29ec9dae022497281c840087cccddec-patricia ar,/o=exchangelabs/ou=exchange administrative group (fydibohf23spdlt)/cn=recipients/cn=f00c439d0d474c0586a503a0209ed1f2-bruno wande,/o=exchangelabs/ou=exchange administrative group (fydibohf23spdlt)/cn=recipients/cn=f167860e3f1940cc81730e5f24d2f0bb-alexandre f</t>
  </si>
  <si>
    <t>10/18/2019 13:50:11</t>
  </si>
  <si>
    <t>10/18/2019 13:54:55</t>
  </si>
  <si>
    <t>ENC: Volume Gerenciadas Amex e Visa - 18/10</t>
  </si>
  <si>
    <t>10/18/2019 13:51:01</t>
  </si>
  <si>
    <t>10.203.31.105</t>
  </si>
  <si>
    <t>/o=exchangelabs/ou=exchange administrative group (fydibohf23spdlt)/cn=recipients/cn=be1c08399d1c4ab7abaf07f8b62458b7-eduardo per;</t>
  </si>
  <si>
    <t>ENC: Book da oferta Araguari</t>
  </si>
  <si>
    <t>Simulador Book Lego 4.0 (Araguari).xls</t>
  </si>
  <si>
    <t>/o=exchangelabs/ou=exchange administrative group (fydibohf23spdlt)/cn=recipients/cn=be1c08399d1c4ab7abaf07f8b62458b7-eduardo per</t>
  </si>
  <si>
    <t>10/18/2019 13:49:05</t>
  </si>
  <si>
    <t>C:\Gisele (Todos os arquivos)\1 Gisele\Pessoal\</t>
  </si>
  <si>
    <t>Controle de Documentos TESTE.xlsx</t>
  </si>
  <si>
    <t>E:\Gisele (Todos os arquivos)\1 Gisele\Pessoal\Controle de Documentos TESTE.xlsx</t>
  </si>
  <si>
    <t>10/18/2019 13:49:06</t>
  </si>
  <si>
    <t>Minha DashBoard.xlsx</t>
  </si>
  <si>
    <t>E:\Gisele (Todos os arquivos)\1 Gisele\Pessoal\Minha DashBoard.xlsx</t>
  </si>
  <si>
    <t>10/18/2019 13:50:10</t>
  </si>
  <si>
    <t>C:\Gisele (Todos os arquivos)\Algar Tech\</t>
  </si>
  <si>
    <t>5.6 - Planilha de Controle Anual de CAT's.xls</t>
  </si>
  <si>
    <t>E:\Gisele (Todos os arquivos)\Algar Tech\5.6 - Planilha de Controle Anual de CAT's.xls</t>
  </si>
  <si>
    <t>Atividades férias Gisele 2019.xlsx</t>
  </si>
  <si>
    <t>E:\Gisele (Todos os arquivos)\Algar Tech\Atividades férias Gisele 2019.xlsx</t>
  </si>
  <si>
    <t>Comitê Ergonomia - Campanhas Workplace.xlsx</t>
  </si>
  <si>
    <t>E:\Gisele (Todos os arquivos)\Algar Tech\Comitê Ergonomia - Campanhas Workplace.xlsx</t>
  </si>
  <si>
    <t>Controle de Laudos Ruído, Temperatura e Luminosidade e Cronogramas PPRA's.xlsx</t>
  </si>
  <si>
    <t>E:\Gisele (Todos os arquivos)\Algar Tech\Controle de Laudos Ruído, Temperatura e Luminosidade e Cronogramas PPRA's.xlsx</t>
  </si>
  <si>
    <t>Cópia de Objetivos SSMA rev.01 2 semestre 2019 Danilo.xlsx</t>
  </si>
  <si>
    <t>E:\Gisele (Todos os arquivos)\Algar Tech\Cópia de Objetivos SSMA rev.01 2 semestre 2019 Danilo.xlsx</t>
  </si>
  <si>
    <t>Ficha do Risco - Infraestrutura - jun19.xlsx</t>
  </si>
  <si>
    <t>E:\Gisele (Todos os arquivos)\Algar Tech\Ficha do Risco - Infraestrutura - jun19.xlsx</t>
  </si>
  <si>
    <t>FMC - BD Telecom.xlsx</t>
  </si>
  <si>
    <t>E:\Gisele (Todos os arquivos)\Algar Tech\FMC - BD Telecom.xlsx</t>
  </si>
  <si>
    <t>10/18/2019 13:50:12</t>
  </si>
  <si>
    <t>Indicadores de Acidentes Julho 2019.xlsx</t>
  </si>
  <si>
    <t>E:\Gisele (Todos os arquivos)\Algar Tech\Indicadores de Acidentes Julho 2019.xlsx</t>
  </si>
  <si>
    <t>Licenças - SESMT (atualizada).xlsx</t>
  </si>
  <si>
    <t>E:\Gisele (Todos os arquivos)\Algar Tech\Licenças - SESMT (atualizada).xlsx</t>
  </si>
  <si>
    <t>Licenças - SESMT.xlsx</t>
  </si>
  <si>
    <t>E:\Gisele (Todos os arquivos)\Algar Tech\Licenças - SESMT.xlsx</t>
  </si>
  <si>
    <t>Lista de associados FMC (atualizado em abril_2019).xlsx</t>
  </si>
  <si>
    <t>E:\Gisele (Todos os arquivos)\Algar Tech\Lista de associados FMC (atualizado em abril_2019).xlsx</t>
  </si>
  <si>
    <t>10/18/2019 13:50:13</t>
  </si>
  <si>
    <t>Objetivos Gisele - 2ºsemestre 2019.xlsx</t>
  </si>
  <si>
    <t>E:\Gisele (Todos os arquivos)\Algar Tech\Objetivos Gisele - 2ºsemestre 2019.xlsx</t>
  </si>
  <si>
    <t>10/18/2019 13:50:15</t>
  </si>
  <si>
    <t>Planilha SESMT (Licenças e vidas por Site).xlsx</t>
  </si>
  <si>
    <t>E:\Gisele (Todos os arquivos)\Algar Tech\Planilha SESMT (Licenças e vidas por Site).xlsx</t>
  </si>
  <si>
    <t>Planilha TAC Algar Tech (2019).xlsx</t>
  </si>
  <si>
    <t>E:\Gisele (Todos os arquivos)\Algar Tech\Planilha TAC Algar Tech (2019).xlsx</t>
  </si>
  <si>
    <t>10/18/2019 13:50:16</t>
  </si>
  <si>
    <t>REQUISIÇÃO DE COMPRA.xls</t>
  </si>
  <si>
    <t>E:\Gisele (Todos os arquivos)\Algar Tech\REQUISIÇÃO DE COMPRA.xls</t>
  </si>
  <si>
    <t>E:\Gisele (Todos os arquivos)\Algar Tech\SESMT por regional.xlsx</t>
  </si>
  <si>
    <t>C:\Gisele (Todos os arquivos)\Algar Tech\0 Agenda\</t>
  </si>
  <si>
    <t>Agenda e Links.xls</t>
  </si>
  <si>
    <t>E:\Gisele (Todos os arquivos)\Algar Tech\0 Agenda\Agenda e Links.xls</t>
  </si>
  <si>
    <t>10/18/2019 13:50:17</t>
  </si>
  <si>
    <t>C:\Gisele (Todos os arquivos)\Algar Tech\1 Atividades Gisele\</t>
  </si>
  <si>
    <t>Atividades Gisele.xlsx</t>
  </si>
  <si>
    <t>E:\Gisele (Todos os arquivos)\Algar Tech\1 Atividades Gisele\Atividades Gisele.xlsx</t>
  </si>
  <si>
    <t>E:\Gisele (Todos os arquivos)\Algar Tech\2 Demandas Diárias e mensais\5.6 - Planilha de Controle Anual de CAT's.xls</t>
  </si>
  <si>
    <t>10/18/2019 13:50:19</t>
  </si>
  <si>
    <t>C:\Gisele (Todos os arquivos)\Algar Tech\2 Demandas Diárias e mensais\</t>
  </si>
  <si>
    <t>Estatística de Abertura de CAT (Mensal).xlsx</t>
  </si>
  <si>
    <t>E:\Gisele (Todos os arquivos)\Algar Tech\2 Demandas Diárias e mensais\Estatística de Abertura de CAT (Mensal).xlsx</t>
  </si>
  <si>
    <t>10/18/2019 13:50:20</t>
  </si>
  <si>
    <t>GEDOC relação de caixas digitalizadas.xlsx</t>
  </si>
  <si>
    <t>E:\Gisele (Todos os arquivos)\Algar Tech\2 Demandas Diárias e mensais\GEDOC relação de caixas digitalizadas.xlsx</t>
  </si>
  <si>
    <t>10/18/2019 13:50:31</t>
  </si>
  <si>
    <t>Investigação de Acidente MODELO GISELE .xlsx</t>
  </si>
  <si>
    <t>E:\Gisele (Todos os arquivos)\Algar Tech\2 Demandas Diárias e mensais\Investigação de Acidente MODELO GISELE .xlsx</t>
  </si>
  <si>
    <t>10/18/2019 13:50:32</t>
  </si>
  <si>
    <t>E:\Gisele (Todos os arquivos)\Algar Tech\2 Demandas Diárias e mensais\Lista de Documentos de Fornecedores.xlsx</t>
  </si>
  <si>
    <t>10/18/2019 13:50:33</t>
  </si>
  <si>
    <t>Planilha de Estatística de Abertura de CAT (Mensal).xlsx</t>
  </si>
  <si>
    <t>E:\Gisele (Todos os arquivos)\Algar Tech\2 Demandas Diárias e mensais\Planilha de Estatística de Abertura de CAT (Mensal).xlsx</t>
  </si>
  <si>
    <t>C:\Gisele (Todos os arquivos)\Algar Tech\2 Demandas Diárias e mensais\3 Objetivos Estratégicos e Pessoais\1_2019\</t>
  </si>
  <si>
    <t>Objetivos 1_2019 .xlsx</t>
  </si>
  <si>
    <t>E:\Gisele (Todos os arquivos)\Algar Tech\2 Demandas Diárias e mensais\3 Objetivos Estratégicos e Pessoais\1_2019\Objetivos 1_2019 .xlsx</t>
  </si>
  <si>
    <t>10/18/2019 13:50:38</t>
  </si>
  <si>
    <t>10/18/2019 13:55:55</t>
  </si>
  <si>
    <t>E:\Gisele (Todos os arquivos)\Algar Tech\2 Demandas Diárias e mensais\3 Objetivos Estratégicos e Pessoais\1_2019\Evidências 1_2019\Planilha TAC Algar Tech (2019).xlsx</t>
  </si>
  <si>
    <t>C:\Gisele (Todos os arquivos)\Algar Tech\2 Demandas Diárias e mensais\3 Objetivos Estratégicos e Pessoais\2_2019\</t>
  </si>
  <si>
    <t>Objetivos 2_2019.xlsx</t>
  </si>
  <si>
    <t>E:\Gisele (Todos os arquivos)\Algar Tech\2 Demandas Diárias e mensais\3 Objetivos Estratégicos e Pessoais\2_2019\Objetivos 2_2019.xlsx</t>
  </si>
  <si>
    <t>10/18/2019 13:50:52</t>
  </si>
  <si>
    <t>C:\Gisele (Todos os arquivos)\Algar Tech\2 Demandas Diárias e mensais\Apresentações\Mais TOP.pptx\</t>
  </si>
  <si>
    <t>E:\Gisele (Todos os arquivos)\Algar Tech\2 Demandas Diárias e mensais\Apresentações\Mais TOP.pptx</t>
  </si>
  <si>
    <t>10/18/2019 13:50:53</t>
  </si>
  <si>
    <t>10/18/2019 13:50:54</t>
  </si>
  <si>
    <t>10/18/2019 13:50:55</t>
  </si>
  <si>
    <t>10/18/2019 13:50:56</t>
  </si>
  <si>
    <t>10/18/2019 13:50:57</t>
  </si>
  <si>
    <t>10/18/2019 13:50:58</t>
  </si>
  <si>
    <t>10/18/2019 13:50:59</t>
  </si>
  <si>
    <t>10/18/2019 13:51:00</t>
  </si>
  <si>
    <t>10/18/2019 13:51:02</t>
  </si>
  <si>
    <t>10/18/2019 13:51:03</t>
  </si>
  <si>
    <t>10/18/2019 13:51:14</t>
  </si>
  <si>
    <t>C:\Gisele (Todos os arquivos)\Algar Tech\2 Demandas Diárias e mensais\Apresentações\CIPA Gisele\</t>
  </si>
  <si>
    <t>E:\Gisele (Todos os arquivos)\Algar Tech\2 Demandas Diárias e mensais\Apresentações\CIPA Gisele\Invstigação CIPA.xlsx</t>
  </si>
  <si>
    <t>10/18/2019 13:51:17</t>
  </si>
  <si>
    <t>C:\Gisele (Todos os arquivos)\Algar Tech\2 Demandas Diárias e mensais\Arquivos da minha área de trabalho\</t>
  </si>
  <si>
    <t>Auditoria dos Processos de CIPA 2018-2019 xlsx.xlsx</t>
  </si>
  <si>
    <t>E:\Gisele (Todos os arquivos)\Algar Tech\2 Demandas Diárias e mensais\Arquivos da minha área de trabalho\Auditoria dos Processos de CIPA 2018-2019 xlsx.xlsx</t>
  </si>
  <si>
    <t>TAC - Plano de Ação_Acordo Judicial_Algar Tech (Status 2019).xlsx</t>
  </si>
  <si>
    <t>E:\Gisele (Todos os arquivos)\Algar Tech\2 Demandas Diárias e mensais\Arquivos da minha área de trabalho\TAC - Plano de Ação_Acordo Judicial_Algar Tech (Status 2019).xlsx</t>
  </si>
  <si>
    <t>10/18/2019 13:51:23</t>
  </si>
  <si>
    <t>C:\Gisele (Todos os arquivos)\Algar Tech\2 Demandas Diárias e mensais\Arquivos da minha área de trabalho\Objetivos Estratégicos e Pessoais 1_2019\</t>
  </si>
  <si>
    <t>objetivos SESMT e AMBIENTAL - UDI.CPS.SP.xlsx</t>
  </si>
  <si>
    <t>E:\Gisele (Todos os arquivos)\Algar Tech\2 Demandas Diárias e mensais\Arquivos da minha área de trabalho\Objetivos Estratégicos e Pessoais 1_2019\objetivos SESMT e AMBIENTAL - UDI.CPS.SP.xlsx</t>
  </si>
  <si>
    <t>10/18/2019 13:51:45</t>
  </si>
  <si>
    <t>C:\Gisele (Todos os arquivos)\Algar Tech\2 Demandas Diárias e mensais\Arquivos da minha área de trabalho\Solicitação de EPI's (Meirelen)\</t>
  </si>
  <si>
    <t>1 Nome dos funcionários para criação da requisição.xlsx</t>
  </si>
  <si>
    <t>E:\Gisele (Todos os arquivos)\Algar Tech\2 Demandas Diárias e mensais\Arquivos da minha área de trabalho\Solicitação de EPI's (Meirelen)\1 Nome dos funcionários para criação da requisição.xlsx</t>
  </si>
  <si>
    <t>10/18/2019 13:51:46</t>
  </si>
  <si>
    <t>ALGAR TEC_Relatório de Saldo_06.12.xlsx</t>
  </si>
  <si>
    <t>E:\Gisele (Todos os arquivos)\Algar Tech\2 Demandas Diárias e mensais\Arquivos da minha área de trabalho\Solicitação de EPI's (Meirelen)\ALGAR TEC_Relatório de Saldo_06.12.xlsx</t>
  </si>
  <si>
    <t>ALGAR TI_Relatório de Saldo 06.12.xlsx</t>
  </si>
  <si>
    <t>E:\Gisele (Todos os arquivos)\Algar Tech\2 Demandas Diárias e mensais\Arquivos da minha área de trabalho\Solicitação de EPI's (Meirelen)\ALGAR TI_Relatório de Saldo 06.12.xlsx</t>
  </si>
  <si>
    <t>CONTAS CONTÁBEIS.xls</t>
  </si>
  <si>
    <t>E:\Gisele (Todos os arquivos)\Algar Tech\2 Demandas Diárias e mensais\Arquivos da minha área de trabalho\Solicitação de EPI's (Meirelen)\CONTAS CONTÁBEIS.xls</t>
  </si>
  <si>
    <t>Criação de requisição via OEBS_TI e TEC.xlsx</t>
  </si>
  <si>
    <t>E:\Gisele (Todos os arquivos)\Algar Tech\2 Demandas Diárias e mensais\Arquivos da minha área de trabalho\Solicitação de EPI's (Meirelen)\Criação de requisição via OEBS_TI e TEC.xlsx</t>
  </si>
  <si>
    <t>10/18/2019 13:51:47</t>
  </si>
  <si>
    <t>Descrição dos EPI´S para solicitação.xlsx</t>
  </si>
  <si>
    <t>E:\Gisele (Todos os arquivos)\Algar Tech\2 Demandas Diárias e mensais\Arquivos da minha área de trabalho\Solicitação de EPI's (Meirelen)\Descrição dos EPI´S para solicitação.xlsx</t>
  </si>
  <si>
    <t>10/18/2019 13:51:52</t>
  </si>
  <si>
    <t>FLEXFIELDS - Códigos de Contabilização OEBS - Algar Tech .xlsx</t>
  </si>
  <si>
    <t>E:\Gisele (Todos os arquivos)\Algar Tech\2 Demandas Diárias e mensais\Arquivos da minha área de trabalho\Solicitação de EPI's (Meirelen)\FLEXFIELDS - Códigos de Contabilização OEBS - Algar Tech .xlsx</t>
  </si>
  <si>
    <t>Lista de ESTOQUE ALMOXARIFADO.xlsx</t>
  </si>
  <si>
    <t>E:\Gisele (Todos os arquivos)\Algar Tech\2 Demandas Diárias e mensais\Arquivos da minha área de trabalho\Solicitação de EPI's (Meirelen)\Lista de ESTOQUE ALMOXARIFADO.xlsx</t>
  </si>
  <si>
    <t>10/18/2019 13:52:03</t>
  </si>
  <si>
    <t>Nome dos funcionários para criação da requisição.xlsx</t>
  </si>
  <si>
    <t>E:\Gisele (Todos os arquivos)\Algar Tech\2 Demandas Diárias e mensais\Arquivos da minha área de trabalho\Solicitação de EPI's (Meirelen)\Nome dos funcionários para criação da requisição.xlsx</t>
  </si>
  <si>
    <t>10/18/2019 13:52:04</t>
  </si>
  <si>
    <t>C:\Gisele (Todos os arquivos)\Algar Tech\2 Demandas Diárias e mensais\Arquivos da minha área de trabalho\TAC\</t>
  </si>
  <si>
    <t>2015_Plano de Ação_Acordo Judicial_Algar Tech.xlsx</t>
  </si>
  <si>
    <t>E:\Gisele (Todos os arquivos)\Algar Tech\2 Demandas Diárias e mensais\Arquivos da minha área de trabalho\TAC\2015_Plano de Ação_Acordo Judicial_Algar Tech.xlsx</t>
  </si>
  <si>
    <t>Auditoria dos Processos de CIPA 2018-2019 MEIRIELEN xlsx.xlsx</t>
  </si>
  <si>
    <t>E:\Gisele (Todos os arquivos)\Algar Tech\2 Demandas Diárias e mensais\Arquivos da minha área de trabalho\TAC\Auditoria dos Processos de CIPA 2018-2019 MEIRIELEN xlsx.xlsx</t>
  </si>
  <si>
    <t>Danilo - Cópia de TAC - Plano de Ação_Acordo Judicial_Algar Tech (2019).xlsx</t>
  </si>
  <si>
    <t>E:\Gisele (Todos os arquivos)\Algar Tech\2 Demandas Diárias e mensais\Arquivos da minha área de trabalho\TAC\Danilo - Cópia de TAC - Plano de Ação_Acordo Judicial_Algar Tech (2019).xlsx</t>
  </si>
  <si>
    <t>10/18/2019 13:52:05</t>
  </si>
  <si>
    <t>TAC - Plano de Ação_Acordo Judicial_Algar Tech (2019).xlsx</t>
  </si>
  <si>
    <t>E:\Gisele (Todos os arquivos)\Algar Tech\2 Demandas Diárias e mensais\Arquivos da minha área de trabalho\TAC\TAC - Plano de Ação_Acordo Judicial_Algar Tech (2019).xlsx</t>
  </si>
  <si>
    <t>TAC - Plano de Ação_Acordo Judicial_Algar Tech (27_02_2019).xlsx</t>
  </si>
  <si>
    <t>E:\Gisele (Todos os arquivos)\Algar Tech\2 Demandas Diárias e mensais\Arquivos da minha área de trabalho\TAC\TAC - Plano de Ação_Acordo Judicial_Algar Tech (27_02_2019).xlsx</t>
  </si>
  <si>
    <t>E:\Gisele (Todos os arquivos)\Algar Tech\2 Demandas Diárias e mensais\Arquivos da minha área de trabalho\TAC\TAC - Plano de Ação_Acordo Judicial_Algar Tech (Status 2019).xlsx</t>
  </si>
  <si>
    <t>10/18/2019 13:52:06</t>
  </si>
  <si>
    <t>C:\Gisele (Todos os arquivos)\Algar Tech\2 Demandas Diárias e mensais\Auditoria das NR's e Plano de Ação\</t>
  </si>
  <si>
    <t>Plano de Ação Auditoria Gisele (Atualizado em 08-05-2018).xlsx</t>
  </si>
  <si>
    <t>E:\Gisele (Todos os arquivos)\Algar Tech\2 Demandas Diárias e mensais\Auditoria das NR's e Plano de Ação\Plano de Ação Auditoria Gisele (Atualizado em 08-05-2018).xlsx</t>
  </si>
  <si>
    <t>C:\Gisele (Todos os arquivos)\Algar Tech\2 Demandas Diárias e mensais\Auditorias Documental SSMA CIPA\</t>
  </si>
  <si>
    <t>Auditoria dos Processos de CIPA 2015_2016 (finalizado).xlsx</t>
  </si>
  <si>
    <t>E:\Gisele (Todos os arquivos)\Algar Tech\2 Demandas Diárias e mensais\Auditorias Documental SSMA CIPA\Auditoria dos Processos de CIPA 2015_2016 (finalizado).xlsx</t>
  </si>
  <si>
    <t>Auditoria dos Processos de CIPA 2016_2017 (finalizado).xlsx</t>
  </si>
  <si>
    <t>E:\Gisele (Todos os arquivos)\Algar Tech\2 Demandas Diárias e mensais\Auditorias Documental SSMA CIPA\Auditoria dos Processos de CIPA 2016_2017 (finalizado).xlsx</t>
  </si>
  <si>
    <t>Auditoria dos Processos de CIPA 2017_2018.xlsx</t>
  </si>
  <si>
    <t>E:\Gisele (Todos os arquivos)\Algar Tech\2 Demandas Diárias e mensais\Auditorias Documental SSMA CIPA\Auditoria dos Processos de CIPA 2017_2018.xlsx</t>
  </si>
  <si>
    <t>E:\Gisele (Todos os arquivos)\Algar Tech\2 Demandas Diárias e mensais\Auditorias Documental SSMA CIPA\Auditoria dos Processos de CIPA 2018-2019 xlsx.xlsx</t>
  </si>
  <si>
    <t>10/18/2019 13:52:07</t>
  </si>
  <si>
    <t>Auditoria dos Processos de CIPA 2019-2020 xlsx.xlsx</t>
  </si>
  <si>
    <t>E:\Gisele (Todos os arquivos)\Algar Tech\2 Demandas Diárias e mensais\Auditorias Documental SSMA CIPA\Auditoria dos Processos de CIPA 2019-2020 xlsx.xlsx</t>
  </si>
  <si>
    <t>PENDÊNCIAS Auditoria dos Processos de CIPA.xlsx</t>
  </si>
  <si>
    <t>E:\Gisele (Todos os arquivos)\Algar Tech\2 Demandas Diárias e mensais\Auditorias Documental SSMA CIPA\PENDÊNCIAS Auditoria dos Processos de CIPA.xlsx</t>
  </si>
  <si>
    <t>C:\Gisele (Todos os arquivos)\Algar Tech\2 Demandas Diárias e mensais\Auditorias Documental SSMA PPRA\</t>
  </si>
  <si>
    <t>Auditoria PPRA 2014-2015 (finalizado).xlsx</t>
  </si>
  <si>
    <t>E:\Gisele (Todos os arquivos)\Algar Tech\2 Demandas Diárias e mensais\Auditorias Documental SSMA PPRA\Auditoria PPRA 2014-2015 (finalizado).xlsx</t>
  </si>
  <si>
    <t>Auditoria PPRA 2015-2016 (finalizado).xlsx</t>
  </si>
  <si>
    <t>E:\Gisele (Todos os arquivos)\Algar Tech\2 Demandas Diárias e mensais\Auditorias Documental SSMA PPRA\Auditoria PPRA 2015-2016 (finalizado).xlsx</t>
  </si>
  <si>
    <t>Auditoria PPRA 2016-2017 (finalizado).xlsx</t>
  </si>
  <si>
    <t>E:\Gisele (Todos os arquivos)\Algar Tech\2 Demandas Diárias e mensais\Auditorias Documental SSMA PPRA\Auditoria PPRA 2016-2017 (finalizado).xlsx</t>
  </si>
  <si>
    <t>10/18/2019 13:52:08</t>
  </si>
  <si>
    <t>Auditoria PPRA 2017-2018 (Em andamento).xlsx</t>
  </si>
  <si>
    <t>E:\Gisele (Todos os arquivos)\Algar Tech\2 Demandas Diárias e mensais\Auditorias Documental SSMA PPRA\Auditoria PPRA 2017-2018 (Em andamento).xlsx</t>
  </si>
  <si>
    <t>Auditoria PPRA 2017-2018 (finalizado).xlsx</t>
  </si>
  <si>
    <t>E:\Gisele (Todos os arquivos)\Algar Tech\2 Demandas Diárias e mensais\Auditorias Documental SSMA PPRA\Auditoria PPRA 2017-2018 (finalizado).xlsx</t>
  </si>
  <si>
    <t>E:\Gisele (Todos os arquivos)\Algar Tech\2 Demandas Diárias e mensais\Auditorias Documental SSMA PPRA\Auditoria PPRA 2018-2019 (Em andamento).xlsx</t>
  </si>
  <si>
    <t>Auditoria PPRA 2019-2020 (Em andamento).xlsx</t>
  </si>
  <si>
    <t>E:\Gisele (Todos os arquivos)\Algar Tech\2 Demandas Diárias e mensais\Auditorias Documental SSMA PPRA\Auditoria PPRA 2019-2020 (Em andamento).xlsx</t>
  </si>
  <si>
    <t>C:\Gisele (Todos os arquivos)\Algar Tech\2 Demandas Diárias e mensais\Auditorias Documental SSMA PPRA\Auditorias PPRA's 2019\</t>
  </si>
  <si>
    <t>E:\Gisele (Todos os arquivos)\Algar Tech\2 Demandas Diárias e mensais\Auditorias Documental SSMA PPRA\Auditorias PPRA's 2019\Auditoria PPRA 2014-2015 (finalizado).xlsx</t>
  </si>
  <si>
    <t>E:\Gisele (Todos os arquivos)\Algar Tech\2 Demandas Diárias e mensais\Auditorias Documental SSMA PPRA\Auditorias PPRA's 2019\Auditoria PPRA 2015-2016 (finalizado).xlsx</t>
  </si>
  <si>
    <t>10/18/2019 13:52:09</t>
  </si>
  <si>
    <t>E:\Gisele (Todos os arquivos)\Algar Tech\2 Demandas Diárias e mensais\Auditorias Documental SSMA PPRA\Auditorias PPRA's 2019\Auditoria PPRA 2016-2017 (finalizado).xlsx</t>
  </si>
  <si>
    <t>E:\Gisele (Todos os arquivos)\Algar Tech\2 Demandas Diárias e mensais\Auditorias Documental SSMA PPRA\Auditorias PPRA's 2019\Auditoria PPRA 2017-2018 (Em andamento).xlsx</t>
  </si>
  <si>
    <t>E:\Gisele (Todos os arquivos)\Algar Tech\2 Demandas Diárias e mensais\Auditorias Documental SSMA PPRA\Auditorias PPRA's 2019\Auditoria PPRA 2017-2018 (finalizado).xlsx</t>
  </si>
  <si>
    <t>E:\Gisele (Todos os arquivos)\Algar Tech\2 Demandas Diárias e mensais\Auditorias Documental SSMA PPRA\Auditorias PPRA's 2019\Auditoria PPRA 2018-2019 (Em andamento).xlsx</t>
  </si>
  <si>
    <t>E:\Gisele (Todos os arquivos)\Algar Tech\2 Demandas Diárias e mensais\Auditorias Documental SSMA PPRA\Auditorias PPRA's 2019\Auditoria PPRA 2019-2020 (Em andamento).xlsx</t>
  </si>
  <si>
    <t>10/18/2019 13:52:20</t>
  </si>
  <si>
    <t>C:\Gisele (Todos os arquivos)\Algar Tech\2 Demandas Diárias e mensais\Controle de Documentos (03_09_2019)\</t>
  </si>
  <si>
    <t>Controle de Documentos 2019 (janeiro a Julho).xlsx</t>
  </si>
  <si>
    <t>E:\Gisele (Todos os arquivos)\Algar Tech\2 Demandas Diárias e mensais\Controle de Documentos (03_09_2019)\Controle de Documentos 2019 (janeiro a Julho).xlsx</t>
  </si>
  <si>
    <t>10/18/2019 13:52:21</t>
  </si>
  <si>
    <t>C:\Gisele (Todos os arquivos)\Algar Tech\2 Demandas Diárias e mensais\Controle de Documentos (03_09_2019)\2018\</t>
  </si>
  <si>
    <t>2 Controle de Documentos 2018 (A partir de Maio).xlsx</t>
  </si>
  <si>
    <t>E:\Gisele (Todos os arquivos)\Algar Tech\2 Demandas Diárias e mensais\Controle de Documentos (03_09_2019)\2018\2 Controle de Documentos 2018 (A partir de Maio).xlsx</t>
  </si>
  <si>
    <t>Controle de Documentos 2016.xlsx</t>
  </si>
  <si>
    <t>E:\Gisele (Todos os arquivos)\Algar Tech\2 Demandas Diárias e mensais\Controle de Documentos (03_09_2019)\2018\Controle de Documentos 2016.xlsx</t>
  </si>
  <si>
    <t>10/18/2019 13:52:22</t>
  </si>
  <si>
    <t>Controle de Documentos 2017 .xlsx</t>
  </si>
  <si>
    <t>E:\Gisele (Todos os arquivos)\Algar Tech\2 Demandas Diárias e mensais\Controle de Documentos (03_09_2019)\2018\Controle de Documentos 2017 .xlsx</t>
  </si>
  <si>
    <t>10/18/2019 13:52:23</t>
  </si>
  <si>
    <t>Controle de Documentos 2018 (A partir de Maio) - Cópia.xlsx</t>
  </si>
  <si>
    <t>E:\Gisele (Todos os arquivos)\Algar Tech\2 Demandas Diárias e mensais\Controle de Documentos (03_09_2019)\2018\Controle de Documentos 2018 (A partir de Maio) - Cópia.xlsx</t>
  </si>
  <si>
    <t>Controle de Documentos 2018 (A partir de Maio).xlsx</t>
  </si>
  <si>
    <t>E:\Gisele (Todos os arquivos)\Algar Tech\2 Demandas Diárias e mensais\Controle de Documentos (03_09_2019)\2018\Controle de Documentos 2018 (A partir de Maio).xlsx</t>
  </si>
  <si>
    <t>Controle de Documentos 2018 (Janeiro a Abril) (2).xlsx</t>
  </si>
  <si>
    <t>E:\Gisele (Todos os arquivos)\Algar Tech\2 Demandas Diárias e mensais\Controle de Documentos (03_09_2019)\2018\Controle de Documentos 2018 (Janeiro a Abril) (2).xlsx</t>
  </si>
  <si>
    <t>Controle de Documentos 2018 (Janeiro a Abril).xlsx</t>
  </si>
  <si>
    <t>E:\Gisele (Todos os arquivos)\Algar Tech\2 Demandas Diárias e mensais\Controle de Documentos (03_09_2019)\2018\Controle de Documentos 2018 (Janeiro a Abril).xlsx</t>
  </si>
  <si>
    <t>10/18/2019 13:52:24</t>
  </si>
  <si>
    <t>Controle de Documentos 2018 (Maio a Dezembro) (2).xlsx</t>
  </si>
  <si>
    <t>E:\Gisele (Todos os arquivos)\Algar Tech\2 Demandas Diárias e mensais\Controle de Documentos (03_09_2019)\2018\Controle de Documentos 2018 (Maio a Dezembro) (2).xlsx</t>
  </si>
  <si>
    <t>10/18/2019 13:52:25</t>
  </si>
  <si>
    <t>Controle de Documentos 2018 (Maio a Dezembro).xlsx</t>
  </si>
  <si>
    <t>E:\Gisele (Todos os arquivos)\Algar Tech\2 Demandas Diárias e mensais\Controle de Documentos (03_09_2019)\2018\Controle de Documentos 2018 (Maio a Dezembro).xlsx</t>
  </si>
  <si>
    <t>10/18/2019 13:52:26</t>
  </si>
  <si>
    <t>C:\Gisele (Todos os arquivos)\Algar Tech\2 Demandas Diárias e mensais\Controle de Documentos (03_09_2019)\2019\</t>
  </si>
  <si>
    <t>Controle de Documentos 2019.xlsx</t>
  </si>
  <si>
    <t>E:\Gisele (Todos os arquivos)\Algar Tech\2 Demandas Diárias e mensais\Controle de Documentos (03_09_2019)\2019\Controle de Documentos 2019.xlsx</t>
  </si>
  <si>
    <t>10/18/2019 13:52:35</t>
  </si>
  <si>
    <t>C:\Gisele (Todos os arquivos)\Algar Tech\2 Demandas Diárias e mensais\Estabilidade CIPA - Compilado\</t>
  </si>
  <si>
    <t>Lista de Estabilidade da CIPA ALGAR TECH (2).xls</t>
  </si>
  <si>
    <t>E:\Gisele (Todos os arquivos)\Algar Tech\2 Demandas Diárias e mensais\Estabilidade CIPA - Compilado\Lista de Estabilidade da CIPA ALGAR TECH (2).xls</t>
  </si>
  <si>
    <t>10/18/2019 13:52:38</t>
  </si>
  <si>
    <t>Lista de Estabilidade da CIPA ALGAR TECH - com observações.xls</t>
  </si>
  <si>
    <t>E:\Gisele (Todos os arquivos)\Algar Tech\2 Demandas Diárias e mensais\Estabilidade CIPA - Compilado\Lista de Estabilidade da CIPA ALGAR TECH - com observações.xls</t>
  </si>
  <si>
    <t>10/18/2019 13:52:41</t>
  </si>
  <si>
    <t>Lista de Estabilidade da CIPA ALGAR TECH.xls</t>
  </si>
  <si>
    <t>E:\Gisele (Todos os arquivos)\Algar Tech\2 Demandas Diárias e mensais\Estabilidade CIPA - Compilado\Lista de Estabilidade da CIPA ALGAR TECH.xls</t>
  </si>
  <si>
    <t>10/18/2019 13:52:44</t>
  </si>
  <si>
    <t>C:\Gisele (Todos os arquivos)\Algar Tech\2 Demandas Diárias e mensais\Estatística de Acidentes (Apresentações e Planilha) (Preenchimento mensal)\2 Relatório estatístico dos acidentes de trabalho de Uberlândia (2017_2018) Uberlândia.pptx\</t>
  </si>
  <si>
    <t>E:\Gisele (Todos os arquivos)\Algar Tech\2 Demandas Diárias e mensais\Estatística de Acidentes (Apresentações e Planilha) (Preenchimento mensal)\2 Relatório estatístico dos acidentes de trabalho de Uberlândia (2017_2018) Uberlândia.pptx</t>
  </si>
  <si>
    <t>10/18/2019 13:52:45</t>
  </si>
  <si>
    <t>C:\Gisele (Todos os arquivos)\Algar Tech\2 Demandas Diárias e mensais\Estatística de Acidentes (Apresentações e Planilha) (Preenchimento mensal)\</t>
  </si>
  <si>
    <t>3 Planilha de Estatística de Abertura de CAT (Compilado por Regionais).xlsx</t>
  </si>
  <si>
    <t>E:\Gisele (Todos os arquivos)\Algar Tech\2 Demandas Diárias e mensais\Estatística de Acidentes (Apresentações e Planilha) (Preenchimento mensal)\3 Planilha de Estatística de Abertura de CAT (Compilado por Regionais).xlsx</t>
  </si>
  <si>
    <t>10/18/2019 13:52:47</t>
  </si>
  <si>
    <t>C:\Gisele (Todos os arquivos)\Algar Tech\2 Demandas Diárias e mensais\Estatística de Acidentes (Apresentações e Planilha) (Preenchimento mensal)\4 Estatística de Abertura da CAT - Compilado Regionais (Julho a Setembro 2018).pptx\</t>
  </si>
  <si>
    <t>E:\Gisele (Todos os arquivos)\Algar Tech\2 Demandas Diárias e mensais\Estatística de Acidentes (Apresentações e Planilha) (Preenchimento mensal)\4 Estatística de Abertura da CAT - Compilado Regionais (Julho a Setembro 2018).pptx</t>
  </si>
  <si>
    <t>C:\Gisele (Todos os arquivos)\Algar Tech\2 Demandas Diárias e mensais\Fiscalização MTE CPS\</t>
  </si>
  <si>
    <t>Cópia de ITENS DA FISCALIZAÇÃO DO M.T.E - Site Campinas.xlsx</t>
  </si>
  <si>
    <t>E:\Gisele (Todos os arquivos)\Algar Tech\2 Demandas Diárias e mensais\Fiscalização MTE CPS\Cópia de ITENS DA FISCALIZAÇÃO DO M.T.E - Site Campinas.xlsx</t>
  </si>
  <si>
    <t>10/18/2019 13:52:48</t>
  </si>
  <si>
    <t>ITENS DA FISCALIZAÇÃO DO M.T.E - Site Campinas - Gisele.xlsx</t>
  </si>
  <si>
    <t>E:\Gisele (Todos os arquivos)\Algar Tech\2 Demandas Diárias e mensais\Fiscalização MTE CPS\ITENS DA FISCALIZAÇÃO DO M.T.E - Site Campinas - Gisele.xlsx</t>
  </si>
  <si>
    <t>ITENS DA FISCALIZAÇÃO DO M.T.E - Site Campinas.xlsx</t>
  </si>
  <si>
    <t>E:\Gisele (Todos os arquivos)\Algar Tech\2 Demandas Diárias e mensais\Fiscalização MTE CPS\ITENS DA FISCALIZAÇÃO DO M.T.E - Site Campinas.xlsx</t>
  </si>
  <si>
    <t>C:\Gisele (Todos os arquivos)\Algar Tech\2 Demandas Diárias e mensais\Indicadores de Acidentes\</t>
  </si>
  <si>
    <t>E:\Gisele (Todos os arquivos)\Algar Tech\2 Demandas Diárias e mensais\Indicadores de Acidentes\Indicadores de Acidentes Setembro 2019 - Gisele.xlsx</t>
  </si>
  <si>
    <t>10/18/2019 13:52:49</t>
  </si>
  <si>
    <t>C:\Gisele (Todos os arquivos)\Algar Tech\2 Demandas Diárias e mensais\Indicadores de Acidentes\2019\</t>
  </si>
  <si>
    <t>1 Indicadores de Acidentes Janeiro 2019.xlsx</t>
  </si>
  <si>
    <t>E:\Gisele (Todos os arquivos)\Algar Tech\2 Demandas Diárias e mensais\Indicadores de Acidentes\2019\1 Indicadores de Acidentes Janeiro 2019.xlsx</t>
  </si>
  <si>
    <t>2 Indicadores de Acidentes Fevereiro 2019.xlsx</t>
  </si>
  <si>
    <t>E:\Gisele (Todos os arquivos)\Algar Tech\2 Demandas Diárias e mensais\Indicadores de Acidentes\2019\2 Indicadores de Acidentes Fevereiro 2019.xlsx</t>
  </si>
  <si>
    <t>3 Indicadores de Acidentes Março 2019.xlsx</t>
  </si>
  <si>
    <t>E:\Gisele (Todos os arquivos)\Algar Tech\2 Demandas Diárias e mensais\Indicadores de Acidentes\2019\3 Indicadores de Acidentes Março 2019.xlsx</t>
  </si>
  <si>
    <t>10/18/2019 13:52:50</t>
  </si>
  <si>
    <t>Indicadores de Acidentes Abril 2019.xlsx</t>
  </si>
  <si>
    <t>E:\Gisele (Todos os arquivos)\Algar Tech\2 Demandas Diárias e mensais\Indicadores de Acidentes\2019\Indicadores de Acidentes Abril 2019.xlsx</t>
  </si>
  <si>
    <t>Indicadores de Acidentes Maio 2019.xlsx</t>
  </si>
  <si>
    <t>E:\Gisele (Todos os arquivos)\Algar Tech\2 Demandas Diárias e mensais\Indicadores de Acidentes\2019\Indicadores de Acidentes Maio 2019.xlsx</t>
  </si>
  <si>
    <t>C:\Gisele (Todos os arquivos)\Algar Tech\2 Demandas Diárias e mensais\O.S e Cargos\</t>
  </si>
  <si>
    <t>E:\Gisele (Todos os arquivos)\Algar Tech\2 Demandas Diárias e mensais\O.S e Cargos\Cargos e O.S.xlsx</t>
  </si>
  <si>
    <t>10/18/2019 13:53:03</t>
  </si>
  <si>
    <t>C:\Gisele (Todos os arquivos)\Algar Tech\2 Demandas Diárias e mensais\Objetivo estratégico\</t>
  </si>
  <si>
    <t>Modelo-Prirâmide-de-BIRD-Acidentes-do-Trabalho.xls</t>
  </si>
  <si>
    <t>E:\Gisele (Todos os arquivos)\Algar Tech\2 Demandas Diárias e mensais\Objetivo estratégico\Modelo-Prirâmide-de-BIRD-Acidentes-do-Trabalho.xls</t>
  </si>
  <si>
    <t>10/18/2019 13:53:04</t>
  </si>
  <si>
    <t>C:\Gisele (Todos os arquivos)\Algar Tech\2 Demandas Diárias e mensais\OS de Integração\</t>
  </si>
  <si>
    <t>Lista de Presença Capacitação NR17.xlsx</t>
  </si>
  <si>
    <t>E:\Gisele (Todos os arquivos)\Algar Tech\2 Demandas Diárias e mensais\OS de Integração\Lista de Presença Capacitação NR17.xlsx</t>
  </si>
  <si>
    <t>C:\Gisele (Todos os arquivos)\Algar Tech\2 Demandas Diárias e mensais\Outros\</t>
  </si>
  <si>
    <t>Controle de CATs Algar Tech e TI 2016 e 2017.xlsx</t>
  </si>
  <si>
    <t>E:\Gisele (Todos os arquivos)\Algar Tech\2 Demandas Diárias e mensais\Outros\Controle de CATs Algar Tech e TI 2016 e 2017.xlsx</t>
  </si>
  <si>
    <t>Controle de CATs Algar Tech e TI 2016, 2017 e 2018.xlsx</t>
  </si>
  <si>
    <t>E:\Gisele (Todos os arquivos)\Algar Tech\2 Demandas Diárias e mensais\Outros\Controle de CATs Algar Tech e TI 2016, 2017 e 2018.xlsx</t>
  </si>
  <si>
    <t>10/18/2019 13:53:05</t>
  </si>
  <si>
    <t>CONTROLE ESTATÍSTICO DE ACIDENTES DE TRABALHO - planilha Excel.xls</t>
  </si>
  <si>
    <t>E:\Gisele (Todos os arquivos)\Algar Tech\2 Demandas Diárias e mensais\Outros\CONTROLE ESTATÍSTICO DE ACIDENTES DE TRABALHO - planilha Excel.xls</t>
  </si>
  <si>
    <t>E:\Gisele (Todos os arquivos)\Algar Tech\2 Demandas Diárias e mensais\Outros\Documentos para Auditoria da Holding.xlsx</t>
  </si>
  <si>
    <t>Engeset Controle de CATs 2018.xlsx</t>
  </si>
  <si>
    <t>E:\Gisele (Todos os arquivos)\Algar Tech\2 Demandas Diárias e mensais\Outros\Engeset Controle de CATs 2018.xlsx</t>
  </si>
  <si>
    <t>Manual LISTA SUSPENSA no EXCEL .xlsx</t>
  </si>
  <si>
    <t>E:\Gisele (Todos os arquivos)\Algar Tech\2 Demandas Diárias e mensais\Outros\Manual LISTA SUSPENSA no EXCEL .xlsx</t>
  </si>
  <si>
    <t>Planilha de Controle Anual de CAT's.xls</t>
  </si>
  <si>
    <t>E:\Gisele (Todos os arquivos)\Algar Tech\2 Demandas Diárias e mensais\Outros\Planilha de Controle Anual de CAT's.xls</t>
  </si>
  <si>
    <t>10/18/2019 13:53:06</t>
  </si>
  <si>
    <t>Planilha de Controle de CAT's.xlsx</t>
  </si>
  <si>
    <t>E:\Gisele (Todos os arquivos)\Algar Tech\2 Demandas Diárias e mensais\Outros\Planilha de Controle de CAT's.xlsx</t>
  </si>
  <si>
    <t>Planilha documentos (Compilado).xlsx</t>
  </si>
  <si>
    <t>E:\Gisele (Todos os arquivos)\Algar Tech\2 Demandas Diárias e mensais\Outros\Planilha documentos (Compilado).xlsx</t>
  </si>
  <si>
    <t>E:\Gisele (Todos os arquivos)\Algar Tech\2 Demandas Diárias e mensais\Outros\SESMT por regional.xlsx</t>
  </si>
  <si>
    <t>Treinamento CIPAs TI e TECH 2018.xlsx</t>
  </si>
  <si>
    <t>E:\Gisele (Todos os arquivos)\Algar Tech\2 Demandas Diárias e mensais\Outros\Treinamento CIPAs TI e TECH 2018.xlsx</t>
  </si>
  <si>
    <t>10/18/2019 13:53:07</t>
  </si>
  <si>
    <t>C:\Gisele (Todos os arquivos)\Algar Tech\2 Demandas Diárias e mensais\Outros\Tech Online (Solicitações)\</t>
  </si>
  <si>
    <t>ATUALIZADO Indicadores de Acidentes - Modelo Compilado Mensal.xls</t>
  </si>
  <si>
    <t>E:\Gisele (Todos os arquivos)\Algar Tech\2 Demandas Diárias e mensais\Outros\Tech Online (Solicitações)\ATUALIZADO Indicadores de Acidentes - Modelo Compilado Mensal.xls</t>
  </si>
  <si>
    <t>EXCLUÍDO Formulário - Indicadores de Eventos de Segurança e Saúde do Trabalho.xls</t>
  </si>
  <si>
    <t>E:\Gisele (Todos os arquivos)\Algar Tech\2 Demandas Diárias e mensais\Outros\Tech Online (Solicitações)\EXCLUÍDO Formulário - Indicadores de Eventos de Segurança e Saúde do Trabalho.xls</t>
  </si>
  <si>
    <t>INCLUÍDO Indicadores de Acidentes de Trabalho .xlsx</t>
  </si>
  <si>
    <t>E:\Gisele (Todos os arquivos)\Algar Tech\2 Demandas Diárias e mensais\Outros\Tech Online (Solicitações)\INCLUÍDO Indicadores de Acidentes de Trabalho .xlsx</t>
  </si>
  <si>
    <t>10/18/2019 13:53:39</t>
  </si>
  <si>
    <t>C:\Gisele (Todos os arquivos)\Algar Tech\2 Demandas Diárias e mensais\Planilhas Danilo (Regionais)\</t>
  </si>
  <si>
    <t>03 - RELATÓRIO DE CUSTO - MAR19.xlsb</t>
  </si>
  <si>
    <t>E:\Gisele (Todos os arquivos)\Algar Tech\2 Demandas Diárias e mensais\Planilhas Danilo (Regionais)\03 - RELATÓRIO DE CUSTO - MAR19.xlsb</t>
  </si>
  <si>
    <t>10/18/2019 13:53:42</t>
  </si>
  <si>
    <t>Controle de licenças das Regionais (23_04_2019).xlsx</t>
  </si>
  <si>
    <t>E:\Gisele (Todos os arquivos)\Algar Tech\2 Demandas Diárias e mensais\Planilhas Danilo (Regionais)\Controle de licenças das Regionais (23_04_2019).xlsx</t>
  </si>
  <si>
    <t>Quantidade de associados por SITE - Compilados regionais(23_04_2019).xlsx</t>
  </si>
  <si>
    <t>E:\Gisele (Todos os arquivos)\Algar Tech\2 Demandas Diárias e mensais\Planilhas Danilo (Regionais)\Quantidade de associados por SITE - Compilados regionais(23_04_2019).xlsx</t>
  </si>
  <si>
    <t>10/18/2019 13:53:43</t>
  </si>
  <si>
    <t>C:\Gisele (Todos os arquivos)\Algar Tech\2 Demandas Diárias e mensais\Plano de Ação\</t>
  </si>
  <si>
    <t>Plano de Ação Auditoria Gisele (Atualizado em 17-05-2018).xlsx</t>
  </si>
  <si>
    <t>E:\Gisele (Todos os arquivos)\Algar Tech\2 Demandas Diárias e mensais\Plano de Ação\Plano de Ação Auditoria Gisele (Atualizado em 17-05-2018).xlsx</t>
  </si>
  <si>
    <t>10/18/2019 13:53:44</t>
  </si>
  <si>
    <t>C:\Gisele (Todos os arquivos)\Algar Tech\2 Demandas Diárias e mensais\Projeto Acidentes de Trajeto\Análises de Acidentes de Trabalho - Ano 2016.docx\</t>
  </si>
  <si>
    <t>E:\Gisele (Todos os arquivos)\Algar Tech\2 Demandas Diárias e mensais\Projeto Acidentes de Trajeto\Análises de Acidentes de Trabalho - Ano 2016.docx</t>
  </si>
  <si>
    <t>10/18/2019 13:53:45</t>
  </si>
  <si>
    <t>C:\Gisele (Todos os arquivos)\Algar Tech\2 Demandas Diárias e mensais\Projeto Acidentes de Trajeto\</t>
  </si>
  <si>
    <t>Cópia de Relatório_Check List Auditoria BRADESCO 2018 _ALGAR_TECH_03_05_2018_V01 (002).xls</t>
  </si>
  <si>
    <t>E:\Gisele (Todos os arquivos)\Algar Tech\2 Demandas Diárias e mensais\Projeto Acidentes de Trajeto\Cópia de Relatório_Check List Auditoria BRADESCO 2018 _ALGAR_TECH_03_05_2018_V01 (002).xls</t>
  </si>
  <si>
    <t>10/18/2019 13:53:46</t>
  </si>
  <si>
    <t>C:\Gisele (Todos os arquivos)\Algar Tech\2 Demandas Diárias e mensais\Projeto Acidentes de Trajeto\Estatística de Abertura da CAT (Segundo Semestre 2018).pptx\</t>
  </si>
  <si>
    <t>E:\Gisele (Todos os arquivos)\Algar Tech\2 Demandas Diárias e mensais\Projeto Acidentes de Trajeto\Estatística de Abertura da CAT (Segundo Semestre 2018).pptx</t>
  </si>
  <si>
    <t>Estatística de Abertura de CAT (Compilado Regionais).xlsx</t>
  </si>
  <si>
    <t>E:\Gisele (Todos os arquivos)\Algar Tech\2 Demandas Diárias e mensais\Projeto Acidentes de Trajeto\Estatística de Abertura de CAT (Compilado Regionais).xlsx</t>
  </si>
  <si>
    <t>Gráficos para slides.xlsx</t>
  </si>
  <si>
    <t>E:\Gisele (Todos os arquivos)\Algar Tech\2 Demandas Diárias e mensais\Projeto Acidentes de Trajeto\Gráficos para slides.xlsx</t>
  </si>
  <si>
    <t>10/18/2019 13:53:47</t>
  </si>
  <si>
    <t>Levantamento dos Acidentes 2017 e 2018.xlsx</t>
  </si>
  <si>
    <t>E:\Gisele (Todos os arquivos)\Algar Tech\2 Demandas Diárias e mensais\Projeto Acidentes de Trajeto\Levantamento dos Acidentes 2017 e 2018.xlsx</t>
  </si>
  <si>
    <t>10/18/2019 13:53:48</t>
  </si>
  <si>
    <t>C:\Gisele (Todos os arquivos)\Algar Tech\2 Demandas Diárias e mensais\Projeto Acidentes de Trajeto\Relatório estatístico dos acidentes de trabalho (2017_2018).pptx\</t>
  </si>
  <si>
    <t>E:\Gisele (Todos os arquivos)\Algar Tech\2 Demandas Diárias e mensais\Projeto Acidentes de Trajeto\Relatório estatístico dos acidentes de trabalho (2017_2018).pptx</t>
  </si>
  <si>
    <t>10/18/2019 13:53:50</t>
  </si>
  <si>
    <t>C:\Gisele (Todos os arquivos)\Algar Tech\2 Demandas Diárias e mensais\Projeto CAT fora do prazo\</t>
  </si>
  <si>
    <t>Cronograma 2018 - Segurança do Trabalho - NR20 e acidentes.xlsx</t>
  </si>
  <si>
    <t>E:\Gisele (Todos os arquivos)\Algar Tech\2 Demandas Diárias e mensais\Projeto CAT fora do prazo\Cronograma 2018 - Segurança do Trabalho - NR20 e acidentes.xlsx</t>
  </si>
  <si>
    <t>Projeto CATs fora do prazo 2018 (Regionais) .xlsx</t>
  </si>
  <si>
    <t>E:\Gisele (Todos os arquivos)\Algar Tech\2 Demandas Diárias e mensais\Projeto CAT fora do prazo\Projeto CATs fora do prazo 2018 (Regionais) .xlsx</t>
  </si>
  <si>
    <t>C:\Gisele (Todos os arquivos)\Algar Tech\2 Demandas Diárias e mensais\Relação de acidentes para Reunião da CIPA\</t>
  </si>
  <si>
    <t>Relação de Acidentes de Trabalho para reuniões das CIPA's (2018).xlsx</t>
  </si>
  <si>
    <t>E:\Gisele (Todos os arquivos)\Algar Tech\2 Demandas Diárias e mensais\Relação de acidentes para Reunião da CIPA\Relação de Acidentes de Trabalho para reuniões das CIPA's (2018).xlsx</t>
  </si>
  <si>
    <t>10/18/2019 13:53:51</t>
  </si>
  <si>
    <t>Relação de Acidentes de Trabalho para reuniões das CIPA's (Julho_2018).xlsx</t>
  </si>
  <si>
    <t>E:\Gisele (Todos os arquivos)\Algar Tech\2 Demandas Diárias e mensais\Relação de acidentes para Reunião da CIPA\Relação de Acidentes de Trabalho para reuniões das CIPA's (Julho_2018).xlsx</t>
  </si>
  <si>
    <t>10/18/2019 13:53:52</t>
  </si>
  <si>
    <t>C:\Gisele (Todos os arquivos)\Algar Tech\2 Demandas Diárias e mensais\Treinamento Auditoria ISO 9001 e 14001\</t>
  </si>
  <si>
    <t>Avaliação de Aspecto e Oportunidade - SSMA.xls</t>
  </si>
  <si>
    <t>E:\Gisele (Todos os arquivos)\Algar Tech\2 Demandas Diárias e mensais\Treinamento Auditoria ISO 9001 e 14001\Avaliação de Aspecto e Oportunidade - SSMA.xls</t>
  </si>
  <si>
    <t>Cópia de Plano de Auditoria SGI - ISO - 14001 - TRN Capacitacao.xls</t>
  </si>
  <si>
    <t>E:\Gisele (Todos os arquivos)\Algar Tech\2 Demandas Diárias e mensais\Treinamento Auditoria ISO 9001 e 14001\Cópia de Plano de Auditoria SGI - ISO - 14001 - TRN Capacitacao.xls</t>
  </si>
  <si>
    <t>10/18/2019 13:54:08</t>
  </si>
  <si>
    <t>Planejamento 23-05-2018.xlsx</t>
  </si>
  <si>
    <t>E:\Gisele (Todos os arquivos)\Algar Tech\2 Demandas Diárias e mensais\Treinamento Auditoria ISO 9001 e 14001\Planejamento 23-05-2018.xlsx</t>
  </si>
  <si>
    <t>C:\Gisele (Todos os arquivos)\Algar Tech\Acidentes MOTIVO\</t>
  </si>
  <si>
    <t>E:\Gisele (Todos os arquivos)\Algar Tech\Acidentes MOTIVO\Acidente de Trabalho - MOTIVO.xlsx</t>
  </si>
  <si>
    <t>Acidentes - Danilo e Olivar .xlsx</t>
  </si>
  <si>
    <t>E:\Gisele (Todos os arquivos)\Algar Tech\Acidentes MOTIVO\Acidentes - Danilo e Olivar .xlsx</t>
  </si>
  <si>
    <t>Consolidado - Janeiro a Dezembro - 2019.xls</t>
  </si>
  <si>
    <t>E:\Gisele (Todos os arquivos)\Algar Tech\Acidentes MOTIVO\Consolidado - Janeiro a Dezembro - 2019.xls</t>
  </si>
  <si>
    <t>10/18/2019 13:54:19</t>
  </si>
  <si>
    <t>C:\Gisele (Todos os arquivos)\Algar Tech\ASSINAR Tatiana Regina Ribeiro Paula\</t>
  </si>
  <si>
    <t>Investigação de Acidente Tatiana Regina Ribeiro de Paula.xlsx</t>
  </si>
  <si>
    <t>E:\Gisele (Todos os arquivos)\Algar Tech\ASSINAR Tatiana Regina Ribeiro Paula\Investigação de Acidente Tatiana Regina Ribeiro de Paula.xlsx</t>
  </si>
  <si>
    <t>10/18/2019 13:54:22</t>
  </si>
  <si>
    <t>C:\Gisele (Todos os arquivos)\Algar Tech\CIPA Gisele\</t>
  </si>
  <si>
    <t>E:\Gisele (Todos os arquivos)\Algar Tech\CIPA Gisele\Invstigação CIPA.xlsx</t>
  </si>
  <si>
    <t>10/18/2019 13:54:35</t>
  </si>
  <si>
    <t>C:\Gisele (Todos os arquivos)\Algar Tech\CIPA Gisele\ASSINAR Ediane Pereira Felisbino Fonseca\</t>
  </si>
  <si>
    <t>Investigação de Acidente Ediane .xlsx</t>
  </si>
  <si>
    <t>E:\Gisele (Todos os arquivos)\Algar Tech\CIPA Gisele\ASSINAR Ediane Pereira Felisbino Fonseca\Investigação de Acidente Ediane .xlsx</t>
  </si>
  <si>
    <t>10/18/2019 13:54:37</t>
  </si>
  <si>
    <t>C:\Gisele (Todos os arquivos)\Algar Tech\Falta atualizar\3 Estatística de Abertura da CAT - Compilado Regionais (Julho a Dezembro 2018).pptx\</t>
  </si>
  <si>
    <t>E:\Gisele (Todos os arquivos)\Algar Tech\Falta atualizar\3 Estatística de Abertura da CAT - Compilado Regionais (Julho a Dezembro 2018).pptx</t>
  </si>
  <si>
    <t>C:\Gisele (Todos os arquivos)\Algar Tech\Falta atualizar\</t>
  </si>
  <si>
    <t>4 Planilha de Estatística de Abertura de CAT (Compilado por Regionais).xlsx</t>
  </si>
  <si>
    <t>E:\Gisele (Todos os arquivos)\Algar Tech\Falta atualizar\4 Planilha de Estatística de Abertura de CAT (Compilado por Regionais).xlsx</t>
  </si>
  <si>
    <t>Planilha de Estatística de Abertura de CAT (Abril 2019).xlsx</t>
  </si>
  <si>
    <t>E:\Gisele (Todos os arquivos)\Algar Tech\Falta atualizar\Planilha de Estatística de Abertura de CAT (Abril 2019).xlsx</t>
  </si>
  <si>
    <t>Planilha de Estatística de Abertura de CAT (Junho 2019).xlsx</t>
  </si>
  <si>
    <t>E:\Gisele (Todos os arquivos)\Algar Tech\Falta atualizar\Planilha de Estatística de Abertura de CAT (Junho 2019).xlsx</t>
  </si>
  <si>
    <t>10/18/2019 13:54:38</t>
  </si>
  <si>
    <t>Planilha de Estatística de Abertura de CAT (Maio 2019).xlsx</t>
  </si>
  <si>
    <t>E:\Gisele (Todos os arquivos)\Algar Tech\Falta atualizar\Planilha de Estatística de Abertura de CAT (Maio 2019).xlsx</t>
  </si>
  <si>
    <t>Quantidade de Acidentes por ano.xlsx</t>
  </si>
  <si>
    <t>E:\Gisele (Todos os arquivos)\Algar Tech\Falta atualizar\Quantidade de Acidentes por ano.xlsx</t>
  </si>
  <si>
    <t>10/18/2019 13:54:40</t>
  </si>
  <si>
    <t>C:\Gisele (Todos os arquivos)\Algar Tech\Modelos de Fluxograma\</t>
  </si>
  <si>
    <t>fluxograma-vertical.xls</t>
  </si>
  <si>
    <t>E:\Gisele (Todos os arquivos)\Algar Tech\Modelos de Fluxograma\fluxograma-vertical.xls</t>
  </si>
  <si>
    <t>10/18/2019 13:55:05</t>
  </si>
  <si>
    <t>10/18/2019 14:00:56</t>
  </si>
  <si>
    <t>C:\Gisele (Todos os arquivos)\Algar Tech\Solicitação de EPI's (Meirelen)\</t>
  </si>
  <si>
    <t>E:\Gisele (Todos os arquivos)\Algar Tech\Solicitação de EPI's (Meirelen)\1 Nome dos funcionários para criação da requisição.xlsx</t>
  </si>
  <si>
    <t>10/18/2019 13:55:06</t>
  </si>
  <si>
    <t>2 Estoque Almoxarifado em 03.05.xlsx</t>
  </si>
  <si>
    <t>E:\Gisele (Todos os arquivos)\Algar Tech\Solicitação de EPI's (Meirelen)\2 Estoque Almoxarifado em 03.05.xlsx</t>
  </si>
  <si>
    <t>2 Estoque Almoxarifado.xlsx</t>
  </si>
  <si>
    <t>E:\Gisele (Todos os arquivos)\Algar Tech\Solicitação de EPI's (Meirelen)\2 Estoque Almoxarifado.xlsx</t>
  </si>
  <si>
    <t>10/18/2019 13:55:15</t>
  </si>
  <si>
    <t>C:\Gisele (Todos os arquivos)\Algar Tech\Solicitação de EPI's (Meirelen)\Arquivo\</t>
  </si>
  <si>
    <t>E:\Gisele (Todos os arquivos)\Algar Tech\Solicitação de EPI's (Meirelen)\Arquivo\1 Nome dos funcionários para criação da requisição.xlsx</t>
  </si>
  <si>
    <t>10/18/2019 13:55:16</t>
  </si>
  <si>
    <t>E:\Gisele (Todos os arquivos)\Algar Tech\Solicitação de EPI's (Meirelen)\Arquivo\2 Estoque Almoxarifado em 03.05.xlsx</t>
  </si>
  <si>
    <t>E:\Gisele (Todos os arquivos)\Algar Tech\Solicitação de EPI's (Meirelen)\Arquivo\2 Estoque Almoxarifado.xlsx</t>
  </si>
  <si>
    <t>10/18/2019 13:55:17</t>
  </si>
  <si>
    <t>3 Relação de botinas INFRA .xlsx</t>
  </si>
  <si>
    <t>E:\Gisele (Todos os arquivos)\Algar Tech\Solicitação de EPI's (Meirelen)\Arquivo\3 Relação de botinas INFRA .xlsx</t>
  </si>
  <si>
    <t>E:\Gisele (Todos os arquivos)\Algar Tech\Solicitação de EPI's (Meirelen)\Arquivo\ALGAR TEC_Relatório de Saldo_06.12.xlsx</t>
  </si>
  <si>
    <t>E:\Gisele (Todos os arquivos)\Algar Tech\Solicitação de EPI's (Meirelen)\Arquivo\ALGAR TI_Relatório de Saldo 06.12.xlsx</t>
  </si>
  <si>
    <t>E:\Gisele (Todos os arquivos)\Algar Tech\Solicitação de EPI's (Meirelen)\Arquivo\CONTAS CONTÁBEIS.xls</t>
  </si>
  <si>
    <t>E:\Gisele (Todos os arquivos)\Algar Tech\Solicitação de EPI's (Meirelen)\Arquivo\Criação de requisição via OEBS_TI e TEC.xlsx</t>
  </si>
  <si>
    <t>10/18/2019 13:55:18</t>
  </si>
  <si>
    <t>E:\Gisele (Todos os arquivos)\Algar Tech\Solicitação de EPI's (Meirelen)\Arquivo\Descrição dos EPI´S para solicitação.xlsx</t>
  </si>
  <si>
    <t>10/18/2019 13:55:21</t>
  </si>
  <si>
    <t>E:\Gisele (Todos os arquivos)\Algar Tech\Solicitação de EPI's (Meirelen)\Arquivo\FLEXFIELDS - Códigos de Contabilização OEBS - Algar Tech .xlsx</t>
  </si>
  <si>
    <t>10/18/2019 13:55:23</t>
  </si>
  <si>
    <t>C:\Gisele (Todos os arquivos)\Algar Tech\Solicitação de EPI's (Meirelen)\Arquivo\Anti chama Infra\</t>
  </si>
  <si>
    <t>Uniformes tamanho.xlsx</t>
  </si>
  <si>
    <t>E:\Gisele (Todos os arquivos)\Algar Tech\Solicitação de EPI's (Meirelen)\Arquivo\Anti chama Infra\Uniformes tamanho.xlsx</t>
  </si>
  <si>
    <t>C:\Gisele (Todos os arquivos)\Algar Tech\Solicitação de EPI's (Meirelen)\Arquivo\Estoque EPIS 04_04_2019\</t>
  </si>
  <si>
    <t>ALGAR TEC_Relatório Saldo em Estoque_INV - 04.04.xlsx</t>
  </si>
  <si>
    <t>E:\Gisele (Todos os arquivos)\Algar Tech\Solicitação de EPI's (Meirelen)\Arquivo\Estoque EPIS 04_04_2019\ALGAR TEC_Relatório Saldo em Estoque_INV - 04.04.xlsx</t>
  </si>
  <si>
    <t>ALGAR TI_Relatório Saldo em Estoque_INV - 04.04.xlsx</t>
  </si>
  <si>
    <t>E:\Gisele (Todos os arquivos)\Algar Tech\Solicitação de EPI's (Meirelen)\Arquivo\Estoque EPIS 04_04_2019\ALGAR TI_Relatório Saldo em Estoque_INV - 04.04.xlsx</t>
  </si>
  <si>
    <t>10/18/2019 13:55:24</t>
  </si>
  <si>
    <t>ENGESET_Relatório Saldo em Estoque_INV - 04.04.xlsx</t>
  </si>
  <si>
    <t>E:\Gisele (Todos os arquivos)\Algar Tech\Solicitação de EPI's (Meirelen)\Arquivo\Estoque EPIS 04_04_2019\ENGESET_Relatório Saldo em Estoque_INV - 04.04.xlsx</t>
  </si>
  <si>
    <t>10/18/2019 13:55:26</t>
  </si>
  <si>
    <t>C:\Gisele (Todos os arquivos)\Algar Tech\Solicitação de EPI's (Meirelen)\Monitoramento de desempenho\</t>
  </si>
  <si>
    <t>Monitoramento desempenho.xlsx</t>
  </si>
  <si>
    <t>E:\Gisele (Todos os arquivos)\Algar Tech\Solicitação de EPI's (Meirelen)\Monitoramento de desempenho\Monitoramento desempenho.xlsx</t>
  </si>
  <si>
    <t>C:\Gisele (Todos os arquivos)\Algar Tech\TAC\</t>
  </si>
  <si>
    <t>E:\Gisele (Todos os arquivos)\Algar Tech\TAC\2015_Plano de Ação_Acordo Judicial_Algar Tech.xlsx</t>
  </si>
  <si>
    <t>E:\Gisele (Todos os arquivos)\Algar Tech\TAC\Auditoria dos Processos de CIPA 2018-2019 MEIRIELEN xlsx.xlsx</t>
  </si>
  <si>
    <t>E:\Gisele (Todos os arquivos)\Algar Tech\TAC\Danilo - Cópia de TAC - Plano de Ação_Acordo Judicial_Algar Tech (2019).xlsx</t>
  </si>
  <si>
    <t>10/18/2019 13:55:27</t>
  </si>
  <si>
    <t>E:\Gisele (Todos os arquivos)\Algar Tech\TAC\TAC - Plano de Ação_Acordo Judicial_Algar Tech (2019).xlsx</t>
  </si>
  <si>
    <t>E:\Gisele (Todos os arquivos)\Algar Tech\TAC\TAC - Plano de Ação_Acordo Judicial_Algar Tech (27_02_2019).xlsx</t>
  </si>
  <si>
    <t>E:\Gisele (Todos os arquivos)\Algar Tech\TAC\TAC - Plano de Ação_Acordo Judicial_Algar Tech (Status 2019).xlsx</t>
  </si>
  <si>
    <t>10/18/2019 13:55:58</t>
  </si>
  <si>
    <t>C:\Gisele (Todos os arquivos)\FAP - CAT\</t>
  </si>
  <si>
    <t>Cópia de Planilha_dados_contestacao.xlsx</t>
  </si>
  <si>
    <t>E:\Gisele (Todos os arquivos)\FAP - CAT\Cópia de Planilha_dados_contestacao.xlsx</t>
  </si>
  <si>
    <t>Planilha_dados_contestacao1 (002).xlsx</t>
  </si>
  <si>
    <t>E:\Gisele (Todos os arquivos)\FAP - CAT\Planilha_dados_contestacao1 (002).xlsx</t>
  </si>
  <si>
    <t>10/18/2019 13:56:01</t>
  </si>
  <si>
    <t>C:\Gisele (Todos os arquivos)\Inspeções\</t>
  </si>
  <si>
    <t>Plano de inspeções 2019 (Gisele).xlsm</t>
  </si>
  <si>
    <t>E:\Gisele (Todos os arquivos)\Inspeções\Plano de inspeções 2019 (Gisele).xlsm</t>
  </si>
  <si>
    <t>10/18/2019 13:56:03</t>
  </si>
  <si>
    <t>C:\Gisele (Todos os arquivos)\Remédios Pai\</t>
  </si>
  <si>
    <t>Rascunho Remédios .xlsx</t>
  </si>
  <si>
    <t>E:\Gisele (Todos os arquivos)\Remédios Pai\Rascunho Remédios .xlsx</t>
  </si>
  <si>
    <t>Remédios PAI .xlsx</t>
  </si>
  <si>
    <t>E:\Gisele (Todos os arquivos)\Remédios Pai\Remédios PAI .xlsx</t>
  </si>
  <si>
    <t>10/18/2019 13:56:05</t>
  </si>
  <si>
    <t>C:\Gisele (Todos os arquivos)\Reunião Diego\</t>
  </si>
  <si>
    <t>Estrutura segurança e meio ambiente - 2019.xlsx</t>
  </si>
  <si>
    <t>E:\Gisele (Todos os arquivos)\Reunião Diego\Estrutura segurança e meio ambiente - 2019.xlsx</t>
  </si>
  <si>
    <t>10/18/2019 13:56:06</t>
  </si>
  <si>
    <t>C:\Gisele (Todos os arquivos)\REVISAR E ATUALIZAR\3 Estatística de Abertura da CAT - Compilado Regionais (Julho a Dezembro 2018).pptx\</t>
  </si>
  <si>
    <t>E:\Gisele (Todos os arquivos)\REVISAR E ATUALIZAR\3 Estatística de Abertura da CAT - Compilado Regionais (Julho a Dezembro 2018).pptx</t>
  </si>
  <si>
    <t>10/18/2019 13:56:07</t>
  </si>
  <si>
    <t>C:\Gisele (Todos os arquivos)\REVISAR E ATUALIZAR\</t>
  </si>
  <si>
    <t>E:\Gisele (Todos os arquivos)\REVISAR E ATUALIZAR\4 Planilha de Estatística de Abertura de CAT (Compilado por Regionais).xlsx</t>
  </si>
  <si>
    <t>E:\Gisele (Todos os arquivos)\REVISAR E ATUALIZAR\Planilha de Estatística de Abertura de CAT (Abril 2019).xlsx</t>
  </si>
  <si>
    <t>E:\Gisele (Todos os arquivos)\REVISAR E ATUALIZAR\Planilha de Estatística de Abertura de CAT (Junho 2019).xlsx</t>
  </si>
  <si>
    <t>E:\Gisele (Todos os arquivos)\REVISAR E ATUALIZAR\Planilha de Estatística de Abertura de CAT (Maio 2019).xlsx</t>
  </si>
  <si>
    <t>E:\Gisele (Todos os arquivos)\REVISAR E ATUALIZAR\Quantidade de Acidentes por ano.xlsx</t>
  </si>
  <si>
    <t>10/18/2019 13:56:11</t>
  </si>
  <si>
    <t>C:\Gisele (Todos os arquivos)\REVISAR E ATUALIZAR\5.3 - Apresentação REVISAR\2 Relatório estatístico dos acidentes de trabalho de Uberlândia (2017 a 2019).pptx\</t>
  </si>
  <si>
    <t>E:\Gisele (Todos os arquivos)\REVISAR E ATUALIZAR\5.3 - Apresentação REVISAR\2 Relatório estatístico dos acidentes de trabalho de Uberlândia (2017 a 2019).pptx</t>
  </si>
  <si>
    <t>10/18/2019 13:56:12</t>
  </si>
  <si>
    <t>C:\Gisele (Todos os arquivos)\REVISAR E ATUALIZAR\5.3 - Apresentação REVISAR\3 Estatística de Abertura da CAT - Compilado Regionais (Julho a Dezembro 2018).pptx\</t>
  </si>
  <si>
    <t>E:\Gisele (Todos os arquivos)\REVISAR E ATUALIZAR\5.3 - Apresentação REVISAR\3 Estatística de Abertura da CAT - Compilado Regionais (Julho a Dezembro 2018).pptx</t>
  </si>
  <si>
    <t>10/18/2019 13:56:13</t>
  </si>
  <si>
    <t>C:\Gisele (Todos os arquivos)\REVISAR E ATUALIZAR\5.3 - Apresentação REVISAR\</t>
  </si>
  <si>
    <t>E:\Gisele (Todos os arquivos)\REVISAR E ATUALIZAR\5.3 - Apresentação REVISAR\4 Planilha de Estatística de Abertura de CAT (Compilado por Regionais).xlsx</t>
  </si>
  <si>
    <t>10/18/2019 13:56:14</t>
  </si>
  <si>
    <t>C:\Gisele (Todos os arquivos)\VALE TRANSPORTE - CAT\</t>
  </si>
  <si>
    <t>033 CONFERÊNCIA PEDIDO MENSAL VT.xlsx</t>
  </si>
  <si>
    <t>E:\Gisele (Todos os arquivos)\VALE TRANSPORTE - CAT\033 CONFERÊNCIA PEDIDO MENSAL VT.xlsx</t>
  </si>
  <si>
    <t>10/18/2019 13:56:15</t>
  </si>
  <si>
    <t>CONFERENCIA PEDIDO ENGESET SETEMBRO.xlsx</t>
  </si>
  <si>
    <t>E:\Gisele (Todos os arquivos)\VALE TRANSPORTE - CAT\CONFERENCIA PEDIDO ENGESET SETEMBRO.xlsx</t>
  </si>
  <si>
    <t>10/18/2019 13:56:18</t>
  </si>
  <si>
    <t>E:\Gisele (Todos os arquivos)\VALE TRANSPORTE - CAT\PEDIDO MENSAL V.T_29 TECH_09.2019.xlsx</t>
  </si>
  <si>
    <t>10/18/2019 14:01:27</t>
  </si>
  <si>
    <t>10/18/2019 14:04:56</t>
  </si>
  <si>
    <t>jackson.diniz@bradesco.com.br;</t>
  </si>
  <si>
    <t>RES: URGENTE: Operações Cerrado [Janaina Arantes]</t>
  </si>
  <si>
    <t>BASE BO - Gestão Janaina Arantes - Algar.xlsx</t>
  </si>
  <si>
    <t>jackson.diniz@bradesco.com.br</t>
  </si>
  <si>
    <t>10/18/2019 14:03:34</t>
  </si>
  <si>
    <t>10/18/2019 14:08:56</t>
  </si>
  <si>
    <t>10/18/2019 14:17:19</t>
  </si>
  <si>
    <t>10/18/2019 14:18:56</t>
  </si>
  <si>
    <t>Calculadora de UPH</t>
  </si>
  <si>
    <t>MASCARA__CONTROLES.xlsx</t>
  </si>
  <si>
    <t>10/18/2019 14:18:06</t>
  </si>
  <si>
    <t>jussaragp@algartech.com;micheless@algartech.com;</t>
  </si>
  <si>
    <t>Calculadora UPH</t>
  </si>
  <si>
    <t>MASCARA__BOAG.xlsx</t>
  </si>
  <si>
    <t>jussaragp@algartech.com,micheless@algartech.com</t>
  </si>
  <si>
    <t>10/18/2019 14:20:08</t>
  </si>
  <si>
    <t>10/18/2019 14:20:56</t>
  </si>
  <si>
    <t>/o=exchangelabs/ou=exchange administrative group (fydibohf23spdlt)/cn=recipients/cn=26af92a74b81427bb68e619749cf4c27-nayara cris;/o=exchangelabs/ou=exchange administrative group (fydibohf23spdlt)/cn=recipients/cn=43a054bacf514a8a9cdcb240b072cd47-cecilia mul;/o=exchangelabs/ou=exchange administrative group (fydibohf23spdlt)/cn=recipients/cn=6857e7b89b5f46e3b6aed2352ac8d5ac-carlos albe;/o=exchangelabs/ou=exchange administrative group (fydibohf23spdlt)/cn=recipients/cn=7f100576a0d642769861fae5d58c2022-diego barda;/o=exchangelabs/ou=exchange administrative group (fydibohf23spdlt)/cn=recipients/cn=8ab5e44d485043d59eb4f21463e63e6a-tays dos sa;/o=exchangelabs/ou=exchange administrative group (fydibohf23spdlt)/cn=recipients/cn=b1a72fc2d0234efca84c7771ea70c7ee-roberta cri;gasilva@toyota.com.br;ikawakami@toyota.com.br;nrsaito@toyota.com.br;rrigueira@toyota.com.br;</t>
  </si>
  <si>
    <t>RES: Faturamentos Call Center - Recall</t>
  </si>
  <si>
    <t>09 - Faturamento Toyota Recall.xlsx</t>
  </si>
  <si>
    <t>/o=exchangelabs/ou=exchange administrative group (fydibohf23spdlt)/cn=recipients/cn=26af92a74b81427bb68e619749cf4c27-nayara cris,/o=exchangelabs/ou=exchange administrative group (fydibohf23spdlt)/cn=recipients/cn=43a054bacf514a8a9cdcb240b072cd47-cecilia mul,/o=exchangelabs/ou=exchange administrative group (fydibohf23spdlt)/cn=recipients/cn=6857e7b89b5f46e3b6aed2352ac8d5ac-carlos albe,/o=exchangelabs/ou=exchange administrative group (fydibohf23spdlt)/cn=recipients/cn=7f100576a0d642769861fae5d58c2022-diego barda,/o=exchangelabs/ou=exchange administrative group (fydibohf23spdlt)/cn=recipients/cn=8ab5e44d485043d59eb4f21463e63e6a-tays dos sa,/o=exchangelabs/ou=exchange administrative group (fydibohf23spdlt)/cn=recipients/cn=b1a72fc2d0234efca84c7771ea70c7ee-roberta cri,gasilva@toyota.com.br,ikawakami@toyota.com.br,nrsaito@toyota.com.br,rrigueira@toyota.com.br</t>
  </si>
  <si>
    <t>10/18/2019 14:17:45</t>
  </si>
  <si>
    <t>10/18/2019 14:22:56</t>
  </si>
  <si>
    <t>/o=exchangelabs/ou=exchange administrative group (fydibohf23spdlt)/cn=recipients/cn=0bafe1ed27024338be4e911e19871cd1-william rob;/o=exchangelabs/ou=exchange administrative group (fydibohf23spdlt)/cn=recipients/cn=287c26b08a0f48578479a15a452f025d-edilson rod;/o=exchangelabs/ou=exchange administrative group (fydibohf23spdlt)/cn=recipients/cn=2d3379e2d04c40db810b4b1f41dd2aea-erica carol;/o=exchangelabs/ou=exchange administrative group (fydibohf23spdlt)/cn=recipients/cn=372a4aee70df4061aed129651510b96b-raul montei;/o=exchangelabs/ou=exchange administrative group (fydibohf23spdlt)/cn=recipients/cn=3b76b3dd02a14d289cc323d3c8d12b81-waleska mar;/o=exchangelabs/ou=exchange administrative group (fydibohf23spdlt)/cn=recipients/cn=3bff4ffb267e4ea2a4a3347f6a4c5cf8-tatiane mag;/o=exchangelabs/ou=exchange administrative group (fydibohf23spdlt)/cn=recipients/cn=44f0a666541444e787f23979b24aa3bd-reginaldo r;/o=exchangelabs/ou=exchange administrative group (fydibohf23spdlt)/cn=recipients/cn=55f846c335d7437f892f0b0d49c89e92-celm</t>
  </si>
  <si>
    <t>Olha o Ranking aí gente....</t>
  </si>
  <si>
    <t>/o=exchangelabs/ou=exchange administrative group (fydibohf23spdlt)/cn=recipients/cn=0bafe1ed27024338be4e911e19871cd1-william rob,/o=exchangelabs/ou=exchange administrative group (fydibohf23spdlt)/cn=recipients/cn=287c26b08a0f48578479a15a452f025d-edilson rod,/o=exchangelabs/ou=exchange administrative group (fydibohf23spdlt)/cn=recipients/cn=2d3379e2d04c40db810b4b1f41dd2aea-erica carol,/o=exchangelabs/ou=exchange administrative group (fydibohf23spdlt)/cn=recipients/cn=372a4aee70df4061aed129651510b96b-raul montei,/o=exchangelabs/ou=exchange administrative group (fydibohf23spdlt)/cn=recipients/cn=3b76b3dd02a14d289cc323d3c8d12b81-waleska mar,/o=exchangelabs/ou=exchange administrative group (fydibohf23spdlt)/cn=recipients/cn=3bff4ffb267e4ea2a4a3347f6a4c5cf8-tatiane mag,/o=exchangelabs/ou=exchange administrative group (fydibohf23spdlt)/cn=recipients/cn=44f0a666541444e787f23979b24aa3bd-reginaldo r,/o=exchangelabs/ou=exchange administrative group (fydibohf23spdlt)/cn=recipients/cn=55f846c335d7437f892f0b0d49c89e92-celm</t>
  </si>
  <si>
    <t>10/18/2019 14:17:59</t>
  </si>
  <si>
    <t>/o=exchangelabs/ou=exchange administrative group (fydibohf23spdlt)/cn=recipients/cn=029150745eb3404986232d7559006193-acacio ribe;/o=exchangelabs/ou=exchange administrative group (fydibohf23spdlt)/cn=recipients/cn=07838d63269147399834f55c95648a18-raphael nun;/o=exchangelabs/ou=exchange administrative group (fydibohf23spdlt)/cn=recipients/cn=07c3a56c251e4a1bb0cd5ad248dadf38-lucas costa;/o=exchangelabs/ou=exchange administrative group (fydibohf23spdlt)/cn=recipients/cn=096be01f3be1448b9e04fb22996909f1-michele sil;/o=exchangelabs/ou=exchange administrative group (fydibohf23spdlt)/cn=recipients/cn=0ad67812a921472ea75457aad47f39a8-kallil vice;/o=exchangelabs/ou=exchange administrative group (fydibohf23spdlt)/cn=recipients/cn=0c06a001a2ed4bd2a2d61ee9aa26d72f-suemes de s;/o=exchangelabs/ou=exchange administrative group (fydibohf23spdlt)/cn=recipients/cn=0fb0c89521ca4e3ea59ebb5875735cbc-luiz guilhe;/o=exchangelabs/ou=exchange administrative group (fydibohf23spdlt)/cn=recipients/cn=101ca65e5cac464dbd670337f8b2f496-clau</t>
  </si>
  <si>
    <t>/o=exchangelabs/ou=exchange administrative group (fydibohf23spdlt)/cn=recipients/cn=029150745eb3404986232d7559006193-acacio ribe,/o=exchangelabs/ou=exchange administrative group (fydibohf23spdlt)/cn=recipients/cn=07838d63269147399834f55c95648a18-raphael nun,/o=exchangelabs/ou=exchange administrative group (fydibohf23spdlt)/cn=recipients/cn=07c3a56c251e4a1bb0cd5ad248dadf38-lucas costa,/o=exchangelabs/ou=exchange administrative group (fydibohf23spdlt)/cn=recipients/cn=096be01f3be1448b9e04fb22996909f1-michele sil,/o=exchangelabs/ou=exchange administrative group (fydibohf23spdlt)/cn=recipients/cn=0ad67812a921472ea75457aad47f39a8-kallil vice,/o=exchangelabs/ou=exchange administrative group (fydibohf23spdlt)/cn=recipients/cn=0c06a001a2ed4bd2a2d61ee9aa26d72f-suemes de s,/o=exchangelabs/ou=exchange administrative group (fydibohf23spdlt)/cn=recipients/cn=0fb0c89521ca4e3ea59ebb5875735cbc-luiz guilhe,/o=exchangelabs/ou=exchange administrative group (fydibohf23spdlt)/cn=recipients/cn=101ca65e5cac464dbd670337f8b2f496-clau</t>
  </si>
  <si>
    <t>10/18/2019 14:18:09</t>
  </si>
  <si>
    <t>/o=exchangelabs/ou=exchange administrative group (fydibohf23spdlt)/cn=recipients/cn=002ec1cd4de64cd68f3e33ca3518cc0b-fernando ro;/o=exchangelabs/ou=exchange administrative group (fydibohf23spdlt)/cn=recipients/cn=092327d7955f47e78ad4a60dc2ac8d69-joaquim eli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1698f5af44b14116ad2d0b751d584c7d-danilo rafa;/o=exchangelabs/ou=exchange administrative group (fydibohf23spdlt)/cn=recipients/cn=240fafdb21074ab9a87c95d3265e411c-rodrigo rod;/o=exchangelabs/ou=exchange administrative group (fydibohf23spdlt)/cn=recipients/cn=249f643ba1e044588b45a020c76dadde-daniel de o;/o=exchangelabs/ou=exchange administrative group (fydibohf23spdlt)/cn=recipients/cn=2946605dcf554cb389220dec598b84fa-adri</t>
  </si>
  <si>
    <t>/o=exchangelabs/ou=exchange administrative group (fydibohf23spdlt)/cn=recipients/cn=002ec1cd4de64cd68f3e33ca3518cc0b-fernando ro,/o=exchangelabs/ou=exchange administrative group (fydibohf23spdlt)/cn=recipients/cn=092327d7955f47e78ad4a60dc2ac8d69-joaquim eli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1698f5af44b14116ad2d0b751d584c7d-danilo rafa,/o=exchangelabs/ou=exchange administrative group (fydibohf23spdlt)/cn=recipients/cn=240fafdb21074ab9a87c95d3265e411c-rodrigo rod,/o=exchangelabs/ou=exchange administrative group (fydibohf23spdlt)/cn=recipients/cn=249f643ba1e044588b45a020c76dadde-daniel de o,/o=exchangelabs/ou=exchange administrative group (fydibohf23spdlt)/cn=recipients/cn=2946605dcf554cb389220dec598b84fa-adri</t>
  </si>
  <si>
    <t>10/18/2019 14:18:48</t>
  </si>
  <si>
    <t>10/18/2019 14:23:21</t>
  </si>
  <si>
    <t>10/18/2019 14:24:56</t>
  </si>
  <si>
    <t>/o=exchangelabs/ou=exchange administrative group (fydibohf23spdlt)/cn=recipients/cn=083204b1bd464d0fbbd2451a3a305923-katia gonca;/o=exchangelabs/ou=exchange administrative group (fydibohf23spdlt)/cn=recipients/cn=0c0a0f4e908f492f9ee84b7ceda2a7c9-lucas antun;/o=exchangelabs/ou=exchange administrative group (fydibohf23spdlt)/cn=recipients/cn=2f25493a7e37433d8dafca90f527b173-danubia cri;/o=exchangelabs/ou=exchange administrative group (fydibohf23spdlt)/cn=recipients/cn=670d10f0276c47ba89a984b1a225496b-victor gala;/o=exchangelabs/ou=exchange administrative group (fydibohf23spdlt)/cn=recipients/cn=cd9a537135134b65a0d7151c4bba7129-brenda bruc;/o=exchangelabs/ou=exchange administrative group (fydibohf23spdlt)/cn=recipients/cn=user1afea7a7;/o=exchangelabs/ou=exchange administrative group (fydibohf23spdlt)/cn=recipients/cn=userd3ef8196;</t>
  </si>
  <si>
    <t>RES: Escala atualizada do treinamento de ID ÚNICO.</t>
  </si>
  <si>
    <t>Escala TRN - ID ÚNICO - HE v2.xlsx</t>
  </si>
  <si>
    <t>/o=exchangelabs/ou=exchange administrative group (fydibohf23spdlt)/cn=recipients/cn=083204b1bd464d0fbbd2451a3a305923-katia gonca,/o=exchangelabs/ou=exchange administrative group (fydibohf23spdlt)/cn=recipients/cn=0c0a0f4e908f492f9ee84b7ceda2a7c9-lucas antun,/o=exchangelabs/ou=exchange administrative group (fydibohf23spdlt)/cn=recipients/cn=2f25493a7e37433d8dafca90f527b173-danubia cri,/o=exchangelabs/ou=exchange administrative group (fydibohf23spdlt)/cn=recipients/cn=670d10f0276c47ba89a984b1a225496b-victor gala,/o=exchangelabs/ou=exchange administrative group (fydibohf23spdlt)/cn=recipients/cn=cd9a537135134b65a0d7151c4bba7129-brenda bruc,/o=exchangelabs/ou=exchange administrative group (fydibohf23spdlt)/cn=recipients/cn=user1afea7a7,/o=exchangelabs/ou=exchange administrative group (fydibohf23spdlt)/cn=recipients/cn=userd3ef8196</t>
  </si>
  <si>
    <t>10/18/2019 14:32:22</t>
  </si>
  <si>
    <t>10/18/2019 14:34:56</t>
  </si>
  <si>
    <t>mail.google.com/_/upload?authuser=1&amp;dcp=asu-n&amp;upload_id=AEnB2Upqj3B6lv7G92cIpG4_cIvonTPxYkGQ5K34Us9y0L8p-czpuaOERzCyvOtdWMTZs16tbnMGLtPLO3px9Hdbo3PoZjYsVA&amp;upload_protocol=resumable</t>
  </si>
  <si>
    <t>10/18/2019 14:35:51</t>
  </si>
  <si>
    <t>10/18/2019 14:36:56</t>
  </si>
  <si>
    <t>/o=exchangelabs/ou=exchange administrative group (fydibohf23spdlt)/cn=recipients/cn=22a82c25f42b449d85cc3b6bebe4db10-diego bacch;/o=exchangelabs/ou=exchange administrative group (fydibohf23spdlt)/cn=recipients/cn=249f643ba1e044588b45a020c76dadde-daniel de o;/o=exchangelabs/ou=exchange administrative group (fydibohf23spdlt)/cn=recipients/cn=27491e5bbc8e493fb108684d30b99822-deivis de j;/o=exchangelabs/ou=exchange administrative group (fydibohf23spdlt)/cn=recipients/cn=372a4aee70df4061aed129651510b96b-raul montei;/o=exchangelabs/ou=exchange administrative group (fydibohf23spdlt)/cn=recipients/cn=3bdfcd7a3ede48d981b85e898ea82c77-pedro alfon;/o=exchangelabs/ou=exchange administrative group (fydibohf23spdlt)/cn=recipients/cn=5d559e739a9e422da552ffdc9668775c-luiz fernan;/o=exchangelabs/ou=exchange administrative group (fydibohf23spdlt)/cn=recipients/cn=7b70aa18debb49fb8da0f7282594e513-ricardo ale;/o=exchangelabs/ou=exchange administrative group (fydibohf23spdlt)/cn=recipients/cn=909e770c97ed4b8fa033c30357f65607-juan</t>
  </si>
  <si>
    <t>RES: URGENT!! SHELL Global PS Project - Aruba Controller Installation</t>
  </si>
  <si>
    <t>20191014 SHELL - AMERICAS - Locations list.xlsb</t>
  </si>
  <si>
    <t>/o=exchangelabs/ou=exchange administrative group (fydibohf23spdlt)/cn=recipients/cn=22a82c25f42b449d85cc3b6bebe4db10-diego bacch,/o=exchangelabs/ou=exchange administrative group (fydibohf23spdlt)/cn=recipients/cn=249f643ba1e044588b45a020c76dadde-daniel de o,/o=exchangelabs/ou=exchange administrative group (fydibohf23spdlt)/cn=recipients/cn=27491e5bbc8e493fb108684d30b99822-deivis de j,/o=exchangelabs/ou=exchange administrative group (fydibohf23spdlt)/cn=recipients/cn=372a4aee70df4061aed129651510b96b-raul montei,/o=exchangelabs/ou=exchange administrative group (fydibohf23spdlt)/cn=recipients/cn=3bdfcd7a3ede48d981b85e898ea82c77-pedro alfon,/o=exchangelabs/ou=exchange administrative group (fydibohf23spdlt)/cn=recipients/cn=5d559e739a9e422da552ffdc9668775c-luiz fernan,/o=exchangelabs/ou=exchange administrative group (fydibohf23spdlt)/cn=recipients/cn=7b70aa18debb49fb8da0f7282594e513-ricardo ale,/o=exchangelabs/ou=exchange administrative group (fydibohf23spdlt)/cn=recipients/cn=909e770c97ed4b8fa033c30357f65607-juan</t>
  </si>
  <si>
    <t>10/18/2019 14:36:17</t>
  </si>
  <si>
    <t>10/18/2019 14:37:56</t>
  </si>
  <si>
    <t>BP Escopo AMS</t>
  </si>
  <si>
    <t>204294 Weg Plan Precificacao C017 B017_v1 190 Tickets Chamados 3 Turnos 6hs BH.xlsb</t>
  </si>
  <si>
    <t>10/18/2019 14:41:09</t>
  </si>
  <si>
    <t>10/18/2019 14:41:56</t>
  </si>
  <si>
    <t>10.250.255.86</t>
  </si>
  <si>
    <t>Template_-_Gestao_de_Titulos.xlsx</t>
  </si>
  <si>
    <t>10/18/2019 14:44:13</t>
  </si>
  <si>
    <t>10/18/2019 14:44:56</t>
  </si>
  <si>
    <t>/o=exchangelabs/ou=exchange administrative group (fydibohf23spdlt)/cn=recipients/cn=1ef1d5b65a414ccea16527d004fcca4f-renan tavar;/o=exchangelabs/ou=exchange administrative group (fydibohf23spdlt)/cn=recipients/cn=4fbcbdfa900b4cb195ac160568115bc2-ericson nog;camiladps@algartech.com;</t>
  </si>
  <si>
    <t>RES: Treinamentos para proxima semana</t>
  </si>
  <si>
    <t>/o=exchangelabs/ou=exchange administrative group (fydibohf23spdlt)/cn=recipients/cn=1ef1d5b65a414ccea16527d004fcca4f-renan tavar,/o=exchangelabs/ou=exchange administrative group (fydibohf23spdlt)/cn=recipients/cn=4fbcbdfa900b4cb195ac160568115bc2-ericson nog,camiladps@algartech.com</t>
  </si>
  <si>
    <t>10/18/2019 14:44:53</t>
  </si>
  <si>
    <t>10/18/2019 14:48:56</t>
  </si>
  <si>
    <t>RES: Calculadora de UPH</t>
  </si>
  <si>
    <t>MASCARA__CONTROLES_201908.xlsx</t>
  </si>
  <si>
    <t>10/18/2019 14:45:37</t>
  </si>
  <si>
    <t>MASCARA__CONTROLES_201907.xlsx</t>
  </si>
  <si>
    <t>10/18/2019 14:48:18</t>
  </si>
  <si>
    <t>/o=exchangelabs/ou=exchange administrative group (fydibohf23spdlt)/cn=recipients/cn=b9d21611379848f39afa1207b84ef4f7-almezindo s;</t>
  </si>
  <si>
    <t>Expansão Caixa: Ativação 19 posições de atendimento</t>
  </si>
  <si>
    <t>/o=exchangelabs/ou=exchange administrative group (fydibohf23spdlt)/cn=recipients/cn=b9d21611379848f39afa1207b84ef4f7-almezindo s</t>
  </si>
  <si>
    <t>10/18/2019 14:50:09</t>
  </si>
  <si>
    <t>10/18/2019 14:52:56</t>
  </si>
  <si>
    <t>mail.google.com/_/upload?authuser=0&amp;dcp=asu-n&amp;upload_id=AEnB2UrJzlvuxN3W4q7dCAqenbJImXiu5R1DrXsQCUHPnVdgXLXCSIRJuUA5mHeBRVWbWvmK0U0OEmPCnuh7NbiE4WtJPH3pGKESXK4wD8nFqX13it40sJ8&amp;upload_protocol=resumable</t>
  </si>
  <si>
    <t>10/18/2019 14:51:04</t>
  </si>
  <si>
    <t>10/18/2019 14:54:56</t>
  </si>
  <si>
    <t>5 stars 18.10.csv</t>
  </si>
  <si>
    <t>10/18/2019 14:50:32</t>
  </si>
  <si>
    <t>/o=exchangelabs/ou=exchange administrative group (fydibohf23spdlt)/cn=recipients/cn=822f65115a2046059fff20a916dd90e9-thais marti;camiladps@algartech.com;equipefabi@algartech.com.br;tecnicospj@algartech.com.br;ueniargl@algartech.com.br;</t>
  </si>
  <si>
    <t>Aulão B2K _ 22 e 23/10</t>
  </si>
  <si>
    <t>/o=exchangelabs/ou=exchange administrative group (fydibohf23spdlt)/cn=recipients/cn=822f65115a2046059fff20a916dd90e9-thais marti,camiladps@algartech.com,equipefabi@algartech.com.br,tecnicospj@algartech.com.br,ueniargl@algartech.com.br</t>
  </si>
  <si>
    <t>10/18/2019 14:53:03</t>
  </si>
  <si>
    <t>10/18/2019 14:57:56</t>
  </si>
  <si>
    <t>C:\Users\ricardobal\OneDrive - Grupo Algar\Algar Tecnologia\COMISSIONAMENTO\2019\</t>
  </si>
  <si>
    <t>New_Ricardo Borges.xlsx</t>
  </si>
  <si>
    <t>10/18/2019 14:56:43</t>
  </si>
  <si>
    <t>10/18/2019 15:00:56</t>
  </si>
  <si>
    <t>10/18/2019 14:56:57</t>
  </si>
  <si>
    <t>mail.google.com/_/upload?authuser=1&amp;dcp=asu-n&amp;upload_id=AEnB2UqXeXAy8acX3JIJL8QFgyS3l_HTOVOuWiztAtyS2i5DyWf1-si79DXNumrQa8sAsCLqJ4S3AOY_PON0SWLqK5o8CROgxw&amp;upload_protocol=resumable</t>
  </si>
  <si>
    <t>lISTA - ti.xlsx</t>
  </si>
  <si>
    <t>10/18/2019 15:05:21</t>
  </si>
  <si>
    <t>10/18/2019 15:06:57</t>
  </si>
  <si>
    <t>/o=exchangelabs/ou=exchange administrative group (fydibohf23spdlt)/cn=recipients/cn=0addf5d63aa844c7a80c4c80b8d6351e-edson barbo;/o=exchangelabs/ou=exchange administrative group (fydibohf23spdlt)/cn=recipients/cn=1698f5af44b14116ad2d0b751d584c7d-danilo rafa;contato@energiaon-line.com;</t>
  </si>
  <si>
    <t>Inscrição de Associados - São Paulo (Reciclagem)</t>
  </si>
  <si>
    <t>Ficha de Inscrição - Não Conformidades São Paulo.xlsx</t>
  </si>
  <si>
    <t>/o=exchangelabs/ou=exchange administrative group (fydibohf23spdlt)/cn=recipients/cn=0addf5d63aa844c7a80c4c80b8d6351e-edson barbo,/o=exchangelabs/ou=exchange administrative group (fydibohf23spdlt)/cn=recipients/cn=1698f5af44b14116ad2d0b751d584c7d-danilo rafa,contato@energiaon-line.com</t>
  </si>
  <si>
    <t>10/18/2019 15:04:31</t>
  </si>
  <si>
    <t>/o=exchangelabs/ou=exchange administrative group (fydibohf23spdlt)/cn=recipients/cn=7a5ceaeaef9041b49ad4d0d90f19ee70-marianna co;/o=exchangelabs/ou=exchange administrative group (fydibohf23spdlt)/cn=recipients/cn=b3ad8a638fcc4c57bf8c7953dd4b3cb8-augusto ces;/o=exchangelabs/ou=exchange administrative group (fydibohf23spdlt)/cn=recipients/cn=f0723cfec25d44359e10a3afabfe3d5f-ederlei rod;</t>
  </si>
  <si>
    <t>HANDOVER PROCESSOS CAPEX</t>
  </si>
  <si>
    <t>2018.11.17_Execução_Handover.xlsx</t>
  </si>
  <si>
    <t>/o=exchangelabs/ou=exchange administrative group (fydibohf23spdlt)/cn=recipients/cn=7a5ceaeaef9041b49ad4d0d90f19ee70-marianna co,/o=exchangelabs/ou=exchange administrative group (fydibohf23spdlt)/cn=recipients/cn=b3ad8a638fcc4c57bf8c7953dd4b3cb8-augusto ces,/o=exchangelabs/ou=exchange administrative group (fydibohf23spdlt)/cn=recipients/cn=f0723cfec25d44359e10a3afabfe3d5f-ederlei rod</t>
  </si>
  <si>
    <t>10/18/2019 15:09:09</t>
  </si>
  <si>
    <t>10/18/2019 15:11:57</t>
  </si>
  <si>
    <t>Ficha do Risco - Segurança da Informação - set19 08102019.xlsx</t>
  </si>
  <si>
    <t>10/18/2019 15:09:14</t>
  </si>
  <si>
    <t>10/18/2019 15:12:56</t>
  </si>
  <si>
    <t>GRC AS IS</t>
  </si>
  <si>
    <t>10/18/2019 15:08:28</t>
  </si>
  <si>
    <t>10/18/2019 15:13:56</t>
  </si>
  <si>
    <t>/o=exchangelabs/ou=exchange administrative group (fydibohf23spdlt)/cn=recipients/cn=carlos henrique vilarinho_db6c0fb3df;alessiors@algartech.com;celmars@algartech.com;dioniziorn@algartech.com;ericacdosc@algartech.com;gabrielly@algartech.com;hewersong@algartech.com;ibrahimet@algartech.com;jecienegs@algartech.com;juliocedo@algartech.com;marcelorf@algartech.com;marcoabm@algartech.com;mauricio@algartech.com;raulmont@algartech.com;reynaldopm@algartech.com;sr.algartech-udi-diretoria-presenca@algartech.com;thiagopre@algartech.com;wanessabds@algartech.com;</t>
  </si>
  <si>
    <t>Projeto Precificação - Ata de Reunião</t>
  </si>
  <si>
    <t>Projeto Precificação - Status Report - 14 10 2019_v1.pptx\</t>
  </si>
  <si>
    <t>/o=exchangelabs/ou=exchange administrative group (fydibohf23spdlt)/cn=recipients/cn=carlos henrique vilarinho_db6c0fb3df,alessiors@algartech.com,celmars@algartech.com,dioniziorn@algartech.com,ericacdosc@algartech.com,gabrielly@algartech.com,hewersong@algartech.com,ibrahimet@algartech.com,jecienegs@algartech.com,juliocedo@algartech.com,marcelorf@algartech.com,marcoabm@algartech.com,mauricio@algartech.com,raulmont@algartech.com,reynaldopm@algartech.com,sr.algartech-udi-diretoria-presenca@algartech.com,thiagopre@algartech.com,wanessabds@algartech.com</t>
  </si>
  <si>
    <t>10/18/2019 15:11:02</t>
  </si>
  <si>
    <t>10/18/2019 15:15:56</t>
  </si>
  <si>
    <t>RES: Oportunidade 144911</t>
  </si>
  <si>
    <t>Info_TLV BV.xlsx</t>
  </si>
  <si>
    <t>10/18/2019 15:12:03</t>
  </si>
  <si>
    <t>PTH 2020 CONTROL e MIS.xlsx</t>
  </si>
  <si>
    <t>10/18/2019 15:16:23</t>
  </si>
  <si>
    <t>10/18/2019 15:19:57</t>
  </si>
  <si>
    <t>10/18/2019 15:17:07</t>
  </si>
  <si>
    <t>10/18/2019 15:21:56</t>
  </si>
  <si>
    <t>ENC: FOCUS GROUP - CONTATO ONDA 4</t>
  </si>
  <si>
    <t>10/18/2019 15:23:47</t>
  </si>
  <si>
    <t>10/18/2019 15:24:56</t>
  </si>
  <si>
    <t>10/18/2019 15:23:01</t>
  </si>
  <si>
    <t>10/18/2019 15:24:34</t>
  </si>
  <si>
    <t>10/18/2019 15:26:56</t>
  </si>
  <si>
    <t>BD Analitico Fretadão (1).xlsb</t>
  </si>
  <si>
    <t>10/18/2019 15:28:19</t>
  </si>
  <si>
    <t>10/18/2019 15:33:56</t>
  </si>
  <si>
    <t>Política Backup SAGE(OPENSTACK).xlsx</t>
  </si>
  <si>
    <t>Política Backup SAGE.xlsx</t>
  </si>
  <si>
    <t>10/18/2019 15:29:07</t>
  </si>
  <si>
    <t>BP Vale</t>
  </si>
  <si>
    <t>10/18/2019 15:29:37</t>
  </si>
  <si>
    <t>DRE</t>
  </si>
  <si>
    <t>10/18/2019 15:29:46</t>
  </si>
  <si>
    <t>10/18/2019 15:34:55</t>
  </si>
  <si>
    <t>10/18/2019 15:33:54</t>
  </si>
  <si>
    <t>ENC: Informações complementares para Projetos IBM Multi visando elaborarmos soluções alternativas</t>
  </si>
  <si>
    <t>199274_IBM_v6_Serviços_Equipe_Multi (1).xlsx</t>
  </si>
  <si>
    <t>10/18/2019 15:34:11</t>
  </si>
  <si>
    <t>ENC: ENC: Informações complementares para Projetos IBM Multi visando elaborarmos soluções alternativas</t>
  </si>
  <si>
    <t>199274_IBM_v6_Serviços_Equipe_Multi (1).xlsx</t>
  </si>
  <si>
    <t>10/18/2019 15:31:17</t>
  </si>
  <si>
    <t>10/18/2019 15:36:55</t>
  </si>
  <si>
    <t>Mailing NPS GAT_Não responderam NPS_161019.csv</t>
  </si>
  <si>
    <t>10/18/2019 15:34:18</t>
  </si>
  <si>
    <t>10/18/2019 15:38:55</t>
  </si>
  <si>
    <t>BP Whirlpool</t>
  </si>
  <si>
    <t>Preco sem Multas - Capex FTE Implantacao_ajustadoOPEX_desafi1.xlsb</t>
  </si>
  <si>
    <t>10/18/2019 15:34:52</t>
  </si>
  <si>
    <t>10/18/2019 15:41:56</t>
  </si>
  <si>
    <t>WM Assistencia de Geradores.xlsx</t>
  </si>
  <si>
    <t>10/18/2019 15:58:00</t>
  </si>
  <si>
    <t>10/18/2019 15:59:55</t>
  </si>
  <si>
    <t>10.200.61.129</t>
  </si>
  <si>
    <t>D8-9C-67-4D-AA-D1</t>
  </si>
  <si>
    <t>amandafdcs@algartech.com;</t>
  </si>
  <si>
    <t>Cópia de NOVA BASE.xlsx</t>
  </si>
  <si>
    <t>amandafdcs@algartech.com</t>
  </si>
  <si>
    <t>10/18/2019 15:55:38</t>
  </si>
  <si>
    <t>10/18/2019 16:00:54</t>
  </si>
  <si>
    <t>/o=exchangelabs/ou=exchange administrative group (fydibohf23spdlt)/cn=recipients/cn=c29ec9dae022497281c840087cccddec-patricia ar;/o=exchangelabs/ou=exchange administrative group (fydibohf23spdlt)/cn=recipients/cn=f00c439d0d474c0586a503a0209ed1f2-bruno wande;/o=exchangelabs/ou=exchange administrative group (fydibohf23spdlt)/cn=recipients/cn=f167860e3f1940cc81730e5f24d2f0bb-alexandre f;</t>
  </si>
  <si>
    <t>RES: Projeto Boticário / BP 18 - Problema no prazo de depreciação</t>
  </si>
  <si>
    <t>204284 - Site Novo (Redes + Telecom)-12M.xlsb</t>
  </si>
  <si>
    <t>/o=exchangelabs/ou=exchange administrative group (fydibohf23spdlt)/cn=recipients/cn=c29ec9dae022497281c840087cccddec-patricia ar,/o=exchangelabs/ou=exchange administrative group (fydibohf23spdlt)/cn=recipients/cn=f00c439d0d474c0586a503a0209ed1f2-bruno wande,/o=exchangelabs/ou=exchange administrative group (fydibohf23spdlt)/cn=recipients/cn=f167860e3f1940cc81730e5f24d2f0bb-alexandre f</t>
  </si>
  <si>
    <t>10/18/2019 15:59:03</t>
  </si>
  <si>
    <t>10/18/2019 16:03:54</t>
  </si>
  <si>
    <t>/o=exchangelabs/ou=exchange administrative group (fydibohf23spdlt)/cn=recipients/cn=02b715e2a3c744dbab0f4054efc9d2d2-raquel corr;/o=exchangelabs/ou=exchange administrative group (fydibohf23spdlt)/cn=recipients/cn=3bff4ffb267e4ea2a4a3347f6a4c5cf8-tatiane mag;/o=exchangelabs/ou=exchange administrative group (fydibohf23spdlt)/cn=recipients/cn=6d38ba16c020485cbc223d60996da338-cristielly;/o=exchangelabs/ou=exchange administrative group (fydibohf23spdlt)/cn=recipients/cn=9c85290e8238419a823a4b55320e99cb-andre luis;/o=exchangelabs/ou=exchange administrative group (fydibohf23spdlt)/cn=recipients/cn=a64358504a8645ceb4699161acd442b8-patricia le;/o=exchangelabs/ou=exchange administrative group (fydibohf23spdlt)/cn=recipients/cn=bc07fcc207044a07b8cf90d1abbdc707-luiz claudi;/o=exchangelabs/ou=exchange administrative group (fydibohf23spdlt)/cn=recipients/cn=d05b086490f84e1380a430afb1101aa7-giofrerdane;/o=exchangelabs/ou=exchange administrative group (fydibohf23spdlt)/cn=recipients/cn=e46cd96e8e9e452c8cc8ba65a6c4ec57-gustav</t>
  </si>
  <si>
    <t>RES: Acompanhamento Petrobras CFTV - 17.10</t>
  </si>
  <si>
    <t>Acompanhamento CFTV - 17.10.xls</t>
  </si>
  <si>
    <t>/o=exchangelabs/ou=exchange administrative group (fydibohf23spdlt)/cn=recipients/cn=02b715e2a3c744dbab0f4054efc9d2d2-raquel corr,/o=exchangelabs/ou=exchange administrative group (fydibohf23spdlt)/cn=recipients/cn=3bff4ffb267e4ea2a4a3347f6a4c5cf8-tatiane mag,/o=exchangelabs/ou=exchange administrative group (fydibohf23spdlt)/cn=recipients/cn=6d38ba16c020485cbc223d60996da338-cristielly,/o=exchangelabs/ou=exchange administrative group (fydibohf23spdlt)/cn=recipients/cn=9c85290e8238419a823a4b55320e99cb-andre luis,/o=exchangelabs/ou=exchange administrative group (fydibohf23spdlt)/cn=recipients/cn=a64358504a8645ceb4699161acd442b8-patricia le,/o=exchangelabs/ou=exchange administrative group (fydibohf23spdlt)/cn=recipients/cn=bc07fcc207044a07b8cf90d1abbdc707-luiz claudi,/o=exchangelabs/ou=exchange administrative group (fydibohf23spdlt)/cn=recipients/cn=d05b086490f84e1380a430afb1101aa7-giofrerdane,/o=exchangelabs/ou=exchange administrative group (fydibohf23spdlt)/cn=recipients/cn=e46cd96e8e9e452c8cc8ba65a6c4ec57-gustav</t>
  </si>
  <si>
    <t>10/18/2019 16:02:56</t>
  </si>
  <si>
    <t>mail.google.com/_/upload?authuser=0&amp;dcp=asu-n&amp;upload_id=AEnB2UpCedoeiD-iylI5FSfbtSvralikeHYZrGG2W9UmNjt0qOKXqmW1T40uMzco1zxk72FNFMGvrxUxjO0jTy_SYIyr7mTOTLBGHc86HKqads1JJ5gf1bo&amp;upload_protocol=resumable</t>
  </si>
  <si>
    <t>alinedsdi@algartech.com;brunocss@algartech.com;camilaammm@algartech.com;cintian@algartech.com;</t>
  </si>
  <si>
    <t>Cópia de 2019_10_10_BASE_Analise_Cancelados_Retenção OUTUBRO.xlsx</t>
  </si>
  <si>
    <t>alinedsdi@algartech.com,brunocss@algartech.com,camilaammm@algartech.com,cintian@algartech.com</t>
  </si>
  <si>
    <t>10/18/2019 16:04:13</t>
  </si>
  <si>
    <t>10/18/2019 16:07:55</t>
  </si>
  <si>
    <t>/o=exchangelabs/ou=exchange administrative group (fydibohf23spdlt)/cn=recipients/cn=6bc6ced03b1b4fafa41bb5c70c178940-antonio per;/o=exchangelabs/ou=exchange administrative group (fydibohf23spdlt)/cn=recipients/cn=e3778f57d65f4c17a6287602f9eb0cdc-alessandra;/o=exchangelabs/ou=exchange administrative group (fydibohf23spdlt)/cn=recipients/cn=ee68a2a53024446789dc480aef9c7a7c-joao gabrie;</t>
  </si>
  <si>
    <t>Orçamento EPO - 2020</t>
  </si>
  <si>
    <t>Saving_EPO2020.xlsx</t>
  </si>
  <si>
    <t>/o=exchangelabs/ou=exchange administrative group (fydibohf23spdlt)/cn=recipients/cn=6bc6ced03b1b4fafa41bb5c70c178940-antonio per,/o=exchangelabs/ou=exchange administrative group (fydibohf23spdlt)/cn=recipients/cn=e3778f57d65f4c17a6287602f9eb0cdc-alessandra,/o=exchangelabs/ou=exchange administrative group (fydibohf23spdlt)/cn=recipients/cn=ee68a2a53024446789dc480aef9c7a7c-joao gabrie</t>
  </si>
  <si>
    <t>10/18/2019 16:11:14</t>
  </si>
  <si>
    <t>10/18/2019 16:12:55</t>
  </si>
  <si>
    <t>View - Outubro.csv</t>
  </si>
  <si>
    <t>10/18/2019 16:07:07</t>
  </si>
  <si>
    <t>10/18/2019 16:13:55</t>
  </si>
  <si>
    <t>/o=exchangelabs/ou=exchange administrative group (fydibohf23spdlt)/cn=recipients/cn=d54c1d2e03f94aedb1e820678fdce320-sofia maria;</t>
  </si>
  <si>
    <t>Cópia de UGS (002).xlsx</t>
  </si>
  <si>
    <t>/o=exchangelabs/ou=exchange administrative group (fydibohf23spdlt)/cn=recipients/cn=d54c1d2e03f94aedb1e820678fdce320-sofia maria</t>
  </si>
  <si>
    <t>10/18/2019 16:09:35</t>
  </si>
  <si>
    <t>10/18/2019 16:14:55</t>
  </si>
  <si>
    <t>/o=exchangelabs/ou=exchange administrative group (fydibohf23spdlt)/cn=recipients/cn=06b756ed7b9b4c61bdbcfb21cdf93e9f-lucas ferna;/o=exchangelabs/ou=exchange administrative group (fydibohf23spdlt)/cn=recipients/cn=c212eb60f4be444cb64e0cc9b82f6e10-alessandro;/o=exchangelabs/ou=exchange administrative group (fydibohf23spdlt)/cn=recipients/cn=d052f9c9a4404e849e00b751758229a8-carlos dos;/o=exchangelabs/ou=exchange administrative group (fydibohf23spdlt)/cn=recipients/cn=f65a41dc98a54dd5b0e6a4380db945e9-algar tech;alefl@algartech.com;</t>
  </si>
  <si>
    <t>RES: Relatórios Power BI</t>
  </si>
  <si>
    <t>/o=exchangelabs/ou=exchange administrative group (fydibohf23spdlt)/cn=recipients/cn=06b756ed7b9b4c61bdbcfb21cdf93e9f-lucas ferna,/o=exchangelabs/ou=exchange administrative group (fydibohf23spdlt)/cn=recipients/cn=c212eb60f4be444cb64e0cc9b82f6e10-alessandro,/o=exchangelabs/ou=exchange administrative group (fydibohf23spdlt)/cn=recipients/cn=d052f9c9a4404e849e00b751758229a8-carlos dos,/o=exchangelabs/ou=exchange administrative group (fydibohf23spdlt)/cn=recipients/cn=f65a41dc98a54dd5b0e6a4380db945e9-algar tech,alefl@algartech.com</t>
  </si>
  <si>
    <t>10/18/2019 16:15:22</t>
  </si>
  <si>
    <t>10/18/2019 16:18:55</t>
  </si>
  <si>
    <t>/o=exchangelabs/ou=exchange administrative group (fydibohf23spdlt)/cn=recipients/cn=34a28d636a1b4c86b1ec79baed4b846a-marco anton;/o=exchangelabs/ou=exchange administrative group (fydibohf23spdlt)/cn=recipients/cn=8c89829ad534498fa4c85b5ac11174f1-suelen more;/o=exchangelabs/ou=exchange administrative group (fydibohf23spdlt)/cn=recipients/cn=c82d742f5f1e4122a86db0495b71e095-nilton j. g;/o=exchangelabs/ou=exchange administrative group (fydibohf23spdlt)/cn=recipients/cn=wilson achilles alves pereira neto - 004255;</t>
  </si>
  <si>
    <t>199257 - Serviçosde SUGI no Santander</t>
  </si>
  <si>
    <t>199257 - SUGI v7.xlsb</t>
  </si>
  <si>
    <t>/o=exchangelabs/ou=exchange administrative group (fydibohf23spdlt)/cn=recipients/cn=34a28d636a1b4c86b1ec79baed4b846a-marco anton,/o=exchangelabs/ou=exchange administrative group (fydibohf23spdlt)/cn=recipients/cn=8c89829ad534498fa4c85b5ac11174f1-suelen more,/o=exchangelabs/ou=exchange administrative group (fydibohf23spdlt)/cn=recipients/cn=c82d742f5f1e4122a86db0495b71e095-nilton j. g,/o=exchangelabs/ou=exchange administrative group (fydibohf23spdlt)/cn=recipients/cn=wilson achilles alves pereira neto - 004255</t>
  </si>
  <si>
    <t>10/18/2019 16:17:28</t>
  </si>
  <si>
    <t>10/18/2019 16:21:54</t>
  </si>
  <si>
    <t>C:\Users\mariannacsm\OneDrive - Grupo Algar\0- PMO-POOL\Projetos Compras\Simplificação do Processo de Compras\ID24\</t>
  </si>
  <si>
    <t>Matriz de Risco - ID24.xls</t>
  </si>
  <si>
    <t>10/18/2019 16:19:56</t>
  </si>
  <si>
    <t>10/18/2019 16:23:55</t>
  </si>
  <si>
    <t>10.16.72.56</t>
  </si>
  <si>
    <t>/o=exchangelabs/ou=exchange administrative group (fydibohf23spdlt)/cn=recipients/cn=5876a52919c440598f015f22bceb7eeb-antonio car;/o=exchangelabs/ou=exchange administrative group (fydibohf23spdlt)/cn=recipients/cn=8c01e71056fe4e1a8ecc4e24420bd9ef-fellyp cros;logisticatimopm@grupotpc.com;</t>
  </si>
  <si>
    <t>/o=exchangelabs/ou=exchange administrative group (fydibohf23spdlt)/cn=recipients/cn=5876a52919c440598f015f22bceb7eeb-antonio car,/o=exchangelabs/ou=exchange administrative group (fydibohf23spdlt)/cn=recipients/cn=8c01e71056fe4e1a8ecc4e24420bd9ef-fellyp cros,logisticatimopm@grupotpc.com</t>
  </si>
  <si>
    <t>10/18/2019 16:27:26</t>
  </si>
  <si>
    <t>10/18/2019 16:33:55</t>
  </si>
  <si>
    <t>/o=exchangelabs/ou=exchange administrative group (fydibohf23spdlt)/cn=recipients/cn=f8583aae88d4485dac542c395d25e6fc-diego dos r;</t>
  </si>
  <si>
    <t>BP Recall Toyota</t>
  </si>
  <si>
    <t>/o=exchangelabs/ou=exchange administrative group (fydibohf23spdlt)/cn=recipients/cn=f8583aae88d4485dac542c395d25e6fc-diego dos r</t>
  </si>
  <si>
    <t>10/18/2019 16:35:29</t>
  </si>
  <si>
    <t>10/18/2019 16:37:55</t>
  </si>
  <si>
    <t>/o=exchangelabs/ou=exchange administrative group (fydibohf23spdlt)/cn=recipients/cn=1e212ef08dab4f26b88cba944f2ab7cb-pmo.governa;/o=exchangelabs/ou=exchange administrative group (fydibohf23spdlt)/cn=recipients/cn=54abac0a4fdc4ad1bec39bb51d85eab1-victor hugo;/o=exchangelabs/ou=exchange administrative group (fydibohf23spdlt)/cn=recipients/cn=590012d55fae421587844918af7bc53c-daiane mari;/o=exchangelabs/ou=exchange administrative group (fydibohf23spdlt)/cn=recipients/cn=61af722dd06149089cf1c867d796b8bc-delso estre;/o=exchangelabs/ou=exchange administrative group (fydibohf23spdlt)/cn=recipients/cn=b3ad8a638fcc4c57bf8c7953dd4b3cb8-augusto ces;/o=exchangelabs/ou=exchange administrative group (fydibohf23spdlt)/cn=recipients/cn=e46cd96e8e9e452c8cc8ba65a6c4ec57-gustavo hen;/o=exchangelabs/ou=exchange administrative group (fydibohf23spdlt)/cn=recipients/cn=f0723cfec25d44359e10a3afabfe3d5f-ederlei rod;</t>
  </si>
  <si>
    <t>Custos dos associados folha de setembro para capitalização de horas</t>
  </si>
  <si>
    <t>Custo_Folha_Pagamento - Janeiro a Setembro 2019.xlsb</t>
  </si>
  <si>
    <t>/o=exchangelabs/ou=exchange administrative group (fydibohf23spdlt)/cn=recipients/cn=1e212ef08dab4f26b88cba944f2ab7cb-pmo.governa,/o=exchangelabs/ou=exchange administrative group (fydibohf23spdlt)/cn=recipients/cn=54abac0a4fdc4ad1bec39bb51d85eab1-victor hugo,/o=exchangelabs/ou=exchange administrative group (fydibohf23spdlt)/cn=recipients/cn=590012d55fae421587844918af7bc53c-daiane mari,/o=exchangelabs/ou=exchange administrative group (fydibohf23spdlt)/cn=recipients/cn=61af722dd06149089cf1c867d796b8bc-delso estre,/o=exchangelabs/ou=exchange administrative group (fydibohf23spdlt)/cn=recipients/cn=b3ad8a638fcc4c57bf8c7953dd4b3cb8-augusto ces,/o=exchangelabs/ou=exchange administrative group (fydibohf23spdlt)/cn=recipients/cn=e46cd96e8e9e452c8cc8ba65a6c4ec57-gustavo hen,/o=exchangelabs/ou=exchange administrative group (fydibohf23spdlt)/cn=recipients/cn=f0723cfec25d44359e10a3afabfe3d5f-ederlei rod</t>
  </si>
  <si>
    <t>10/18/2019 16:39:21</t>
  </si>
  <si>
    <t>10/18/2019 16:43:54</t>
  </si>
  <si>
    <t>Problemas - Sage - Maio_Setembro 2019.xlsx</t>
  </si>
  <si>
    <t>10/18/2019 16:46:36</t>
  </si>
  <si>
    <t>10/18/2019 16:50:55</t>
  </si>
  <si>
    <t>/o=exchangelabs/ou=exchange administrative group (fydibohf23spdlt)/cn=recipients/cn=26984366badb41bea1ad9ee21b28411b-luciene rod;/o=exchangelabs/ou=exchange administrative group (fydibohf23spdlt)/cn=recipients/cn=2f8300fc6f8b4714a77c0227cba72162-vinicius pi;/o=exchangelabs/ou=exchange administrative group (fydibohf23spdlt)/cn=recipients/cn=8295bdf2d84b481dacb8e4962fb430d4-rodrigo ant;aline.prado@cscalgar.com.br;</t>
  </si>
  <si>
    <t>Sugestões de novos conteúdos Jú</t>
  </si>
  <si>
    <t>Criação_Alteração Conteúdo v1.5.xlsx</t>
  </si>
  <si>
    <t>/o=exchangelabs/ou=exchange administrative group (fydibohf23spdlt)/cn=recipients/cn=26984366badb41bea1ad9ee21b28411b-luciene rod,/o=exchangelabs/ou=exchange administrative group (fydibohf23spdlt)/cn=recipients/cn=2f8300fc6f8b4714a77c0227cba72162-vinicius pi,/o=exchangelabs/ou=exchange administrative group (fydibohf23spdlt)/cn=recipients/cn=8295bdf2d84b481dacb8e4962fb430d4-rodrigo ant,aline.prado@cscalgar.com.br</t>
  </si>
  <si>
    <t>10/18/2019 16:44:05</t>
  </si>
  <si>
    <t>10/18/2019 16:53:54</t>
  </si>
  <si>
    <t>RES: Divergência - SGS (Algar)</t>
  </si>
  <si>
    <t>10/18/2019 16:49:06</t>
  </si>
  <si>
    <t>10/18/2019 16:58:55</t>
  </si>
  <si>
    <t>edsonbcaetano1969@gmail.com;</t>
  </si>
  <si>
    <t>Relatório de Campo</t>
  </si>
  <si>
    <t>edsonbcaetano1969@gmail.com</t>
  </si>
  <si>
    <t>10/18/2019 17:00:30</t>
  </si>
  <si>
    <t>10/18/2019 17:04:54</t>
  </si>
  <si>
    <t>/o=exchangelabs/ou=exchange administrative group (fydibohf23spdlt)/cn=recipients/cn=f5f7ffc4621a4b47bb019ef685cde9e4-filipe junq;</t>
  </si>
  <si>
    <t>ENC: ALGAR TECH - Adequações AVCB SEDE - Classificação de Riscos - INSTALAÇÃO EXTINTORES</t>
  </si>
  <si>
    <t>Classificação Risco_ULA SEDE_INSTALAÇÃO EXTINTORES.xlsx</t>
  </si>
  <si>
    <t>/o=exchangelabs/ou=exchange administrative group (fydibohf23spdlt)/cn=recipients/cn=f5f7ffc4621a4b47bb019ef685cde9e4-filipe junq</t>
  </si>
  <si>
    <t>10/18/2019 17:10:38</t>
  </si>
  <si>
    <t>10/18/2019 17:14:54</t>
  </si>
  <si>
    <t>ENC: Fechamento Setembro_ CRC Amex e CRC VMC</t>
  </si>
  <si>
    <t>10/18/2019 17:17:48</t>
  </si>
  <si>
    <t>10/18/2019 17:20:54</t>
  </si>
  <si>
    <t>/o=exchangelabs/ou=exchange administrative group (fydibohf23spdlt)/cn=recipients/cn=0bafe1ed27024338be4e911e19871cd1-william rob;/o=exchangelabs/ou=exchange administrative group (fydibohf23spdlt)/cn=recipients/cn=161c8ab454bb4f4ebde8223bf694a34b-pedro felip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34a28d636a1b4c86b1ec79baed4b846a-marco anton;/o=exchangelabs/ou=exchange administrative group (fydibohf23spdlt)/cn=recipients/cn=83e5e0f05dcb4510a09e93c7d27271dd-hugo braga;/o=exchangelabs/ou=exchange administrative group (fydibohf23spdlt)/cn=recipients/cn=97bf0b4d6b424f9fbf91192510276150-renata de o;/o=exchangelabs/ou=exchange administrative group (fydibohf23spdlt)/cn=recipients/cn=c6f5c50e91244036872327464dc6624a-cinth</t>
  </si>
  <si>
    <t>Prévia - Quitação Banco de Horas 01 a 17/10 - FOLHA NOV</t>
  </si>
  <si>
    <t>Consolidado de Custos_01 a 1710.xlsm</t>
  </si>
  <si>
    <t>/o=exchangelabs/ou=exchange administrative group (fydibohf23spdlt)/cn=recipients/cn=0bafe1ed27024338be4e911e19871cd1-william rob,/o=exchangelabs/ou=exchange administrative group (fydibohf23spdlt)/cn=recipients/cn=161c8ab454bb4f4ebde8223bf694a34b-pedro felip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34a28d636a1b4c86b1ec79baed4b846a-marco anton,/o=exchangelabs/ou=exchange administrative group (fydibohf23spdlt)/cn=recipients/cn=83e5e0f05dcb4510a09e93c7d27271dd-hugo braga,/o=exchangelabs/ou=exchange administrative group (fydibohf23spdlt)/cn=recipients/cn=97bf0b4d6b424f9fbf91192510276150-renata de o,/o=exchangelabs/ou=exchange administrative group (fydibohf23spdlt)/cn=recipients/cn=c6f5c50e91244036872327464dc6624a-cinth</t>
  </si>
  <si>
    <t>10/18/2019 17:24:25</t>
  </si>
  <si>
    <t>10/18/2019 17:28:54</t>
  </si>
  <si>
    <t>10.200.99.2</t>
  </si>
  <si>
    <t>Objetivo Pedidos CP 19.2019 EVA.xls</t>
  </si>
  <si>
    <t>10/18/2019 17:27:01</t>
  </si>
  <si>
    <t>10/18/2019 17:31:55</t>
  </si>
  <si>
    <t>/o=exchangelabs/ou=exchange administrative group (fydibohf23spdlt)/cn=recipients/cn=5cdf7c02d3784fda99b7b159b2a127b2-rudney leme;</t>
  </si>
  <si>
    <t>ENC: Orçamento 2020 - fluxo de caixa</t>
  </si>
  <si>
    <t>/o=exchangelabs/ou=exchange administrative group (fydibohf23spdlt)/cn=recipients/cn=5cdf7c02d3784fda99b7b159b2a127b2-rudney leme</t>
  </si>
  <si>
    <t>10/18/2019 17:28:20</t>
  </si>
  <si>
    <t>10/18/2019 17:33:54</t>
  </si>
  <si>
    <t>/o=exchangelabs/ou=exchange administrative group (fydibohf23spdlt)/cn=recipients/cn=8c89829ad534498fa4c85b5ac11174f1-suelen more;/o=exchangelabs/ou=exchange administrative group (fydibohf23spdlt)/cn=recipients/cn=a7d54e15e3a94d53b0b5014d75c8d080-wanessa bor;/o=exchangelabs/ou=exchange administrative group (fydibohf23spdlt)/cn=recipients/cn=c29ec9dae022497281c840087cccddec-patricia ar;/o=exchangelabs/ou=exchange administrative group (fydibohf23spdlt)/cn=recipients/cn=d5130784dc81436d9511788de4df376c-jeciene gom;/o=exchangelabs/ou=exchange administrative group (fydibohf23spdlt)/cn=recipients/cn=d66a262ea1e040adaf711e9b38c488e7-adine paula;/o=exchangelabs/ou=exchange administrative group (fydibohf23spdlt)/cn=recipients/cn=ddbbc013641646d08f8ffec122e83ef5-sandy yumi;celmars@algartech.com;reynaldopm@algartech.com;</t>
  </si>
  <si>
    <t>Projeto Precificação - Lista de Ações</t>
  </si>
  <si>
    <t>/o=exchangelabs/ou=exchange administrative group (fydibohf23spdlt)/cn=recipients/cn=8c89829ad534498fa4c85b5ac11174f1-suelen more,/o=exchangelabs/ou=exchange administrative group (fydibohf23spdlt)/cn=recipients/cn=a7d54e15e3a94d53b0b5014d75c8d080-wanessa bor,/o=exchangelabs/ou=exchange administrative group (fydibohf23spdlt)/cn=recipients/cn=c29ec9dae022497281c840087cccddec-patricia ar,/o=exchangelabs/ou=exchange administrative group (fydibohf23spdlt)/cn=recipients/cn=d5130784dc81436d9511788de4df376c-jeciene gom,/o=exchangelabs/ou=exchange administrative group (fydibohf23spdlt)/cn=recipients/cn=d66a262ea1e040adaf711e9b38c488e7-adine paula,/o=exchangelabs/ou=exchange administrative group (fydibohf23spdlt)/cn=recipients/cn=ddbbc013641646d08f8ffec122e83ef5-sandy yumi,celmars@algartech.com,reynaldopm@algartech.com</t>
  </si>
  <si>
    <t>10/18/2019 17:38:11</t>
  </si>
  <si>
    <t>10/18/2019 17:38:54</t>
  </si>
  <si>
    <t>RES: Relatório do mês de Setembro.</t>
  </si>
  <si>
    <t>PRÉVIA ALGAR TELECOM.xlsx</t>
  </si>
  <si>
    <t>10/18/2019 17:39:29</t>
  </si>
  <si>
    <t>10/18/2019 17:43:55</t>
  </si>
  <si>
    <t>http://shareit.global.avon.com/sites/arrmcm/forca-de-vendas/_layouts/upload.aspx?list={d7183758-c20b-457b-9a14-b83f7824798f}&amp;rootfolder=/sites/arrmcm/forca-de-vendas/executivas/m?0e9dia de ganho e objetivos campanhais&amp;source=http://shareit.global.avon.com/sites/arrmcm/forca-de-vendas/executivas/forms/allitems.aspx?folderctid=0x012000239372184a066741ae9c59580c49d41d&amp;rootfolder=http%3a%2f%2fshareit%2eglobal%2eavon%2ecom%2fsites%2farrmcm%2fforca%2dde%2dvendas%2fexecutivas%2fm%c3%a9dia%20de%20ganho%20e%20objetivos%20campanhais&amp;sortfield=modified&amp;sortdir=desc&amp;view=%7bab5e306d%2d7e49%2d4dc6%2d9e6b%2ddb2cdc033b64%7d</t>
  </si>
  <si>
    <t>Objetivo Pedidos CP 19.2019 GS.xls</t>
  </si>
  <si>
    <t>http://shareit.global.avon.com/sites/arrmcm/forca-de-vendas/_layouts/upload.aspx?list={d7183758-c20b-457b-9a14-b83f7824798f}&amp;rootfolder=/sites/arrmcm/forca-de-vendas/executivas/m�0e9dia de ganho e objetivos campanhais&amp;source=http://shareit.global.avon.com/sites/arrmcm/forca-de-vendas/executivas/forms/allitems.aspx?folderctid=0x012000239372184a066741ae9c59580c49d41d&amp;rootfolder=http%3a%2f%2fshareit%2eglobal%2eavon%2ecom%2fsites%2farrmcm%2fforca%2dde%2dvendas%2fexecutivas%2fm%c3%a9dia%20de%20ganho%20e%20objetivos%20campanhais&amp;sortfield=modified&amp;sortdir=desc&amp;view=%7bab5e306d%2d7e49%2d4dc6%2d9e6b%2ddb2cdc033b64%7d</t>
  </si>
  <si>
    <t>10/18/2019 17:35:35</t>
  </si>
  <si>
    <t>/o=exchangelabs/ou=exchange administrative group (fydibohf23spdlt)/cn=recipients/cn=287c26b08a0f48578479a15a452f025d-edilson rod;/o=exchangelabs/ou=exchange administrative group (fydibohf23spdlt)/cn=recipients/cn=49457acaa5584c6d8daec8f0ad186be2-carlos maur;/o=exchangelabs/ou=exchange administrative group (fydibohf23spdlt)/cn=recipients/cn=8c89829ad534498fa4c85b5ac11174f1-suelen more;/o=exchangelabs/ou=exchange administrative group (fydibohf23spdlt)/cn=recipients/cn=a111820ea97a440c83191c55259f676f-marcelo rod;/o=exchangelabs/ou=exchange administrative group (fydibohf23spdlt)/cn=recipients/cn=a7d54e15e3a94d53b0b5014d75c8d080-wanessa bor;/o=exchangelabs/ou=exchange administrative group (fydibohf23spdlt)/cn=recipients/cn=c29ec9dae022497281c840087cccddec-patricia ar;/o=exchangelabs/ou=exchange administrative group (fydibohf23spdlt)/cn=recipients/cn=carlos henrique vilarinho_db6c0fb3df;/o=exchangelabs/ou=exchange administrative group (fydibohf23spdlt)/cn=recipients/cn=d5130784dc81436d9511788de4df376c-jeciene gom;</t>
  </si>
  <si>
    <t>PROJETO PRECIFICAÇÃO - STATUS REPORT</t>
  </si>
  <si>
    <t>Status Report Semanal - Projeto Precificação - 20191018.pptx\</t>
  </si>
  <si>
    <t>/o=exchangelabs/ou=exchange administrative group (fydibohf23spdlt)/cn=recipients/cn=287c26b08a0f48578479a15a452f025d-edilson rod,/o=exchangelabs/ou=exchange administrative group (fydibohf23spdlt)/cn=recipients/cn=49457acaa5584c6d8daec8f0ad186be2-carlos maur,/o=exchangelabs/ou=exchange administrative group (fydibohf23spdlt)/cn=recipients/cn=8c89829ad534498fa4c85b5ac11174f1-suelen more,/o=exchangelabs/ou=exchange administrative group (fydibohf23spdlt)/cn=recipients/cn=a111820ea97a440c83191c55259f676f-marcelo rod,/o=exchangelabs/ou=exchange administrative group (fydibohf23spdlt)/cn=recipients/cn=a7d54e15e3a94d53b0b5014d75c8d080-wanessa bor,/o=exchangelabs/ou=exchange administrative group (fydibohf23spdlt)/cn=recipients/cn=c29ec9dae022497281c840087cccddec-patricia ar,/o=exchangelabs/ou=exchange administrative group (fydibohf23spdlt)/cn=recipients/cn=carlos henrique vilarinho_db6c0fb3df,/o=exchangelabs/ou=exchange administrative group (fydibohf23spdlt)/cn=recipients/cn=d5130784dc81436d9511788de4df376c-jeciene gom,</t>
  </si>
  <si>
    <t>10/18/2019 17:42:20</t>
  </si>
  <si>
    <t>10/18/2019 17:45:54</t>
  </si>
  <si>
    <t>/o=exchangelabs/ou=exchange administrative group (fydibohf23spdlt)/cn=recipients/cn=3b76b3dd02a14d289cc323d3c8d12b81-waleska mar;/o=exchangelabs/ou=exchange administrative group (fydibohf23spdlt)/cn=recipients/cn=a4d4dbc88c434f8ba2bceed730d83878-marcellus r;/o=exchangelabs/ou=exchange administrative group (fydibohf23spdlt)/cn=recipients/cn=c5057601f2364b0db7ea84dbec10baa4-matheus mor;</t>
  </si>
  <si>
    <t>/o=exchangelabs/ou=exchange administrative group (fydibohf23spdlt)/cn=recipients/cn=3b76b3dd02a14d289cc323d3c8d12b81-waleska mar,/o=exchangelabs/ou=exchange administrative group (fydibohf23spdlt)/cn=recipients/cn=a4d4dbc88c434f8ba2bceed730d83878-marcellus r,/o=exchangelabs/ou=exchange administrative group (fydibohf23spdlt)/cn=recipients/cn=c5057601f2364b0db7ea84dbec10baa4-matheus mor</t>
  </si>
  <si>
    <t>10/18/2019 17:55:42</t>
  </si>
  <si>
    <t>10/18/2019 17:56:54</t>
  </si>
  <si>
    <t>/o=exchangelabs/ou=exchange administrative group (fydibohf23spdlt)/cn=recipients/cn=5af2cae509964078b2026f7f550380b0-andre luis;/o=exchangelabs/ou=exchange administrative group (fydibohf23spdlt)/cn=recipients/cn=8ab5e44d485043d59eb4f21463e63e6a-tays dos sa;/o=exchangelabs/ou=exchange administrative group (fydibohf23spdlt)/cn=recipients/cn=8fc182d8ec964190abd5d149ac41ad8b-fabricio de;/o=exchangelabs/ou=exchange administrative group (fydibohf23spdlt)/cn=recipients/cn=9b52022a6e624c30a92f50cf4538a4bf-talmaia rod;/o=exchangelabs/ou=exchange administrative group (fydibohf23spdlt)/cn=recipients/cn=df6ea6cc78a840278b1e7acccac67692-thiago rodr;/o=exchangelabs/ou=exchange administrative group (fydibohf23spdlt)/cn=recipients/cn=f00c439d0d474c0586a503a0209ed1f2-bruno wande;/o=exchangelabs/ou=exchange administrative group (fydibohf23spdlt)/cn=recipients/cn=user776b6484;/o=exchangelabs/ou=exchange administrative group (fydibohf23spdlt)/cn=recipients/cn=user8e89d2d7;amanda.poucheira@bv.com.br;eliane.martins@bv.com.br;jose.</t>
  </si>
  <si>
    <t>Transformação Digital BV - Melhorias URA Transferência de Dívida</t>
  </si>
  <si>
    <t>Transformação Digital BV - Melhorias FAQ Transferência de Dívida.msg\s1\</t>
  </si>
  <si>
    <t>Análise Transferência de Dívida.xlsx</t>
  </si>
  <si>
    <t>/o=exchangelabs/ou=exchange administrative group (fydibohf23spdlt)/cn=recipients/cn=5af2cae509964078b2026f7f550380b0-andre luis,/o=exchangelabs/ou=exchange administrative group (fydibohf23spdlt)/cn=recipients/cn=8ab5e44d485043d59eb4f21463e63e6a-tays dos sa,/o=exchangelabs/ou=exchange administrative group (fydibohf23spdlt)/cn=recipients/cn=8fc182d8ec964190abd5d149ac41ad8b-fabricio de,/o=exchangelabs/ou=exchange administrative group (fydibohf23spdlt)/cn=recipients/cn=9b52022a6e624c30a92f50cf4538a4bf-talmaia rod,/o=exchangelabs/ou=exchange administrative group (fydibohf23spdlt)/cn=recipients/cn=df6ea6cc78a840278b1e7acccac67692-thiago rodr,/o=exchangelabs/ou=exchange administrative group (fydibohf23spdlt)/cn=recipients/cn=f00c439d0d474c0586a503a0209ed1f2-bruno wande,/o=exchangelabs/ou=exchange administrative group (fydibohf23spdlt)/cn=recipients/cn=user776b6484,/o=exchangelabs/ou=exchange administrative group (fydibohf23spdlt)/cn=recipients/cn=user8e89d2d7,amanda.poucheira@bv.com.br,eliane.martins@bv.com.br,jose.</t>
  </si>
  <si>
    <t>10/18/2019 17:55:39</t>
  </si>
  <si>
    <t>10/18/2019 17:57:54</t>
  </si>
  <si>
    <t>camilacsf@algartech.com;epletsch@yahsat.com;lponcioni@yahsat.com;rsantos@yahsat.com;taniacs@algartech.com;</t>
  </si>
  <si>
    <t>camilacsf@algartech.com,epletsch@yahsat.com,lponcioni@yahsat.com,rsantos@yahsat.com,taniacs@algartech.com</t>
  </si>
  <si>
    <t>10/18/2019 18:02:08</t>
  </si>
  <si>
    <t>10/18/2019 18:05:55</t>
  </si>
  <si>
    <t>/o=exchangelabs/ou=exchange administrative group (fydibohf23spdlt)/cn=recipients/cn=363af2e6e56746febce0b409a64e9677-anne caroli;/o=exchangelabs/ou=exchange administrative group (fydibohf23spdlt)/cn=recipients/cn=ab45243d601947128cfe3dec663408bf-pamela tava;/o=exchangelabs/ou=exchange administrative group (fydibohf23spdlt)/cn=recipients/cn=b67cad4ecfa344baaa94d716e7554f49-bruno camel;</t>
  </si>
  <si>
    <t>RES: STH - IMPORTANTE</t>
  </si>
  <si>
    <t>/o=exchangelabs/ou=exchange administrative group (fydibohf23spdlt)/cn=recipients/cn=363af2e6e56746febce0b409a64e9677-anne caroli,/o=exchangelabs/ou=exchange administrative group (fydibohf23spdlt)/cn=recipients/cn=ab45243d601947128cfe3dec663408bf-pamela tava,/o=exchangelabs/ou=exchange administrative group (fydibohf23spdlt)/cn=recipients/cn=b67cad4ecfa344baaa94d716e7554f49-bruno camel</t>
  </si>
  <si>
    <t>10/18/2019 18:14:30</t>
  </si>
  <si>
    <t>10/18/2019 18:18:56</t>
  </si>
  <si>
    <t>10/18/2019 18:16:26</t>
  </si>
  <si>
    <t>10/18/2019 18:20:55</t>
  </si>
  <si>
    <t>RES: IMPORTANTE - Ocorrências no ponto período de 01 A 17/10</t>
  </si>
  <si>
    <t>Ocorrência0110a17102019_Versão1.xlsm</t>
  </si>
  <si>
    <t>10/18/2019 18:20:18</t>
  </si>
  <si>
    <t>10/18/2019 18:23:55</t>
  </si>
  <si>
    <t>C:\Users\elainemdlp\OD\_Projetos\Em andamento\Expansao Caixa\Telecom\</t>
  </si>
  <si>
    <t>19_Ramais_Caixa_-_18-10-2019.xlsx</t>
  </si>
  <si>
    <t>10/18/2019 18:22:52</t>
  </si>
  <si>
    <t>10/18/2019 18:24:55</t>
  </si>
  <si>
    <t>Pool e Field Service São Paulo.xlsx</t>
  </si>
  <si>
    <t>10/18/2019 18:22:20</t>
  </si>
  <si>
    <t>10/18/2019 18:27:54</t>
  </si>
  <si>
    <t>/o=exchangelabs/ou=exchange administrative group (fydibohf23spdlt)/cn=recipients/cn=38cb943dd1ac413a953757a4a5a53053-fabio welze;/o=exchangelabs/ou=exchange administrative group (fydibohf23spdlt)/cn=recipients/cn=8c89829ad534498fa4c85b5ac11174f1-suelen more;</t>
  </si>
  <si>
    <t>Valério de proposta_planilha.xlsx</t>
  </si>
  <si>
    <t>/o=exchangelabs/ou=exchange administrative group (fydibohf23spdlt)/cn=recipients/cn=38cb943dd1ac413a953757a4a5a53053-fabio welze,/o=exchangelabs/ou=exchange administrative group (fydibohf23spdlt)/cn=recipients/cn=8c89829ad534498fa4c85b5ac11174f1-suelen more</t>
  </si>
  <si>
    <t>10/18/2019 18:38:44</t>
  </si>
  <si>
    <t>10/18/2019 18:39:55</t>
  </si>
  <si>
    <t>CR's BRADESCO - Licenças de e-mail.xlsx</t>
  </si>
  <si>
    <t>10/19/2019 05:58:24</t>
  </si>
  <si>
    <t>10/19/2019 06:02:44</t>
  </si>
  <si>
    <t>julianarcda@algartech.com;</t>
  </si>
  <si>
    <t>RES: Erro Relatório Lenel</t>
  </si>
  <si>
    <t>Associado sem foto atual.xls</t>
  </si>
  <si>
    <t>julianarcda@algartech.com</t>
  </si>
  <si>
    <t>10/20/2019 11:55:06</t>
  </si>
  <si>
    <t>10/20/2019 11:56:47</t>
  </si>
  <si>
    <t>C:\Users\fabiorb\OneDrive - Grupo Algar\Backup_notnovo\</t>
  </si>
  <si>
    <t>10/20/2019 11:55:07</t>
  </si>
  <si>
    <t>Template_folha_retificadora_(1.).xlsx</t>
  </si>
  <si>
    <t>10/20/2019 11:55:12</t>
  </si>
  <si>
    <t>Tickets Encerrados.xls</t>
  </si>
  <si>
    <t>10/20/2019 11:55:52</t>
  </si>
  <si>
    <t>Plantão Fechamento Contábil Fevereiro_19_Infra.xlsx</t>
  </si>
  <si>
    <t>10/20/2019 11:56:26</t>
  </si>
  <si>
    <t>10/20/2019 12:00:12</t>
  </si>
  <si>
    <t>10/20/2019 12:01:45</t>
  </si>
  <si>
    <t>Objetivos Fábio.xlsx</t>
  </si>
  <si>
    <t>10/20/2019 12:01:22</t>
  </si>
  <si>
    <t>C:\Users\fabiorb\OneDrive - Grupo Algar\Backup_notnovo\Materiais_GPTW. (1).zip\</t>
  </si>
  <si>
    <t>Associados Selecionados_GPTW2019.xlsx</t>
  </si>
  <si>
    <t>10/20/2019 12:02:02</t>
  </si>
  <si>
    <t>C:\Users\fabiorb\OneDrive - Grupo Algar\Backup_notnovo\Indicadores SDC - Chicco Fevereiro.pptx\</t>
  </si>
  <si>
    <t>10/20/2019 12:02:21</t>
  </si>
  <si>
    <t>Financiamento AP.xlsx</t>
  </si>
  <si>
    <t>10/20/2019 12:12:27</t>
  </si>
  <si>
    <t>10/20/2019 12:11:46</t>
  </si>
  <si>
    <t>Cópia de Custos Local_nvo.xlsx</t>
  </si>
  <si>
    <t>10/20/2019 12:13:21</t>
  </si>
  <si>
    <t>Cópia de FABIO DOS REIS BRAGA (HORA EXTRA E NOTA FISCAL) (003).xlsx</t>
  </si>
  <si>
    <t>Custos Local_novo-NB-FABIO.xlsx</t>
  </si>
  <si>
    <t>10/20/2019 12:20:51</t>
  </si>
  <si>
    <t>10/20/2019 12:22:45</t>
  </si>
  <si>
    <t>10/20/2019 12:21:09</t>
  </si>
  <si>
    <t>Controle Gastos.xlsx</t>
  </si>
  <si>
    <t>10/20/2019 12:24:04</t>
  </si>
  <si>
    <t>Banco de horas.xlsx</t>
  </si>
  <si>
    <t>10/20/2019 12:25:10</t>
  </si>
  <si>
    <t>10/20/2019 12:27:45</t>
  </si>
  <si>
    <t>Avaliação de perfomance.xlsx</t>
  </si>
  <si>
    <t>10/20/2019 12:25:23</t>
  </si>
  <si>
    <t>Auxilio Carla.xlsm</t>
  </si>
  <si>
    <t>10/20/2019 12:25:43</t>
  </si>
  <si>
    <t>Adequações CSC.xlsx</t>
  </si>
  <si>
    <t>10/20/2019 12:28:32</t>
  </si>
  <si>
    <t>Acompanhamento SD Telecom V2.xlsm</t>
  </si>
  <si>
    <t>10/20/2019 12:30:26</t>
  </si>
  <si>
    <t>10/20/2019 12:32:45</t>
  </si>
  <si>
    <t>Acompanhamento SD CORP2.xls</t>
  </si>
  <si>
    <t>10/20/2019 12:34:50</t>
  </si>
  <si>
    <t>10/20/2019 12:37:44</t>
  </si>
  <si>
    <t>C:\Users\fabiorb\OneDrive - Grupo Algar\Backup_notnovo\CSC\</t>
  </si>
  <si>
    <t>10/20/2019 12:35:04</t>
  </si>
  <si>
    <t>Encerrados CSA.xlsx</t>
  </si>
  <si>
    <t>10/20/2019 12:35:11</t>
  </si>
  <si>
    <t>Encerrados Blazon.xlsx</t>
  </si>
  <si>
    <t>10/20/2019 12:35:26</t>
  </si>
  <si>
    <t>Backlog Qualitor.xlsx</t>
  </si>
  <si>
    <t>10/20/2019 12:35:28</t>
  </si>
  <si>
    <t>C:\Users\fabiorb\OneDrive - Grupo Algar\Backup_notnovo\Dados Tribanco\</t>
  </si>
  <si>
    <t>Fechados Tribanco.xls</t>
  </si>
  <si>
    <t>10/20/2019 12:35:33</t>
  </si>
  <si>
    <t>10/20/2019 12:40:42</t>
  </si>
  <si>
    <t>10/20/2019 12:42:44</t>
  </si>
  <si>
    <t>C:\Users\fabiorb\OneDrive - Grupo Algar\Backup_notnovo\Telecom\</t>
  </si>
  <si>
    <t>Backlog atual.csv</t>
  </si>
  <si>
    <t>10/20/2019 12:42:51</t>
  </si>
  <si>
    <t>C:\Users\fabiorb\OneDrive - Grupo Algar\Backup_notnovo\Pasta documentos\</t>
  </si>
  <si>
    <t>Treinamentos.xlsx</t>
  </si>
  <si>
    <t>10/20/2019 12:43:42</t>
  </si>
  <si>
    <t>Plantão Fechamento Contábil Abril - 19.xlsx</t>
  </si>
  <si>
    <t>10/20/2019 12:43:55</t>
  </si>
  <si>
    <t>Metas associados.xlsx</t>
  </si>
  <si>
    <t>10/20/2019 12:47:59</t>
  </si>
  <si>
    <t>10/20/2019 12:47:44</t>
  </si>
  <si>
    <t>Levantamento de informações.xlsx</t>
  </si>
  <si>
    <t>10/20/2019 12:48:57</t>
  </si>
  <si>
    <t>Entrevistas.xlsx</t>
  </si>
  <si>
    <t>10/20/2019 12:51:24</t>
  </si>
  <si>
    <t>10/20/2019 12:53:44</t>
  </si>
  <si>
    <t>Dados CAOA.xlsx</t>
  </si>
  <si>
    <t>10/20/2019 12:51:25</t>
  </si>
  <si>
    <t>10/20/2019 12:55:43</t>
  </si>
  <si>
    <t>Cópia de Template User Cervello SDSS.xlsx</t>
  </si>
  <si>
    <t>10/20/2019 12:56:44</t>
  </si>
  <si>
    <t>10/20/2019 12:52:37</t>
  </si>
  <si>
    <t>Cópia de Plantão Fechamento Contábil Março - 19.xlsx</t>
  </si>
  <si>
    <t>10/20/2019 12:52:42</t>
  </si>
  <si>
    <t>Cópia de HORA EXTRAS_JUNHO_2019_01A30_fabio.xlsm</t>
  </si>
  <si>
    <t>10/20/2019 12:53:10</t>
  </si>
  <si>
    <t>Cópia de Extrair Ligações2_atualizada.xlsm</t>
  </si>
  <si>
    <t>10/20/2019 12:54:03</t>
  </si>
  <si>
    <t>Classificação de HE - GAT FEV_0503 - EQUIPE FÁBIO.xlsm</t>
  </si>
  <si>
    <t>10/20/2019 13:01:43</t>
  </si>
  <si>
    <t>10/20/2019 12:55:12</t>
  </si>
  <si>
    <t>Acacio.xlsx</t>
  </si>
  <si>
    <t>10/20/2019 12:56:16</t>
  </si>
  <si>
    <t>C:\Users\fabiorb\OneDrive - Grupo Algar\Backup_notnovo\Pasta documentos\Meus Arquivos Recebidos\</t>
  </si>
  <si>
    <t>Todos_Users_AlgarAgro_.xlsx</t>
  </si>
  <si>
    <t>10/20/2019 12:58:04</t>
  </si>
  <si>
    <t>FATURAMENTO JUHLO CAMIL.xlsx</t>
  </si>
  <si>
    <t>10/20/2019 13:01:20</t>
  </si>
  <si>
    <t>10/20/2019 13:03:46</t>
  </si>
  <si>
    <t>10/20/2019 13:06:43</t>
  </si>
  <si>
    <t>chamados.xlsx</t>
  </si>
  <si>
    <t>10/20/2019 13:15:29</t>
  </si>
  <si>
    <t>10/20/2019 13:16:42</t>
  </si>
  <si>
    <t>C:\Users\fabiorb\OneDrive - Grupo Algar\Backup_notnovo\Pasta documentos\Modelos Personalizados do Office\</t>
  </si>
  <si>
    <t>Estela.xlt</t>
  </si>
  <si>
    <t>10/20/2019 13:15:37</t>
  </si>
  <si>
    <t>10/20/2019 23:20:38</t>
  </si>
  <si>
    <t>10/20/2019 23:20:10</t>
  </si>
  <si>
    <t>/o=exchangelabs/ou=exchange administrative group (fydibohf23spdlt)/cn=recipients/cn=0bafe1ed27024338be4e911e19871cd1-william rob;/o=exchangelabs/ou=exchange administrative group (fydibohf23spdlt)/cn=recipients/cn=34a28d636a1b4c86b1ec79baed4b846a-marco anton;/o=exchangelabs/ou=exchange administrative group (fydibohf23spdlt)/cn=recipients/cn=c514dbe8b91547adb4618232d1a650ba-afonso domi;/o=exchangelabs/ou=exchange administrative group (fydibohf23spdlt)/cn=recipients/cn=c82d742f5f1e4122a86db0495b71e095-nilton j. g;</t>
  </si>
  <si>
    <t>RES: Faturamentos IBM</t>
  </si>
  <si>
    <t>FAT_IBM_JUL a SET_2019.xlsx</t>
  </si>
  <si>
    <t>/o=exchangelabs/ou=exchange administrative group (fydibohf23spdlt)/cn=recipients/cn=0bafe1ed27024338be4e911e19871cd1-william rob,/o=exchangelabs/ou=exchange administrative group (fydibohf23spdlt)/cn=recipients/cn=34a28d636a1b4c86b1ec79baed4b846a-marco anton,/o=exchangelabs/ou=exchange administrative group (fydibohf23spdlt)/cn=recipients/cn=c514dbe8b91547adb4618232d1a650ba-afonso domi,/o=exchangelabs/ou=exchange administrative group (fydibohf23spdlt)/cn=recipients/cn=c82d742f5f1e4122a86db0495b71e095-nilton j. g</t>
  </si>
  <si>
    <t>10/18/2019 08:34:03</t>
  </si>
  <si>
    <t>10/21/2019 07:29:38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435be7f7fc8c4dcfb9b8cfee6270553e-vinicius jo;/o=exchangelabs/ou=exchange administrative group (fydibohf23spdlt)/cn=recipients/cn=47dd31b5ac1847959bdefc467c1b7402-ferlem marl;/o=exchangelabs/ou=exchange administrative group (fydibohf23spdlt)/cn=recipients/cn=5eb8447f1992416c986b6f95f45fc7f7-jose paixao;/o=exchangelabs/ou=exchange administrative group (fydibohf23spdlt)/cn=recipients/cn=7df34f8bfd5c49aba90be766dd53403a-rosimar lei;/o=exchangelabs/ou=exchange administrative group (fydibohf23spdlt)/cn=recipients/cn=7ec9b79e321b423c9a6328e6d2a8765d-fabio cesar;/o=exchangelabs/ou=exchange administrative group (fydibohf23spdlt)/cn=recipients/cn=7f0583df7d3e4c2bb8108b334f4257df-marc</t>
  </si>
  <si>
    <t>Controle de Penalidades de Stembro 2019 (002)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435be7f7fc8c4dcfb9b8cfee6270553e-vinicius jo,/o=exchangelabs/ou=exchange administrative group (fydibohf23spdlt)/cn=recipients/cn=47dd31b5ac1847959bdefc467c1b7402-ferlem marl,/o=exchangelabs/ou=exchange administrative group (fydibohf23spdlt)/cn=recipients/cn=5eb8447f1992416c986b6f95f45fc7f7-jose paixao,/o=exchangelabs/ou=exchange administrative group (fydibohf23spdlt)/cn=recipients/cn=7df34f8bfd5c49aba90be766dd53403a-rosimar lei,/o=exchangelabs/ou=exchange administrative group (fydibohf23spdlt)/cn=recipients/cn=7ec9b79e321b423c9a6328e6d2a8765d-fabio cesar,/o=exchangelabs/ou=exchange administrative group (fydibohf23spdlt)/cn=recipients/cn=7f0583df7d3e4c2bb8108b334f4257df-marc</t>
  </si>
  <si>
    <t>10/19/2019 20:02:42</t>
  </si>
  <si>
    <t>mail.google.com/_/upload?authuser=2&amp;dcp=asu-n&amp;upload_id=AEnB2UqvxLiJBgYLFrByDnVb8tad21udMYaaTRsXNbMjhaBh2UB6MeSncS0n-BwV1uJHQPv02gClbUd9xg4SXyKjMkaSUBWjcxHzQv5amdA-zzwPeefX18s&amp;upload_protocol=resumable</t>
  </si>
  <si>
    <t>10/19/2019 20:02:59</t>
  </si>
  <si>
    <t>mail.google.com/_/upload?authuser=2&amp;dcp=asu-n&amp;upload_id=AEnB2Uqm0XYAM3Iz9f1ALbH9jbiPbzss9uq_26m36ARtfZ3NKXDB4Xi0TQFPvb0zt_ER4bsNTLPPuf11mmV58Y6joufVM6qgLaEG7A82qJ1OQtuOiC03OA8&amp;upload_protocol=resumable</t>
  </si>
  <si>
    <t>10/20/2019 19:34:29</t>
  </si>
  <si>
    <t>mail.google.com/_/upload?authuser=1&amp;dcp=asu-n&amp;upload_id=AEnB2UpRWKUy08w0eI-3cz8BkQRW1MpUxSlejanILfbNa4SlJQCYqInNClbnNgGA1NTYtJrQ-elxpkWlOccXVOmAh86ma6bvSPbooLfCGS9Mje8chclvZU4&amp;upload_protocol=resumable</t>
  </si>
  <si>
    <t>10/21/2019 07:52:43</t>
  </si>
  <si>
    <t>10/21/2019 07:56:36</t>
  </si>
  <si>
    <t>/o=exchangelabs/ou=exchange administrative group (fydibohf23spdlt)/cn=recipients/cn=b16974d7de334bfabfe3dee1e8e47e59-sherley cri;/o=exchangelabs/ou=exchange administrative group (fydibohf23spdlt)/cn=recipients/cn=valeria de mello lima;</t>
  </si>
  <si>
    <t>RES: Cartão empresarial - Procedimento</t>
  </si>
  <si>
    <t>Amex - Termo de Responsabilidade.xlsm</t>
  </si>
  <si>
    <t>/o=exchangelabs/ou=exchange administrative group (fydibohf23spdlt)/cn=recipients/cn=b16974d7de334bfabfe3dee1e8e47e59-sherley cri,/o=exchangelabs/ou=exchange administrative group (fydibohf23spdlt)/cn=recipients/cn=valeria de mello lima</t>
  </si>
  <si>
    <t>10/18/2019 18:25:48</t>
  </si>
  <si>
    <t>10/21/2019 08:03:35</t>
  </si>
  <si>
    <t>/o=exchangelabs/ou=exchange administrative group (fydibohf23spdlt)/cn=recipients/cn=136bac3aad104a579e671eb261072338-fabio dos r;</t>
  </si>
  <si>
    <t>Expansão Caixa Cap: Ticket 797397</t>
  </si>
  <si>
    <t>/o=exchangelabs/ou=exchange administrative group (fydibohf23spdlt)/cn=recipients/cn=136bac3aad104a579e671eb261072338-fabio dos r</t>
  </si>
  <si>
    <t>10/17/2019 11:22:23</t>
  </si>
  <si>
    <t>10/21/2019 08:13:36</t>
  </si>
  <si>
    <t>/o=exchangelabs/ou=exchange administrative group (fydibohf23spdlt)/cn=recipients/cn=68f0b0e85da24da0bef3b6b109ed099e-daliane soa;/o=exchangelabs/ou=exchange administrative group (fydibohf23spdlt)/cn=recipients/cn=741ddf52d7254566b58abdfaef6b9055-geison jose;/o=exchangelabs/ou=exchange administrative group (fydibohf23spdlt)/cn=recipients/cn=abd2e85c38c24a0b8285c88d97809d7e-tulio novae;</t>
  </si>
  <si>
    <t>RES: Documentos do desligamento do Vitor Gomes de Jesus</t>
  </si>
  <si>
    <t>CDI_MANUAL_(Vitor Gomes de Jesus ).xlsx</t>
  </si>
  <si>
    <t>/o=exchangelabs/ou=exchange administrative group (fydibohf23spdlt)/cn=recipients/cn=68f0b0e85da24da0bef3b6b109ed099e-daliane soa,/o=exchangelabs/ou=exchange administrative group (fydibohf23spdlt)/cn=recipients/cn=741ddf52d7254566b58abdfaef6b9055-geison jose,/o=exchangelabs/ou=exchange administrative group (fydibohf23spdlt)/cn=recipients/cn=abd2e85c38c24a0b8285c88d97809d7e-tulio novae</t>
  </si>
  <si>
    <t>10/17/2019 14:02:48</t>
  </si>
  <si>
    <t>CHAMADOS RESCISÃO</t>
  </si>
  <si>
    <t>RESCISÕES REPROVADAS - CHAMADOS MANUAIS.xlsx</t>
  </si>
  <si>
    <t>10/17/2019 15:56:26</t>
  </si>
  <si>
    <t>/o=exchangelabs/ou=exchange administrative group (fydibohf23spdlt)/cn=recipients/cn=0ee39e9e189c42369588db5cf6d2866d-celia regin;/o=exchangelabs/ou=exchange administrative group (fydibohf23spdlt)/cn=recipients/cn=54cf668de64942668ba57ef9adce46bc-rafael quin;/o=exchangelabs/ou=exchange administrative group (fydibohf23spdlt)/cn=recipients/cn=68f0b0e85da24da0bef3b6b109ed099e-daliane soa;/o=exchangelabs/ou=exchange administrative group (fydibohf23spdlt)/cn=recipients/cn=e46cd96e8e9e452c8cc8ba65a6c4ec57-gustavo hen;geisonjt@algartech.com;</t>
  </si>
  <si>
    <t>RES: Chamados de exceção abertos incorretamente</t>
  </si>
  <si>
    <t>Re Print.msg\s1\</t>
  </si>
  <si>
    <t>/o=exchangelabs/ou=exchange administrative group (fydibohf23spdlt)/cn=recipients/cn=0ee39e9e189c42369588db5cf6d2866d-celia regin,/o=exchangelabs/ou=exchange administrative group (fydibohf23spdlt)/cn=recipients/cn=54cf668de64942668ba57ef9adce46bc-rafael quin,/o=exchangelabs/ou=exchange administrative group (fydibohf23spdlt)/cn=recipients/cn=68f0b0e85da24da0bef3b6b109ed099e-daliane soa,/o=exchangelabs/ou=exchange administrative group (fydibohf23spdlt)/cn=recipients/cn=e46cd96e8e9e452c8cc8ba65a6c4ec57-gustavo hen,geisonjt@algartech.com</t>
  </si>
  <si>
    <t>10/21/2019 08:29:05</t>
  </si>
  <si>
    <t>10/21/2019 08:23:34</t>
  </si>
  <si>
    <t>/o=exchangelabs/ou=exchange administrative group (fydibohf23spdlt)/cn=recipients/cn=8ab5e44d485043d59eb4f21463e63e6a-tays dos sa;/o=exchangelabs/ou=exchange administrative group (fydibohf23spdlt)/cn=recipients/cn=c52a157e02d64dd1a81927cd619e2686-keila prisc;/o=exchangelabs/ou=exchange administrative group (fydibohf23spdlt)/cn=recipients/cn=d86d4bf5f67548aa92acef38267ca44b-leandro jos;</t>
  </si>
  <si>
    <t>/o=exchangelabs/ou=exchange administrative group (fydibohf23spdlt)/cn=recipients/cn=8ab5e44d485043d59eb4f21463e63e6a-tays dos sa,/o=exchangelabs/ou=exchange administrative group (fydibohf23spdlt)/cn=recipients/cn=c52a157e02d64dd1a81927cd619e2686-keila prisc,/o=exchangelabs/ou=exchange administrative group (fydibohf23spdlt)/cn=recipients/cn=d86d4bf5f67548aa92acef38267ca44b-leandro jos</t>
  </si>
  <si>
    <t>10/21/2019 08:22:02</t>
  </si>
  <si>
    <t>10/21/2019 08:25:35</t>
  </si>
  <si>
    <t>10/21/2019 08:32:05</t>
  </si>
  <si>
    <t>10/21/2019 08:29:33</t>
  </si>
  <si>
    <t>ENC: Parcial Faturamento - CSC</t>
  </si>
  <si>
    <t>FATURAMENTO CSC - Parcial Outubro.xlsx</t>
  </si>
  <si>
    <t>10/21/2019 08:30:54</t>
  </si>
  <si>
    <t>10/21/2019 08:31:33</t>
  </si>
  <si>
    <t>10/21/2019 08:32:03</t>
  </si>
  <si>
    <t>10/21/2019 08:30:51</t>
  </si>
  <si>
    <t>10/21/2019 08:32:34</t>
  </si>
  <si>
    <t>victorjsb.algartech@gmail.com;</t>
  </si>
  <si>
    <t>CONFERÊNCIA</t>
  </si>
  <si>
    <t>victorjsb.algartech@gmail.com</t>
  </si>
  <si>
    <t>10/21/2019 08:32:20</t>
  </si>
  <si>
    <t>10/21/2019 08:33:33</t>
  </si>
  <si>
    <t>/o=exchangelabs/ou=exchange administrative group (fydibohf23spdlt)/cn=recipients/cn=1e212ef08dab4f26b88cba944f2ab7cb-pmo.governa;/o=exchangelabs/ou=exchange administrative group (fydibohf23spdlt)/cn=recipients/cn=54abac0a4fdc4ad1bec39bb51d85eab1-victor hugo;/o=exchangelabs/ou=exchange administrative group (fydibohf23spdlt)/cn=recipients/cn=65d35bc38c6743d7a55b3ae9726a5893-diego ribei;/o=exchangelabs/ou=exchange administrative group (fydibohf23spdlt)/cn=recipients/cn=b3ad8a638fcc4c57bf8c7953dd4b3cb8-augusto ces;</t>
  </si>
  <si>
    <t>ENC: Capitalização FTE Prudential</t>
  </si>
  <si>
    <t>/o=exchangelabs/ou=exchange administrative group (fydibohf23spdlt)/cn=recipients/cn=1e212ef08dab4f26b88cba944f2ab7cb-pmo.governa,/o=exchangelabs/ou=exchange administrative group (fydibohf23spdlt)/cn=recipients/cn=54abac0a4fdc4ad1bec39bb51d85eab1-victor hugo,/o=exchangelabs/ou=exchange administrative group (fydibohf23spdlt)/cn=recipients/cn=65d35bc38c6743d7a55b3ae9726a5893-diego ribei,/o=exchangelabs/ou=exchange administrative group (fydibohf23spdlt)/cn=recipients/cn=b3ad8a638fcc4c57bf8c7953dd4b3cb8-augusto ces</t>
  </si>
  <si>
    <t>10/21/2019 08:35:34</t>
  </si>
  <si>
    <t>C:\Users\mariannacsm\OneDrive - Grupo Algar\0- PMO-POOL\POOL\04 - Saving Opex Compras\</t>
  </si>
  <si>
    <t>10/21/2019 08:32:07</t>
  </si>
  <si>
    <t>Base Distribuição 2019 Setembro 1510.xlsx</t>
  </si>
  <si>
    <t>10/21/2019 08:33:08</t>
  </si>
  <si>
    <t>10/19/2019 11:13:32</t>
  </si>
  <si>
    <t>10/21/2019 08:39:33</t>
  </si>
  <si>
    <t>Relação dos mapeamentos de RPA</t>
  </si>
  <si>
    <t>RPA's.xlsx</t>
  </si>
  <si>
    <t>10/21/2019 08:43:26</t>
  </si>
  <si>
    <t>10/21/2019 08:45:33</t>
  </si>
  <si>
    <t>10/21/2019 08:40:43</t>
  </si>
  <si>
    <t>10/21/2019 08:46:32</t>
  </si>
  <si>
    <t>10/21/2019 08:46:49</t>
  </si>
  <si>
    <t>10/18/2019 18:17:31</t>
  </si>
  <si>
    <t>/o=exchangelabs/ou=exchange administrative group (fydibohf23spdlt)/cn=recipients/cn=c29ec9dae022497281c840087cccddec-patricia ar;/o=exchangelabs/ou=exchange administrative group (fydibohf23spdlt)/cn=recipients/cn=user776b6484;</t>
  </si>
  <si>
    <t>RES: Soluções e Processos - Status de demandas 18/10</t>
  </si>
  <si>
    <t>/o=exchangelabs/ou=exchange administrative group (fydibohf23spdlt)/cn=recipients/cn=c29ec9dae022497281c840087cccddec-patricia ar,/o=exchangelabs/ou=exchange administrative group (fydibohf23spdlt)/cn=recipients/cn=user776b6484</t>
  </si>
  <si>
    <t>10/20/2019 17:01:41</t>
  </si>
  <si>
    <t>10/17/2019 18:20:37</t>
  </si>
  <si>
    <t>10/21/2019 08:49:32</t>
  </si>
  <si>
    <t>10.201.149.1</t>
  </si>
  <si>
    <t>10/21/2019 08:49:37</t>
  </si>
  <si>
    <t>10/21/2019 08:51:32</t>
  </si>
  <si>
    <t>10.200.57.32</t>
  </si>
  <si>
    <t>D4-6A-6A-FD-A6-AF</t>
  </si>
  <si>
    <t>10/21/2019 08:48:55</t>
  </si>
  <si>
    <t>ENC: Hub- ID 148219</t>
  </si>
  <si>
    <t>10/21/2019 08:51:56</t>
  </si>
  <si>
    <t>10/21/2019 08:54:32</t>
  </si>
  <si>
    <t>ENC: Análise de Categorização - Parcial</t>
  </si>
  <si>
    <t>Análise de Categorização - UNICA OUTUBRO.xlsx</t>
  </si>
  <si>
    <t>10/18/2019 18:24:57</t>
  </si>
  <si>
    <t>10/21/2019 08:55:32</t>
  </si>
  <si>
    <t>/o=exchangelabs/ou=exchange administrative group (fydibohf23spdlt)/cn=recipients/cn=006a44fe263c4ca5b2a99640c282879e-luis felipe;/o=exchangelabs/ou=exchange administrative group (fydibohf23spdlt)/cn=recipients/cn=a78f7dae304e472e9f75bd537683f6e5-hugo de oli;/o=exchangelabs/ou=exchange administrative group (fydibohf23spdlt)/cn=recipients/cn=b712c36eebee42428d3790abe2696417-romario gom;/o=exchangelabs/ou=exchange administrative group (fydibohf23spdlt)/cn=recipients/cn=e4dbda4121b54299b4a719c6aa694894-algar tech;</t>
  </si>
  <si>
    <t>Perfil Rede Algar.xlsx</t>
  </si>
  <si>
    <t>/o=exchangelabs/ou=exchange administrative group (fydibohf23spdlt)/cn=recipients/cn=006a44fe263c4ca5b2a99640c282879e-luis felipe,/o=exchangelabs/ou=exchange administrative group (fydibohf23spdlt)/cn=recipients/cn=a78f7dae304e472e9f75bd537683f6e5-hugo de oli,/o=exchangelabs/ou=exchange administrative group (fydibohf23spdlt)/cn=recipients/cn=b712c36eebee42428d3790abe2696417-romario gom,/o=exchangelabs/ou=exchange administrative group (fydibohf23spdlt)/cn=recipients/cn=e4dbda4121b54299b4a719c6aa694894-algar tech</t>
  </si>
  <si>
    <t>10/18/2019 18:38:56</t>
  </si>
  <si>
    <t>10/21/2019 08:56:32</t>
  </si>
  <si>
    <t>/o=exchangelabs/ou=exchange administrative group (fydibohf23spdlt)/cn=recipients/cn=122c3ad8b401472e84885d44a2466b4c-jair de pau;/o=exchangelabs/ou=exchange administrative group (fydibohf23spdlt)/cn=recipients/cn=56c2af2d07fd48c0aebfc00ddc006494-alessio rod;/o=exchangelabs/ou=exchange administrative group (fydibohf23spdlt)/cn=recipients/cn=651324bc204a42f6bbcdf62273ebdc5c-aluisio ant;/o=exchangelabs/ou=exchange administrative group (fydibohf23spdlt)/cn=recipients/cn=9a3ba6096e184fb5837abcf6a6214283-daniel henr;/o=exchangelabs/ou=exchange administrative group (fydibohf23spdlt)/cn=recipients/cn=fedd0b8e2dbf442f837981a40559d630-viviane bar;</t>
  </si>
  <si>
    <t>RES: Modelo PPT - Apresentação Longo Prazo</t>
  </si>
  <si>
    <t>/o=exchangelabs/ou=exchange administrative group (fydibohf23spdlt)/cn=recipients/cn=122c3ad8b401472e84885d44a2466b4c-jair de pau,/o=exchangelabs/ou=exchange administrative group (fydibohf23spdlt)/cn=recipients/cn=56c2af2d07fd48c0aebfc00ddc006494-alessio rod,/o=exchangelabs/ou=exchange administrative group (fydibohf23spdlt)/cn=recipients/cn=651324bc204a42f6bbcdf62273ebdc5c-aluisio ant,/o=exchangelabs/ou=exchange administrative group (fydibohf23spdlt)/cn=recipients/cn=9a3ba6096e184fb5837abcf6a6214283-daniel henr,/o=exchangelabs/ou=exchange administrative group (fydibohf23spdlt)/cn=recipients/cn=fedd0b8e2dbf442f837981a40559d630-viviane bar</t>
  </si>
  <si>
    <t>10/16/2019 00:31:41</t>
  </si>
  <si>
    <t>10/21/2019 08:57:31</t>
  </si>
  <si>
    <t>10/21/2019 08:57:42</t>
  </si>
  <si>
    <t>10/21/2019 09:00:31</t>
  </si>
  <si>
    <t>214378 - MENU.COM BP v4 C018 B018 GRC 6 meses.xlsb</t>
  </si>
  <si>
    <t>R:\OneDrive - Grupo Algar\Advanced Collection\0 - Cliente\99 - RFP\Menu.com\214378 - MENU.COM BP v4 C018 B018 GRC 6 meses.xlsb\</t>
  </si>
  <si>
    <t>10/21/2019 09:05:02</t>
  </si>
  <si>
    <t>10/21/2019 09:09:31</t>
  </si>
  <si>
    <t>RES: Volumes Formalização PJ AMEX 21/10/2019</t>
  </si>
  <si>
    <t>12.xls</t>
  </si>
  <si>
    <t>10/21/2019 09:07:36</t>
  </si>
  <si>
    <t>10/21/2019 09:11:31</t>
  </si>
  <si>
    <t>/o=exchangelabs/ou=exchange administrative group (fydibohf23spdlt)/cn=recipients/cn=002ec1cd4de64cd68f3e33ca3518cc0b-fernando ro;/o=exchangelabs/ou=exchange administrative group (fydibohf23spdlt)/cn=recipients/cn=e20d08f222224d6381ea782685330974-iuri martin;</t>
  </si>
  <si>
    <t>/o=exchangelabs/ou=exchange administrative group (fydibohf23spdlt)/cn=recipients/cn=002ec1cd4de64cd68f3e33ca3518cc0b-fernando ro,/o=exchangelabs/ou=exchange administrative group (fydibohf23spdlt)/cn=recipients/cn=e20d08f222224d6381ea782685330974-iuri martin</t>
  </si>
  <si>
    <t>10/21/2019 09:07:31</t>
  </si>
  <si>
    <t>10.200.57.30</t>
  </si>
  <si>
    <t>10/21/2019 09:11:25</t>
  </si>
  <si>
    <t>10/21/2019 09:10:42</t>
  </si>
  <si>
    <t>10/21/2019 09:15:32</t>
  </si>
  <si>
    <t>10/21/2019 09:10:43</t>
  </si>
  <si>
    <t>10/21/2019 09:10:44</t>
  </si>
  <si>
    <t>10/21/2019 09:10:48</t>
  </si>
  <si>
    <t>10/21/2019 09:10:58</t>
  </si>
  <si>
    <t>10/21/2019 09:11:02</t>
  </si>
  <si>
    <t>10/21/2019 09:11:03</t>
  </si>
  <si>
    <t>10/21/2019 09:12:41</t>
  </si>
  <si>
    <t>10/21/2019 09:12:42</t>
  </si>
  <si>
    <t>10/21/2019 09:12:43</t>
  </si>
  <si>
    <t>10/21/2019 09:12:44</t>
  </si>
  <si>
    <t>10/21/2019 09:12:45</t>
  </si>
  <si>
    <t>10/21/2019 09:12:46</t>
  </si>
  <si>
    <t>10/21/2019 09:13:01</t>
  </si>
  <si>
    <t>10/21/2019 09:13:02</t>
  </si>
  <si>
    <t>10/21/2019 09:13:03</t>
  </si>
  <si>
    <t>10/21/2019 09:13:04</t>
  </si>
  <si>
    <t>10/21/2019 09:13:05</t>
  </si>
  <si>
    <t>10/21/2019 09:13:06</t>
  </si>
  <si>
    <t>10/21/2019 09:13:07</t>
  </si>
  <si>
    <t>10/21/2019 09:13:08</t>
  </si>
  <si>
    <t>10/21/2019 09:13:15</t>
  </si>
  <si>
    <t>10/21/2019 09:13:16</t>
  </si>
  <si>
    <t>10/21/2019 09:13:40</t>
  </si>
  <si>
    <t>10/21/2019 09:13:41</t>
  </si>
  <si>
    <t>10/21/2019 09:13:42</t>
  </si>
  <si>
    <t>10/21/2019 09:13:45</t>
  </si>
  <si>
    <t>10/21/2019 09:13:50</t>
  </si>
  <si>
    <t>10/21/2019 09:13:51</t>
  </si>
  <si>
    <t>10/21/2019 09:13:52</t>
  </si>
  <si>
    <t>10/21/2019 09:13:53</t>
  </si>
  <si>
    <t>10/21/2019 09:13:54</t>
  </si>
  <si>
    <t>10/21/2019 09:13:55</t>
  </si>
  <si>
    <t>10/21/2019 09:13:56</t>
  </si>
  <si>
    <t>10/21/2019 09:13:57</t>
  </si>
  <si>
    <t>10/21/2019 09:13:58</t>
  </si>
  <si>
    <t>10/21/2019 09:13:59</t>
  </si>
  <si>
    <t>10/21/2019 09:14:00</t>
  </si>
  <si>
    <t>10/21/2019 09:14:01</t>
  </si>
  <si>
    <t>10/21/2019 09:14:21</t>
  </si>
  <si>
    <t>10/21/2019 09:14:41</t>
  </si>
  <si>
    <t>10/21/2019 09:16:23</t>
  </si>
  <si>
    <t>10/21/2019 09:16:31</t>
  </si>
  <si>
    <t>C:\Users\fabiorb\OneDrive - Grupo Algar\Backup_notnovo\Pasta documentos\Arquivos de Programas RFB\Dirf2019\lib\h2-1.4.197.jar\org\h2\util\data.zip\org\h2\res\</t>
  </si>
  <si>
    <t>help.csv</t>
  </si>
  <si>
    <t>10/21/2019 09:12:58</t>
  </si>
  <si>
    <t>10/21/2019 09:14:44</t>
  </si>
  <si>
    <t>10/21/2019 09:15:12</t>
  </si>
  <si>
    <t>10/21/2019 09:19:31</t>
  </si>
  <si>
    <t>/o=exchangelabs/ou=exchange administrative group (fydibohf23spdlt)/cn=recipients/cn=363af2e6e56746febce0b409a64e9677-anne caroli;</t>
  </si>
  <si>
    <t>ENC: Consórcio - Recuperação de Promessa</t>
  </si>
  <si>
    <t>Qualitativo RD - Não Venda.msg\s1\</t>
  </si>
  <si>
    <t>Não venda - RD Outubro.xlsx</t>
  </si>
  <si>
    <t>/o=exchangelabs/ou=exchange administrative group (fydibohf23spdlt)/cn=recipients/cn=363af2e6e56746febce0b409a64e9677-anne caroli</t>
  </si>
  <si>
    <t>10/21/2019 09:22:13</t>
  </si>
  <si>
    <t>C:\Users\eduardost\OneDrive - Grupo Algar\2019\WHIRLPOOL\Backoffice\Registros CRM Atualizado.docx\</t>
  </si>
  <si>
    <t>10/21/2019 09:16:25</t>
  </si>
  <si>
    <t>10/21/2019 09:20:30</t>
  </si>
  <si>
    <t>C:\Users\filemoncmj\OneDrive - Grupo Algar\Documentos\</t>
  </si>
  <si>
    <t>10/21/2019 09:15:48</t>
  </si>
  <si>
    <t>10/21/2019 09:15:49</t>
  </si>
  <si>
    <t>10/21/2019 09:15:50</t>
  </si>
  <si>
    <t>10/21/2019 09:15:51</t>
  </si>
  <si>
    <t>10/21/2019 09:15:52</t>
  </si>
  <si>
    <t>10/21/2019 09:15:55</t>
  </si>
  <si>
    <t>C:\Users\nadiagds\OneDrive - Grupo Algar\Mesa Digital\ISD_Análise\Projeto ISD - EVEN\01. Fluxos\</t>
  </si>
  <si>
    <t>Projeto_ISD_EVEN_V2.xlsx</t>
  </si>
  <si>
    <t>10/21/2019 09:16:20</t>
  </si>
  <si>
    <t>10/21/2019 09:16:54</t>
  </si>
  <si>
    <t>10/21/2019 09:15:22</t>
  </si>
  <si>
    <t>10/21/2019 09:15:23</t>
  </si>
  <si>
    <t>10/21/2019 09:15:25</t>
  </si>
  <si>
    <t>10/21/2019 09:15:26</t>
  </si>
  <si>
    <t>10/21/2019 09:15:27</t>
  </si>
  <si>
    <t>10/21/2019 09:15:28</t>
  </si>
  <si>
    <t>10/21/2019 09:15:29</t>
  </si>
  <si>
    <t>10/21/2019 09:15:31</t>
  </si>
  <si>
    <t>10/21/2019 09:15:34</t>
  </si>
  <si>
    <t>10/21/2019 09:15:36</t>
  </si>
  <si>
    <t>10/21/2019 09:15:56</t>
  </si>
  <si>
    <t>10/21/2019 09:15:58</t>
  </si>
  <si>
    <t>10/21/2019 09:16:01</t>
  </si>
  <si>
    <t>10/21/2019 09:16:02</t>
  </si>
  <si>
    <t>10/21/2019 09:16:03</t>
  </si>
  <si>
    <t>10/21/2019 09:16:04</t>
  </si>
  <si>
    <t>10/21/2019 09:16:05</t>
  </si>
  <si>
    <t>10/21/2019 09:16:06</t>
  </si>
  <si>
    <t>10/21/2019 09:16:07</t>
  </si>
  <si>
    <t>10/21/2019 09:16:08</t>
  </si>
  <si>
    <t>10/21/2019 09:16:10</t>
  </si>
  <si>
    <t>10/21/2019 09:16:11</t>
  </si>
  <si>
    <t>10/21/2019 09:16:12</t>
  </si>
  <si>
    <t>10/21/2019 09:16:13</t>
  </si>
  <si>
    <t>10/21/2019 09:16:14</t>
  </si>
  <si>
    <t>10/21/2019 09:16:15</t>
  </si>
  <si>
    <t>10/21/2019 09:21:31</t>
  </si>
  <si>
    <t>10/21/2019 09:16:16</t>
  </si>
  <si>
    <t>10/21/2019 09:16:17</t>
  </si>
  <si>
    <t>10/21/2019 09:16:18</t>
  </si>
  <si>
    <t>10/21/2019 09:16:22</t>
  </si>
  <si>
    <t>10/21/2019 09:16:27</t>
  </si>
  <si>
    <t>10/21/2019 09:16:28</t>
  </si>
  <si>
    <t>10/21/2019 09:16:30</t>
  </si>
  <si>
    <t>10/21/2019 09:16:33</t>
  </si>
  <si>
    <t>10/21/2019 09:16:34</t>
  </si>
  <si>
    <t>10/21/2019 09:16:36</t>
  </si>
  <si>
    <t>10/21/2019 09:16:37</t>
  </si>
  <si>
    <t>10/21/2019 09:16:39</t>
  </si>
  <si>
    <t>10/21/2019 09:16:46</t>
  </si>
  <si>
    <t>10/21/2019 09:16:47</t>
  </si>
  <si>
    <t>10/21/2019 09:16:48</t>
  </si>
  <si>
    <t>10/21/2019 09:16:49</t>
  </si>
  <si>
    <t>10/21/2019 09:16:51</t>
  </si>
  <si>
    <t>10/21/2019 09:16:55</t>
  </si>
  <si>
    <t>10/21/2019 09:16:57</t>
  </si>
  <si>
    <t>10/21/2019 09:16:58</t>
  </si>
  <si>
    <t>10/21/2019 09:16:59</t>
  </si>
  <si>
    <t>10/21/2019 09:17:00</t>
  </si>
  <si>
    <t>10/21/2019 09:17:02</t>
  </si>
  <si>
    <t>10/21/2019 09:17:14</t>
  </si>
  <si>
    <t>10/21/2019 09:17:19</t>
  </si>
  <si>
    <t>10/21/2019 09:17:23</t>
  </si>
  <si>
    <t>10/21/2019 09:17:25</t>
  </si>
  <si>
    <t>10/21/2019 09:17:26</t>
  </si>
  <si>
    <t>10/21/2019 09:17:27</t>
  </si>
  <si>
    <t>10/21/2019 09:17:28</t>
  </si>
  <si>
    <t>10/21/2019 09:17:29</t>
  </si>
  <si>
    <t>10/21/2019 09:17:30</t>
  </si>
  <si>
    <t>10/21/2019 09:17:31</t>
  </si>
  <si>
    <t>10/21/2019 09:17:32</t>
  </si>
  <si>
    <t>10/21/2019 09:17:33</t>
  </si>
  <si>
    <t>10/21/2019 09:17:34</t>
  </si>
  <si>
    <t>10/21/2019 09:17:35</t>
  </si>
  <si>
    <t>10/21/2019 09:17:36</t>
  </si>
  <si>
    <t>10/21/2019 09:17:37</t>
  </si>
  <si>
    <t>10/21/2019 09:17:38</t>
  </si>
  <si>
    <t>10/21/2019 09:17:43</t>
  </si>
  <si>
    <t>10/21/2019 09:17:46</t>
  </si>
  <si>
    <t>10/21/2019 09:17:47</t>
  </si>
  <si>
    <t>10/21/2019 09:17:48</t>
  </si>
  <si>
    <t>10/21/2019 09:17:50</t>
  </si>
  <si>
    <t>10/21/2019 09:17:51</t>
  </si>
  <si>
    <t>10/21/2019 09:17:53</t>
  </si>
  <si>
    <t>10/21/2019 09:17:54</t>
  </si>
  <si>
    <t>10/21/2019 09:17:55</t>
  </si>
  <si>
    <t>10/21/2019 09:17:56</t>
  </si>
  <si>
    <t>10/21/2019 09:18:08</t>
  </si>
  <si>
    <t>10/21/2019 09:18:17</t>
  </si>
  <si>
    <t>10/21/2019 09:18:18</t>
  </si>
  <si>
    <t>10/21/2019 09:18:19</t>
  </si>
  <si>
    <t>10/21/2019 09:18:35</t>
  </si>
  <si>
    <t>10/21/2019 09:19:17</t>
  </si>
  <si>
    <t>10/21/2019 09:19:18</t>
  </si>
  <si>
    <t>10/21/2019 09:19:19</t>
  </si>
  <si>
    <t>10/21/2019 09:19:20</t>
  </si>
  <si>
    <t>10/21/2019 09:19:21</t>
  </si>
  <si>
    <t>10/21/2019 09:19:23</t>
  </si>
  <si>
    <t>10/21/2019 09:19:25</t>
  </si>
  <si>
    <t>10/21/2019 09:19:26</t>
  </si>
  <si>
    <t>10/21/2019 09:19:27</t>
  </si>
  <si>
    <t>10/21/2019 09:19:28</t>
  </si>
  <si>
    <t>10/21/2019 09:19:39</t>
  </si>
  <si>
    <t>10/21/2019 09:19:40</t>
  </si>
  <si>
    <t>10/21/2019 09:19:41</t>
  </si>
  <si>
    <t>10/21/2019 09:19:42</t>
  </si>
  <si>
    <t>10/21/2019 09:19:43</t>
  </si>
  <si>
    <t>10/21/2019 09:19:44</t>
  </si>
  <si>
    <t>10/21/2019 09:19:50</t>
  </si>
  <si>
    <t>10/21/2019 09:19:51</t>
  </si>
  <si>
    <t>10/21/2019 09:19:57</t>
  </si>
  <si>
    <t>10/21/2019 09:19:58</t>
  </si>
  <si>
    <t>10/21/2019 09:19:59</t>
  </si>
  <si>
    <t>10/21/2019 09:20:00</t>
  </si>
  <si>
    <t>10/21/2019 09:20:03</t>
  </si>
  <si>
    <t>10/21/2019 09:20:04</t>
  </si>
  <si>
    <t>10/21/2019 09:20:05</t>
  </si>
  <si>
    <t>10/21/2019 09:16:45</t>
  </si>
  <si>
    <t>10/21/2019 09:18:02</t>
  </si>
  <si>
    <t>10/21/2019 09:19:55</t>
  </si>
  <si>
    <t>10/21/2019 09:21:03</t>
  </si>
  <si>
    <t>10/21/2019 09:21:46</t>
  </si>
  <si>
    <t>10/21/2019 09:24:31</t>
  </si>
  <si>
    <t>/o=exchangelabs/ou=exchange administrative group (fydibohf23spdlt)/cn=recipients/cn=8b5b63d67af648d081a40c45cc800804-fabiana per;/o=exchangelabs/ou=exchange administrative group (fydibohf23spdlt)/cn=recipients/cn=e5efe008eb63412d966698a23ef1836e-alessandra;carla.campisi@bradesco.com.br;eleida.fraga@bradesco.com.br;ligiagb@algartech.com.br;suzanasb@algartech.com.br;</t>
  </si>
  <si>
    <t>RES: Formalização Amex</t>
  </si>
  <si>
    <t>Dashboard Formalização PJ VISAPJ AMEX - Outubro2019.msg\s1\</t>
  </si>
  <si>
    <t>/o=exchangelabs/ou=exchange administrative group (fydibohf23spdlt)/cn=recipients/cn=8b5b63d67af648d081a40c45cc800804-fabiana per,/o=exchangelabs/ou=exchange administrative group (fydibohf23spdlt)/cn=recipients/cn=e5efe008eb63412d966698a23ef1836e-alessandra,carla.campisi@bradesco.com.br,eleida.fraga@bradesco.com.br,ligiagb@algartech.com.br,suzanasb@algartech.com.br</t>
  </si>
  <si>
    <t>10/21/2019 09:20:35</t>
  </si>
  <si>
    <t>10/21/2019 09:25:32</t>
  </si>
  <si>
    <t>10/21/2019 09:20:36</t>
  </si>
  <si>
    <t>10/21/2019 09:20:37</t>
  </si>
  <si>
    <t>10/21/2019 09:20:38</t>
  </si>
  <si>
    <t>10/21/2019 09:20:39</t>
  </si>
  <si>
    <t>10/21/2019 09:20:40</t>
  </si>
  <si>
    <t>10/21/2019 09:20:41</t>
  </si>
  <si>
    <t>10/21/2019 09:20:42</t>
  </si>
  <si>
    <t>10/21/2019 09:26:33</t>
  </si>
  <si>
    <t>10/21/2019 09:20:43</t>
  </si>
  <si>
    <t>10/21/2019 09:20:45</t>
  </si>
  <si>
    <t>10/21/2019 09:20:46</t>
  </si>
  <si>
    <t>10/21/2019 09:20:47</t>
  </si>
  <si>
    <t>10/21/2019 09:20:48</t>
  </si>
  <si>
    <t>10/21/2019 09:21:02</t>
  </si>
  <si>
    <t>10/21/2019 09:21:04</t>
  </si>
  <si>
    <t>10/21/2019 09:21:05</t>
  </si>
  <si>
    <t>10/21/2019 09:21:06</t>
  </si>
  <si>
    <t>10/21/2019 09:21:07</t>
  </si>
  <si>
    <t>10/21/2019 09:21:08</t>
  </si>
  <si>
    <t>10/21/2019 09:21:09</t>
  </si>
  <si>
    <t>10/21/2019 09:21:10</t>
  </si>
  <si>
    <t>10/21/2019 09:21:11</t>
  </si>
  <si>
    <t>10/21/2019 09:21:12</t>
  </si>
  <si>
    <t>10/21/2019 09:21:15</t>
  </si>
  <si>
    <t>10/21/2019 09:21:17</t>
  </si>
  <si>
    <t>10/21/2019 09:21:18</t>
  </si>
  <si>
    <t>10/21/2019 09:21:25</t>
  </si>
  <si>
    <t>10/21/2019 09:21:48</t>
  </si>
  <si>
    <t>10/21/2019 09:21:49</t>
  </si>
  <si>
    <t>10/21/2019 09:21:50</t>
  </si>
  <si>
    <t>10/21/2019 09:22:16</t>
  </si>
  <si>
    <t>action itensv12-16-10v1 - Copia.xlsx</t>
  </si>
  <si>
    <t>10/18/2019 18:44:43</t>
  </si>
  <si>
    <t>10/18/2019 18:57:57</t>
  </si>
  <si>
    <t>mail.google.com/_/upload?authuser=1&amp;dcp=asu-n&amp;upload_id=AEnB2UoHi0ey9mMD-mTJXGXxuVUQWAfifSe4056uiLQinW2ZfzGKoTZgyahXTxG4o2QdueG0QCABJWNFlkwQRVGwArZodrXt0w&amp;upload_protocol=resumable</t>
  </si>
  <si>
    <t>Antecipar Desinst.xlsx</t>
  </si>
  <si>
    <t>10/21/2019 09:24:50</t>
  </si>
  <si>
    <t>10/21/2019 09:30:32</t>
  </si>
  <si>
    <t>Classificação de Itens - Sotreq.xlsx</t>
  </si>
  <si>
    <t>10/21/2019 09:29:09</t>
  </si>
  <si>
    <t>10/21/2019 09:30:39</t>
  </si>
  <si>
    <t>10/21/2019 09:35:32</t>
  </si>
  <si>
    <t>10/20/2019 03:38:25</t>
  </si>
  <si>
    <t>10/21/2019 09:36:32</t>
  </si>
  <si>
    <t>cardoso@ipnet.cloud;iaraadss@algartech.com;lannatga@algartech.com;larissamfb@algartech.com;leonardo.mariano@ipnet.cloud;lucasm@algartech.com;luizfsm@algartech.com;</t>
  </si>
  <si>
    <t>1 - [TEMPLATE - MIGRAÇÃO] Relação de Usuários_Listagem Geral_02.xlsx</t>
  </si>
  <si>
    <t>cardoso@ipnet.cloud,iaraadss@algartech.com,lannatga@algartech.com,larissamfb@algartech.com,leonardo.mariano@ipnet.cloud,lucasm@algartech.com,luizfsm@algartech.com</t>
  </si>
  <si>
    <t>10/21/2019 09:40:06</t>
  </si>
  <si>
    <t>10/21/2019 09:37:32</t>
  </si>
  <si>
    <t>10/21/2019 09:34:32</t>
  </si>
  <si>
    <t>10/21/2019 09:38:31</t>
  </si>
  <si>
    <t>10.200.35.83</t>
  </si>
  <si>
    <t>/o=exchangelabs/ou=exchange administrative group (fydibohf23spdlt)/cn=recipients/cn=122c3ad8b401472e84885d44a2466b4c-jair de pau;/o=exchangelabs/ou=exchange administrative group (fydibohf23spdlt)/cn=recipients/cn=651324bc204a42f6bbcdf62273ebdc5c-aluisio ant;/o=exchangelabs/ou=exchange administrative group (fydibohf23spdlt)/cn=recipients/cn=b79663656cc44aa3bf06617d1695ae51-carlos faci;/o=exchangelabs/ou=exchange administrative group (fydibohf23spdlt)/cn=recipients/cn=f7a4290a46314a3cbb0d392508a7b5c5-luciana sil;/o=exchangelabs/ou=exchange administrative group (fydibohf23spdlt)/cn=recipients/cn=user78f7a52d;</t>
  </si>
  <si>
    <t>ENC: Modelo PPT - Apresentação Longo Prazo</t>
  </si>
  <si>
    <t>/o=exchangelabs/ou=exchange administrative group (fydibohf23spdlt)/cn=recipients/cn=122c3ad8b401472e84885d44a2466b4c-jair de pau,/o=exchangelabs/ou=exchange administrative group (fydibohf23spdlt)/cn=recipients/cn=651324bc204a42f6bbcdf62273ebdc5c-aluisio ant,/o=exchangelabs/ou=exchange administrative group (fydibohf23spdlt)/cn=recipients/cn=b79663656cc44aa3bf06617d1695ae51-carlos faci,/o=exchangelabs/ou=exchange administrative group (fydibohf23spdlt)/cn=recipients/cn=f7a4290a46314a3cbb0d392508a7b5c5-luciana sil,/o=exchangelabs/ou=exchange administrative group (fydibohf23spdlt)/cn=recipients/cn=user78f7a52d</t>
  </si>
  <si>
    <t>10/21/2019 09:44:04</t>
  </si>
  <si>
    <t>10/21/2019 09:45:31</t>
  </si>
  <si>
    <t>10/21/2019 09:44:33</t>
  </si>
  <si>
    <t>10/21/2019 09:44:54</t>
  </si>
  <si>
    <t>10/21/2019 09:45:24</t>
  </si>
  <si>
    <t>10/21/2019 09:45:38</t>
  </si>
  <si>
    <t>10/21/2019 09:45:01</t>
  </si>
  <si>
    <t>10/21/2019 09:46:30</t>
  </si>
  <si>
    <t>Dashboard.xlsx</t>
  </si>
  <si>
    <t>10/21/2019 09:44:49</t>
  </si>
  <si>
    <t>10/21/2019 09:47:31</t>
  </si>
  <si>
    <t>10.200.68.128</t>
  </si>
  <si>
    <t>10/21/2019 09:40:53</t>
  </si>
  <si>
    <t>10/21/2019 09:49:30</t>
  </si>
  <si>
    <t>ENC: Pesquisa - NPS</t>
  </si>
  <si>
    <t>Detalhado UNICA NPS.xlsx</t>
  </si>
  <si>
    <t>10/21/2019 09:51:29</t>
  </si>
  <si>
    <t>10/21/2019 09:53:30</t>
  </si>
  <si>
    <t>/o=exchangelabs/ou=exchange administrative group (fydibohf23spdlt)/cn=recipients/cn=4661e55ca89b4e56a85d5bce819cc072-luana cunha;/o=exchangelabs/ou=exchange administrative group (fydibohf23spdlt)/cn=recipients/cn=b5f2c0db98da4bd88880279a964891cb-fabiana de;/o=exchangelabs/ou=exchange administrative group (fydibohf23spdlt)/cn=recipients/cn=c54bebbd63a1403e83787e59fcd1acdc-joao sergio;/o=exchangelabs/ou=exchange administrative group (fydibohf23spdlt)/cn=recipients/cn=d052f9c9a4404e849e00b751758229a8-carlos dos;/o=exchangelabs/ou=exchange administrative group (fydibohf23spdlt)/cn=recipients/cn=f49f2169189f4d4f934acc9335c81d57-aline perin;</t>
  </si>
  <si>
    <t>RES: Sotreq - Correção de Skill - Power BI</t>
  </si>
  <si>
    <t>/o=exchangelabs/ou=exchange administrative group (fydibohf23spdlt)/cn=recipients/cn=4661e55ca89b4e56a85d5bce819cc072-luana cunha,/o=exchangelabs/ou=exchange administrative group (fydibohf23spdlt)/cn=recipients/cn=b5f2c0db98da4bd88880279a964891cb-fabiana de,/o=exchangelabs/ou=exchange administrative group (fydibohf23spdlt)/cn=recipients/cn=c54bebbd63a1403e83787e59fcd1acdc-joao sergio,/o=exchangelabs/ou=exchange administrative group (fydibohf23spdlt)/cn=recipients/cn=d052f9c9a4404e849e00b751758229a8-carlos dos,/o=exchangelabs/ou=exchange administrative group (fydibohf23spdlt)/cn=recipients/cn=f49f2169189f4d4f934acc9335c81d57-aline perin</t>
  </si>
  <si>
    <t>10/21/2019 09:46:38</t>
  </si>
  <si>
    <t>10/21/2019 09:54:30</t>
  </si>
  <si>
    <t>/o=exchangelabs/ou=exchange administrative group (fydibohf23spdlt)/cn=recipients/cn=2f8300fc6f8b4714a77c0227cba72162-vinicius pi;/o=exchangelabs/ou=exchange administrative group (fydibohf23spdlt)/cn=recipients/cn=fernando garcia de oliveira;andrefs@algartelecom.com.br;</t>
  </si>
  <si>
    <t>RES: Contato para suporte durante Férias de Tiago Hartmann</t>
  </si>
  <si>
    <t>/o=exchangelabs/ou=exchange administrative group (fydibohf23spdlt)/cn=recipients/cn=2f8300fc6f8b4714a77c0227cba72162-vinicius pi,/o=exchangelabs/ou=exchange administrative group (fydibohf23spdlt)/cn=recipients/cn=fernando garcia de oliveira,andrefs@algartelecom.com.br</t>
  </si>
  <si>
    <t>10/21/2019 09:53:08</t>
  </si>
  <si>
    <t>/o=exchangelabs/ou=exchange administrative group (fydibohf23spdlt)/cn=recipients/cn=822f65115a2046059fff20a916dd90e9-thais marti;/o=exchangelabs/ou=exchange administrative group (fydibohf23spdlt)/cn=recipients/cn=b1a72fc2d0234efca84c7771ea70c7ee-roberta cri;</t>
  </si>
  <si>
    <t>Provisão Outubro</t>
  </si>
  <si>
    <t>Financeiro_Outubro.xlsx</t>
  </si>
  <si>
    <t>/o=exchangelabs/ou=exchange administrative group (fydibohf23spdlt)/cn=recipients/cn=822f65115a2046059fff20a916dd90e9-thais marti,/o=exchangelabs/ou=exchange administrative group (fydibohf23spdlt)/cn=recipients/cn=b1a72fc2d0234efca84c7771ea70c7ee-roberta cri</t>
  </si>
  <si>
    <t>10/21/2019 09:53:41</t>
  </si>
  <si>
    <t>10/21/2019 09:56:30</t>
  </si>
  <si>
    <t>controleadm@resolv.com.br;</t>
  </si>
  <si>
    <t>ENC: Gestao de custo</t>
  </si>
  <si>
    <t>2 - Gestao - Codigos de Custo (CC) - Facilities.xlsx</t>
  </si>
  <si>
    <t>controleadm@resolv.com.br</t>
  </si>
  <si>
    <t>10/21/2019 09:55:57</t>
  </si>
  <si>
    <t>10/21/2019 09:53:49</t>
  </si>
  <si>
    <t>10/21/2019 09:57:30</t>
  </si>
  <si>
    <t>ENC: Provisão de Recuperação de Custo</t>
  </si>
  <si>
    <t>Template Recuperações de Custos oficial - Set - 19.xlsx</t>
  </si>
  <si>
    <t>10/21/2019 10:02:48</t>
  </si>
  <si>
    <t>10/21/2019 10:01:29</t>
  </si>
  <si>
    <t>/o=exchangelabs/ou=exchange administrative group (fydibohf23spdlt)/cn=recipients/cn=6da98ab9b2254d688a75ce822637acbf-ricardo de;</t>
  </si>
  <si>
    <t>Aderencia Fraude BackOffice - NOVEMBRO 2019.xlsx</t>
  </si>
  <si>
    <t>/o=exchangelabs/ou=exchange administrative group (fydibohf23spdlt)/cn=recipients/cn=6da98ab9b2254d688a75ce822637acbf-ricardo de</t>
  </si>
  <si>
    <t>10/18/2019 17:34:28</t>
  </si>
  <si>
    <t>10/21/2019 10:03:29</t>
  </si>
  <si>
    <t>C:\Users\luanaaoli\Downloads\</t>
  </si>
  <si>
    <t>Reporte semanal- Pendências Bacen Oficial (1).xlsx</t>
  </si>
  <si>
    <t>10/19/2019 07:58:45</t>
  </si>
  <si>
    <t>10/21/2019 10:04:29</t>
  </si>
  <si>
    <t>ENC: Dados de retenção</t>
  </si>
  <si>
    <t>BP 213411 - Ecohouse - Retenção v2.xlsb</t>
  </si>
  <si>
    <t>10/21/2019 10:01:39</t>
  </si>
  <si>
    <t>10/21/2019 10:06:29</t>
  </si>
  <si>
    <t>RES: Dashboard.</t>
  </si>
  <si>
    <t>10/21/2019 10:06:02</t>
  </si>
  <si>
    <t>10/21/2019 10:05:29</t>
  </si>
  <si>
    <t>10 - PA DIGITAL COMPRA CERT2.xlsx</t>
  </si>
  <si>
    <t>10/21/2019 10:07:54</t>
  </si>
  <si>
    <t>10/21/2019 10:09:29</t>
  </si>
  <si>
    <t>10/21/2019 10:08:14</t>
  </si>
  <si>
    <t>HUGO_ORÇAMENTO_2019-NB-RENAN_v3.xlsm</t>
  </si>
  <si>
    <t>10/21/2019 10:06:43</t>
  </si>
  <si>
    <t>10/21/2019 10:10:29</t>
  </si>
  <si>
    <t>44534;</t>
  </si>
  <si>
    <t>\\acsfs\DEPTOS\Controladoria\32.Tesouraria\4 - Endividamento\8 - Mútuos_AFAC\Mútuos\4 - Asyst Argentina\1º Mútuo\9º Aditivo - Alteração Indexador\</t>
  </si>
  <si>
    <t>ACC - 9º Aditivo do 1º Mútuo V2.xlsx</t>
  </si>
  <si>
    <t>https://44534</t>
  </si>
  <si>
    <t>10/21/2019 10:07:44</t>
  </si>
  <si>
    <t>10/21/2019 10:09:55</t>
  </si>
  <si>
    <t>10/21/2019 10:14:29</t>
  </si>
  <si>
    <t>10/21/2019 10:16:27</t>
  </si>
  <si>
    <t>10/21/2019 10:19:29</t>
  </si>
  <si>
    <t>ENC: BACEN ENTRANTES 18/10/2019</t>
  </si>
  <si>
    <t>modelo_importacao 18-10 .xlsx</t>
  </si>
  <si>
    <t>10/21/2019 10:15:16</t>
  </si>
  <si>
    <t>lucas.infante@dafiti.com.br;</t>
  </si>
  <si>
    <t>ENC: Emissão de cartões BTB e EBTA | Dafiti</t>
  </si>
  <si>
    <t>lucas.infante@dafiti.com.br</t>
  </si>
  <si>
    <t>10/21/2019 10:16:58</t>
  </si>
  <si>
    <t>10/21/2019 10:20:29</t>
  </si>
  <si>
    <t>\\acsfs\DEPTOS\Controladoria\32.Tesouraria\4 - Endividamento\8 - Mútuos_AFAC\Mútuos\4 - Asyst Argentina\2º Mútuo\5º Aditivo - Alteração Indexador\</t>
  </si>
  <si>
    <t>ACC - 5º Aditivo do 2º Mútuo V2.xlsx</t>
  </si>
  <si>
    <t>10/21/2019 10:18:46</t>
  </si>
  <si>
    <t>10/21/2019 10:18:52</t>
  </si>
  <si>
    <t>10/21/2019 10:25:29</t>
  </si>
  <si>
    <t>10/21/2019 10:29:30</t>
  </si>
  <si>
    <t>geral das monitorias.xls</t>
  </si>
  <si>
    <t>10/21/2019 10:25:22</t>
  </si>
  <si>
    <t>10/21/2019 10:30:29</t>
  </si>
  <si>
    <t>\\acsfs\DEPTOS\Controladoria\32.Tesouraria\4 - Endividamento\8 - Mútuos_AFAC\Mútuos\4 - Asyst Argentina\3º Mútuo\4º Aditivo Fev19\</t>
  </si>
  <si>
    <t>ACC - 4º Aditivo do 3º Mútuo V2.xlsx</t>
  </si>
  <si>
    <t>10/21/2019 10:28:38</t>
  </si>
  <si>
    <t>10/21/2019 10:28:29</t>
  </si>
  <si>
    <t>angelicatm@algartech.com;marianesg@algartech.com;</t>
  </si>
  <si>
    <t>angelicatm@algartech.com,marianesg@algartech.com</t>
  </si>
  <si>
    <t>10/21/2019 10:27:55</t>
  </si>
  <si>
    <t>Resultado parcial outubro</t>
  </si>
  <si>
    <t>10/21/2019 10:28:56</t>
  </si>
  <si>
    <t>R:\OneDrive - Grupo Algar\Advanced Collection\Marketing\20191021 - Financeiro.vfcalibrada.pptx\</t>
  </si>
  <si>
    <t>10/21/2019 10:27:53</t>
  </si>
  <si>
    <t>10/21/2019 10:31:29</t>
  </si>
  <si>
    <t>rafaelqs@algartech.com</t>
  </si>
  <si>
    <t>gustavohs@algartech.com;</t>
  </si>
  <si>
    <t>\\acsfs\DEPTOS\TH\24 - Gestão Aprendiz\Controle\Orçamento\</t>
  </si>
  <si>
    <t>Aprendiz Orçamento 2020.xlsx</t>
  </si>
  <si>
    <t>gustavohs@algartech.com</t>
  </si>
  <si>
    <t>10/21/2019 10:31:35</t>
  </si>
  <si>
    <t>10/21/2019 10:35:28</t>
  </si>
  <si>
    <t>ACC - 9º Aditivo do 1º Mútuo JUR.xlsx</t>
  </si>
  <si>
    <t>10/21/2019 10:33:49</t>
  </si>
  <si>
    <t>ACC - 5º Aditivo do 2º Mútuo JUR.xlsx</t>
  </si>
  <si>
    <t>10/21/2019 10:32:23</t>
  </si>
  <si>
    <t>10/21/2019 10:36:29</t>
  </si>
  <si>
    <t>CHAMADOS SOLICITAR RETORNO.xlsx</t>
  </si>
  <si>
    <t>10/21/2019 10:38:31</t>
  </si>
  <si>
    <t>10/21/2019 10:37:29</t>
  </si>
  <si>
    <t>10/21/2019 10:33:18</t>
  </si>
  <si>
    <t>10/21/2019 10:38:29</t>
  </si>
  <si>
    <t>ENC: Capex planejamento financeiro.xlsx</t>
  </si>
  <si>
    <t>10/21/2019 10:35:10</t>
  </si>
  <si>
    <t>10/21/2019 10:39:28</t>
  </si>
  <si>
    <t>/o=exchangelabs/ou=exchange administrative group (fydibohf23spdlt)/cn=recipients/cn=thiago oliveira reis;</t>
  </si>
  <si>
    <t>Qualidade novatos</t>
  </si>
  <si>
    <t>qualidade novatos.xls</t>
  </si>
  <si>
    <t>/o=exchangelabs/ou=exchange administrative group (fydibohf23spdlt)/cn=recipients/cn=thiago oliveira reis</t>
  </si>
  <si>
    <t>10/21/2019 10:37:34</t>
  </si>
  <si>
    <t>10/21/2019 10:40:28</t>
  </si>
  <si>
    <t>\\acsfs\DEPTOS\Controladoria\32.Tesouraria\4 - Endividamento\8 - Mútuos_AFAC\Mútuos\4 - Asyst Argentina\4º Mútuo\3º Aditivo Fev19\</t>
  </si>
  <si>
    <t>ACC - 3º Aditivo 4º Mútuo V2.xlsx</t>
  </si>
  <si>
    <t>10/21/2019 10:38:54</t>
  </si>
  <si>
    <t>Retidos Compra Certa - Outubro.xlsm</t>
  </si>
  <si>
    <t>10/21/2019 10:37:52</t>
  </si>
  <si>
    <t>Speed_of_Accept_(seconds)_Report 15.10.xlsx</t>
  </si>
  <si>
    <t>10/21/2019 10:39:29</t>
  </si>
  <si>
    <t>10/21/2019 10:44:28</t>
  </si>
  <si>
    <t>mail.google.com/_/upload?authuser=1&amp;dcp=asu-n&amp;upload_id=AEnB2UqWncO1WfrZVFfoknHPl1vjN8uuIKJ_X1NAzWWtcYpo4eLROocbY95JTc_VpEClJPJ14SgQmT5TCPiWUHtFtMwLf_XmpfqDIvZhn4WhEyrTJciW6KA&amp;upload_protocol=resumable</t>
  </si>
  <si>
    <t>10/21/2019 10:43:23</t>
  </si>
  <si>
    <t>10/21/2019 10:46:28</t>
  </si>
  <si>
    <t>\\acsfs\deptos\tecnica\departamentos\engenharia\noc\pessoais\alef lima\</t>
  </si>
  <si>
    <t>formulário de liberação de ativos clu.xlsx</t>
  </si>
  <si>
    <t>10/21/2019 10:46:56</t>
  </si>
  <si>
    <t>10/21/2019 10:49:27</t>
  </si>
  <si>
    <t>marciols@algartech.com;</t>
  </si>
  <si>
    <t>Cargos para parametrização no SinergyRH 21out2019 V_Iramilda (1).xlsx</t>
  </si>
  <si>
    <t>marciols@algartech.com</t>
  </si>
  <si>
    <t>10/21/2019 10:47:26</t>
  </si>
  <si>
    <t>RES: Meta Orçamento- INDICADORES SLA CONTRATUAL</t>
  </si>
  <si>
    <t>Cópia de SLA GRC.xlsx</t>
  </si>
  <si>
    <t>10/21/2019 10:52:28</t>
  </si>
  <si>
    <t>ENC: PPT - Último Fórum AVON</t>
  </si>
  <si>
    <t>RES Fórum Avon.msg\s1\</t>
  </si>
  <si>
    <t>Cornerstone.xlsx</t>
  </si>
  <si>
    <t>10/21/2019 10:57:54</t>
  </si>
  <si>
    <t>10/21/2019 10:57:27</t>
  </si>
  <si>
    <t>10.203.30.102</t>
  </si>
  <si>
    <t>mail.google.com/_/upload?authuser=0&amp;dcp=asu-n&amp;upload_id=AEnB2Ur8ZIQX9BTFWudWmR80C9yH9-m0TdlmAzPh92hiv6_rA2Wf4ds2lGnh-aCQ8ix2MWqOkn-G7lTKgBsyVg5KfkUu6t1Pv6o4KEDIp-v7q6G7qMVvjhs&amp;upload_protocol=resumable</t>
  </si>
  <si>
    <t>brunocss@algartech.com;wasleylc@algartech.com;</t>
  </si>
  <si>
    <t>2019_10_21_Processo_Seletivo_Auditor_Youse.xlsx</t>
  </si>
  <si>
    <t>brunocss@algartech.com,wasleylc@algartech.com</t>
  </si>
  <si>
    <t>10/21/2019 10:59:49</t>
  </si>
  <si>
    <t>10/21/2019 11:03:26</t>
  </si>
  <si>
    <t>daniloms@algartech.com;geisonjt@algartech.com;leandrosos@algartech.com;</t>
  </si>
  <si>
    <t>CLASSIFICAÇÃO DE RISCO - Leandro.xlsx</t>
  </si>
  <si>
    <t>daniloms@algartech.com,geisonjt@algartech.com,leandrosos@algartech.com</t>
  </si>
  <si>
    <t>10/21/2019 11:05:39</t>
  </si>
  <si>
    <t>10/21/2019 11:10:26</t>
  </si>
  <si>
    <t>/o=exchangelabs/ou=exchange administrative group (fydibohf23spdlt)/cn=recipients/cn=2d3379e2d04c40db810b4b1f41dd2aea-erica carol;/o=exchangelabs/ou=exchange administrative group (fydibohf23spdlt)/cn=recipients/cn=a4d4dbc88c434f8ba2bceed730d83878-marcellus r;/o=exchangelabs/ou=exchange administrative group (fydibohf23spdlt)/cn=recipients/cn=c5057601f2364b0db7ea84dbec10baa4-matheus mor;</t>
  </si>
  <si>
    <t>ENC: Chamado: CP-3375683; Gentileza calcular o valor de IOF e juros referente Mutuo de 20MM com taxa de CDI + 1,70 a.a. Inicio em 01/02/20 final 01/02/21.Obrigado. - Chamado aguardando confirmação de ...</t>
  </si>
  <si>
    <t>Mutuo_-_Mutuo_Algar_Tech_X_T.I_010220_Simulacao.xlsx</t>
  </si>
  <si>
    <t>/o=exchangelabs/ou=exchange administrative group (fydibohf23spdlt)/cn=recipients/cn=2d3379e2d04c40db810b4b1f41dd2aea-erica carol,/o=exchangelabs/ou=exchange administrative group (fydibohf23spdlt)/cn=recipients/cn=a4d4dbc88c434f8ba2bceed730d83878-marcellus r,/o=exchangelabs/ou=exchange administrative group (fydibohf23spdlt)/cn=recipients/cn=c5057601f2364b0db7ea84dbec10baa4-matheus mor</t>
  </si>
  <si>
    <t>10/21/2019 11:11:01</t>
  </si>
  <si>
    <t>10/21/2019 11:11:26</t>
  </si>
  <si>
    <t>/o=exchangelabs/ou=exchange administrative group (fydibohf23spdlt)/cn=recipients/cn=230f4410440747e88bfdc65fddb1e192-vanessa sou;</t>
  </si>
  <si>
    <t>Cronograma Tech Day</t>
  </si>
  <si>
    <t>Cronograma Tech Day.xlsx</t>
  </si>
  <si>
    <t>/o=exchangelabs/ou=exchange administrative group (fydibohf23spdlt)/cn=recipients/cn=230f4410440747e88bfdc65fddb1e192-vanessa sou</t>
  </si>
  <si>
    <t>10/21/2019 11:06:48</t>
  </si>
  <si>
    <t>/o=exchangelabs/ou=exchange administrative group (fydibohf23spdlt)/cn=recipients/cn=de9f854a14d9435dad27cd6ba8926e87-cinthia mot;lazarosc@algartech.com;</t>
  </si>
  <si>
    <t>Planilha de Precificação</t>
  </si>
  <si>
    <t>/o=exchangelabs/ou=exchange administrative group (fydibohf23spdlt)/cn=recipients/cn=de9f854a14d9435dad27cd6ba8926e87-cinthia mot,lazarosc@algartech.com</t>
  </si>
  <si>
    <t>10/21/2019 11:02:13</t>
  </si>
  <si>
    <t>10/21/2019 11:12:26</t>
  </si>
  <si>
    <t>RES: Proposta comercial BV controle de Acessos</t>
  </si>
  <si>
    <t>Acessos BV ALGAR v1.xlsx</t>
  </si>
  <si>
    <t>10/21/2019 11:15:53</t>
  </si>
  <si>
    <t>10/21/2019 11:15:26</t>
  </si>
  <si>
    <t>/o=exchangelabs/ou=exchange administrative group (fydibohf23spdlt)/cn=recipients/cn=54abac0a4fdc4ad1bec39bb51d85eab1-victor hugo;/o=exchangelabs/ou=exchange administrative group (fydibohf23spdlt)/cn=recipients/cn=c5057601f2364b0db7ea84dbec10baa4-matheus mor;</t>
  </si>
  <si>
    <t>Alteração de Conta Contabil Orçamento 2020</t>
  </si>
  <si>
    <t>/o=exchangelabs/ou=exchange administrative group (fydibohf23spdlt)/cn=recipients/cn=54abac0a4fdc4ad1bec39bb51d85eab1-victor hugo,/o=exchangelabs/ou=exchange administrative group (fydibohf23spdlt)/cn=recipients/cn=c5057601f2364b0db7ea84dbec10baa4-matheus mor</t>
  </si>
  <si>
    <t>10/21/2019 11:12:30</t>
  </si>
  <si>
    <t>ENC: POVO QUE SÓ VIVE DE PAUSA</t>
  </si>
  <si>
    <t>Laila Jessica.xlsx</t>
  </si>
  <si>
    <t>10/21/2019 11:09:28</t>
  </si>
  <si>
    <t>10/21/2019 11:16:25</t>
  </si>
  <si>
    <t>/o=exchangelabs/ou=exchange administrative group (fydibohf23spdlt)/cn=recipients/cn=938b0bcbe6c849379d1f8885bf8556f7-leticia reg;andregc@algartech.com;</t>
  </si>
  <si>
    <t>ENC: Motivacional para dia 19/10 PM e PU</t>
  </si>
  <si>
    <t>Vendas PM e PU 19 outubro.xlsx</t>
  </si>
  <si>
    <t>/o=exchangelabs/ou=exchange administrative group (fydibohf23spdlt)/cn=recipients/cn=938b0bcbe6c849379d1f8885bf8556f7-leticia reg,andregc@algartech.com</t>
  </si>
  <si>
    <t>10/21/2019 11:14:39</t>
  </si>
  <si>
    <t>10/21/2019 11:19:25</t>
  </si>
  <si>
    <t>Template_-_Prorrogacao_de_Titulos Ezentis.xlsx</t>
  </si>
  <si>
    <t>10/21/2019 11:16:17</t>
  </si>
  <si>
    <t>10/21/2019 11:20:12</t>
  </si>
  <si>
    <t>10/21/2019 11:24:24</t>
  </si>
  <si>
    <t>ENC: Produtividade CRCe até 17/10</t>
  </si>
  <si>
    <t>10/21/2019 11:20:28</t>
  </si>
  <si>
    <t>10/21/2019 11:25:25</t>
  </si>
  <si>
    <t>/o=exchangelabs/ou=exchange administrative group (fydibohf23spdlt)/cn=recipients/cn=1e212ef08dab4f26b88cba944f2ab7cb-pmo.governa;/o=exchangelabs/ou=exchange administrative group (fydibohf23spdlt)/cn=recipients/cn=2504d5028b6b4fb89d14a5df6031358d-jane carla;/o=exchangelabs/ou=exchange administrative group (fydibohf23spdlt)/cn=recipients/cn=2d3379e2d04c40db810b4b1f41dd2aea-erica carol;/o=exchangelabs/ou=exchange administrative group (fydibohf23spdlt)/cn=recipients/cn=54abac0a4fdc4ad1bec39bb51d85eab1-victor hugo;/o=exchangelabs/ou=exchange administrative group (fydibohf23spdlt)/cn=recipients/cn=55f846c335d7437f892f0b0d49c89e92-celma ribei;/o=exchangelabs/ou=exchange administrative group (fydibohf23spdlt)/cn=recipients/cn=65d35bc38c6743d7a55b3ae9726a5893-diego ribei;/o=exchangelabs/ou=exchange administrative group (fydibohf23spdlt)/cn=recipients/cn=65f2464c9a2e4d2981cae7124572133d-cristiane c;/o=exchangelabs/ou=exchange administrative group (fydibohf23spdlt)/cn=recipients/cn=6bc6ced03b1b4fafa41bb5c70c178940-anton</t>
  </si>
  <si>
    <t>CAPEX 2020 - (Abertura por empresa e CR) --- Ajuste LGPD ERP FTE com saving aplicado</t>
  </si>
  <si>
    <t>CAPEX_2020 - Cenário1_LGPD_ERP_saving.xlsx</t>
  </si>
  <si>
    <t>/o=exchangelabs/ou=exchange administrative group (fydibohf23spdlt)/cn=recipients/cn=1e212ef08dab4f26b88cba944f2ab7cb-pmo.governa,/o=exchangelabs/ou=exchange administrative group (fydibohf23spdlt)/cn=recipients/cn=2504d5028b6b4fb89d14a5df6031358d-jane carla,/o=exchangelabs/ou=exchange administrative group (fydibohf23spdlt)/cn=recipients/cn=2d3379e2d04c40db810b4b1f41dd2aea-erica carol,/o=exchangelabs/ou=exchange administrative group (fydibohf23spdlt)/cn=recipients/cn=54abac0a4fdc4ad1bec39bb51d85eab1-victor hugo,/o=exchangelabs/ou=exchange administrative group (fydibohf23spdlt)/cn=recipients/cn=55f846c335d7437f892f0b0d49c89e92-celma ribei,/o=exchangelabs/ou=exchange administrative group (fydibohf23spdlt)/cn=recipients/cn=65d35bc38c6743d7a55b3ae9726a5893-diego ribei,/o=exchangelabs/ou=exchange administrative group (fydibohf23spdlt)/cn=recipients/cn=65f2464c9a2e4d2981cae7124572133d-cristiane c,/o=exchangelabs/ou=exchange administrative group (fydibohf23spdlt)/cn=recipients/cn=6bc6ced03b1b4fafa41bb5c70c178940-anton</t>
  </si>
  <si>
    <t>10/21/2019 11:26:44</t>
  </si>
  <si>
    <t>10/21/2019 11:31:24</t>
  </si>
  <si>
    <t>ENC: cadastro geral Algar Tecnologia</t>
  </si>
  <si>
    <t>RelatorioExtracaoGeralCompleta_20191021081227_tecnologia_2110.csv</t>
  </si>
  <si>
    <t>10/21/2019 11:38:00</t>
  </si>
  <si>
    <t>10/21/2019 11:37:24</t>
  </si>
  <si>
    <t>TMT Atualizado.xlsx</t>
  </si>
  <si>
    <t>10/21/2019 11:35:12</t>
  </si>
  <si>
    <t>10/21/2019 11:39:24</t>
  </si>
  <si>
    <t>/o=exchangelabs/ou=exchange administrative group (fydibohf23spdlt)/cn=recipients/cn=44cb5fec0bb34441a6c9a2b533493901-amex atuali;/o=exchangelabs/ou=exchange administrative group (fydibohf23spdlt)/cn=recipients/cn=822f65115a2046059fff20a916dd90e9-thais marti;/o=exchangelabs/ou=exchange administrative group (fydibohf23spdlt)/cn=recipients/cn=aeac94aeff4e4fd386c3fb96a0addde6-amex - cont;/o=exchangelabs/ou=exchange administrative group (fydibohf23spdlt)/cn=recipients/cn=e5b43dbf0aec4942b679f943c7b58e2f-everson mac;</t>
  </si>
  <si>
    <t>Mudança de skil e renomear nome</t>
  </si>
  <si>
    <t>Planilha para renomeação de Id Telefonico e alteração de skill.xlsx</t>
  </si>
  <si>
    <t>/o=exchangelabs/ou=exchange administrative group (fydibohf23spdlt)/cn=recipients/cn=44cb5fec0bb34441a6c9a2b533493901-amex atuali,/o=exchangelabs/ou=exchange administrative group (fydibohf23spdlt)/cn=recipients/cn=822f65115a2046059fff20a916dd90e9-thais marti,/o=exchangelabs/ou=exchange administrative group (fydibohf23spdlt)/cn=recipients/cn=aeac94aeff4e4fd386c3fb96a0addde6-amex - cont,/o=exchangelabs/ou=exchange administrative group (fydibohf23spdlt)/cn=recipients/cn=e5b43dbf0aec4942b679f943c7b58e2f-everson mac</t>
  </si>
  <si>
    <t>10/21/2019 11:39:30</t>
  </si>
  <si>
    <t>10/21/2019 11:40:23</t>
  </si>
  <si>
    <t>10.200.35.89</t>
  </si>
  <si>
    <t>/o=exchangelabs/ou=exchange administrative group (fydibohf23spdlt)/cn=recipients/cn=82e9af7034e542b3a622ab8e7d09ff5d-ricardo de;/o=exchangelabs/ou=exchange administrative group (fydibohf23spdlt)/cn=recipients/cn=a75579a499254c2291e852b70c4d70d1-eunice apar;</t>
  </si>
  <si>
    <t>/o=exchangelabs/ou=exchange administrative group (fydibohf23spdlt)/cn=recipients/cn=82e9af7034e542b3a622ab8e7d09ff5d-ricardo de,/o=exchangelabs/ou=exchange administrative group (fydibohf23spdlt)/cn=recipients/cn=a75579a499254c2291e852b70c4d70d1-eunice apar</t>
  </si>
  <si>
    <t>10/21/2019 11:49:21</t>
  </si>
  <si>
    <t>10/21/2019 11:50:23</t>
  </si>
  <si>
    <t>RES: Mapeamento assistentes - Ana Paula Lot</t>
  </si>
  <si>
    <t>Assistentes - Ana Paula Lot.xlsx</t>
  </si>
  <si>
    <t>10/21/2019 11:50:15</t>
  </si>
  <si>
    <t>10/21/2019 11:51:23</t>
  </si>
  <si>
    <t>10/21/2019 11:49:03</t>
  </si>
  <si>
    <t>10.12.241.103</t>
  </si>
  <si>
    <t>10/21/2019 11:50:27</t>
  </si>
  <si>
    <t>10/21/2019 11:52:23</t>
  </si>
  <si>
    <t>/o=exchangelabs/ou=exchange administrative group (fydibohf23spdlt)/cn=recipients/cn=c29ec9dae022497281c840087cccddec-patricia ar;/o=exchangelabs/ou=exchange administrative group (fydibohf23spdlt)/cn=recipients/cn=ddbbc013641646d08f8ffec122e83ef5-sandy yumi;/o=exchangelabs/ou=exchange administrative group (fydibohf23spdlt)/cn=recipients/cn=user776b6484;</t>
  </si>
  <si>
    <t>RES: Soluções e Processos - Status de demandas 21/10</t>
  </si>
  <si>
    <t>/o=exchangelabs/ou=exchange administrative group (fydibohf23spdlt)/cn=recipients/cn=c29ec9dae022497281c840087cccddec-patricia ar,/o=exchangelabs/ou=exchange administrative group (fydibohf23spdlt)/cn=recipients/cn=ddbbc013641646d08f8ffec122e83ef5-sandy yumi,/o=exchangelabs/ou=exchange administrative group (fydibohf23spdlt)/cn=recipients/cn=user776b6484</t>
  </si>
  <si>
    <t>10/21/2019 11:50:47</t>
  </si>
  <si>
    <t>10/21/2019 11:56:22</t>
  </si>
  <si>
    <t>/o=exchangelabs/ou=exchange administrative group (fydibohf23spdlt)/cn=recipients/cn=35d7a5dd4230471b9bd6562ec33a0120-rodrigo da;</t>
  </si>
  <si>
    <t>/o=exchangelabs/ou=exchange administrative group (fydibohf23spdlt)/cn=recipients/cn=35d7a5dd4230471b9bd6562ec33a0120-rodrigo da</t>
  </si>
  <si>
    <t>10/21/2019 11:52:11</t>
  </si>
  <si>
    <t>ATA de Reunião 18/10</t>
  </si>
  <si>
    <t>10/21/2019 11:57:45</t>
  </si>
  <si>
    <t>10/21/2019 12:02:26</t>
  </si>
  <si>
    <t>10/21/2019 12:06:22</t>
  </si>
  <si>
    <t>Doc. Relatório de Inspeção, Relatório de Treinamento</t>
  </si>
  <si>
    <t>Relatório de Inspeção de Segurança Outubro 2019 RV0.xls</t>
  </si>
  <si>
    <t>10/21/2019 12:10:26</t>
  </si>
  <si>
    <t>10/21/2019 12:10:22</t>
  </si>
  <si>
    <t>RES: Early Adpters GSuite - PCP</t>
  </si>
  <si>
    <t>Usuarios_PlanejamentoControle.xlsx</t>
  </si>
  <si>
    <t>10/21/2019 12:10:32</t>
  </si>
  <si>
    <t>10/21/2019 12:14:21</t>
  </si>
  <si>
    <t>BASE CRs e Contatos_GAT.xlsx</t>
  </si>
  <si>
    <t>10/21/2019 12:13:45</t>
  </si>
  <si>
    <t>10/21/2019 12:16:22</t>
  </si>
  <si>
    <t>/o=exchangelabs/ou=exchange administrative group (fydibohf23spdlt)/cn=recipients/cn=50f8ab770c6e4ce1a0c6a59d9c0a5d77-gessica ste;/o=exchangelabs/ou=exchange administrative group (fydibohf23spdlt)/cn=recipients/cn=8b5b63d67af648d081a40c45cc800804-fabiana per;/o=exchangelabs/ou=exchange administrative group (fydibohf23spdlt)/cn=recipients/cn=bec14da9ad4d434b8151ce12587e9186-khassio mar;equipefabi@algartech.com.br;flavia@iclicconsultoria.com.br;gustavo@iclicconsultoria.com.br;tecnicospj@algartech.com.br;</t>
  </si>
  <si>
    <t>FOCUS GROUP 22a23outubro.xlsx</t>
  </si>
  <si>
    <t>/o=exchangelabs/ou=exchange administrative group (fydibohf23spdlt)/cn=recipients/cn=50f8ab770c6e4ce1a0c6a59d9c0a5d77-gessica ste,/o=exchangelabs/ou=exchange administrative group (fydibohf23spdlt)/cn=recipients/cn=8b5b63d67af648d081a40c45cc800804-fabiana per,/o=exchangelabs/ou=exchange administrative group (fydibohf23spdlt)/cn=recipients/cn=bec14da9ad4d434b8151ce12587e9186-khassio mar,equipefabi@algartech.com.br,flavia@iclicconsultoria.com.br,gustavo@iclicconsultoria.com.br,tecnicospj@algartech.com.br</t>
  </si>
  <si>
    <t>10/21/2019 12:17:57</t>
  </si>
  <si>
    <t>10/21/2019 12:21:21</t>
  </si>
  <si>
    <t>Treinamento Regional Sul - Programar agenda</t>
  </si>
  <si>
    <t>Planilha R35 Trabalho em Altura.xlsx</t>
  </si>
  <si>
    <t>10/21/2019 12:18:22</t>
  </si>
  <si>
    <t>henriqueac@algartech.com;leticiarp@algartech.com;</t>
  </si>
  <si>
    <t>DRE_Ajuda custo seguro diretoria_2020.xlsx</t>
  </si>
  <si>
    <t>henriqueac@algartech.com,leticiarp@algartech.com</t>
  </si>
  <si>
    <t>10/21/2019 12:42:40</t>
  </si>
  <si>
    <t>10/21/2019 12:44:19</t>
  </si>
  <si>
    <t>10/21/2019 12:40:33</t>
  </si>
  <si>
    <t>10/21/2019 12:45:20</t>
  </si>
  <si>
    <t>FORMULÁRIO CADASTRO DE FORNECEDOR PROJESA.xlsx</t>
  </si>
  <si>
    <t>10/21/2019 12:50:10</t>
  </si>
  <si>
    <t>10/21/2019 12:51:18</t>
  </si>
  <si>
    <t>Disparo_21.10.csv</t>
  </si>
  <si>
    <t>10/21/2019 12:52:38</t>
  </si>
  <si>
    <t>10/21/2019 12:55:19</t>
  </si>
  <si>
    <t>10/21/2019 13:02:15</t>
  </si>
  <si>
    <t>10/21/2019 13:06:18</t>
  </si>
  <si>
    <t>5 stars 21.10.csv</t>
  </si>
  <si>
    <t>10/21/2019 13:12:02</t>
  </si>
  <si>
    <t>10/21/2019 13:16:16</t>
  </si>
  <si>
    <t>Casos que vencem amanhã</t>
  </si>
  <si>
    <t>'D1 - Volume de Casos Pendentes - Atribuir.xlsx</t>
  </si>
  <si>
    <t>10/21/2019 13:24:18</t>
  </si>
  <si>
    <t>10/21/2019 13:23:16</t>
  </si>
  <si>
    <t>/o=exchangelabs/ou=exchange administrative group (fydibohf23spdlt)/cn=recipients/cn=443a648e2bd247c69659ca2ac6a18582-adriele fer;/o=exchangelabs/ou=exchange administrative group (fydibohf23spdlt)/cn=recipients/cn=4ada91d5dca14c9b91ce4ae2425863c4-raphael afo;/o=exchangelabs/ou=exchange administrative group (fydibohf23spdlt)/cn=recipients/cn=56f1ed18d0b4438e8484a989403b0f53-ana paula c;/o=exchangelabs/ou=exchange administrative group (fydibohf23spdlt)/cn=recipients/cn=65d35bc38c6743d7a55b3ae9726a5893-diego ribei;/o=exchangelabs/ou=exchange administrative group (fydibohf23spdlt)/cn=recipients/cn=b3ad8a638fcc4c57bf8c7953dd4b3cb8-augusto ces;/o=exchangelabs/ou=exchange administrative group (fydibohf23spdlt)/cn=recipients/cn=f0723cfec25d44359e10a3afabfe3d5f-ederlei rod;</t>
  </si>
  <si>
    <t>Home Office PMO - Outubro2.xlsx</t>
  </si>
  <si>
    <t>/o=exchangelabs/ou=exchange administrative group (fydibohf23spdlt)/cn=recipients/cn=443a648e2bd247c69659ca2ac6a18582-adriele fer,/o=exchangelabs/ou=exchange administrative group (fydibohf23spdlt)/cn=recipients/cn=4ada91d5dca14c9b91ce4ae2425863c4-raphael afo,/o=exchangelabs/ou=exchange administrative group (fydibohf23spdlt)/cn=recipients/cn=56f1ed18d0b4438e8484a989403b0f53-ana paula c,/o=exchangelabs/ou=exchange administrative group (fydibohf23spdlt)/cn=recipients/cn=65d35bc38c6743d7a55b3ae9726a5893-diego ribei,/o=exchangelabs/ou=exchange administrative group (fydibohf23spdlt)/cn=recipients/cn=b3ad8a638fcc4c57bf8c7953dd4b3cb8-augusto ces,/o=exchangelabs/ou=exchange administrative group (fydibohf23spdlt)/cn=recipients/cn=f0723cfec25d44359e10a3afabfe3d5f-ederlei rod</t>
  </si>
  <si>
    <t>10/21/2019 13:27:33</t>
  </si>
  <si>
    <t>10/21/2019 13:31:15</t>
  </si>
  <si>
    <t>/o=exchangelabs/ou=exchange administrative group (fydibohf23spdlt)/cn=recipients/cn=41c147f014944cfa80853d637ebf4f57-gestao forn;/o=exchangelabs/ou=exchange administrative group (fydibohf23spdlt)/cn=recipients/cn=ed7ea89eecb140658a2ad499b81aefb5-ana.carvalh;</t>
  </si>
  <si>
    <t>RES: Performance 2019 Outubro</t>
  </si>
  <si>
    <t>Questionário-Gestor Técnico_Tracksale.xlsx</t>
  </si>
  <si>
    <t>/o=exchangelabs/ou=exchange administrative group (fydibohf23spdlt)/cn=recipients/cn=41c147f014944cfa80853d637ebf4f57-gestao forn,/o=exchangelabs/ou=exchange administrative group (fydibohf23spdlt)/cn=recipients/cn=ed7ea89eecb140658a2ad499b81aefb5-ana.carvalh</t>
  </si>
  <si>
    <t>10/21/2019 13:32:16</t>
  </si>
  <si>
    <t>10/21/2019 13:33:15</t>
  </si>
  <si>
    <t>/o=exchangelabs/ou=exchange administrative group (fydibohf23spdlt)/cn=recipients/cn=18538d61f6f342f7a3d2db08df47d617-vanusa prec;/o=exchangelabs/ou=exchange administrative group (fydibohf23spdlt)/cn=recipients/cn=b144f37bc5a4455085d413d0b7993628-daniela de;</t>
  </si>
  <si>
    <t>/o=exchangelabs/ou=exchange administrative group (fydibohf23spdlt)/cn=recipients/cn=18538d61f6f342f7a3d2db08df47d617-vanusa prec,/o=exchangelabs/ou=exchange administrative group (fydibohf23spdlt)/cn=recipients/cn=b144f37bc5a4455085d413d0b7993628-daniela de</t>
  </si>
  <si>
    <t>10/21/2019 13:34:12</t>
  </si>
  <si>
    <t>10/21/2019 13:38:14</t>
  </si>
  <si>
    <t>10.201.28.56</t>
  </si>
  <si>
    <t>10/21/2019 13:35:27</t>
  </si>
  <si>
    <t>10/21/2019 13:41:55</t>
  </si>
  <si>
    <t>10/21/2019 13:40:15</t>
  </si>
  <si>
    <t>/o=exchangelabs/ou=exchange administrative group (fydibohf23spdlt)/cn=recipients/cn=569d7198742e4440ae175f4e06d6c6a9-thiago rodr;</t>
  </si>
  <si>
    <t>/o=exchangelabs/ou=exchange administrative group (fydibohf23spdlt)/cn=recipients/cn=569d7198742e4440ae175f4e06d6c6a9-thiago rodr</t>
  </si>
  <si>
    <t>10/21/2019 13:38:32</t>
  </si>
  <si>
    <t>/o=exchangelabs/ou=exchange administrative group (fydibohf23spdlt)/cn=recipients/cn=65d35bc38c6743d7a55b3ae9726a5893-diego ribei;/o=exchangelabs/ou=exchange administrative group (fydibohf23spdlt)/cn=recipients/cn=b3ad8a638fcc4c57bf8c7953dd4b3cb8-augusto ces;</t>
  </si>
  <si>
    <t>ENC: Estou compartilhando o arquivo 'Desprotege2.1.xlsm' com você</t>
  </si>
  <si>
    <t>Desprotege2.1.xlsm</t>
  </si>
  <si>
    <t>/o=exchangelabs/ou=exchange administrative group (fydibohf23spdlt)/cn=recipients/cn=65d35bc38c6743d7a55b3ae9726a5893-diego ribei,/o=exchangelabs/ou=exchange administrative group (fydibohf23spdlt)/cn=recipients/cn=b3ad8a638fcc4c57bf8c7953dd4b3cb8-augusto ces</t>
  </si>
  <si>
    <t>10/21/2019 13:38:43</t>
  </si>
  <si>
    <t>ederlei.rodrigo@gmail.com;</t>
  </si>
  <si>
    <t>ederlei.rodrigo@gmail.com</t>
  </si>
  <si>
    <t>10/21/2019 13:41:16</t>
  </si>
  <si>
    <t>10/21/2019 13:45:14</t>
  </si>
  <si>
    <t>/o=exchangelabs/ou=exchange administrative group (fydibohf23spdlt)/cn=recipients/cn=2c5a5457456c48ed965bb4f50e5f9abe-ayslan soar;</t>
  </si>
  <si>
    <t>/o=exchangelabs/ou=exchange administrative group (fydibohf23spdlt)/cn=recipients/cn=2c5a5457456c48ed965bb4f50e5f9abe-ayslan soar</t>
  </si>
  <si>
    <t>10/21/2019 13:41:18</t>
  </si>
  <si>
    <t>/o=exchangelabs/ou=exchange administrative group (fydibohf23spdlt)/cn=recipients/cn=1e212ef08dab4f26b88cba944f2ab7cb-pmo.governa;/o=exchangelabs/ou=exchange administrative group (fydibohf23spdlt)/cn=recipients/cn=65d35bc38c6743d7a55b3ae9726a5893-diego ribei;/o=exchangelabs/ou=exchange administrative group (fydibohf23spdlt)/cn=recipients/cn=b3ad8a638fcc4c57bf8c7953dd4b3cb8-augusto ces;</t>
  </si>
  <si>
    <t>ENC: REPORTE HOLDING - CAPEX MG (ROTINA ANUAL)</t>
  </si>
  <si>
    <t>INDI-MG_Entrega para Holding.rar\INDI-MG_Entrega para Holding\Bases_POOL&amp;PMO\</t>
  </si>
  <si>
    <t>Acompanhamento de Projetos_2015.xlsb</t>
  </si>
  <si>
    <t>/o=exchangelabs/ou=exchange administrative group (fydibohf23spdlt)/cn=recipients/cn=1e212ef08dab4f26b88cba944f2ab7cb-pmo.governa,/o=exchangelabs/ou=exchange administrative group (fydibohf23spdlt)/cn=recipients/cn=65d35bc38c6743d7a55b3ae9726a5893-diego ribei,/o=exchangelabs/ou=exchange administrative group (fydibohf23spdlt)/cn=recipients/cn=b3ad8a638fcc4c57bf8c7953dd4b3cb8-augusto ces</t>
  </si>
  <si>
    <t>10/21/2019 13:48:10</t>
  </si>
  <si>
    <t>10/21/2019 13:47:14</t>
  </si>
  <si>
    <t>renatobrl</t>
  </si>
  <si>
    <t>10.200.32.217</t>
  </si>
  <si>
    <t>64-1C-67-A0-2A-DE</t>
  </si>
  <si>
    <t>NB-LEONARDOCSO</t>
  </si>
  <si>
    <t>leonardocso</t>
  </si>
  <si>
    <t>C:\Users\leonardocso\Desktop\Importação Fila CBO UPG - PJ\</t>
  </si>
  <si>
    <t>8.1 - Classificação EVENTO.xml</t>
  </si>
  <si>
    <t>10/21/2019 13:48:11</t>
  </si>
  <si>
    <t>8 - Classificação Assunto.xlsx</t>
  </si>
  <si>
    <t>10/21/2019 13:43:47</t>
  </si>
  <si>
    <t>10/21/2019 13:49:14</t>
  </si>
  <si>
    <t>/o=exchangelabs/ou=exchange administrative group (fydibohf23spdlt)/cn=recipients/cn=54861e79125f48cc952d00cf8160b9a8-jeferson fe;</t>
  </si>
  <si>
    <t>ENC: RFP Televendas - Quarta Rodada</t>
  </si>
  <si>
    <t>Target Telemarketing_Quarta Rodada.xlsx</t>
  </si>
  <si>
    <t>/o=exchangelabs/ou=exchange administrative group (fydibohf23spdlt)/cn=recipients/cn=54861e79125f48cc952d00cf8160b9a8-jeferson fe</t>
  </si>
  <si>
    <t>10/21/2019 13:48:02</t>
  </si>
  <si>
    <t>mail.google.com/_/upload?authuser=0&amp;dcp=asu-n&amp;upload_id=AEnB2UrKqp4O6sCoGN5Sg59JSvROHB4CTeftKQ-3Z3b_Qq7S5IxSzISEEGknMNGUIrfIX5BVMWA6q4R6BdhQUrQtKb0BsxSHUvQ_eEk2qvwlLUIEQMdREdw&amp;upload_protocol=resumable</t>
  </si>
  <si>
    <t>\\acsfs\DEPTOS\Controladoria\23.Faturamento\5.CANCELAMENTOS - PLANILHAS DENTRO E FORA MES COMPETENCIA\2019\8. CANCELAMENTOS\</t>
  </si>
  <si>
    <t>Controle Cancelamentos 07.2019 a 09.2019.xlsx</t>
  </si>
  <si>
    <t>10/21/2019 13:48:30</t>
  </si>
  <si>
    <t>10/21/2019 13:46:16</t>
  </si>
  <si>
    <t>10/21/2019 13:51:14</t>
  </si>
  <si>
    <t>Relatorio de Pipe</t>
  </si>
  <si>
    <t>Pipeline Detalhado v2 (30).xlsx</t>
  </si>
  <si>
    <t>10/21/2019 13:53:00</t>
  </si>
  <si>
    <t>Análise Aspect</t>
  </si>
  <si>
    <t>Análise Reativação.xlsx</t>
  </si>
  <si>
    <t>10/21/2019 13:50:24</t>
  </si>
  <si>
    <t>10/21/2019 13:59:13</t>
  </si>
  <si>
    <t>ENC: Carta - Convite Banco Votorantim - SC 43131</t>
  </si>
  <si>
    <t>CENÁRIO C - RFP Televendas_Relação de Preços para Atendimento Geral_v2.xlsx</t>
  </si>
  <si>
    <t>10/21/2019 13:55:52</t>
  </si>
  <si>
    <t>10/21/2019 14:00:13</t>
  </si>
  <si>
    <t>/o=exchangelabs/ou=exchange administrative group (fydibohf23spdlt)/cn=recipients/cn=7a5ceaeaef9041b49ad4d0d90f19ee70-marianna co;/o=exchangelabs/ou=exchange administrative group (fydibohf23spdlt)/cn=recipients/cn=b3ad8a638fcc4c57bf8c7953dd4b3cb8-augusto ces;</t>
  </si>
  <si>
    <t>RES: HANDOVER PROCESSOS CAPEX</t>
  </si>
  <si>
    <t>2019.10_Execução_Handover.xlsx</t>
  </si>
  <si>
    <t>/o=exchangelabs/ou=exchange administrative group (fydibohf23spdlt)/cn=recipients/cn=7a5ceaeaef9041b49ad4d0d90f19ee70-marianna co,/o=exchangelabs/ou=exchange administrative group (fydibohf23spdlt)/cn=recipients/cn=b3ad8a638fcc4c57bf8c7953dd4b3cb8-augusto ces</t>
  </si>
  <si>
    <t>10/21/2019 13:57:28</t>
  </si>
  <si>
    <t>eduardost@algartech.com;evelisetsi@algartech.com;ewertoncles@algartech.com;leonardotds@algartech.com;</t>
  </si>
  <si>
    <t>eduardost@algartech.com,evelisetsi@algartech.com,ewertoncles@algartech.com,leonardotds@algartech.com</t>
  </si>
  <si>
    <t>10/21/2019 14:01:10</t>
  </si>
  <si>
    <t>10/21/2019 14:04:13</t>
  </si>
  <si>
    <t>Template_-_Gestao_de_Titulos (32).xlsx</t>
  </si>
  <si>
    <t>10/21/2019 13:59:03</t>
  </si>
  <si>
    <t>10/21/2019 14:05:12</t>
  </si>
  <si>
    <t>/o=exchangelabs/ou=exchange administrative group (fydibohf23spdlt)/cn=recipients/cn=8f185d9b3bd9437bbda2e6edb3323202-natalia men;/o=exchangelabs/ou=exchange administrative group (fydibohf23spdlt)/cn=recipients/cn=user776b6484;</t>
  </si>
  <si>
    <t>ENC: ***Apresentação Estudo Seguradoras***</t>
  </si>
  <si>
    <t>Diagnóstico TMO Seguradoras.xlsx</t>
  </si>
  <si>
    <t>/o=exchangelabs/ou=exchange administrative group (fydibohf23spdlt)/cn=recipients/cn=8f185d9b3bd9437bbda2e6edb3323202-natalia men,/o=exchangelabs/ou=exchange administrative group (fydibohf23spdlt)/cn=recipients/cn=user776b6484</t>
  </si>
  <si>
    <t>10/21/2019 14:03:31</t>
  </si>
  <si>
    <t>10/21/2019 14:07:12</t>
  </si>
  <si>
    <t>Resumo Executivo_Escopo B_15OUT_36 meses.xlsx</t>
  </si>
  <si>
    <t>01 Resumo GERAL 60 meses RB 109MM.xlsx</t>
  </si>
  <si>
    <t>10/21/2019 14:08:07</t>
  </si>
  <si>
    <t>10/21/2019 14:08:12</t>
  </si>
  <si>
    <t>/o=exchangelabs/ou=exchange administrative group (fydibohf23spdlt)/cn=recipients/cn=14a70e6ea48e469fb92836fb9681d216-nayara barr;/o=exchangelabs/ou=exchange administrative group (fydibohf23spdlt)/cn=recipients/cn=5412a5c3dbf6470e809115c1b42dde24-algar tech;/o=exchangelabs/ou=exchange administrative group (fydibohf23spdlt)/cn=recipients/cn=8c89829ad534498fa4c85b5ac11174f1-suelen more;/o=exchangelabs/ou=exchange administrative group (fydibohf23spdlt)/cn=recipients/cn=b16974d7de334bfabfe3dee1e8e47e59-sherley cri;/o=exchangelabs/ou=exchange administrative group (fydibohf23spdlt)/cn=recipients/cn=b5ef1f826e364d2aa99a0df5d1906feb-liliane apa;/o=exchangelabs/ou=exchange administrative group (fydibohf23spdlt)/cn=recipients/cn=c514dbe8b91547adb4618232d1a650ba-afonso domi;</t>
  </si>
  <si>
    <t>ENC: Infraero - 181257 - NOC/GIAT - NOVO CONVITE: Pregão Eletrônico Nº 001LALI-7SEDE2019 - Check List e Documentos Atualizados</t>
  </si>
  <si>
    <t>INFRAERO Nº 001LALI-7SEDE2019 181257 - NOCGIAT 21-10-2010.zip\</t>
  </si>
  <si>
    <t>Atualiza‡Æo 21.10.19 Check List Documentos INFRAERO.xlsx</t>
  </si>
  <si>
    <t>/o=exchangelabs/ou=exchange administrative group (fydibohf23spdlt)/cn=recipients/cn=14a70e6ea48e469fb92836fb9681d216-nayara barr,/o=exchangelabs/ou=exchange administrative group (fydibohf23spdlt)/cn=recipients/cn=5412a5c3dbf6470e809115c1b42dde24-algar tech,/o=exchangelabs/ou=exchange administrative group (fydibohf23spdlt)/cn=recipients/cn=8c89829ad534498fa4c85b5ac11174f1-suelen more,/o=exchangelabs/ou=exchange administrative group (fydibohf23spdlt)/cn=recipients/cn=b16974d7de334bfabfe3dee1e8e47e59-sherley cri,/o=exchangelabs/ou=exchange administrative group (fydibohf23spdlt)/cn=recipients/cn=b5ef1f826e364d2aa99a0df5d1906feb-liliane apa,/o=exchangelabs/ou=exchange administrative group (fydibohf23spdlt)/cn=recipients/cn=c514dbe8b91547adb4618232d1a650ba-afonso domi</t>
  </si>
  <si>
    <t>10/21/2019 14:08:26</t>
  </si>
  <si>
    <t>10/21/2019 14:09:12</t>
  </si>
  <si>
    <t>FAT A BBN.xlsx</t>
  </si>
  <si>
    <t>10/21/2019 14:16:44</t>
  </si>
  <si>
    <t>10/21/2019 14:15:12</t>
  </si>
  <si>
    <t>/o=exchangelabs/ou=exchange administrative group (fydibohf23spdlt)/cn=recipients/cn=a6ba306bde72439c8d608df7df1957f9-larice nasc;</t>
  </si>
  <si>
    <t>ENC: Painel Regulamentado PJ - Prazo SACL</t>
  </si>
  <si>
    <t>09 - Painel Regulamentado PJ - Prazo SACL Setembro.xlsx</t>
  </si>
  <si>
    <t>/o=exchangelabs/ou=exchange administrative group (fydibohf23spdlt)/cn=recipients/cn=a6ba306bde72439c8d608df7df1957f9-larice nasc</t>
  </si>
  <si>
    <t>10/21/2019 14:17:01</t>
  </si>
  <si>
    <t>08 - Painel Regulamentado PJ - Prazo SACL Agosto.xlsx</t>
  </si>
  <si>
    <t>10/21/2019 14:17:12</t>
  </si>
  <si>
    <t>ENC: Painel Regulamentado PJ</t>
  </si>
  <si>
    <t>07 - Painel Regulamentado PJ - Julho.xlsx</t>
  </si>
  <si>
    <t>10/21/2019 14:14:12</t>
  </si>
  <si>
    <t>10/21/2019 14:16:11</t>
  </si>
  <si>
    <t>action itensv12-21-10v1.xlsx</t>
  </si>
  <si>
    <t>10/21/2019 14:12:58</t>
  </si>
  <si>
    <t>10/21/2019 14:18:11</t>
  </si>
  <si>
    <t>/o=exchangelabs/ou=exchange administrative group (fydibohf23spdlt)/cn=recipients/cn=6fbc44b6d6b549208175d5a27201bd13-cintia nune;/o=exchangelabs/ou=exchange administrative group (fydibohf23spdlt)/cn=recipients/cn=8a0784ccebb14202a66b1b8f3a285b61-thais de al;/o=exchangelabs/ou=exchange administrative group (fydibohf23spdlt)/cn=recipients/cn=f87f494a8d1d405d8a7b42a51dd5ab84-iris eugeni;/o=exchangelabs/ou=exchange administrative group (fydibohf23spdlt)/cn=recipients/cn=fe134ce6f7124ebfa00395a14326bd71-luciana ber;</t>
  </si>
  <si>
    <t>RES: Crescimento Caixa Seguradora</t>
  </si>
  <si>
    <t>/o=exchangelabs/ou=exchange administrative group (fydibohf23spdlt)/cn=recipients/cn=6fbc44b6d6b549208175d5a27201bd13-cintia nune,/o=exchangelabs/ou=exchange administrative group (fydibohf23spdlt)/cn=recipients/cn=8a0784ccebb14202a66b1b8f3a285b61-thais de al,/o=exchangelabs/ou=exchange administrative group (fydibohf23spdlt)/cn=recipients/cn=f87f494a8d1d405d8a7b42a51dd5ab84-iris eugeni,/o=exchangelabs/ou=exchange administrative group (fydibohf23spdlt)/cn=recipients/cn=fe134ce6f7124ebfa00395a14326bd71-luciana ber</t>
  </si>
  <si>
    <t>10/21/2019 14:17:00</t>
  </si>
  <si>
    <t>10/21/2019 14:19:11</t>
  </si>
  <si>
    <t>mail.google.com/_/upload?authuser=0&amp;dcp=asu-n&amp;upload_id=AEnB2Urxlzadm4AB7s8wKcUdZZZDDeBWQ1hrOLndGBsKfTEkEOviLJeZLBT7yTyrbj_R1lEpm7K5wQoqaHZfs00820RW0nQgUXyOmJNOdbiTKkR_RdJ2ukE&amp;upload_protocol=resumable</t>
  </si>
  <si>
    <t>FAT B - BBN (Pendente).xlsx</t>
  </si>
  <si>
    <t>10/21/2019 14:25:46</t>
  </si>
  <si>
    <t>10/21/2019 14:23:11</t>
  </si>
  <si>
    <t>/o=exchangelabs/ou=exchange administrative group (fydibohf23spdlt)/cn=recipients/cn=bec14da9ad4d434b8151ce12587e9186-khassio mar;/o=exchangelabs/ou=exchange administrative group (fydibohf23spdlt)/cn=recipients/cn=d8ab77282d2d4f648a84840ef886dad9-eneias viei;flavia@iclicconsultoria.com.br;jacqueline.m.ferreira@bradesco.com.br;thais.montes@bradesco.com.br;tiago.justino@bradesco.com.br;vanessa.r.silva@bradesco.com.br;</t>
  </si>
  <si>
    <t>RES: EXTERNAL: ENC: Comprovantes CRM:006570000583</t>
  </si>
  <si>
    <t>Planilha Contatos .msg\s1\</t>
  </si>
  <si>
    <t>Repescagem 1.xlsx</t>
  </si>
  <si>
    <t>/o=exchangelabs/ou=exchange administrative group (fydibohf23spdlt)/cn=recipients/cn=bec14da9ad4d434b8151ce12587e9186-khassio mar,/o=exchangelabs/ou=exchange administrative group (fydibohf23spdlt)/cn=recipients/cn=d8ab77282d2d4f648a84840ef886dad9-eneias viei,flavia@iclicconsultoria.com.br,jacqueline.m.ferreira@bradesco.com.br,thais.montes@bradesco.com.br,tiago.justino@bradesco.com.br,vanessa.r.silva@bradesco.com.br</t>
  </si>
  <si>
    <t>10/21/2019 14:29:03</t>
  </si>
  <si>
    <t>10/21/2019 14:27:11</t>
  </si>
  <si>
    <t>8.1 - Classificação EVENTO.xlsx</t>
  </si>
  <si>
    <t>10/21/2019 11:22:34</t>
  </si>
  <si>
    <t>10/21/2019 14:28:11</t>
  </si>
  <si>
    <t>hjoseferreira@gmail.com;</t>
  </si>
  <si>
    <t>C:\Users\t-luciahf\Desktop\premio ouvidorias brasil\PRÊMIO OUVIDORIAS BRASIL 2019\Ganhadores 2019\</t>
  </si>
  <si>
    <t>RANKING 2019 - Prêmio Ouvidorias Brasil 2019 - GERAL - versão final.xls</t>
  </si>
  <si>
    <t>hjoseferreira@gmail.com</t>
  </si>
  <si>
    <t>10/21/2019 14:30:31</t>
  </si>
  <si>
    <t>10/21/2019 14:31:10</t>
  </si>
  <si>
    <t>ENC: Produtividade CRCe até 20/10</t>
  </si>
  <si>
    <t>10/21/2019 14:33:44</t>
  </si>
  <si>
    <t>10/21/2019 14:33:10</t>
  </si>
  <si>
    <t>leandrolds@algartech.com;polati@algartech.com;</t>
  </si>
  <si>
    <t>Resumo orçamento (1).xls</t>
  </si>
  <si>
    <t>leandrolds@algartech.com,polati@algartech.com</t>
  </si>
  <si>
    <t>10/21/2019 14:37:10</t>
  </si>
  <si>
    <t>10/21/2019 14:35:10</t>
  </si>
  <si>
    <t>/o=exchangelabs/ou=exchange administrative group (fydibohf23spdlt)/cn=recipients/cn=083204b1bd464d0fbbd2451a3a305923-katia gonca;/o=exchangelabs/ou=exchange administrative group (fydibohf23spdlt)/cn=recipients/cn=3604eabf59564dc8baa49b62a099a560-tatielly sa;/o=exchangelabs/ou=exchange administrative group (fydibohf23spdlt)/cn=recipients/cn=user9ad76612;/o=exchangelabs/ou=exchange administrative group (fydibohf23spdlt)/cn=recipients/cn=userd3ef8196;diego_r_ferreira@whirlpool.com;thais_f_pamplona@whirlpool.com;victoria_m_evangelinos@whirlpool.com;</t>
  </si>
  <si>
    <t>Resultado Hora - Hora TLV D2C - Out/19</t>
  </si>
  <si>
    <t>Hora-Hora - TLV D2C.xlsx</t>
  </si>
  <si>
    <t>/o=exchangelabs/ou=exchange administrative group (fydibohf23spdlt)/cn=recipients/cn=083204b1bd464d0fbbd2451a3a305923-katia gonca,/o=exchangelabs/ou=exchange administrative group (fydibohf23spdlt)/cn=recipients/cn=3604eabf59564dc8baa49b62a099a560-tatielly sa,/o=exchangelabs/ou=exchange administrative group (fydibohf23spdlt)/cn=recipients/cn=user9ad76612,/o=exchangelabs/ou=exchange administrative group (fydibohf23spdlt)/cn=recipients/cn=userd3ef8196,diego_r_ferreira@whirlpool.com,thais_f_pamplona@whirlpool.com,victoria_m_evangelinos@whirlpool.com</t>
  </si>
  <si>
    <t>10/21/2019 14:34:46</t>
  </si>
  <si>
    <t>10.201.30.59</t>
  </si>
  <si>
    <t>RES: Prévia Financeira Outubro</t>
  </si>
  <si>
    <t>Outubro - 19.10.xlsx</t>
  </si>
  <si>
    <t>10/21/2019 14:42:09</t>
  </si>
  <si>
    <t>10/21/2019 14:43:09</t>
  </si>
  <si>
    <t>10/21/2019 14:42:25</t>
  </si>
  <si>
    <t>10/21/2019 14:46:57</t>
  </si>
  <si>
    <t>10/21/2019 14:45:09</t>
  </si>
  <si>
    <t>Comissão de Planejamento</t>
  </si>
  <si>
    <t>10 - Comissão 3ª Instância - setembro -19.pptx\</t>
  </si>
  <si>
    <t>10/21/2019 14:17:07</t>
  </si>
  <si>
    <t>10.200.57.145</t>
  </si>
  <si>
    <t>Orçamento de Contingência 2020 VFinal COM LP.xlsb</t>
  </si>
  <si>
    <t>10/21/2019 14:43:24</t>
  </si>
  <si>
    <t>10/21/2019 14:48:09</t>
  </si>
  <si>
    <t>10.200.99.75</t>
  </si>
  <si>
    <t>10/21/2019 14:44:23</t>
  </si>
  <si>
    <t>Status Entrega FOGÃO_TV - LT 2.xls</t>
  </si>
  <si>
    <t>10/21/2019 14:53:43</t>
  </si>
  <si>
    <t>/o=exchangelabs/ou=exchange administrative group (fydibohf23spdlt)/cn=recipients/cn=891c08f4f04f4527be9bc1b3d75f6378-luiz fernan;/o=exchangelabs/ou=exchange administrative group (fydibohf23spdlt)/cn=recipients/cn=8c89829ad534498fa4c85b5ac11174f1-suelen more;marcelom@algartech.com;</t>
  </si>
  <si>
    <t>RES: Doc1813243275 - RFP - Field Services e Service Desk (Planilha Precificação Atualizada - ENTREGA 22/10 ás 13h)</t>
  </si>
  <si>
    <t>Planilha Precificação_Itens Obrigatórios.xlsx</t>
  </si>
  <si>
    <t>/o=exchangelabs/ou=exchange administrative group (fydibohf23spdlt)/cn=recipients/cn=891c08f4f04f4527be9bc1b3d75f6378-luiz fernan,/o=exchangelabs/ou=exchange administrative group (fydibohf23spdlt)/cn=recipients/cn=8c89829ad534498fa4c85b5ac11174f1-suelen more,marcelom@algartech.com</t>
  </si>
  <si>
    <t>10/21/2019 14:51:14</t>
  </si>
  <si>
    <t>andrelpsa@algartech.com;leandrolds@algartech.com;leonardoao@algartech.com;polati@algartech.com;rafaelggs@algartech.com;raphael.balmant@bv.com.br;taysdss@algartech.com;thiagordu@algartech.com;</t>
  </si>
  <si>
    <t>FATURAMENTO ALGAR - SET_2019.xlsb</t>
  </si>
  <si>
    <t>andrelpsa@algartech.com,leandrolds@algartech.com,leonardoao@algartech.com,polati@algartech.com,rafaelggs@algartech.com,raphael.balmant@bv.com.br,taysdss@algartech.com,thiagordu@algartech.com</t>
  </si>
  <si>
    <t>10/21/2019 14:52:11</t>
  </si>
  <si>
    <t>10/21/2019 14:53:08</t>
  </si>
  <si>
    <t>http://shareit.global.avon.com/sites/arrmcm/forca-de-vendas/_layouts/upload.aspx?list={49a50e3f-b4b4-49bc-b117-70e608bcb21b}&amp;rootfolder=/sites/arrmcm/forca-de-vendas/gerente de setor/incentivos/apoio a produtos&amp;source=http://shareit.global.avon.com/sites/arrmcm/forca-de-vendas/gerente de setor/forms/allitems.aspx?rootfolder=%2fsites%2farrmcm%2fforca%2dde%2dvendas%2fgerente%20de%20setor%2fincentivos%2fapoio%20a%20produtos&amp;folderctid=&amp;view=%7bd059265c%2dd14d%2d41b3%2d9614%2d5dc74317d84e%7d</t>
  </si>
  <si>
    <t>Status de Entrega - Brinco - Maquiagem GS.xls</t>
  </si>
  <si>
    <t>10/21/2019 14:49:56</t>
  </si>
  <si>
    <t>C:\Users\victorvgar\Documents\</t>
  </si>
  <si>
    <t>10 ESTRUTURA_OUTUBRO - VICTOR.xlsx</t>
  </si>
  <si>
    <t>10/21/2019 11:50:06</t>
  </si>
  <si>
    <t>10/21/2019 14:54:09</t>
  </si>
  <si>
    <t>CH657_20191021_114428.xls</t>
  </si>
  <si>
    <t>10/21/2019 14:34:51</t>
  </si>
  <si>
    <t>Rateio_set_v2.xlsb</t>
  </si>
  <si>
    <t>10/21/2019 14:37:36</t>
  </si>
  <si>
    <t>10/21/2019 14:56:09</t>
  </si>
  <si>
    <t>10/21/2019 15:00:08</t>
  </si>
  <si>
    <t>10/21/2019 14:55:46</t>
  </si>
  <si>
    <t>10/21/2019 15:01:09</t>
  </si>
  <si>
    <t>https://caey.fa.us2.oraclecloud.com/crmui/faces/fuseoverview?_adf.ctrl-state=9nllouf09_5&amp;fnd=;;;;false;256;;;&amp;fndglobalitemnodeid=moo_opptymgmtopportunities_crm_card</t>
  </si>
  <si>
    <t>C:\Users\andressatal\Desktop\Re_ Oportunidad Ganha_ 180301 Credit Suisse OSS MEX.msg\s122\</t>
  </si>
  <si>
    <t>Algar - MEXICO_Computacenter Partner Pricing - valid until 31.12.2019 - V1.1.xls</t>
  </si>
  <si>
    <t>10/21/2019 15:06:49</t>
  </si>
  <si>
    <t>10/21/2019 15:08:07</t>
  </si>
  <si>
    <t>http://shareit.global.avon.com/sites/arrmcm/forca-de-vendas/_layouts/upload.aspx?list={d7183758-c20b-457b-9a14-b83f7824798f}&amp;rootfolder=/sites/arrmcm/forca-de-vendas/executivas/incentivos/produtividade 2019&amp;source=http://shareit.global.avon.com/sites/arrmcm/forca-de-vendas/executivas/forms/allitems.aspx?folderctid=&amp;rootfolder=%2fsites%2farrmcm%2fforca%2dde%2dvendas%2fexecutivas%2fincentivos%2fprodutividade%202019&amp;sortfield=modified&amp;sortdir=desc&amp;view=%7bab5e306d%2d7e49%2d4dc6%2d9e6b%2ddb2cdc033b64%7d</t>
  </si>
  <si>
    <t>Divulgação Ganhadoras CP12 EVA.xls</t>
  </si>
  <si>
    <t>10/21/2019 15:13:15</t>
  </si>
  <si>
    <t>10/21/2019 15:10:07</t>
  </si>
  <si>
    <t>bf</t>
  </si>
  <si>
    <t>10/21/2019 15:07:04</t>
  </si>
  <si>
    <t>10/21/2019 15:12:08</t>
  </si>
  <si>
    <t>10/21/2019 15:10:48</t>
  </si>
  <si>
    <t>C:\Users\polati\OneDrive - Grupo Algar\algar\bradesco 2019\orcamentos 2019\2020\</t>
  </si>
  <si>
    <t>Resumo orçamento 21_10.xls</t>
  </si>
  <si>
    <t>10/21/2019 15:09:58</t>
  </si>
  <si>
    <t>10/21/2019 15:13:07</t>
  </si>
  <si>
    <t>RES: 187271 - BP17 UDI BV CRCC_DAC ALGAR - ISOLADO_v2.xlsb</t>
  </si>
  <si>
    <t>1 - Rateios 2019 Vs 2020.xlsx</t>
  </si>
  <si>
    <t>10/21/2019 15:07:40</t>
  </si>
  <si>
    <t>Base de ApuraÃ§Ã£o Dupla Premiada CP 12 EVA.xls</t>
  </si>
  <si>
    <t>10/21/2019 15:11:43</t>
  </si>
  <si>
    <t>andrelpsa@algartech.com;bruna.vernalha@bradesco.com.br;camila.costabile@bradesco.com.br;claudiac.machado@bradesco.com.br;daiane.alves@bradesco.com.br;denisev.carvalho@bradesco.com.br;emerson.r.correia@bradesco.com.br;henriqueac@algartech.com;leandrolds@algartech.com;leandrond.santos@bradesco.com.br;leonardoao@algartech.com;natalia.alcantara@bradesco.com.br;nathalia.donadoni@bradesco.com.br;polati@algartech.com;rafaela.santana@bradesco.com.br;rafaelggs@algartech.com;raphael.balmant@bv.com.br;rodrigormc@algartech.com;rosangelatf@algartech.com;sabrinadtdmc@algartech.com;tatiana.bueno@bradesco.com.br;tatianedc@algartech.com;taysdss@algartech.com;thiagordu@algartech.com;vanessa.crisan.santos@bradesco.com.br;vanessa.manzione@bradesco.com.br;viniciusmlf@algartech.com;</t>
  </si>
  <si>
    <t>andrelpsa@algartech.com,bruna.vernalha@bradesco.com.br,camila.costabile@bradesco.com.br,claudiac.machado@bradesco.com.br,daiane.alves@bradesco.com.br,denisev.carvalho@bradesco.com.br,emerson.r.correia@bradesco.com.br,henriqueac@algartech.com,leandrolds@algartech.com,leandrond.santos@bradesco.com.br,leonardoao@algartech.com,natalia.alcantara@bradesco.com.br,nathalia.donadoni@bradesco.com.br,polati@algartech.com,rafaela.santana@bradesco.com.br,rafaelggs@algartech.com,raphael.balmant@bv.com.br,rodrigormc@algartech.com,rosangelatf@algartech.com,sabrinadtdmc@algartech.com,tatiana.bueno@bradesco.com.br,tatianedc@algartech.com,taysdss@algartech.com,thiagordu@algartech.com,vanessa.crisan.santos@bradesco.com.br,vanessa.manzione@bradesco.com.br,viniciusmlf@algartech.com</t>
  </si>
  <si>
    <t>10/21/2019 15:15:02</t>
  </si>
  <si>
    <t>10/21/2019 15:18:06</t>
  </si>
  <si>
    <t>danieldom@algartech.com;</t>
  </si>
  <si>
    <t>Departamental 341002111</t>
  </si>
  <si>
    <t>Folha_Daniel_09.xlsx</t>
  </si>
  <si>
    <t>danieldom@algartech.com</t>
  </si>
  <si>
    <t>10/21/2019 15:20:26</t>
  </si>
  <si>
    <t>10/21/2019 15:21:07</t>
  </si>
  <si>
    <t>Fluxo Electrolux - Aditivo Continental</t>
  </si>
  <si>
    <t>10/21/2019 15:22:43</t>
  </si>
  <si>
    <t>10/21/2019 15:26:05</t>
  </si>
  <si>
    <t>mail.google.com/_/upload?authuser=1&amp;dcp=asu-n&amp;upload_id=AEnB2UrUPdACyB6OE2G5pm-2dFdUAGWdo2tQ234TbUx3alxzhHehLddpI8eArMvq_CzQMXVjFpVy-mEqY28NZzkw_Rk9Pbht2CN2C9Oggi-tNpKtXnO0aCM&amp;upload_protocol=resumable</t>
  </si>
  <si>
    <t>10/21/2019 15:26:03</t>
  </si>
  <si>
    <t>10/21/2019 15:28:05</t>
  </si>
  <si>
    <t>10/21/2019 15:26:17</t>
  </si>
  <si>
    <t>10/21/2019 15:30:15</t>
  </si>
  <si>
    <t>10/21/2019 15:29:06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3a354b5804b342fe8b535455ff89c941-mariana fre;/o=exchangelabs/ou=exchange administrative group (fydibohf23spdlt)/cn=recipients/cn=603027dcf7ae430bb4a2797d5147745e-aspect;/o=exchangelabs/ou=exchange administrative group (fydibohf23spdlt)/cn=recipients/cn=f0e6b231679d41b89fbbc682e6e3a6ca-daiane barb;/o=exchangelabs/ou=exchange administrative group (fydibohf23spdlt)/cn=recipients/cn=group36260156;</t>
  </si>
  <si>
    <t>ENC: Controle de Horas Logadas - Outubro</t>
  </si>
  <si>
    <t>Controle de Horas Logadas_Novas_OUT.xlsx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3a354b5804b342fe8b535455ff89c941-mariana fre,/o=exchangelabs/ou=exchange administrative group (fydibohf23spdlt)/cn=recipients/cn=603027dcf7ae430bb4a2797d5147745e-aspect,/o=exchangelabs/ou=exchange administrative group (fydibohf23spdlt)/cn=recipients/cn=f0e6b231679d41b89fbbc682e6e3a6ca-daiane barb,/o=exchangelabs/ou=exchange administrative group (fydibohf23spdlt)/cn=recipients/cn=group36260156</t>
  </si>
  <si>
    <t>10/21/2019 15:30:10</t>
  </si>
  <si>
    <t>10/21/2019 15:31:06</t>
  </si>
  <si>
    <t>/o=exchangelabs/ou=exchange administrative group (fydibohf23spdlt)/cn=recipients/cn=423bc96f1a404167a3085558ea90e09b-auditores f;/o=exchangelabs/ou=exchange administrative group (fydibohf23spdlt)/cn=recipients/cn=5f9fe2abf85646b78d6e24f5935bb1e0-angela souz;/o=exchangelabs/ou=exchange administrative group (fydibohf23spdlt)/cn=recipients/cn=7010366a38334f4ea93ff55da14a3fd0-supervisore;/o=exchangelabs/ou=exchange administrative group (fydibohf23spdlt)/cn=recipients/cn=d3a21b94f2ee4b43bbde02f677555a04-jefferson b;/o=exchangelabs/ou=exchange administrative group (fydibohf23spdlt)/cn=recipients/cn=e0d6421008524785b4d56570d59d6dd2-thais silva;assistenteoperacionalfrd@algartech.com.br;</t>
  </si>
  <si>
    <t>RES: Material Visa e Master.</t>
  </si>
  <si>
    <t>MATERIAL VME.xlsx</t>
  </si>
  <si>
    <t>/o=exchangelabs/ou=exchange administrative group (fydibohf23spdlt)/cn=recipients/cn=423bc96f1a404167a3085558ea90e09b-auditores f,/o=exchangelabs/ou=exchange administrative group (fydibohf23spdlt)/cn=recipients/cn=5f9fe2abf85646b78d6e24f5935bb1e0-angela souz,/o=exchangelabs/ou=exchange administrative group (fydibohf23spdlt)/cn=recipients/cn=7010366a38334f4ea93ff55da14a3fd0-supervisore,/o=exchangelabs/ou=exchange administrative group (fydibohf23spdlt)/cn=recipients/cn=d3a21b94f2ee4b43bbde02f677555a04-jefferson b,/o=exchangelabs/ou=exchange administrative group (fydibohf23spdlt)/cn=recipients/cn=e0d6421008524785b4d56570d59d6dd2-thais silva,assistenteoperacionalfrd@algartech.com.br</t>
  </si>
  <si>
    <t>10/21/2019 15:28:50</t>
  </si>
  <si>
    <t>10/21/2019 15:33:06</t>
  </si>
  <si>
    <t>10/21/2019 15:32:01</t>
  </si>
  <si>
    <t>10/21/2019 15:34:05</t>
  </si>
  <si>
    <t>formulario_ferias_irregulares_-_algar_tech_henrique dos santos marinho.xlsm</t>
  </si>
  <si>
    <t>10/21/2019 15:36:53</t>
  </si>
  <si>
    <t>10/21/2019 15:38:05</t>
  </si>
  <si>
    <t>ENC: Visão Fatores Pontuais</t>
  </si>
  <si>
    <t>10/21/2019 15:33:35</t>
  </si>
  <si>
    <t>/o=exchangelabs/ou=exchange administrative group (fydibohf23spdlt)/cn=recipients/cn=0bafe1ed27024338be4e911e19871cd1-william rob;/o=exchangelabs/ou=exchange administrative group (fydibohf23spdlt)/cn=recipients/cn=34a28d636a1b4c86b1ec79baed4b846a-marco anton;/o=exchangelabs/ou=exchange administrative group (fydibohf23spdlt)/cn=recipients/cn=5cdc4a7b917a447c993600ca829a0a39-elisangela;/o=exchangelabs/ou=exchange administrative group (fydibohf23spdlt)/cn=recipients/cn=664567c81e2c4e9f9de1f7830ee164f0-octavio car;</t>
  </si>
  <si>
    <t>ENC: Status orçamento 2020</t>
  </si>
  <si>
    <t>/o=exchangelabs/ou=exchange administrative group (fydibohf23spdlt)/cn=recipients/cn=0bafe1ed27024338be4e911e19871cd1-william rob,/o=exchangelabs/ou=exchange administrative group (fydibohf23spdlt)/cn=recipients/cn=34a28d636a1b4c86b1ec79baed4b846a-marco anton,/o=exchangelabs/ou=exchange administrative group (fydibohf23spdlt)/cn=recipients/cn=5cdc4a7b917a447c993600ca829a0a39-elisangela,/o=exchangelabs/ou=exchange administrative group (fydibohf23spdlt)/cn=recipients/cn=664567c81e2c4e9f9de1f7830ee164f0-octavio car</t>
  </si>
  <si>
    <t>10/21/2019 15:40:35</t>
  </si>
  <si>
    <t>10/21/2019 15:42:05</t>
  </si>
  <si>
    <t>C:\Users\polati\OneDrive\empresas\agrotech\XVen Avaliacao SenSix 3.7 Distrib 21_10.pptx\</t>
  </si>
  <si>
    <t>10/21/2019 15:40:46</t>
  </si>
  <si>
    <t>10/21/2019 15:43:05</t>
  </si>
  <si>
    <t>http://shareit.global.avon.com/sites/arrmcm/forca-de-vendas/_layouts/upload.aspx?list={a89cd46c-19fa-458c-809f-d246a5e48452}&amp;rootfolder=/sites/arrmcm/forca-de-vendas/ficaadicatreinamento/novo modelo de neg?0d3cio/new model eva&amp;source=http://shareit.global.avon.com/sites/arrmcm/forca-de-vendas/ficaadicatreinamento/forms/allitems.aspx?folderctid=&amp;rootfolder=%2fsites%2farrmcm%2fforca%2dde%2dvendas%2fficaadicatreinamento%2fnovo%20modelo%20de%20neg%c3%93cio%2fnew%20model%20eva&amp;sortfield=modified&amp;sortdir=desc&amp;view=%7bb9ba0dba%2db197%2d49b7%2d8048%2d506553e03103%7d</t>
  </si>
  <si>
    <t>Bônus_ating. Req_Cresc. Vendas_NCM_Por Nível - CP.19.xls</t>
  </si>
  <si>
    <t>http://shareit.global.avon.com/sites/arrmcm/forca-de-vendas/_layouts/upload.aspx?list={a89cd46c-19fa-458c-809f-d246a5e48452}&amp;rootfolder=/sites/arrmcm/forca-de-vendas/ficaadicatreinamento/novo modelo de neg�0d3cio/new model eva&amp;source=http://shareit.global.avon.com/sites/arrmcm/forca-de-vendas/ficaadicatreinamento/forms/allitems.aspx?folderctid=&amp;rootfolder=%2fsites%2farrmcm%2fforca%2dde%2dvendas%2fficaadicatreinamento%2fnovo%20modelo%20de%20neg%c3%93cio%2fnew%20model%20eva&amp;sortfield=modified&amp;sortdir=desc&amp;view=%7bb9ba0dba%2db197%2d49b7%2d8048%2d506553e03103%7d</t>
  </si>
  <si>
    <t>10/21/2019 15:41:01</t>
  </si>
  <si>
    <t>Bônus_ating. Req_Cresc. Vendas_NCM_Por EVA - CP.19.xls</t>
  </si>
  <si>
    <t>10/21/2019 15:38:16</t>
  </si>
  <si>
    <t>/o=exchangelabs/ou=exchange administrative group (fydibohf23spdlt)/cn=recipients/cn=1a68fd0c71d242d89abd9f9904b69653-lidianne sa;/o=exchangelabs/ou=exchange administrative group (fydibohf23spdlt)/cn=recipients/cn=726e1cc27d2b40d6a92014c7fd58d7dc-elisangela;/o=exchangelabs/ou=exchange administrative group (fydibohf23spdlt)/cn=recipients/cn=7e71d7c9fe1b404a88a1ccc751f00fe7-lucas toshi;/o=exchangelabs/ou=exchange administrative group (fydibohf23spdlt)/cn=recipients/cn=b91e4d8a112849e991701f826d219184-adriana emm;marianacs@algartech.com.br;nairagrbo@algartech.com;</t>
  </si>
  <si>
    <t>RES: Aderência FRAUDE - NOVEMBRO - 2019</t>
  </si>
  <si>
    <t>13004 LEG - FRD - AMEX FRAUDE BO - NOV_DEZ-19.xlsx</t>
  </si>
  <si>
    <t>/o=exchangelabs/ou=exchange administrative group (fydibohf23spdlt)/cn=recipients/cn=1a68fd0c71d242d89abd9f9904b69653-lidianne sa,/o=exchangelabs/ou=exchange administrative group (fydibohf23spdlt)/cn=recipients/cn=726e1cc27d2b40d6a92014c7fd58d7dc-elisangela,/o=exchangelabs/ou=exchange administrative group (fydibohf23spdlt)/cn=recipients/cn=7e71d7c9fe1b404a88a1ccc751f00fe7-lucas toshi,/o=exchangelabs/ou=exchange administrative group (fydibohf23spdlt)/cn=recipients/cn=b91e4d8a112849e991701f826d219184-adriana emm,marianacs@algartech.com.br,nairagrbo@algartech.com</t>
  </si>
  <si>
    <t>10/21/2019 15:50:30</t>
  </si>
  <si>
    <t>10/21/2019 15:48:04</t>
  </si>
  <si>
    <t>ENC: SLA GRC</t>
  </si>
  <si>
    <t>SLA GRC - META 2020.xlsx</t>
  </si>
  <si>
    <t>10/21/2019 15:54:47</t>
  </si>
  <si>
    <t>10/21/2019 15:52:04</t>
  </si>
  <si>
    <t>/o=exchangelabs/ou=exchange administrative group (fydibohf23spdlt)/cn=recipients/cn=d54ee4de981948cf993ae0c9e1a3aecc-andrea regi;</t>
  </si>
  <si>
    <t>ENC: Louis Dreyfus - Proposta 142615 - SUPORTE ESPECIALISTA E NOC - DREYFUS</t>
  </si>
  <si>
    <t>Planilha de Calculo Louis Dreyfus- 142615.xlsb</t>
  </si>
  <si>
    <t>/o=exchangelabs/ou=exchange administrative group (fydibohf23spdlt)/cn=recipients/cn=d54ee4de981948cf993ae0c9e1a3aecc-andrea regi</t>
  </si>
  <si>
    <t>10/21/2019 15:45:12</t>
  </si>
  <si>
    <t>10/21/2019 15:49:27</t>
  </si>
  <si>
    <t>10/21/2019 15:54:04</t>
  </si>
  <si>
    <t>CH542_20191021_154802.xls</t>
  </si>
  <si>
    <t>10/21/2019 15:56:52</t>
  </si>
  <si>
    <t>10/21/2019 15:58:03</t>
  </si>
  <si>
    <t>1 - Rateios 2019 Vs 2020 V2.xlsx</t>
  </si>
  <si>
    <t>10/21/2019 15:57:55</t>
  </si>
  <si>
    <t>10/21/2019 16:00:03</t>
  </si>
  <si>
    <t>10/21/2019 16:00:19</t>
  </si>
  <si>
    <t>10/21/2019 16:02:03</t>
  </si>
  <si>
    <t>/o=exchangelabs/ou=exchange administrative group (fydibohf23spdlt)/cn=recipients/cn=ffb58daff41943ada7a29d460c3aa6e7-william alv;</t>
  </si>
  <si>
    <t>Arquivos NOC</t>
  </si>
  <si>
    <t>Roteiro de Processos - v3.xlsx</t>
  </si>
  <si>
    <t>/o=exchangelabs/ou=exchange administrative group (fydibohf23spdlt)/cn=recipients/cn=ffb58daff41943ada7a29d460c3aa6e7-william alv</t>
  </si>
  <si>
    <t>10/21/2019 15:33:33</t>
  </si>
  <si>
    <t>10/21/2019 16:03:03</t>
  </si>
  <si>
    <t>10/21/2019 16:00:57</t>
  </si>
  <si>
    <t>E:\INVESTIMENTOS\</t>
  </si>
  <si>
    <t>Planilha Papo de Bolsa (1).xls</t>
  </si>
  <si>
    <t>E:\INVESTIMENTOS\Planilha Papo de Bolsa (1).xls</t>
  </si>
  <si>
    <t>10/21/2019 16:06:01</t>
  </si>
  <si>
    <t>10/21/2019 16:08:03</t>
  </si>
  <si>
    <t>C:\Users\matheusvs\OneDrive - Grupo Algar\Arquivos gerais\Base Quadrantes\</t>
  </si>
  <si>
    <t>Base Quadrantes - Tayse.xlsx</t>
  </si>
  <si>
    <t>Base Quadrantes - Sharuels.xlsx</t>
  </si>
  <si>
    <t>Base Quadrantes - Manu.xlsx</t>
  </si>
  <si>
    <t>10/21/2019 16:06:02</t>
  </si>
  <si>
    <t>Base Quadrantes - Ludmila.xlsx</t>
  </si>
  <si>
    <t>Base Quadrantes - Luciana.xlsx</t>
  </si>
  <si>
    <t>Base Quadrantes - Lorrainne.xlsx</t>
  </si>
  <si>
    <t>Base Quadrantes - Joyce.xlsx</t>
  </si>
  <si>
    <t>Base Quadrantes - Catiana.xlsx</t>
  </si>
  <si>
    <t>10/21/2019 16:06:54</t>
  </si>
  <si>
    <t>/o=exchangelabs/ou=exchange administrative group (fydibohf23spdlt)/cn=recipients/cn=193111e7cb1243aca81f50bb2378ef54-yasmin mart;alexandre@adesiway.com.br;</t>
  </si>
  <si>
    <t>RES: meu email</t>
  </si>
  <si>
    <t>/o=exchangelabs/ou=exchange administrative group (fydibohf23spdlt)/cn=recipients/cn=193111e7cb1243aca81f50bb2378ef54-yasmin mart,alexandre@adesiway.com.br</t>
  </si>
  <si>
    <t>10/21/2019 16:06:52</t>
  </si>
  <si>
    <t>10/21/2019 16:11:02</t>
  </si>
  <si>
    <t>C:\Users\hugonmo\Documents\Demanda Corporate - Fase 2\DYNAMICS\</t>
  </si>
  <si>
    <t>14 - DCAF 30 - Auditoria.csv</t>
  </si>
  <si>
    <t>10/21/2019 16:08:30</t>
  </si>
  <si>
    <t>10/21/2019 16:09:43</t>
  </si>
  <si>
    <t>10/21/2019 16:12:03</t>
  </si>
  <si>
    <t>/o=exchangelabs/ou=exchange administrative group (fydibohf23spdlt)/cn=recipients/cn=2361e4251bf74fc4a50ab766b8d95847-algar tech;/o=exchangelabs/ou=exchange administrative group (fydibohf23spdlt)/cn=recipients/cn=9590810d44524cf49acee6103c18936a-denys guidi;/o=exchangelabs/ou=exchange administrative group (fydibohf23spdlt)/cn=recipients/cn=97028c61ebe04c3ca84c604712943944-fabiano wil;/o=exchangelabs/ou=exchange administrative group (fydibohf23spdlt)/cn=recipients/cn=a1a5e1a8655e47749a6031443543b056-erika patri;</t>
  </si>
  <si>
    <t>RES: RFP DescripcionTecnicaServiciosCLOUD.xlsx</t>
  </si>
  <si>
    <t>RFP DescripcionTecnicaServiciosCLOUD.xlsx</t>
  </si>
  <si>
    <t>/o=exchangelabs/ou=exchange administrative group (fydibohf23spdlt)/cn=recipients/cn=2361e4251bf74fc4a50ab766b8d95847-algar tech,/o=exchangelabs/ou=exchange administrative group (fydibohf23spdlt)/cn=recipients/cn=9590810d44524cf49acee6103c18936a-denys guidi,/o=exchangelabs/ou=exchange administrative group (fydibohf23spdlt)/cn=recipients/cn=97028c61ebe04c3ca84c604712943944-fabiano wil,/o=exchangelabs/ou=exchange administrative group (fydibohf23spdlt)/cn=recipients/cn=a1a5e1a8655e47749a6031443543b056-erika patri</t>
  </si>
  <si>
    <t>10/21/2019 16:08:28</t>
  </si>
  <si>
    <t>10.200.200.74</t>
  </si>
  <si>
    <t>https://sac-tripag.ascbrazil.com.br/atendimento-classificacao/upload-arquivo</t>
  </si>
  <si>
    <t>classificacoes_exemplo.csv</t>
  </si>
  <si>
    <t>10/21/2019 16:07:28</t>
  </si>
  <si>
    <t>10/21/2019 16:14:02</t>
  </si>
  <si>
    <t>/o=exchangelabs/ou=exchange administrative group (fydibohf23spdlt)/cn=recipients/cn=0f02f70736ad4f83b81217ad3e6c73a5-rogerio gon;/o=exchangelabs/ou=exchange administrative group (fydibohf23spdlt)/cn=recipients/cn=2f8300fc6f8b4714a77c0227cba72162-vinicius pi;/o=exchangelabs/ou=exchange administrative group (fydibohf23spdlt)/cn=recipients/cn=5037aa398cdf4d9cae5ff1914ad4e4b1-joao paulo;/o=exchangelabs/ou=exchange administrative group (fydibohf23spdlt)/cn=recipients/cn=545f738e0fe740ba856f4eb6ef0135e0-vinicius si;/o=exchangelabs/ou=exchange administrative group (fydibohf23spdlt)/cn=recipients/cn=b284454839e94314a90d49e7ec00864f-antonio car;</t>
  </si>
  <si>
    <t>ENC: DE - Nova visão de fluxo URA</t>
  </si>
  <si>
    <t>declaracao_de_escopo_visao_arvore_de_ura_20191019.xlsx</t>
  </si>
  <si>
    <t>/o=exchangelabs/ou=exchange administrative group (fydibohf23spdlt)/cn=recipients/cn=0f02f70736ad4f83b81217ad3e6c73a5-rogerio gon,/o=exchangelabs/ou=exchange administrative group (fydibohf23spdlt)/cn=recipients/cn=2f8300fc6f8b4714a77c0227cba72162-vinicius pi,/o=exchangelabs/ou=exchange administrative group (fydibohf23spdlt)/cn=recipients/cn=5037aa398cdf4d9cae5ff1914ad4e4b1-joao paulo,/o=exchangelabs/ou=exchange administrative group (fydibohf23spdlt)/cn=recipients/cn=545f738e0fe740ba856f4eb6ef0135e0-vinicius si,/o=exchangelabs/ou=exchange administrative group (fydibohf23spdlt)/cn=recipients/cn=b284454839e94314a90d49e7ec00864f-antonio car</t>
  </si>
  <si>
    <t>10/21/2019 16:15:23</t>
  </si>
  <si>
    <t>10/21/2019 16:17:02</t>
  </si>
  <si>
    <t>AlgarTech_LevantamentoSistemas_PG.xlsx</t>
  </si>
  <si>
    <t>10/21/2019 16:15:44</t>
  </si>
  <si>
    <t>10/21/2019 16:22:02</t>
  </si>
  <si>
    <t>10/21/2019 16:28:55</t>
  </si>
  <si>
    <t>10/21/2019 16:28:01</t>
  </si>
  <si>
    <t>/o=exchangelabs/ou=exchange administrative group (fydibohf23spdlt)/cn=recipients/cn=be0b59caa4dc43e39afaa089f44ef778-leonardo al;</t>
  </si>
  <si>
    <t>/o=exchangelabs/ou=exchange administrative group (fydibohf23spdlt)/cn=recipients/cn=be0b59caa4dc43e39afaa089f44ef778-leonardo al</t>
  </si>
  <si>
    <t>10/21/2019 16:26:15</t>
  </si>
  <si>
    <t>10/21/2019 16:30:01</t>
  </si>
  <si>
    <t>caroline.sousa@cspecem.com;evelyn.ferreira@bradesco.com.br;</t>
  </si>
  <si>
    <t>RES: [EXTERNO] Emissão BTB - CSP</t>
  </si>
  <si>
    <t>CSP COMPANHIA SIDERURGICA - FLYTOUR.xlsx</t>
  </si>
  <si>
    <t>caroline.sousa@cspecem.com,evelyn.ferreira@bradesco.com.br</t>
  </si>
  <si>
    <t>10/21/2019 16:27:58</t>
  </si>
  <si>
    <t>10/21/2019 16:32:01</t>
  </si>
  <si>
    <t>10/21/2019 16:30:49</t>
  </si>
  <si>
    <t>10/21/2019 16:33:02</t>
  </si>
  <si>
    <t>mail.google.com/_/upload?authuser=0&amp;dcp=asu-n&amp;upload_id=AEnB2UoOvUxY30aTy0TNn9gw0ATbeMpWaX5DqxWDaeQmIQc6IUtjQqKEf4w95plGO3Yr1FLjogEsdOSAJ25aDRH-JaKBZcVPohV6-oRJhrYoAIdcUZDpzvw&amp;upload_protocol=resumable</t>
  </si>
  <si>
    <t>marcosvas@algartech.com;</t>
  </si>
  <si>
    <t>marcosvas@algartech.com</t>
  </si>
  <si>
    <t>10/21/2019 16:28:53</t>
  </si>
  <si>
    <t>Extrato Conta Corrente-181020191320.xls</t>
  </si>
  <si>
    <t>E:\INVESTIMENTOS\Extrato Conta Corrente-181020191320.xls</t>
  </si>
  <si>
    <t>10/21/2019 16:29:55</t>
  </si>
  <si>
    <t>yulyacr@algartech.com;</t>
  </si>
  <si>
    <t>Catálogo de Produtos</t>
  </si>
  <si>
    <t>Product Catalog (New).xlsx</t>
  </si>
  <si>
    <t>yulyacr@algartech.com</t>
  </si>
  <si>
    <t>10/21/2019 16:36:27</t>
  </si>
  <si>
    <t>10/21/2019 16:42:01</t>
  </si>
  <si>
    <t>Relatorio de Classificações</t>
  </si>
  <si>
    <t>Categorias SFV_new.csv</t>
  </si>
  <si>
    <t>10/21/2019 16:38:26</t>
  </si>
  <si>
    <t>10/21/2019 16:43:01</t>
  </si>
  <si>
    <t>Classificação de itens - Crescimento.xlsx</t>
  </si>
  <si>
    <t>10/21/2019 16:50:34</t>
  </si>
  <si>
    <t>10/21/2019 16:56:00</t>
  </si>
  <si>
    <t>ESTRUTURA ATUALIZAR - SETEMBRO 2019.xlsx</t>
  </si>
  <si>
    <t>10/21/2019 16:54:59</t>
  </si>
  <si>
    <t>10/21/2019 16:56:59</t>
  </si>
  <si>
    <t>10/21/2019 16:56:56</t>
  </si>
  <si>
    <t>10/21/2019 16:58:59</t>
  </si>
  <si>
    <t>Base Indiretos 1ª Projeção.xlsx</t>
  </si>
  <si>
    <t>10/21/2019 16:55:41</t>
  </si>
  <si>
    <t>10/21/2019 17:00:59</t>
  </si>
  <si>
    <t>10/21/2019 16:58:19</t>
  </si>
  <si>
    <t>10/21/2019 17:01:59</t>
  </si>
  <si>
    <t>10/21/2019 16:58:43</t>
  </si>
  <si>
    <t>10/21/2019 17:03:59</t>
  </si>
  <si>
    <t>10/21/2019 16:59:00</t>
  </si>
  <si>
    <t>10/21/2019 17:04:06</t>
  </si>
  <si>
    <t>10/21/2019 17:05:59</t>
  </si>
  <si>
    <t>ENC: A-2019-10 Daily_Total Risk-AlgarTech_v2.xlsx</t>
  </si>
  <si>
    <t>10/21/2019 16:16:57</t>
  </si>
  <si>
    <t>10/21/2019 17:12:58</t>
  </si>
  <si>
    <t>mail.google.com/_/upload?authuser=0&amp;dcp=asu-n&amp;upload_id=AEnB2Uqx96lhhSbQ797JBuvqzURssIFPhEKIEWpuqzLG7O7LfzOJt5CjhiOCX0Ddz5PA5lBokCISdvMTu5ZStPF4On-X_ehJJYNrjxu2OHktE47WcoTsnO4&amp;upload_protocol=resumable</t>
  </si>
  <si>
    <t>Motivo e Sub-Motivo de FUP VALE.xlsx</t>
  </si>
  <si>
    <t>mail.google.com/_/upload?authuser=0&amp;dcp=asu-n&amp;upload_id=AEnB2UpaFvgOhbSfABg4tr0wKZOmtyaB50rCSXhj2sxlNNvduKrn_VghJ3KN0XgcawKKE5u4XOPyyX5BXkuy_A6qvCesezT5EVawfJ7m-tFuQjHnRVv13tQ&amp;upload_protocol=resumable</t>
  </si>
  <si>
    <t>Bandeira e Produto VALE.xlsx</t>
  </si>
  <si>
    <t>mail.google.com/_/upload?authuser=0&amp;dcp=asu-n&amp;upload_id=AEnB2UrW7uk9FaYQqk6uzNmb6wvXtk0BgVuJM5lvBpHs5cQ2iodomqiPoVqWi0XANlff0l9IpqJEkblv8M7qmBB5EBSHz1riQ-8yR0nIoBQmzRcRNnPTRas&amp;upload_protocol=resumable</t>
  </si>
  <si>
    <t>Rotinas VALE.xlsx</t>
  </si>
  <si>
    <t>10/21/2019 16:16:58</t>
  </si>
  <si>
    <t>mail.google.com/_/upload?authuser=0&amp;dcp=asu-n&amp;upload_id=AEnB2UrkudnzpZpesdxIKRvuQjZt21STTp3y6eKpmoPmYiKZEzu-XK3MHhYg1NSaIPyhKysNktRaJ9DlYNa_Zq26ggMGegTSiPnma4UUqWQw4C_itEI8D9o&amp;upload_protocol=resumable</t>
  </si>
  <si>
    <t>Assunto e Evento VALE.xlsx</t>
  </si>
  <si>
    <t>10/21/2019 17:17:19</t>
  </si>
  <si>
    <t>10/21/2019 17:14:58</t>
  </si>
  <si>
    <t>Árvore de categorização TLV Ativo e Receptivo Finalizado 13_09.xlsx</t>
  </si>
  <si>
    <t>10/21/2019 17:13:39</t>
  </si>
  <si>
    <t>10/21/2019 17:16:58</t>
  </si>
  <si>
    <t>/o=exchangelabs/ou=exchange administrative group (fydibohf23spdlt)/cn=recipients/cn=545f738e0fe740ba856f4eb6ef0135e0-vinicius si;/o=exchangelabs/ou=exchange administrative group (fydibohf23spdlt)/cn=recipients/cn=746f10dd924a4e7dbfe2f813f74b1f2c-gilmar pres;/o=exchangelabs/ou=exchange administrative group (fydibohf23spdlt)/cn=recipients/cn=8da96f497b5c46ee81c2775857a1df84-pedro henri;/o=exchangelabs/ou=exchange administrative group (fydibohf23spdlt)/cn=recipients/cn=d1d015f213f648abbf348b5ccdf8e9d9-senilda per;</t>
  </si>
  <si>
    <t>RES: Spk Outubro</t>
  </si>
  <si>
    <t>Speaking Time - Out.2019.xlsx</t>
  </si>
  <si>
    <t>/o=exchangelabs/ou=exchange administrative group (fydibohf23spdlt)/cn=recipients/cn=545f738e0fe740ba856f4eb6ef0135e0-vinicius si,/o=exchangelabs/ou=exchange administrative group (fydibohf23spdlt)/cn=recipients/cn=746f10dd924a4e7dbfe2f813f74b1f2c-gilmar pres,/o=exchangelabs/ou=exchange administrative group (fydibohf23spdlt)/cn=recipients/cn=8da96f497b5c46ee81c2775857a1df84-pedro henri,/o=exchangelabs/ou=exchange administrative group (fydibohf23spdlt)/cn=recipients/cn=d1d015f213f648abbf348b5ccdf8e9d9-senilda per</t>
  </si>
  <si>
    <t>10/21/2019 17:13:12</t>
  </si>
  <si>
    <t>10/21/2019 17:17:58</t>
  </si>
  <si>
    <t>/o=exchangelabs/ou=exchange administrative group (fydibohf23spdlt)/cn=recipients/cn=356687541e6d4dba87a6d07b3c4b9c4a-paulinia av;/o=exchangelabs/ou=exchange administrative group (fydibohf23spdlt)/cn=recipients/cn=8b5b63d67af648d081a40c45cc800804-fabiana per;isabelaaf@algartech.com.br;leonardoamf@algartech.com.br;</t>
  </si>
  <si>
    <t>RES: Produtividade UNE_UCB_Formalização e Casos Especiais até 17/10</t>
  </si>
  <si>
    <t>PRODUÇÃO_ UCB_UNE_CASOS ESP. e FORMALIZAÇÃO D0_.xlsb</t>
  </si>
  <si>
    <t>/o=exchangelabs/ou=exchange administrative group (fydibohf23spdlt)/cn=recipients/cn=356687541e6d4dba87a6d07b3c4b9c4a-paulinia av,/o=exchangelabs/ou=exchange administrative group (fydibohf23spdlt)/cn=recipients/cn=8b5b63d67af648d081a40c45cc800804-fabiana per,isabelaaf@algartech.com.br,leonardoamf@algartech.com.br</t>
  </si>
  <si>
    <t>10/21/2019 17:18:51</t>
  </si>
  <si>
    <t>10/21/2019 17:21:58</t>
  </si>
  <si>
    <t>mail.google.com/_/upload?authuser=1&amp;dcp=asu-n&amp;upload_id=AEnB2UrleCEiUuB9nNEfn1s9D03sBdP-1CNyzqHQKb_pyQu3rMZjekPvd0kR_YS5-qQZCH7mJvUmRTgErFWkgh29Es0GHxToUNaG4YIws7m3uHpy49PMzwE&amp;upload_protocol=resumable</t>
  </si>
  <si>
    <t>C:\Users\kaiohas\Documents\SMS\</t>
  </si>
  <si>
    <t>BaseTelefones - Indaia.xlsm</t>
  </si>
  <si>
    <t>10/21/2019 17:24:42</t>
  </si>
  <si>
    <t>10/21/2019 17:23:58</t>
  </si>
  <si>
    <t>10/21/2019 17:22:58</t>
  </si>
  <si>
    <t>192.168.1.107</t>
  </si>
  <si>
    <t>FORMULARIO_DE_CADASTRO_DE_FORNECEDOR_-_R12_e_SOMAR_-_Socios (1) (3)Maria Emília -LOC TEC.xlsx</t>
  </si>
  <si>
    <t>10/21/2019 17:24:10</t>
  </si>
  <si>
    <t>10/21/2019 17:26:57</t>
  </si>
  <si>
    <t>ganunes@tripag.com.br;</t>
  </si>
  <si>
    <t>ENC: Relatório indicação Martins</t>
  </si>
  <si>
    <t>Relatório Indicação Martins.xlsx</t>
  </si>
  <si>
    <t>ganunes@tripag.com.br</t>
  </si>
  <si>
    <t>10/21/2019 17:26:23</t>
  </si>
  <si>
    <t>10/21/2019 17:28:57</t>
  </si>
  <si>
    <t>/o=exchangelabs/ou=exchange administrative group (fydibohf23spdlt)/cn=recipients/cn=32fe8a14424941da83c2bf35a8a5709e-fabiana car;/o=exchangelabs/ou=exchange administrative group (fydibohf23spdlt)/cn=recipients/cn=5ab64dc5178e4d66aadc5f660807b2c3-andre gomes;/o=exchangelabs/ou=exchange administrative group (fydibohf23spdlt)/cn=recipients/cn=b36412a54b154c07b0a876537a78fce8-jheniffer g;viniciussg@algartech.com;</t>
  </si>
  <si>
    <t>ENC: BP Whirlpool</t>
  </si>
  <si>
    <t>/o=exchangelabs/ou=exchange administrative group (fydibohf23spdlt)/cn=recipients/cn=32fe8a14424941da83c2bf35a8a5709e-fabiana car,/o=exchangelabs/ou=exchange administrative group (fydibohf23spdlt)/cn=recipients/cn=5ab64dc5178e4d66aadc5f660807b2c3-andre gomes,/o=exchangelabs/ou=exchange administrative group (fydibohf23spdlt)/cn=recipients/cn=b36412a54b154c07b0a876537a78fce8-jheniffer g,viniciussg@algartech.com</t>
  </si>
  <si>
    <t>10/21/2019 17:27:39</t>
  </si>
  <si>
    <t>10/21/2019 17:31:56</t>
  </si>
  <si>
    <t>ENC: Cenário Final_BF</t>
  </si>
  <si>
    <t>Preço - Açao Black Friday 2019 - v6.xlsx</t>
  </si>
  <si>
    <t>10/21/2019 17:28:06</t>
  </si>
  <si>
    <t>10/21/2019 17:32:56</t>
  </si>
  <si>
    <t>10/21/2019 17:28:12</t>
  </si>
  <si>
    <t>mail.google.com/_/upload?authuser=0&amp;dcp=asu-n&amp;upload_id=AEnB2Upf0jVOXePN0KI12Y_rJfqU36iH7y0o7JotqMvnlehar_Yc3M5iuWBQVt50YSyhMfvHN-CYawPrSWjsg6xPodCPlgvJMClqNrUx8JsRDnBWbLJOH-A&amp;upload_protocol=resumable</t>
  </si>
  <si>
    <t>alessandroam@algartech.com;felipemda@algartech.com;iaraadss@algartech.com;leandrom@algartech.com;luizfsm@algartech.com;</t>
  </si>
  <si>
    <t>alessandroam@algartech.com,felipemda@algartech.com,iaraadss@algartech.com,leandrom@algartech.com,luizfsm@algartech.com</t>
  </si>
  <si>
    <t>10/21/2019 17:30:26</t>
  </si>
  <si>
    <t>/o=exchangelabs/ou=exchange administrative group (fydibohf23spdlt)/cn=recipients/cn=546d63420d554c4d858776a48a93ef0f-gustavo de;/o=exchangelabs/ou=exchange administrative group (fydibohf23spdlt)/cn=recipients/cn=c29ec9dae022497281c840087cccddec-patricia ar;</t>
  </si>
  <si>
    <t>RES: SS 640/2019 - Solicitação de proposta para serviços de Onboarding Digital</t>
  </si>
  <si>
    <t>Resumo dimensionamentos_Sicoob Bko.xlsx</t>
  </si>
  <si>
    <t>/o=exchangelabs/ou=exchange administrative group (fydibohf23spdlt)/cn=recipients/cn=546d63420d554c4d858776a48a93ef0f-gustavo de,/o=exchangelabs/ou=exchange administrative group (fydibohf23spdlt)/cn=recipients/cn=c29ec9dae022497281c840087cccddec-patricia ar</t>
  </si>
  <si>
    <t>10/21/2019 17:31:57</t>
  </si>
  <si>
    <t>ENC: Chat/ Bot para Electrolux - Continental</t>
  </si>
  <si>
    <t>FAQ - Continental.xlsx</t>
  </si>
  <si>
    <t>10/21/2019 17:41:00</t>
  </si>
  <si>
    <t>10/21/2019 17:41:56</t>
  </si>
  <si>
    <t>/o=exchangelabs/ou=exchange administrative group (fydibohf23spdlt)/cn=recipients/cn=938b0bcbe6c849379d1f8885bf8556f7-leticia reg;</t>
  </si>
  <si>
    <t>TechOnline</t>
  </si>
  <si>
    <t>ABONO Sarah.xlsx</t>
  </si>
  <si>
    <t>/o=exchangelabs/ou=exchange administrative group (fydibohf23spdlt)/cn=recipients/cn=938b0bcbe6c849379d1f8885bf8556f7-leticia reg</t>
  </si>
  <si>
    <t>10/21/2019 17:39:43</t>
  </si>
  <si>
    <t>10/21/2019 17:42:56</t>
  </si>
  <si>
    <t>/o=exchangelabs/ou=exchange administrative group (fydibohf23spdlt)/cn=recipients/cn=be0b59caa4dc43e39afaa089f44ef778-leonardo al;/o=exchangelabs/ou=exchange administrative group (fydibohf23spdlt)/cn=recipients/cn=f00c439d0d474c0586a503a0209ed1f2-bruno wande;</t>
  </si>
  <si>
    <t>Volumes BV_Alavancas 21102019.xlsx</t>
  </si>
  <si>
    <t>/o=exchangelabs/ou=exchange administrative group (fydibohf23spdlt)/cn=recipients/cn=be0b59caa4dc43e39afaa089f44ef778-leonardo al,/o=exchangelabs/ou=exchange administrative group (fydibohf23spdlt)/cn=recipients/cn=f00c439d0d474c0586a503a0209ed1f2-bruno wande</t>
  </si>
  <si>
    <t>10/21/2019 17:43:00</t>
  </si>
  <si>
    <t>10/21/2019 17:43:56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287c26b08a0f48578479a15a452f025d-edilson rod;/o=exchangelabs/ou=exchange administrative group (fydibohf23spdlt)/cn=recipients/cn=32b20a28d31f440a8435af323365cdb0-wesley doug;/o=exchangelabs/ou=exchange administrative group (fydibohf23spdlt)/cn=recipients/cn=34a28d636a1b4c86b1ec79baed4b846a-marco anton;/o=exchangelabs/ou=exchange administrative group (fydibohf23spdlt)/cn=recipients/cn=54abac0a4fdc4ad1bec39bb51d85eab1-victor hugo;/o=exchangelabs/ou=exchange administrative group (fydibohf23spdlt)/cn=recipients/cn=5cdc4a7b917a447c993600ca829a0a39-elisangela;/o=exchangelabs/ou=exchange administrative group (fydibohf23spdlt)/cn=recipients/cn=664567c81e2c4e9f9de1f7830ee164f0-octav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287c26b08a0f48578479a15a452f025d-edilson rod,/o=exchangelabs/ou=exchange administrative group (fydibohf23spdlt)/cn=recipients/cn=32b20a28d31f440a8435af323365cdb0-wesley doug,/o=exchangelabs/ou=exchange administrative group (fydibohf23spdlt)/cn=recipients/cn=34a28d636a1b4c86b1ec79baed4b846a-marco anton,/o=exchangelabs/ou=exchange administrative group (fydibohf23spdlt)/cn=recipients/cn=54abac0a4fdc4ad1bec39bb51d85eab1-victor hugo,/o=exchangelabs/ou=exchange administrative group (fydibohf23spdlt)/cn=recipients/cn=5cdc4a7b917a447c993600ca829a0a39-elisangela,/o=exchangelabs/ou=exchange administrative group (fydibohf23spdlt)/cn=recipients/cn=664567c81e2c4e9f9de1f7830ee164f0-octav</t>
  </si>
  <si>
    <t>10/21/2019 17:56:57</t>
  </si>
  <si>
    <t>10/21/2019 17:55:56</t>
  </si>
  <si>
    <t>/o=exchangelabs/ou=exchange administrative group (fydibohf23spdlt)/cn=recipients/cn=1f618d54a68b4458b5b1746c7fbe41a2-ana paula d;/o=exchangelabs/ou=exchange administrative group (fydibohf23spdlt)/cn=recipients/cn=3c33cc6a76934569a7e3690e0193e924-maila danie;/o=exchangelabs/ou=exchange administrative group (fydibohf23spdlt)/cn=recipients/cn=554d2cdc1361428a8f1cbe37bb559534-caroline fe;/o=exchangelabs/ou=exchange administrative group (fydibohf23spdlt)/cn=recipients/cn=56dc126fba5b4a5f8fb1cd7e4f10477d-thais olive;/o=exchangelabs/ou=exchange administrative group (fydibohf23spdlt)/cn=recipients/cn=5c0e0b883c0f4ccbb2cf13db05a00b36-luciene ivo;/o=exchangelabs/ou=exchange administrative group (fydibohf23spdlt)/cn=recipients/cn=60c79fa1bc994449ac17a5e2109f7abd-claudio fer;/o=exchangelabs/ou=exchange administrative group (fydibohf23spdlt)/cn=recipients/cn=72cf7e0bd1fe499886b9c12b4b5b52b6-inacio anto;/o=exchangelabs/ou=exchange administrative group (fydibohf23spdlt)/cn=recipients/cn=87cbd0e4808a4943b7079946189af536-grac</t>
  </si>
  <si>
    <t>RES: [Formalização] Reforecast Novembro/19 - Consolidado</t>
  </si>
  <si>
    <t>11 - Planejamento BO UGC.xlsx</t>
  </si>
  <si>
    <t>/o=exchangelabs/ou=exchange administrative group (fydibohf23spdlt)/cn=recipients/cn=1f618d54a68b4458b5b1746c7fbe41a2-ana paula d,/o=exchangelabs/ou=exchange administrative group (fydibohf23spdlt)/cn=recipients/cn=3c33cc6a76934569a7e3690e0193e924-maila danie,/o=exchangelabs/ou=exchange administrative group (fydibohf23spdlt)/cn=recipients/cn=554d2cdc1361428a8f1cbe37bb559534-caroline fe,/o=exchangelabs/ou=exchange administrative group (fydibohf23spdlt)/cn=recipients/cn=56dc126fba5b4a5f8fb1cd7e4f10477d-thais olive,/o=exchangelabs/ou=exchange administrative group (fydibohf23spdlt)/cn=recipients/cn=5c0e0b883c0f4ccbb2cf13db05a00b36-luciene ivo,/o=exchangelabs/ou=exchange administrative group (fydibohf23spdlt)/cn=recipients/cn=60c79fa1bc994449ac17a5e2109f7abd-claudio fer,/o=exchangelabs/ou=exchange administrative group (fydibohf23spdlt)/cn=recipients/cn=72cf7e0bd1fe499886b9c12b4b5b52b6-inacio anto,/o=exchangelabs/ou=exchange administrative group (fydibohf23spdlt)/cn=recipients/cn=87cbd0e4808a4943b7079946189af536-grac</t>
  </si>
  <si>
    <t>10/21/2019 18:00:21</t>
  </si>
  <si>
    <t>10/21/2019 18:04:55</t>
  </si>
  <si>
    <t>marcos.pereira@algartech.com;raquelcc@algartech.com;</t>
  </si>
  <si>
    <t>BAIXAS POR AGING TIM.xlsx</t>
  </si>
  <si>
    <t>marcos.pereira@algartech.com,raquelcc@algartech.com</t>
  </si>
  <si>
    <t>10/21/2019 18:01:51</t>
  </si>
  <si>
    <t>10/21/2019 18:05:55</t>
  </si>
  <si>
    <t>/o=exchangelabs/ou=exchange administrative group (fydibohf23spdlt)/cn=recipients/cn=6eba165355c04c91b82542c749a05902-raniella ru;</t>
  </si>
  <si>
    <t>Segue para formalizarmos</t>
  </si>
  <si>
    <t>Comunicados.xlsx</t>
  </si>
  <si>
    <t>/o=exchangelabs/ou=exchange administrative group (fydibohf23spdlt)/cn=recipients/cn=6eba165355c04c91b82542c749a05902-raniella ru</t>
  </si>
  <si>
    <t>10/21/2019 18:36:15</t>
  </si>
  <si>
    <t>10/21/2019 18:38:52</t>
  </si>
  <si>
    <t>10.200.68.10</t>
  </si>
  <si>
    <t>mail.google.com/_/upload?authuser=0&amp;dcp=asu-n&amp;upload_id=AEnB2UrWm5ZBrmKsmxSW-E6kux08CcLE3yfY8QZ2RSNf1kRFIRKDG-Cg75l7y6Zs3LyNdLXaLxPra_6eNEnoUjjwhNA4B3Pg64tYmaU6qlBx0y7yNdE_BG8&amp;upload_protocol=resumable</t>
  </si>
  <si>
    <t>andersonpc@algartech.com;sheila.lopes@youse.com.br;wasleylc@algartech.com;</t>
  </si>
  <si>
    <t>Base Algar - Restrição Prévia - Vai Comprar Sozinho(14.10 à 17.10).xlsx</t>
  </si>
  <si>
    <t>andersonpc@algartech.com,sheila.lopes@youse.com.br,wasleylc@algartech.com</t>
  </si>
  <si>
    <t>10/21/2019 18:38:54</t>
  </si>
  <si>
    <t>10/21/2019 18:39:52</t>
  </si>
  <si>
    <t>/o=exchangelabs/ou=exchange administrative group (fydibohf23spdlt)/cn=recipients/cn=6573e917996e42d293f3f3e9455809ed-marcellarr_;/o=exchangelabs/ou=exchange administrative group (fydibohf23spdlt)/cn=recipients/cn=fa97b4f41f6b44568346ac119cf955ae-pablo henri;claudia.b.pereira@bradesco.com.br;jacqueline.mariano@bradesco.com.br;leandra.cardoso@bradesco.com.br;</t>
  </si>
  <si>
    <t>RES: Código de Autorizações Inexistente</t>
  </si>
  <si>
    <t>Cópia de ANX_Autorizacoes_Amex_Emitido_no_B2K_Excel_10.10.2019.xls</t>
  </si>
  <si>
    <t>/o=exchangelabs/ou=exchange administrative group (fydibohf23spdlt)/cn=recipients/cn=6573e917996e42d293f3f3e9455809ed-marcellarr_,/o=exchangelabs/ou=exchange administrative group (fydibohf23spdlt)/cn=recipients/cn=fa97b4f41f6b44568346ac119cf955ae-pablo henri,claudia.b.pereira@bradesco.com.br,jacqueline.mariano@bradesco.com.br,leandra.cardoso@bradesco.com.br</t>
  </si>
  <si>
    <t>10/21/2019 18:44:26</t>
  </si>
  <si>
    <t>10/21/2019 18:44:52</t>
  </si>
  <si>
    <t>/o=exchangelabs/ou=exchange administrative group (fydibohf23spdlt)/cn=recipients/cn=a75579a499254c2291e852b70c4d70d1-eunice apar;</t>
  </si>
  <si>
    <t>RES: Segue para formalizarmos</t>
  </si>
  <si>
    <t>Cópia de Comunicados.xlsx</t>
  </si>
  <si>
    <t>/o=exchangelabs/ou=exchange administrative group (fydibohf23spdlt)/cn=recipients/cn=a75579a499254c2291e852b70c4d70d1-eunice apar</t>
  </si>
  <si>
    <t>10/21/2019 19:19:44</t>
  </si>
  <si>
    <t>10/21/2019 19:24:49</t>
  </si>
  <si>
    <t>claudia.siqueira@bradesco.com.br;cristinahe@algartech.com;denisemso@algartech.com;kamillars@algartech.com;viviane.virgilio@bradesco.com.br;</t>
  </si>
  <si>
    <t>C:\Users\rafaelaas\Desktop\Apresentação - Produtos Financeiros Out 19.pptx\</t>
  </si>
  <si>
    <t>claudia.siqueira@bradesco.com.br,cristinahe@algartech.com,denisemso@algartech.com,kamillars@algartech.com,viviane.virgilio@bradesco.com.br</t>
  </si>
  <si>
    <t>10/21/2019 23:38:23</t>
  </si>
  <si>
    <t>10/21/2019 23:37:30</t>
  </si>
  <si>
    <t>/o=exchangelabs/ou=exchange administrative group (fydibohf23spdlt)/cn=recipients/cn=15c80c9b083f4281ab32995a83d93290-renato juni;/o=exchangelabs/ou=exchange administrative group (fydibohf23spdlt)/cn=recipients/cn=3b76b3dd02a14d289cc323d3c8d12b81-waleska mar;/o=exchangelabs/ou=exchange administrative group (fydibohf23spdlt)/cn=recipients/cn=4911a634c3d94c7b874eeced615e3a90-luciana fer;/o=exchangelabs/ou=exchange administrative group (fydibohf23spdlt)/cn=recipients/cn=55f846c335d7437f892f0b0d49c89e92-celma ribei;/o=exchangelabs/ou=exchange administrative group (fydibohf23spdlt)/cn=recipients/cn=9817f470a69749f88d51a245010c81fc-edson cruz;/o=exchangelabs/ou=exchange administrative group (fydibohf23spdlt)/cn=recipients/cn=bf4d3ddd7e134644a2b491c4705f341e-danielle ma;/o=exchangelabs/ou=exchange administrative group (fydibohf23spdlt)/cn=recipients/cn=e02fb1ea607d4950a0c669da0ebed6ee-jose adilso;/o=exchangelabs/ou=exchange administrative group (fydibohf23spdlt)/cn=recipients/cn=e14276569479437cbc3dce948def791c-sandr</t>
  </si>
  <si>
    <t>RES: Análises Algar Tech para Fechamento Balanço 2019</t>
  </si>
  <si>
    <t>Impactos Desmobilização GST.xlsx</t>
  </si>
  <si>
    <t>/o=exchangelabs/ou=exchange administrative group (fydibohf23spdlt)/cn=recipients/cn=15c80c9b083f4281ab32995a83d93290-renato juni,/o=exchangelabs/ou=exchange administrative group (fydibohf23spdlt)/cn=recipients/cn=3b76b3dd02a14d289cc323d3c8d12b81-waleska mar,/o=exchangelabs/ou=exchange administrative group (fydibohf23spdlt)/cn=recipients/cn=4911a634c3d94c7b874eeced615e3a90-luciana fer,/o=exchangelabs/ou=exchange administrative group (fydibohf23spdlt)/cn=recipients/cn=55f846c335d7437f892f0b0d49c89e92-celma ribei,/o=exchangelabs/ou=exchange administrative group (fydibohf23spdlt)/cn=recipients/cn=9817f470a69749f88d51a245010c81fc-edson cruz,/o=exchangelabs/ou=exchange administrative group (fydibohf23spdlt)/cn=recipients/cn=bf4d3ddd7e134644a2b491c4705f341e-danielle ma,/o=exchangelabs/ou=exchange administrative group (fydibohf23spdlt)/cn=recipients/cn=e02fb1ea607d4950a0c669da0ebed6ee-jose adilso,/o=exchangelabs/ou=exchange administrative group (fydibohf23spdlt)/cn=recipients/cn=e14276569479437cbc3dce948def791c-sandr</t>
  </si>
  <si>
    <t>10/18/2019 16:12:43</t>
  </si>
  <si>
    <t>10/22/2019 07:55:54</t>
  </si>
  <si>
    <t>10/21/2019 10:19:10</t>
  </si>
  <si>
    <t>carla.meirelles@bv.com.br;simone.conceicao@bv.com.br;</t>
  </si>
  <si>
    <t>Projeto Operação Outbound BV</t>
  </si>
  <si>
    <t>AlgarTech - Assessment Televendas v1.xlsx</t>
  </si>
  <si>
    <t>carla.meirelles@bv.com.br,simone.conceicao@bv.com.br</t>
  </si>
  <si>
    <t>10/21/2019 14:14:22</t>
  </si>
  <si>
    <t>10/21/2019 16:00:58</t>
  </si>
  <si>
    <t>Aprovar venda OPP 215448</t>
  </si>
  <si>
    <t>10/22/2019 08:14:53</t>
  </si>
  <si>
    <t>10.200.57.56</t>
  </si>
  <si>
    <t>marcos.pereira@algartech.com;</t>
  </si>
  <si>
    <t>C:\Users\denisevca\Desktop\IMPLANTAÇÃO\</t>
  </si>
  <si>
    <t>Cronograma Implantação 04_09.xlsx</t>
  </si>
  <si>
    <t>marcos.pereira@algartech.com</t>
  </si>
  <si>
    <t>10/14/2019 18:10:43</t>
  </si>
  <si>
    <t>10/22/2019 08:18:52</t>
  </si>
  <si>
    <t>10.200.32.211</t>
  </si>
  <si>
    <t>64-1C-67-9B-A1-85</t>
  </si>
  <si>
    <t>NB-GUILHERMEASO</t>
  </si>
  <si>
    <t>guilhermeaso</t>
  </si>
  <si>
    <t>C:\Users\guilhermeaso\OneDrive - Grupo Algar\INFORMAÇÕES CLIENTES SOLLERO\00 FATURAMENTO\</t>
  </si>
  <si>
    <t>Faturamento 2019.xlsx</t>
  </si>
  <si>
    <t>10/22/2019 08:24:03</t>
  </si>
  <si>
    <t>10/22/2019 08:24:52</t>
  </si>
  <si>
    <t>184aca9f978b450eb35ad4562ae4440d.xls</t>
  </si>
  <si>
    <t>10/22/2019 08:29:57</t>
  </si>
  <si>
    <t>10/22/2019 08:27:51</t>
  </si>
  <si>
    <t>mail.google.com/_/upload?authuser=0&amp;dcp=asu-n&amp;upload_id=AEnB2UpI7_2yW4uDquuuZh049DO3Lb63PlS3eeKoafXnDEww-dSSVOCXRdsumbM8gKbMs9Y1urcNVaAdyyl0GeucQCID4m2U_ax8SkIWW0gyuviTdRwjuV0&amp;upload_protocol=resumable</t>
  </si>
  <si>
    <t>Pedidos de Compra_Aceitação.xlsm</t>
  </si>
  <si>
    <t>10/22/2019 08:26:49</t>
  </si>
  <si>
    <t>10/22/2019 08:28:51</t>
  </si>
  <si>
    <t>10.200.35.248</t>
  </si>
  <si>
    <t>FC-01-7C-B3-BA-DF</t>
  </si>
  <si>
    <t>Formulário Reserva Sala.xlsx</t>
  </si>
  <si>
    <t>10/22/2019 08:28:48</t>
  </si>
  <si>
    <t>10/22/2019 08:33:50</t>
  </si>
  <si>
    <t>Compras 2020 1510v2.xlsx</t>
  </si>
  <si>
    <t>10/22/2019 08:29:56</t>
  </si>
  <si>
    <t>Base Distribuição 2019 Setembro 1510 - Cópia.xlsx</t>
  </si>
  <si>
    <t>10/22/2019 08:30:19</t>
  </si>
  <si>
    <t>Base Distribuição 2019 Setembro 2210.xlsx</t>
  </si>
  <si>
    <t>10/22/2019 08:31:09</t>
  </si>
  <si>
    <t>Base Distribuição 2018v4 1510 - Cópia.xlsx</t>
  </si>
  <si>
    <t>10/22/2019 08:31:18</t>
  </si>
  <si>
    <t>Base Distribuição 2018v4 2010.xlsx</t>
  </si>
  <si>
    <t>10/22/2019 08:31:28</t>
  </si>
  <si>
    <t>Base Distribuição 2018v4 2210.xlsx</t>
  </si>
  <si>
    <t>10/21/2019 17:08:48</t>
  </si>
  <si>
    <t>10/22/2019 08:36:50</t>
  </si>
  <si>
    <t>/o=exchangelabs/ou=exchange administrative group (fydibohf23spdlt)/cn=recipients/cn=3fb6ab7b213844aaa9f4b7b177d40270-diogo rober;/o=exchangelabs/ou=exchange administrative group (fydibohf23spdlt)/cn=recipients/cn=9590810d44524cf49acee6103c18936a-denys guidi;/o=exchangelabs/ou=exchange administrative group (fydibohf23spdlt)/cn=recipients/cn=9a65d8734c444cbc8372a614d17d98e1-lucia maalo;/o=exchangelabs/ou=exchange administrative group (fydibohf23spdlt)/cn=recipients/cn=wilson achilles alves pereira neto - 004255;</t>
  </si>
  <si>
    <t>RES: Fechamento FUSION - Ajustes Informações</t>
  </si>
  <si>
    <t>148219 BP Hub Preço C017 B017 Desonerada Tx Ad. Aplicada_TI_v25.xlsb</t>
  </si>
  <si>
    <t>/o=exchangelabs/ou=exchange administrative group (fydibohf23spdlt)/cn=recipients/cn=3fb6ab7b213844aaa9f4b7b177d40270-diogo rober,/o=exchangelabs/ou=exchange administrative group (fydibohf23spdlt)/cn=recipients/cn=9590810d44524cf49acee6103c18936a-denys guidi,/o=exchangelabs/ou=exchange administrative group (fydibohf23spdlt)/cn=recipients/cn=9a65d8734c444cbc8372a614d17d98e1-lucia maalo,/o=exchangelabs/ou=exchange administrative group (fydibohf23spdlt)/cn=recipients/cn=wilson achilles alves pereira neto - 004255</t>
  </si>
  <si>
    <t>10/21/2019 17:58:25</t>
  </si>
  <si>
    <t>10/22/2019 08:48:49</t>
  </si>
  <si>
    <t>/o=exchangelabs/ou=exchange administrative group (fydibohf23spdlt)/cn=recipients/cn=9216c91f88944fa9915f6d1b2c6a77a0-renato kass;</t>
  </si>
  <si>
    <t>RES: Acesso Vetex e Zendesk</t>
  </si>
  <si>
    <t>EXTRATOR_ECH_VDN (NÚMERO DE A).xlsm</t>
  </si>
  <si>
    <t>/o=exchangelabs/ou=exchange administrative group (fydibohf23spdlt)/cn=recipients/cn=9216c91f88944fa9915f6d1b2c6a77a0-renato kass</t>
  </si>
  <si>
    <t>10/22/2019 08:48:57</t>
  </si>
  <si>
    <t>10/22/2019 08:49:49</t>
  </si>
  <si>
    <t>CURVA NORMAL - 21/10/2019</t>
  </si>
  <si>
    <t>10/22/2019 09:00:39</t>
  </si>
  <si>
    <t>10/22/2019 08:59:48</t>
  </si>
  <si>
    <t>/o=exchangelabs/ou=exchange administrative group (fydibohf23spdlt)/cn=recipients/cn=15c80c9b083f4281ab32995a83d93290-renato juni;/o=exchangelabs/ou=exchange administrative group (fydibohf23spdlt)/cn=recipients/cn=3b76b3dd02a14d289cc323d3c8d12b81-waleska mar;/o=exchangelabs/ou=exchange administrative group (fydibohf23spdlt)/cn=recipients/cn=55f846c335d7437f892f0b0d49c89e92-celma ribei;/o=exchangelabs/ou=exchange administrative group (fydibohf23spdlt)/cn=recipients/cn=b0ce3629903d4c84b0d794fadbc63bf3-marcos rese;/o=exchangelabs/ou=exchange administrative group (fydibohf23spdlt)/cn=recipients/cn=e14276569479437cbc3dce948def791c-sandra mari;</t>
  </si>
  <si>
    <t>RES: Entrega Conciliações Fiscais Algar Tech</t>
  </si>
  <si>
    <t>/o=exchangelabs/ou=exchange administrative group (fydibohf23spdlt)/cn=recipients/cn=15c80c9b083f4281ab32995a83d93290-renato juni,/o=exchangelabs/ou=exchange administrative group (fydibohf23spdlt)/cn=recipients/cn=3b76b3dd02a14d289cc323d3c8d12b81-waleska mar,/o=exchangelabs/ou=exchange administrative group (fydibohf23spdlt)/cn=recipients/cn=55f846c335d7437f892f0b0d49c89e92-celma ribei,/o=exchangelabs/ou=exchange administrative group (fydibohf23spdlt)/cn=recipients/cn=b0ce3629903d4c84b0d794fadbc63bf3-marcos rese,/o=exchangelabs/ou=exchange administrative group (fydibohf23spdlt)/cn=recipients/cn=e14276569479437cbc3dce948def791c-sandra mari</t>
  </si>
  <si>
    <t>10/21/2019 18:10:22</t>
  </si>
  <si>
    <t>10/22/2019 09:00:48</t>
  </si>
  <si>
    <t>TechOnline - restante</t>
  </si>
  <si>
    <t>10/22/2019 09:02:41</t>
  </si>
  <si>
    <t>10/22/2019 09:03:48</t>
  </si>
  <si>
    <t>CORREÇÃO DE PN E SERIAL</t>
  </si>
  <si>
    <t>10/22/2019 09:14:24</t>
  </si>
  <si>
    <t>10/22/2019 09:10:47</t>
  </si>
  <si>
    <t>10/22/2019 09:16:57</t>
  </si>
  <si>
    <t>10/22/2019 09:12:47</t>
  </si>
  <si>
    <t>mail.google.com/_/upload?authuser=0&amp;dcp=asu-n&amp;upload_id=AEnB2UpKieSjAcra-YEUffr8yCAoDmUzY_wfH4AfiQYMAtCzygqaQ1R6dMgcH_OkUHJDLxmSEQLHlB2lDckGGRNW-TUDbctF5T5vxvfWeh9RY3ivjI_72FM&amp;upload_protocol=resumable</t>
  </si>
  <si>
    <t>10/22/2019 09:11:30</t>
  </si>
  <si>
    <t>10.200.99.134</t>
  </si>
  <si>
    <t>ENC: Adesão - Comportamental</t>
  </si>
  <si>
    <t>10/22/2019 09:13:41</t>
  </si>
  <si>
    <t>10/22/2019 09:15:47</t>
  </si>
  <si>
    <t>/o=exchangelabs/ou=exchange administrative group (fydibohf23spdlt)/cn=recipients/cn=058955d6dd54416894ef02fd61fe3f5f-marden vian;/o=exchangelabs/ou=exchange administrative group (fydibohf23spdlt)/cn=recipients/cn=7010366a38334f4ea93ff55da14a3fd0-supervisore;</t>
  </si>
  <si>
    <t>Novo Sistema de Gravação Nice</t>
  </si>
  <si>
    <t>Novo sistema de Gravação - Usuário de acesso (SUPERVISÃO).msg\s1\</t>
  </si>
  <si>
    <t>Supervisores_Site_1 e Fraude.xlsx</t>
  </si>
  <si>
    <t>/o=exchangelabs/ou=exchange administrative group (fydibohf23spdlt)/cn=recipients/cn=058955d6dd54416894ef02fd61fe3f5f-marden vian,/o=exchangelabs/ou=exchange administrative group (fydibohf23spdlt)/cn=recipients/cn=7010366a38334f4ea93ff55da14a3fd0-supervisore</t>
  </si>
  <si>
    <t>10/22/2019 09:14:02</t>
  </si>
  <si>
    <t>ENC: CHAMADOS TOP PERFORMANCE</t>
  </si>
  <si>
    <t>CATEGORIZAÇAO CHAAMDOS TOP PERFORMANCE.xlsx</t>
  </si>
  <si>
    <t>10/22/2019 09:13:08</t>
  </si>
  <si>
    <t>10/22/2019 09:12:24</t>
  </si>
  <si>
    <t>10/22/2019 09:12:54</t>
  </si>
  <si>
    <t>10/22/2019 09:17:46</t>
  </si>
  <si>
    <t>10/22/2019 09:22:36</t>
  </si>
  <si>
    <t>10/22/2019 09:23:45</t>
  </si>
  <si>
    <t>/o=exchangelabs/ou=exchange administrative group (fydibohf23spdlt)/cn=recipients/cn=01a1f66a08fd441b860a430efe9babba-cpc - contr;/o=exchangelabs/ou=exchange administrative group (fydibohf23spdlt)/cn=recipients/cn=083204b1bd464d0fbbd2451a3a305923-katia gonca;/o=exchangelabs/ou=exchange administrative group (fydibohf23spdlt)/cn=recipients/cn=cd9a537135134b65a0d7151c4bba7129-brenda bruc;</t>
  </si>
  <si>
    <t>ENC: Treinamento KAID - COZINHA</t>
  </si>
  <si>
    <t>/o=exchangelabs/ou=exchange administrative group (fydibohf23spdlt)/cn=recipients/cn=01a1f66a08fd441b860a430efe9babba-cpc - contr,/o=exchangelabs/ou=exchange administrative group (fydibohf23spdlt)/cn=recipients/cn=083204b1bd464d0fbbd2451a3a305923-katia gonca,/o=exchangelabs/ou=exchange administrative group (fydibohf23spdlt)/cn=recipients/cn=cd9a537135134b65a0d7151c4bba7129-brenda bruc</t>
  </si>
  <si>
    <t>10/22/2019 09:19:36</t>
  </si>
  <si>
    <t>10/22/2019 09:24:46</t>
  </si>
  <si>
    <t>LOGIN.xlsx</t>
  </si>
  <si>
    <t>10/22/2019 09:22:33</t>
  </si>
  <si>
    <t>/o=exchangelabs/ou=exchange administrative group (fydibohf23spdlt)/cn=recipients/cn=3cbbbf2b74034adf96410f8599fd666d-moana pauli;/o=exchangelabs/ou=exchange administrative group (fydibohf23spdlt)/cn=recipients/cn=574b9ba530ca42ac8eeb3eea750f0f34-jose carlos;camiladps@algartech.com;</t>
  </si>
  <si>
    <t>RES: Treinamento #Eusouodono</t>
  </si>
  <si>
    <t>/o=exchangelabs/ou=exchange administrative group (fydibohf23spdlt)/cn=recipients/cn=3cbbbf2b74034adf96410f8599fd666d-moana pauli,/o=exchangelabs/ou=exchange administrative group (fydibohf23spdlt)/cn=recipients/cn=574b9ba530ca42ac8eeb3eea750f0f34-jose carlos,camiladps@algartech.com</t>
  </si>
  <si>
    <t>10/22/2019 09:31:21</t>
  </si>
  <si>
    <t>10/22/2019 09:34:44</t>
  </si>
  <si>
    <t>10/22/2019 09:39:27</t>
  </si>
  <si>
    <t>10/22/2019 09:38:43</t>
  </si>
  <si>
    <t>Controle de Demandas Whirlpool.xlsx</t>
  </si>
  <si>
    <t>10/22/2019 09:36:47</t>
  </si>
  <si>
    <t>10/22/2019 09:40:44</t>
  </si>
  <si>
    <t>ENC: Estoque Compra Certa - Disponibilidade - 22/10/2019</t>
  </si>
  <si>
    <t>Posição Estoque WHP 22.10.2019.xlsx</t>
  </si>
  <si>
    <t>10/22/2019 09:46:27</t>
  </si>
  <si>
    <t>10/22/2019 09:42:44</t>
  </si>
  <si>
    <t>/o=exchangelabs/ou=exchange administrative group (fydibohf23spdlt)/cn=recipients/cn=240fafdb21074ab9a87c95d3265e411c-rodrigo rod;/o=exchangelabs/ou=exchange administrative group (fydibohf23spdlt)/cn=recipients/cn=249f643ba1e044588b45a020c76dadde-daniel de o;/o=exchangelabs/ou=exchange administrative group (fydibohf23spdlt)/cn=recipients/cn=2b69c7de1a3641269a7eed0596e1ddc2-wayner oliv;/o=exchangelabs/ou=exchange administrative group (fydibohf23spdlt)/cn=recipients/cn=34a28d636a1b4c86b1ec79baed4b846a-marco anton;/o=exchangelabs/ou=exchange administrative group (fydibohf23spdlt)/cn=recipients/cn=3f81420aa09a45308e82efb501d64cad-rafaela alv;/o=exchangelabs/ou=exchange administrative group (fydibohf23spdlt)/cn=recipients/cn=55f846c335d7437f892f0b0d49c89e92-celma ribei;/o=exchangelabs/ou=exchange administrative group (fydibohf23spdlt)/cn=recipients/cn=56c2af2d07fd48c0aebfc00ddc006494-alessio rod;/o=exchangelabs/ou=exchange administrative group (fydibohf23spdlt)/cn=recipients/cn=5c0e0b883c0f4ccbb2cf13db05a00b36-luci</t>
  </si>
  <si>
    <t>ENC: PENDENCIAS APROVAÇÕES RECUPERAÇÕES DE CUSTO - ORÇ 2020</t>
  </si>
  <si>
    <t>Recuperação de Custo_2020.xls</t>
  </si>
  <si>
    <t>/o=exchangelabs/ou=exchange administrative group (fydibohf23spdlt)/cn=recipients/cn=240fafdb21074ab9a87c95d3265e411c-rodrigo rod,/o=exchangelabs/ou=exchange administrative group (fydibohf23spdlt)/cn=recipients/cn=249f643ba1e044588b45a020c76dadde-daniel de o,/o=exchangelabs/ou=exchange administrative group (fydibohf23spdlt)/cn=recipients/cn=2b69c7de1a3641269a7eed0596e1ddc2-wayner oliv,/o=exchangelabs/ou=exchange administrative group (fydibohf23spdlt)/cn=recipients/cn=34a28d636a1b4c86b1ec79baed4b846a-marco anton,/o=exchangelabs/ou=exchange administrative group (fydibohf23spdlt)/cn=recipients/cn=3f81420aa09a45308e82efb501d64cad-rafaela alv,/o=exchangelabs/ou=exchange administrative group (fydibohf23spdlt)/cn=recipients/cn=55f846c335d7437f892f0b0d49c89e92-celma ribei,/o=exchangelabs/ou=exchange administrative group (fydibohf23spdlt)/cn=recipients/cn=56c2af2d07fd48c0aebfc00ddc006494-alessio rod,/o=exchangelabs/ou=exchange administrative group (fydibohf23spdlt)/cn=recipients/cn=5c0e0b883c0f4ccbb2cf13db05a00b36-luci</t>
  </si>
  <si>
    <t>10/22/2019 09:41:45</t>
  </si>
  <si>
    <t>10/22/2019 09:43:43</t>
  </si>
  <si>
    <t>10/22/2019 09:42:43</t>
  </si>
  <si>
    <t>Orçamento Real Set 2019.xls</t>
  </si>
  <si>
    <t>10/22/2019 09:40:27</t>
  </si>
  <si>
    <t>/o=exchangelabs/ou=exchange administrative group (fydibohf23spdlt)/cn=recipients/cn=66892ec7505c4d138347b8eda5fa01e7-tassiana ap;/o=exchangelabs/ou=exchange administrative group (fydibohf23spdlt)/cn=recipients/cn=user07db2088;/o=exchangelabs/ou=exchange administrative group (fydibohf23spdlt)/cn=recipients/cn=userd3ef8196;</t>
  </si>
  <si>
    <t>Acompanhamento Chat Compra Certa - Out/19</t>
  </si>
  <si>
    <t>10 - Quebra Diária - Chat Compra Certa _Outubro 2019.xlsx</t>
  </si>
  <si>
    <t>/o=exchangelabs/ou=exchange administrative group (fydibohf23spdlt)/cn=recipients/cn=66892ec7505c4d138347b8eda5fa01e7-tassiana ap,/o=exchangelabs/ou=exchange administrative group (fydibohf23spdlt)/cn=recipients/cn=user07db2088,/o=exchangelabs/ou=exchange administrative group (fydibohf23spdlt)/cn=recipients/cn=userd3ef8196</t>
  </si>
  <si>
    <t>10/22/2019 09:44:24</t>
  </si>
  <si>
    <t>10/22/2019 09:44:44</t>
  </si>
  <si>
    <t>RES: PPT</t>
  </si>
  <si>
    <t>10/22/2019 09:45:43</t>
  </si>
  <si>
    <t>/o=exchangelabs/ou=exchange administrative group (fydibohf23spdlt)/cn=recipients/cn=56c2af2d07fd48c0aebfc00ddc006494-alessio rod;/o=exchangelabs/ou=exchange administrative group (fydibohf23spdlt)/cn=recipients/cn=9c71bc5f5a3648bbbb5f6bedb86e15a6-marcelo buz;</t>
  </si>
  <si>
    <t>ENC: Parcial PRCV - IBI</t>
  </si>
  <si>
    <t>ALGAR 1802019.xlsx</t>
  </si>
  <si>
    <t>/o=exchangelabs/ou=exchange administrative group (fydibohf23spdlt)/cn=recipients/cn=56c2af2d07fd48c0aebfc00ddc006494-alessio rod,/o=exchangelabs/ou=exchange administrative group (fydibohf23spdlt)/cn=recipients/cn=9c71bc5f5a3648bbbb5f6bedb86e15a6-marcelo buz</t>
  </si>
  <si>
    <t>10/22/2019 09:46:31</t>
  </si>
  <si>
    <t>/o=exchangelabs/ou=exchange administrative group (fydibohf23spdlt)/cn=recipients/cn=1a68fd0c71d242d89abd9f9904b69653-lidianne sa;/o=exchangelabs/ou=exchange administrative group (fydibohf23spdlt)/cn=recipients/cn=726e1cc27d2b40d6a92014c7fd58d7dc-elisangela;/o=exchangelabs/ou=exchange administrative group (fydibohf23spdlt)/cn=recipients/cn=7e71d7c9fe1b404a88a1ccc751f00fe7-lucas toshi;/o=exchangelabs/ou=exchange administrative group (fydibohf23spdlt)/cn=recipients/cn=b91e4d8a112849e991701f826d219184-adriana emm;helidafp@algartech.com.br;</t>
  </si>
  <si>
    <t>Aderência FRAUDE - NOVEMBRO - 2019</t>
  </si>
  <si>
    <t>7001 CER - AUT - AUTORIZACOES AMEX - NOV_DEZ-19.xlsx</t>
  </si>
  <si>
    <t>/o=exchangelabs/ou=exchange administrative group (fydibohf23spdlt)/cn=recipients/cn=1a68fd0c71d242d89abd9f9904b69653-lidianne sa,/o=exchangelabs/ou=exchange administrative group (fydibohf23spdlt)/cn=recipients/cn=726e1cc27d2b40d6a92014c7fd58d7dc-elisangela,/o=exchangelabs/ou=exchange administrative group (fydibohf23spdlt)/cn=recipients/cn=7e71d7c9fe1b404a88a1ccc751f00fe7-lucas toshi,/o=exchangelabs/ou=exchange administrative group (fydibohf23spdlt)/cn=recipients/cn=b91e4d8a112849e991701f826d219184-adriana emm,helidafp@algartech.com.br</t>
  </si>
  <si>
    <t>10/22/2019 09:44:17</t>
  </si>
  <si>
    <t>10/22/2019 09:48:43</t>
  </si>
  <si>
    <t>10/22/2019 09:56:56</t>
  </si>
  <si>
    <t>10/22/2019 09:53:42</t>
  </si>
  <si>
    <t>SLA GRC 22-10.xlsx</t>
  </si>
  <si>
    <t>10/22/2019 09:56:16</t>
  </si>
  <si>
    <t>10/22/2019 09:57:42</t>
  </si>
  <si>
    <t>/o=exchangelabs/ou=exchange administrative group (fydibohf23spdlt)/cn=recipients/cn=8c89829ad534498fa4c85b5ac11174f1-suelen more;/o=exchangelabs/ou=exchange administrative group (fydibohf23spdlt)/cn=recipients/cn=c82d742f5f1e4122a86db0495b71e095-nilton j. g;/o=exchangelabs/ou=exchange administrative group (fydibohf23spdlt)/cn=recipients/cn=d34c20e435fc44238499c0f70f47c7e5-ricardo fer;/o=exchangelabs/ou=exchange administrative group (fydibohf23spdlt)/cn=recipients/cn=e5dfe65308934e02acfffcb2185133f4-daniel bier;</t>
  </si>
  <si>
    <t>ENC: PR215452 2019 - IBM 77191831F0 - Profissional Services Quotation Number 77191831F0</t>
  </si>
  <si>
    <t>SaoPaulo_GS-IT_JD_InfrastructureSpecialist_EN.xlsx</t>
  </si>
  <si>
    <t>/o=exchangelabs/ou=exchange administrative group (fydibohf23spdlt)/cn=recipients/cn=8c89829ad534498fa4c85b5ac11174f1-suelen more,/o=exchangelabs/ou=exchange administrative group (fydibohf23spdlt)/cn=recipients/cn=c82d742f5f1e4122a86db0495b71e095-nilton j. g,/o=exchangelabs/ou=exchange administrative group (fydibohf23spdlt)/cn=recipients/cn=d34c20e435fc44238499c0f70f47c7e5-ricardo fer,/o=exchangelabs/ou=exchange administrative group (fydibohf23spdlt)/cn=recipients/cn=e5dfe65308934e02acfffcb2185133f4-daniel bier</t>
  </si>
  <si>
    <t>10/22/2019 09:56:38</t>
  </si>
  <si>
    <t>10/22/2019 09:58:43</t>
  </si>
  <si>
    <t>ENC: Pesquisa Setembro</t>
  </si>
  <si>
    <t>10/22/2019 10:03:24</t>
  </si>
  <si>
    <t>10/22/2019 09:59:42</t>
  </si>
  <si>
    <t>C:\Users\lucasfra\Downloads\</t>
  </si>
  <si>
    <t>Formulário de Implementação.xlsx</t>
  </si>
  <si>
    <t>10/22/2019 10:03:28</t>
  </si>
  <si>
    <t>mail.google.com/_/upload?authuser=0&amp;dcp=asu-n&amp;upload_id=AEnB2UoFyOAAx848wkR6bF_WpQAf1tmgEJpGBn1zRR13zHuAh-IOve8EvCrmCGn3PcTNzaBo8ubXtHnOkO11Y28i0t1wu11_Z5pWvS00a-otnVdQfeHY2iE&amp;upload_protocol=resumable</t>
  </si>
  <si>
    <t>10/22/2019 10:01:02</t>
  </si>
  <si>
    <t>10/22/2019 10:06:00</t>
  </si>
  <si>
    <t>ENC: Volume Gerenciadas Amex e Visa - 22/10</t>
  </si>
  <si>
    <t>10/22/2019 10:00:35</t>
  </si>
  <si>
    <t>/o=exchangelabs/ou=exchange administrative group (fydibohf23spdlt)/cn=recipients/cn=1635ed1077024674b65c52767dacde9a-jullian pac;</t>
  </si>
  <si>
    <t>Due Dilligence.</t>
  </si>
  <si>
    <t>Lista Padrão Due Dilligence_V Final 1004.xlsx</t>
  </si>
  <si>
    <t>/o=exchangelabs/ou=exchange administrative group (fydibohf23spdlt)/cn=recipients/cn=1635ed1077024674b65c52767dacde9a-jullian pac</t>
  </si>
  <si>
    <t>10/22/2019 10:03:16</t>
  </si>
  <si>
    <t>10/22/2019 10:08:00</t>
  </si>
  <si>
    <t>Mascara Dash</t>
  </si>
  <si>
    <t>FORMALIZAÇÃO VISA_AMEX_ OUTUBRO - 22-10-2019.xlsm</t>
  </si>
  <si>
    <t>10/22/2019 10:06:20</t>
  </si>
  <si>
    <t>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746f10dd924a4e7dbfe2f813f74b1f2c-gilmar pres;</t>
  </si>
  <si>
    <t>ENC: Forecast - Dezembro/2019</t>
  </si>
  <si>
    <t>12_Dez - FCST- v000.xlsx</t>
  </si>
  <si>
    <t>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746f10dd924a4e7dbfe2f813f74b1f2c-gilmar pres</t>
  </si>
  <si>
    <t>10/22/2019 10:09:36</t>
  </si>
  <si>
    <t>10/22/2019 10:12:01</t>
  </si>
  <si>
    <t>10/22/2019 10:13:55</t>
  </si>
  <si>
    <t>10/22/2019 10:13:01</t>
  </si>
  <si>
    <t>PTH CAMARGO CORREA</t>
  </si>
  <si>
    <t>Template Orçamentário Pessoal - 2020_Luiz Fernando.xlsx</t>
  </si>
  <si>
    <t>10/22/2019 10:09:47</t>
  </si>
  <si>
    <t>/o=exchangelabs/ou=exchange administrative group (fydibohf23spdlt)/cn=recipients/cn=ff07a8bacc8946dda73cdb81f8820316-humberto eu;/o=exchangelabs/ou=exchange administrative group (fydibohf23spdlt)/cn=recipients/cn=matheus vinicius da silva;</t>
  </si>
  <si>
    <t>ENC: Limite Extra de Natal</t>
  </si>
  <si>
    <t>/o=exchangelabs/ou=exchange administrative group (fydibohf23spdlt)/cn=recipients/cn=ff07a8bacc8946dda73cdb81f8820316-humberto eu,/o=exchangelabs/ou=exchange administrative group (fydibohf23spdlt)/cn=recipients/cn=matheus vinicius da silva</t>
  </si>
  <si>
    <t>10/22/2019 10:10:37</t>
  </si>
  <si>
    <t>10/22/2019 10:14:02</t>
  </si>
  <si>
    <t>/o=exchangelabs/ou=exchange administrative group (fydibohf23spdlt)/cn=recipients/cn=1e2e97da71ef410ba6f7bc3d1bfa9175-antonio car;/o=exchangelabs/ou=exchange administrative group (fydibohf23spdlt)/cn=recipients/cn=5c0e0b883c0f4ccbb2cf13db05a00b36-luciene ivo;/o=exchangelabs/ou=exchange administrative group (fydibohf23spdlt)/cn=recipients/cn=a4ba92cba10f4fe498074594f937f3b6-leandro lop;/o=exchangelabs/ou=exchange administrative group (fydibohf23spdlt)/cn=recipients/cn=bcc9538754d3496ea31a487e560f8214-silvio mart;/o=exchangelabs/ou=exchange administrative group (fydibohf23spdlt)/cn=recipients/cn=c29ec9dae022497281c840087cccddec-patricia ar;</t>
  </si>
  <si>
    <t>RES: Proposta - Envio SMS Operação Crédito/Cobrança</t>
  </si>
  <si>
    <t>Pedido de cotação - Processo 40138908J Algar v2_13_05_2019.xlsx</t>
  </si>
  <si>
    <t>/o=exchangelabs/ou=exchange administrative group (fydibohf23spdlt)/cn=recipients/cn=1e2e97da71ef410ba6f7bc3d1bfa9175-antonio car,/o=exchangelabs/ou=exchange administrative group (fydibohf23spdlt)/cn=recipients/cn=5c0e0b883c0f4ccbb2cf13db05a00b36-luciene ivo,/o=exchangelabs/ou=exchange administrative group (fydibohf23spdlt)/cn=recipients/cn=a4ba92cba10f4fe498074594f937f3b6-leandro lop,/o=exchangelabs/ou=exchange administrative group (fydibohf23spdlt)/cn=recipients/cn=bcc9538754d3496ea31a487e560f8214-silvio mart,/o=exchangelabs/ou=exchange administrative group (fydibohf23spdlt)/cn=recipients/cn=c29ec9dae022497281c840087cccddec-patricia ar</t>
  </si>
  <si>
    <t>10/22/2019 10:13:10</t>
  </si>
  <si>
    <t>10/22/2019 10:15:01</t>
  </si>
  <si>
    <t>/o=exchangelabs/ou=exchange administrative group (fydibohf23spdlt)/cn=recipients/cn=2504d5028b6b4fb89d14a5df6031358d-jane carla;/o=exchangelabs/ou=exchange administrative group (fydibohf23spdlt)/cn=recipients/cn=2b69c7de1a3641269a7eed0596e1ddc2-wayner oliv;/o=exchangelabs/ou=exchange administrative group (fydibohf23spdlt)/cn=recipients/cn=54abac0a4fdc4ad1bec39bb51d85eab1-victor hugo;/o=exchangelabs/ou=exchange administrative group (fydibohf23spdlt)/cn=recipients/cn=6bc6ced03b1b4fafa41bb5c70c178940-antonio per;</t>
  </si>
  <si>
    <t>RES: Modelo apresentação.pptx</t>
  </si>
  <si>
    <t>Modelo apresentação_v2.pptx\</t>
  </si>
  <si>
    <t>/o=exchangelabs/ou=exchange administrative group (fydibohf23spdlt)/cn=recipients/cn=2504d5028b6b4fb89d14a5df6031358d-jane carla,/o=exchangelabs/ou=exchange administrative group (fydibohf23spdlt)/cn=recipients/cn=2b69c7de1a3641269a7eed0596e1ddc2-wayner oliv,/o=exchangelabs/ou=exchange administrative group (fydibohf23spdlt)/cn=recipients/cn=54abac0a4fdc4ad1bec39bb51d85eab1-victor hugo,/o=exchangelabs/ou=exchange administrative group (fydibohf23spdlt)/cn=recipients/cn=6bc6ced03b1b4fafa41bb5c70c178940-antonio per</t>
  </si>
  <si>
    <t>10/22/2019 10:21:48</t>
  </si>
  <si>
    <t>10/22/2019 10:18:01</t>
  </si>
  <si>
    <t>10/22/2019 10:18:08</t>
  </si>
  <si>
    <t>10/22/2019 10:20:01</t>
  </si>
  <si>
    <t>/o=exchangelabs/ou=exchange administrative group (fydibohf23spdlt)/cn=recipients/cn=03a1bc99308a456db7c0105407689b39-gilda elain;/o=exchangelabs/ou=exchange administrative group (fydibohf23spdlt)/cn=recipients/cn=590012d55fae421587844918af7bc53c-daiane mari;celsoadsj@algartech.com;</t>
  </si>
  <si>
    <t>RES: Alterações PTH Finaceiro</t>
  </si>
  <si>
    <t>ORC_2020_FINANCEIRO_ERICA CARVALHO_V3.xlsx</t>
  </si>
  <si>
    <t>/o=exchangelabs/ou=exchange administrative group (fydibohf23spdlt)/cn=recipients/cn=03a1bc99308a456db7c0105407689b39-gilda elain,/o=exchangelabs/ou=exchange administrative group (fydibohf23spdlt)/cn=recipients/cn=590012d55fae421587844918af7bc53c-daiane mari,celsoadsj@algartech.com</t>
  </si>
  <si>
    <t>10/22/2019 10:24:20</t>
  </si>
  <si>
    <t>10/22/2019 10:27:00</t>
  </si>
  <si>
    <t>10/22/2019 10:22:06</t>
  </si>
  <si>
    <t>PMO - Template Orçamentário Pessoal - 2020.xlsx</t>
  </si>
  <si>
    <t>10/22/2019 10:23:18</t>
  </si>
  <si>
    <t>10/22/2019 10:29:01</t>
  </si>
  <si>
    <t>C:\Users\elainemdlp\OD\_Projetos\Em andamento\Expansao Next\01 - Iniciacao\</t>
  </si>
  <si>
    <t>Investimentos v2.xls</t>
  </si>
  <si>
    <t>10/22/2019 10:23:19</t>
  </si>
  <si>
    <t>C:\Users\elainemdlp\OD\_Projetos\Em andamento\Expansao Next\01 - Iniciacao\193360 Next Bradesco Versao Final.xlsb\</t>
  </si>
  <si>
    <t>10/22/2019 10:23:26</t>
  </si>
  <si>
    <t>C:\Users\elainemdlp\OD\_Projetos\Em andamento\Expansao Next\01 - Iniciacao\Contrato\Algar Tech - Contrato -Next.zip\Algar Tech - Programa de Compliance -Next - 09-07-19.pptx\</t>
  </si>
  <si>
    <t>C:\Users\elainemdlp\OD\_Projetos\Em andamento\Expansao Next\01 - Iniciacao\Contrato\Algar Tech - Contrato -Next.zip\CCNC - Banco Next.eml\Algar Tech - Programa de Compliance -Next - 09-07-19.pptx\</t>
  </si>
  <si>
    <t>10/22/2019 10:24:49</t>
  </si>
  <si>
    <t>C:\Users\elainemdlp\OD\_Projetos\Em andamento\Expansao Next\03 - Execução\</t>
  </si>
  <si>
    <t>STATUS DE CONSUMO.xlsx</t>
  </si>
  <si>
    <t>Salas_Ensino_Educacao.xlsx</t>
  </si>
  <si>
    <t>10/22/2019 10:24:52</t>
  </si>
  <si>
    <t>C:\Users\elainemdlp\OD\_Projetos\Em andamento\Expansao Next\03 - Execução\RES_ EXPANSÃO NEXT - 20 PAs AVAYA.msg\s518\</t>
  </si>
  <si>
    <t>ATIVAÇÃO NEXT 06.08.2019.xlsx</t>
  </si>
  <si>
    <t>10/22/2019 10:24:59</t>
  </si>
  <si>
    <t>Id_Ativo.xlsx</t>
  </si>
  <si>
    <t>10/22/2019 10:25:01</t>
  </si>
  <si>
    <t>C:\Users\elainemdlp\OD\_Projetos\Em andamento\Expansao Next\Old\</t>
  </si>
  <si>
    <t>Remanejamento - V2.xlsx</t>
  </si>
  <si>
    <t>10/22/2019 10:25:06</t>
  </si>
  <si>
    <t>Racional Receita.xlsx</t>
  </si>
  <si>
    <t>10/22/2019 10:25:12</t>
  </si>
  <si>
    <t>Preço Bradesco_Final 12 meses v2.xlsb</t>
  </si>
  <si>
    <t>C:\Users\elainemdlp\OD\_Projetos\Em andamento\Expansao Next\Old\Preço Bradesco_Final 12 meses v2.xlsb\</t>
  </si>
  <si>
    <t>10/22/2019 10:25:20</t>
  </si>
  <si>
    <t>C:\Users\elainemdlp\OD\_Projetos\Em andamento\Expansao Next\Old\PMO - STATUS DE GOVERNANÇA - EXPANSÃO NEXT.pptx\</t>
  </si>
  <si>
    <t>10/22/2019 10:25:32</t>
  </si>
  <si>
    <t>C:\Users\elainemdlp\OD\_Projetos\Em andamento\Expansao Next\Old\PMO - STATUS DE GOVERNANÇA - EXPANSÃO NEXT 23_07.pptx\</t>
  </si>
  <si>
    <t>10/22/2019 10:25:53</t>
  </si>
  <si>
    <t>C:\Users\elainemdlp\OD\_Projetos\Em andamento\Expansao Next\Old\PMO - STATUS DE GOVERNANÇA - CRESCIMENTO NEXT.pptx\</t>
  </si>
  <si>
    <t>10/22/2019 10:25:54</t>
  </si>
  <si>
    <t>C:\Users\elainemdlp\OD\_Projetos\Em andamento\Expansao Next\Old\PMO - STATUS DE GOVERNANÇA - EXPANSÃO NEXT 18_07.pptx\</t>
  </si>
  <si>
    <t>10/22/2019 10:25:55</t>
  </si>
  <si>
    <t>C:\Users\elainemdlp\OD\_Projetos\Em andamento\Expansao Next\Old\PMO - STATUS DE GOVERNANÇA - EXPANSÃO NEXT 17_07.pptx\</t>
  </si>
  <si>
    <t>10/22/2019 10:26:42</t>
  </si>
  <si>
    <t>Investimentos.xls</t>
  </si>
  <si>
    <t>10/22/2019 10:26:49</t>
  </si>
  <si>
    <t>10/22/2019 10:26:53</t>
  </si>
  <si>
    <t>Detalhamento_de_itens_Next_26-06_v4 3168942.xlsx</t>
  </si>
  <si>
    <t>10/22/2019 10:27:04</t>
  </si>
  <si>
    <t>Detalhamento_de_itens_Next_26-06_v3 3168942.xlsx</t>
  </si>
  <si>
    <t>10/22/2019 10:27:23</t>
  </si>
  <si>
    <t>DETALHAMENTO_DE_ITENS_-Infra_Cabeamento Classificado.xlsx</t>
  </si>
  <si>
    <t>DETALHAMENTO_DE_ITENS_-Infra_Cabeamento Classificado v2.xlsx</t>
  </si>
  <si>
    <t>10/22/2019 10:27:24</t>
  </si>
  <si>
    <t>Detalhamento de itens_Next_26-06 v3.xlsx</t>
  </si>
  <si>
    <t>Detalhamento de itens_Next.xlsx</t>
  </si>
  <si>
    <t>Cópia de 221823_Detalhamento_de_itens_Next_26-06_v5_3168942__3170643_classificado19_07_OC_RA.xlsx</t>
  </si>
  <si>
    <t>10/22/2019 10:27:26</t>
  </si>
  <si>
    <t>CRONOGRAMA EXPANSÃO.xlsx</t>
  </si>
  <si>
    <t>10/22/2019 10:27:27</t>
  </si>
  <si>
    <t>Consolidado - Next - V2.xlsx</t>
  </si>
  <si>
    <t>10/22/2019 10:27:28</t>
  </si>
  <si>
    <t>221823_Detalhamento_de_itens_Next_26-06_v5_3168942__3170643_classificado19_07_OC_RA.xlsx</t>
  </si>
  <si>
    <t>10/22/2019 10:27:29</t>
  </si>
  <si>
    <t>221823_Detalhamento_de_itens_Next_26-06_v5_3168942__3170643_classificado15_07_OC_RA.xlsx</t>
  </si>
  <si>
    <t>221823_Detalhamento_de_itens_Next_26-06_v5_3168942__3170643_classificado15_07.xlsx</t>
  </si>
  <si>
    <t>221823_Detalhamento_de_itens_Next_26-06_v5_3168942_ 3170643 classificado.xlsx</t>
  </si>
  <si>
    <t>10/22/2019 10:27:31</t>
  </si>
  <si>
    <t>C:\Users\elainemdlp\OD\_Projetos\Em andamento\Expansao Next\Old\193360 Next Bradesco Versao Final.xlsb\</t>
  </si>
  <si>
    <t>10/22/2019 10:27:32</t>
  </si>
  <si>
    <t>C:\Users\elainemdlp\OD\_Projetos\Em andamento\Expansao Next\01 - Iniciacao\Detalhamento de Itens\</t>
  </si>
  <si>
    <t>10/22/2019 10:27:33</t>
  </si>
  <si>
    <t>C:\Users\elainemdlp\OD\_Projetos\Em andamento\Expansao Next\02 - Planejamento\Compras\Re_ FYI_ Ordem de Compra-Padrão 43676 foi aprovado.msg\s133\</t>
  </si>
  <si>
    <t>CLASSIFICAÇÃO DE RISCO GIO.xlsx</t>
  </si>
  <si>
    <t>10/22/2019 10:27:40</t>
  </si>
  <si>
    <t>C:\Users\elainemdlp\OD\_Projetos\Em andamento\Expansao Next\03 - Execução\Infra\</t>
  </si>
  <si>
    <t>Remanejamento Next Cr 340002042 19_00pm 09 08 - DANILO - 20 PAs.xlsx</t>
  </si>
  <si>
    <t>10/22/2019 10:27:41</t>
  </si>
  <si>
    <t>Liberacao_Ativos_ExpansaoNext_01.xlsx</t>
  </si>
  <si>
    <t>10/22/2019 10:27:42</t>
  </si>
  <si>
    <t>Formulário de Liberação de Ativos CLU - Fones e Lacres.xlsx</t>
  </si>
  <si>
    <t>10/22/2019 10:27:50</t>
  </si>
  <si>
    <t>C:\Users\elainemdlp\OD\_Projetos\Em andamento\Expansao Next\04 - Controle\PMO\PMO - STATUS DE GOVERNANÇA - EXPANSÃO NEXT 23_07.pptx\</t>
  </si>
  <si>
    <t>10/22/2019 10:25:51</t>
  </si>
  <si>
    <t>10/22/2019 10:31:01</t>
  </si>
  <si>
    <t>BP / MSG ANEXOS OPP 144911</t>
  </si>
  <si>
    <t>23 11 2017 - BASE - BP Preço C010 B011 Desonerada - SP - 100_ 7h12.xlsb</t>
  </si>
  <si>
    <t>10/22/2019 10:28:20</t>
  </si>
  <si>
    <t>10/22/2019 10:33:01</t>
  </si>
  <si>
    <t>/o=exchangelabs/ou=exchange administrative group (fydibohf23spdlt)/cn=recipients/cn=69cc68072bd74472a6fed235e590fc65-cassia alve;/o=exchangelabs/ou=exchange administrative group (fydibohf23spdlt)/cn=recipients/cn=7aaed863e0734538bc010e61e9020ad3-aline silve;/o=exchangelabs/ou=exchange administrative group (fydibohf23spdlt)/cn=recipients/cn=8b1ee9849bf1448b965d2e381d782565-gabriel viv;/o=exchangelabs/ou=exchange administrative group (fydibohf23spdlt)/cn=recipients/cn=d05b086490f84e1380a430afb1101aa7-giofrerdane;</t>
  </si>
  <si>
    <t>/o=exchangelabs/ou=exchange administrative group (fydibohf23spdlt)/cn=recipients/cn=69cc68072bd74472a6fed235e590fc65-cassia alve,/o=exchangelabs/ou=exchange administrative group (fydibohf23spdlt)/cn=recipients/cn=7aaed863e0734538bc010e61e9020ad3-aline silve,/o=exchangelabs/ou=exchange administrative group (fydibohf23spdlt)/cn=recipients/cn=8b1ee9849bf1448b965d2e381d782565-gabriel viv,/o=exchangelabs/ou=exchange administrative group (fydibohf23spdlt)/cn=recipients/cn=d05b086490f84e1380a430afb1101aa7-giofrerdane</t>
  </si>
  <si>
    <t>10/22/2019 10:28:12</t>
  </si>
  <si>
    <t>10/22/2019 10:34:00</t>
  </si>
  <si>
    <t>/o=exchangelabs/ou=exchange administrative group (fydibohf23spdlt)/cn=recipients/cn=453b61456320491dad510b65b310018f-kelen crist;/o=exchangelabs/ou=exchange administrative group (fydibohf23spdlt)/cn=recipients/cn=88e4fcbd3ea14730a81286cc0683fb42-manoel eloy;/o=exchangelabs/ou=exchange administrative group (fydibohf23spdlt)/cn=recipients/cn=a78f7dae304e472e9f75bd537683f6e5-hugo de oli;/o=exchangelabs/ou=exchange administrative group (fydibohf23spdlt)/cn=recipients/cn=b712c36eebee42428d3790abe2696417-romario gom;/o=exchangelabs/ou=exchange administrative group (fydibohf23spdlt)/cn=recipients/cn=e4dbda4121b54299b4a719c6aa694894-algar tech;</t>
  </si>
  <si>
    <t>Layout Site NEXT</t>
  </si>
  <si>
    <t>Layout Site NEXT.xlsx</t>
  </si>
  <si>
    <t>/o=exchangelabs/ou=exchange administrative group (fydibohf23spdlt)/cn=recipients/cn=453b61456320491dad510b65b310018f-kelen crist,/o=exchangelabs/ou=exchange administrative group (fydibohf23spdlt)/cn=recipients/cn=88e4fcbd3ea14730a81286cc0683fb42-manoel eloy,/o=exchangelabs/ou=exchange administrative group (fydibohf23spdlt)/cn=recipients/cn=a78f7dae304e472e9f75bd537683f6e5-hugo de oli,/o=exchangelabs/ou=exchange administrative group (fydibohf23spdlt)/cn=recipients/cn=b712c36eebee42428d3790abe2696417-romario gom,/o=exchangelabs/ou=exchange administrative group (fydibohf23spdlt)/cn=recipients/cn=e4dbda4121b54299b4a719c6aa694894-algar tech</t>
  </si>
  <si>
    <t>10/22/2019 10:42:03</t>
  </si>
  <si>
    <t>10/22/2019 10:45:00</t>
  </si>
  <si>
    <t>10/22/2019 10:46:43</t>
  </si>
  <si>
    <t>10/22/2019 10:48:01</t>
  </si>
  <si>
    <t>c:\users\lucianarba\documents\gexp\</t>
  </si>
  <si>
    <t>bd gexp setembro.xlsx</t>
  </si>
  <si>
    <t>10/22/2019 10:48:43</t>
  </si>
  <si>
    <t>10/22/2019 10:52:01</t>
  </si>
  <si>
    <t>10/22/2019 08:39:59</t>
  </si>
  <si>
    <t>10/22/2019 10:55:00</t>
  </si>
  <si>
    <t>/o=exchangelabs/ou=exchange administrative group (fydibohf23spdlt)/cn=recipients/cn=32fe8a14424941da83c2bf35a8a5709e-fabiana car;/o=exchangelabs/ou=exchange administrative group (fydibohf23spdlt)/cn=recipients/cn=b67cad4ecfa344baaa94d716e7554f49-bruno camel;</t>
  </si>
  <si>
    <t>/o=exchangelabs/ou=exchange administrative group (fydibohf23spdlt)/cn=recipients/cn=32fe8a14424941da83c2bf35a8a5709e-fabiana car,/o=exchangelabs/ou=exchange administrative group (fydibohf23spdlt)/cn=recipients/cn=b67cad4ecfa344baaa94d716e7554f49-bruno camel</t>
  </si>
  <si>
    <t>10/22/2019 09:42:56</t>
  </si>
  <si>
    <t>Validação_BP Whirlpool.xlsx</t>
  </si>
  <si>
    <t>10/22/2019 10:20:45</t>
  </si>
  <si>
    <t>10/22/2019 10:30:00</t>
  </si>
  <si>
    <t>10/22/2019 10:50:47</t>
  </si>
  <si>
    <t>10/22/2019 10:56:00</t>
  </si>
  <si>
    <t>19_10_22 _ Oportunidades Fora de Pipe</t>
  </si>
  <si>
    <t>19_10_22_ Fora de Pipe_ Afonso.xlsx</t>
  </si>
  <si>
    <t>10/22/2019 10:57:23</t>
  </si>
  <si>
    <t>10/22/2019 10:58:02</t>
  </si>
  <si>
    <t>/o=exchangelabs/ou=exchange administrative group (fydibohf23spdlt)/cn=recipients/cn=26af92a74b81427bb68e619749cf4c27-nayara cris;/o=exchangelabs/ou=exchange administrative group (fydibohf23spdlt)/cn=recipients/cn=43a054bacf514a8a9cdcb240b072cd47-cecilia mul;/o=exchangelabs/ou=exchange administrative group (fydibohf23spdlt)/cn=recipients/cn=6857e7b89b5f46e3b6aed2352ac8d5ac-carlos albe;/o=exchangelabs/ou=exchange administrative group (fydibohf23spdlt)/cn=recipients/cn=8ab5e44d485043d59eb4f21463e63e6a-tays dos sa;</t>
  </si>
  <si>
    <t>RES Faturamentos Call Center - Recall.msg\s1\</t>
  </si>
  <si>
    <t>/o=exchangelabs/ou=exchange administrative group (fydibohf23spdlt)/cn=recipients/cn=26af92a74b81427bb68e619749cf4c27-nayara cris,/o=exchangelabs/ou=exchange administrative group (fydibohf23spdlt)/cn=recipients/cn=43a054bacf514a8a9cdcb240b072cd47-cecilia mul,/o=exchangelabs/ou=exchange administrative group (fydibohf23spdlt)/cn=recipients/cn=6857e7b89b5f46e3b6aed2352ac8d5ac-carlos albe,/o=exchangelabs/ou=exchange administrative group (fydibohf23spdlt)/cn=recipients/cn=8ab5e44d485043d59eb4f21463e63e6a-tays dos sa</t>
  </si>
  <si>
    <t>10/22/2019 11:01:02</t>
  </si>
  <si>
    <t>19_10_22_ Fora de Pipe_ Dionizio.xlsx</t>
  </si>
  <si>
    <t>10/22/2019 10:58:22</t>
  </si>
  <si>
    <t>mail.google.com/_/upload?authuser=0&amp;dcp=asu-n&amp;upload_id=AEnB2UqvvtkOlWfm3Ca5LT_mWF2u-OGPf1woPLcyRxFOc4PJ6EkB2-emJQc1wPEUHoHSHokpB6_SP4UsfeBzxBLS1RUKVH2q4z4nZepNibUx_Gr4cC5BBL8&amp;upload_protocol=resumable</t>
  </si>
  <si>
    <t>Algar Tech - Users and Machines.xlsx</t>
  </si>
  <si>
    <t>10/22/2019 10:43:19</t>
  </si>
  <si>
    <t>10/22/2019 11:03:02</t>
  </si>
  <si>
    <t>mail.google.com/_/upload?authuser=1&amp;dcp=asu-n&amp;upload_id=AEnB2UrwxlaW1den39VffWIqZANzUVkCDzFuGfuHJPQppYTBPf2RKYlLkSrNoC5xd82rQXI4a1gNswmlOrGFEW6xo3Gz9W8UTCdLNAcINAYHsLtZUENPpOY&amp;upload_protocol=resumable</t>
  </si>
  <si>
    <t>BP WHIRPOOL.xlsx</t>
  </si>
  <si>
    <t>10/21/2019 11:20:23</t>
  </si>
  <si>
    <t>10/22/2019 11:05:02</t>
  </si>
  <si>
    <t>ENC: Indicadores das formações da equipe de TI</t>
  </si>
  <si>
    <t>INDICADORES_DESENVOLVIMENTO TREINAMENTOS TI.xlsx</t>
  </si>
  <si>
    <t>10/21/2019 13:04:14</t>
  </si>
  <si>
    <t>/o=exchangelabs/ou=exchange administrative group (fydibohf23spdlt)/cn=recipients/cn=cea8f90fd1504597a9a1653ca1e83dbd-mariane sil;</t>
  </si>
  <si>
    <t>ENC: Espaço para Terceiros Tech</t>
  </si>
  <si>
    <t>Importar_Quadro_Colaboradores_SinergyRH_20190913.xlsx</t>
  </si>
  <si>
    <t>/o=exchangelabs/ou=exchange administrative group (fydibohf23spdlt)/cn=recipients/cn=cea8f90fd1504597a9a1653ca1e83dbd-mariane sil</t>
  </si>
  <si>
    <t>10/22/2019 11:04:48</t>
  </si>
  <si>
    <t>10/22/2019 11:09:01</t>
  </si>
  <si>
    <t>/o=exchangelabs/ou=exchange administrative group (fydibohf23spdlt)/cn=recipients/cn=1635ed1077024674b65c52767dacde9a-jullian pac;/o=exchangelabs/ou=exchange administrative group (fydibohf23spdlt)/cn=recipients/cn=4b453b7f02914710b3e94bcf7b311ad4-fernando po;/o=exchangelabs/ou=exchange administrative group (fydibohf23spdlt)/cn=recipients/cn=68e6aa2e3fef4ccaba997d98294c9ed5-cristina he;/o=exchangelabs/ou=exchange administrative group (fydibohf23spdlt)/cn=recipients/cn=a78f7dae304e472e9f75bd537683f6e5-hugo de oli;/o=exchangelabs/ou=exchange administrative group (fydibohf23spdlt)/cn=recipients/cn=b712c36eebee42428d3790abe2696417-romario gom;/o=exchangelabs/ou=exchange administrative group (fydibohf23spdlt)/cn=recipients/cn=bcc9538754d3496ea31a487e560f8214-silvio mart;</t>
  </si>
  <si>
    <t>RES: Urgente! Alteração Horário de Atendimento Central Nex/Algar.</t>
  </si>
  <si>
    <t>Resumo Dimens.24 x7 NEXT 08.10.xlsm</t>
  </si>
  <si>
    <t>/o=exchangelabs/ou=exchange administrative group (fydibohf23spdlt)/cn=recipients/cn=1635ed1077024674b65c52767dacde9a-jullian pac,/o=exchangelabs/ou=exchange administrative group (fydibohf23spdlt)/cn=recipients/cn=4b453b7f02914710b3e94bcf7b311ad4-fernando po,/o=exchangelabs/ou=exchange administrative group (fydibohf23spdlt)/cn=recipients/cn=68e6aa2e3fef4ccaba997d98294c9ed5-cristina he,/o=exchangelabs/ou=exchange administrative group (fydibohf23spdlt)/cn=recipients/cn=a78f7dae304e472e9f75bd537683f6e5-hugo de oli,/o=exchangelabs/ou=exchange administrative group (fydibohf23spdlt)/cn=recipients/cn=b712c36eebee42428d3790abe2696417-romario gom,/o=exchangelabs/ou=exchange administrative group (fydibohf23spdlt)/cn=recipients/cn=bcc9538754d3496ea31a487e560f8214-silvio mart</t>
  </si>
  <si>
    <t>10/22/2019 11:06:11</t>
  </si>
  <si>
    <t>10.200.99.31</t>
  </si>
  <si>
    <t>acessos 16 a 22.xls</t>
  </si>
  <si>
    <t>10/22/2019 11:09:51</t>
  </si>
  <si>
    <t>10/22/2019 11:11:01</t>
  </si>
  <si>
    <t>19_10_22 _ Oportunidades Fora de Pipe Latam</t>
  </si>
  <si>
    <t>19_10_22_ Fora de Pipe_ Latam.xlsx</t>
  </si>
  <si>
    <t>10/22/2019 11:08:50</t>
  </si>
  <si>
    <t>10/22/2019 11:12:01</t>
  </si>
  <si>
    <t>/o=exchangelabs/ou=exchange administrative group (fydibohf23spdlt)/cn=recipients/cn=2361e4251bf74fc4a50ab766b8d95847-algar tech;/o=exchangelabs/ou=exchange administrative group (fydibohf23spdlt)/cn=recipients/cn=97028c61ebe04c3ca84c604712943944-fabiano wil;</t>
  </si>
  <si>
    <t>ENC: Quotation Request - Quotation Number 5219226EF5</t>
  </si>
  <si>
    <t>Teste de Verificacao Global de Empregas_GEV.xls</t>
  </si>
  <si>
    <t>/o=exchangelabs/ou=exchange administrative group (fydibohf23spdlt)/cn=recipients/cn=2361e4251bf74fc4a50ab766b8d95847-algar tech,/o=exchangelabs/ou=exchange administrative group (fydibohf23spdlt)/cn=recipients/cn=97028c61ebe04c3ca84c604712943944-fabiano wil</t>
  </si>
  <si>
    <t>10/22/2019 11:08:14</t>
  </si>
  <si>
    <t>10/22/2019 11:13:01</t>
  </si>
  <si>
    <t>ENC: Recuperação Custos_Oficial_2020_CM.xlsx</t>
  </si>
  <si>
    <t>Recuperação Custos_Oficial_2020_CM.xlsx</t>
  </si>
  <si>
    <t>10/22/2019 11:13:10</t>
  </si>
  <si>
    <t>10/22/2019 11:14:01</t>
  </si>
  <si>
    <t>/o=exchangelabs/ou=exchange administrative group (fydibohf23spdlt)/cn=recipients/cn=083204b1bd464d0fbbd2451a3a305923-katia gonca;/o=exchangelabs/ou=exchange administrative group (fydibohf23spdlt)/cn=recipients/cn=3604eabf59564dc8baa49b62a099a560-tatielly sa;/o=exchangelabs/ou=exchange administrative group (fydibohf23spdlt)/cn=recipients/cn=60faf2b5b04b4809ba6e5fa8b0b884a6-evelise tri;/o=exchangelabs/ou=exchange administrative group (fydibohf23spdlt)/cn=recipients/cn=ca1f2dadbd0542a8ad075275acf52ff3-rondinele s;/o=exchangelabs/ou=exchange administrative group (fydibohf23spdlt)/cn=recipients/cn=user77161474;/o=exchangelabs/ou=exchange administrative group (fydibohf23spdlt)/cn=recipients/cn=userd3ef8196;</t>
  </si>
  <si>
    <t>RES: Nova Árvore de Categorização TLV e Chat</t>
  </si>
  <si>
    <t>Nova Árvore de Categorização TLV.xlsx</t>
  </si>
  <si>
    <t>/o=exchangelabs/ou=exchange administrative group (fydibohf23spdlt)/cn=recipients/cn=083204b1bd464d0fbbd2451a3a305923-katia gonca,/o=exchangelabs/ou=exchange administrative group (fydibohf23spdlt)/cn=recipients/cn=3604eabf59564dc8baa49b62a099a560-tatielly sa,/o=exchangelabs/ou=exchange administrative group (fydibohf23spdlt)/cn=recipients/cn=60faf2b5b04b4809ba6e5fa8b0b884a6-evelise tri,/o=exchangelabs/ou=exchange administrative group (fydibohf23spdlt)/cn=recipients/cn=ca1f2dadbd0542a8ad075275acf52ff3-rondinele s,/o=exchangelabs/ou=exchange administrative group (fydibohf23spdlt)/cn=recipients/cn=user77161474,/o=exchangelabs/ou=exchange administrative group (fydibohf23spdlt)/cn=recipients/cn=userd3ef8196</t>
  </si>
  <si>
    <t>10/22/2019 11:14:26</t>
  </si>
  <si>
    <t>10/22/2019 11:16:01</t>
  </si>
  <si>
    <t>/o=exchangelabs/ou=exchange administrative group (fydibohf23spdlt)/cn=recipients/cn=2b69c7de1a3641269a7eed0596e1ddc2-wayner oliv;/o=exchangelabs/ou=exchange administrative group (fydibohf23spdlt)/cn=recipients/cn=2d3379e2d04c40db810b4b1f41dd2aea-erica carol;/o=exchangelabs/ou=exchange administrative group (fydibohf23spdlt)/cn=recipients/cn=4097402e2d3e4073b597d33928140586-paulo sergi;/o=exchangelabs/ou=exchange administrative group (fydibohf23spdlt)/cn=recipients/cn=7f6b70b2cdc64472a103dd0ea3f266d9-marco tulio;/o=exchangelabs/ou=exchange administrative group (fydibohf23spdlt)/cn=recipients/cn=e46cd96e8e9e452c8cc8ba65a6c4ec57-gustavo hen;/o=exchangelabs/ou=exchange administrative group (fydibohf23spdlt)/cn=recipients/cn=user3949317b;</t>
  </si>
  <si>
    <t>RES: PEDIDO ADICIONAL: Alternativa para GST - Projeto Enseja</t>
  </si>
  <si>
    <t>Engeset - evolução contingências.xlsb</t>
  </si>
  <si>
    <t>/o=exchangelabs/ou=exchange administrative group (fydibohf23spdlt)/cn=recipients/cn=2b69c7de1a3641269a7eed0596e1ddc2-wayner oliv,/o=exchangelabs/ou=exchange administrative group (fydibohf23spdlt)/cn=recipients/cn=2d3379e2d04c40db810b4b1f41dd2aea-erica carol,/o=exchangelabs/ou=exchange administrative group (fydibohf23spdlt)/cn=recipients/cn=4097402e2d3e4073b597d33928140586-paulo sergi,/o=exchangelabs/ou=exchange administrative group (fydibohf23spdlt)/cn=recipients/cn=7f6b70b2cdc64472a103dd0ea3f266d9-marco tulio,/o=exchangelabs/ou=exchange administrative group (fydibohf23spdlt)/cn=recipients/cn=e46cd96e8e9e452c8cc8ba65a6c4ec57-gustavo hen,/o=exchangelabs/ou=exchange administrative group (fydibohf23spdlt)/cn=recipients/cn=user3949317b</t>
  </si>
  <si>
    <t>10/22/2019 11:16:59</t>
  </si>
  <si>
    <t>10/22/2019 11:20:01</t>
  </si>
  <si>
    <t>10/22/2019 11:17:00</t>
  </si>
  <si>
    <t>10/22/2019 11:21:19</t>
  </si>
  <si>
    <t>10/22/2019 11:23:03</t>
  </si>
  <si>
    <t>R:\OneDrive - Grupo Algar\Templates de Processos\Habilitar Motoristas\</t>
  </si>
  <si>
    <t>269147001571752021.xls</t>
  </si>
  <si>
    <t>10/22/2019 11:20:11</t>
  </si>
  <si>
    <t>10/22/2019 11:25:03</t>
  </si>
  <si>
    <t>/o=exchangelabs/ou=exchange administrative group (fydibohf23spdlt)/cn=recipients/cn=1a68fd0c71d242d89abd9f9904b69653-lidianne sa;/o=exchangelabs/ou=exchange administrative group (fydibohf23spdlt)/cn=recipients/cn=6da98ab9b2254d688a75ce822637acbf-ricardo de;/o=exchangelabs/ou=exchange administrative group (fydibohf23spdlt)/cn=recipients/cn=a4ba92cba10f4fe498074594f937f3b6-leandro lop;/o=exchangelabs/ou=exchange administrative group (fydibohf23spdlt)/cn=recipients/cn=b1a72fc2d0234efca84c7771ea70c7ee-roberta cri;</t>
  </si>
  <si>
    <t>ENC: GARANTIA MINIMA SETEMBRO/2019 ● ALGAR</t>
  </si>
  <si>
    <t>09-GARANTIA_MINIMA_SETEMBRO_19 - Banco.xlsx</t>
  </si>
  <si>
    <t>/o=exchangelabs/ou=exchange administrative group (fydibohf23spdlt)/cn=recipients/cn=1a68fd0c71d242d89abd9f9904b69653-lidianne sa,/o=exchangelabs/ou=exchange administrative group (fydibohf23spdlt)/cn=recipients/cn=6da98ab9b2254d688a75ce822637acbf-ricardo de,/o=exchangelabs/ou=exchange administrative group (fydibohf23spdlt)/cn=recipients/cn=a4ba92cba10f4fe498074594f937f3b6-leandro lop,/o=exchangelabs/ou=exchange administrative group (fydibohf23spdlt)/cn=recipients/cn=b1a72fc2d0234efca84c7771ea70c7ee-roberta cri</t>
  </si>
  <si>
    <t>10/22/2019 11:23:39</t>
  </si>
  <si>
    <t>10/22/2019 11:27:03</t>
  </si>
  <si>
    <t>alairhenriquef@gmail.com;aleal@timbrasil.com.br;cgcampos@timbrasil.com.br;clafdsilva@timbrasil.com.br;redeseg@timbrasil.com.br;</t>
  </si>
  <si>
    <t>ACESSO RENES.xlsx</t>
  </si>
  <si>
    <t>alairhenriquef@gmail.com,aleal@timbrasil.com.br,cgcampos@timbrasil.com.br,clafdsilva@timbrasil.com.br,redeseg@timbrasil.com.br</t>
  </si>
  <si>
    <t>10/22/2019 11:25:26</t>
  </si>
  <si>
    <t>10/22/2019 11:29:02</t>
  </si>
  <si>
    <t>Planilha ajuste da Garrafa.xlsx</t>
  </si>
  <si>
    <t>10/22/2019 11:01:58</t>
  </si>
  <si>
    <t>10/22/2019 11:31:02</t>
  </si>
  <si>
    <t>10.207.12.90</t>
  </si>
  <si>
    <t>ENC: BP / MSG ANEXOS OPP 144911</t>
  </si>
  <si>
    <t>10/22/2019 11:27:05</t>
  </si>
  <si>
    <t>10/22/2019 11:32:02</t>
  </si>
  <si>
    <t>ORC_2020_GILDA MIRANDA_v5.xlsx</t>
  </si>
  <si>
    <t>10/22/2019 11:38:21</t>
  </si>
  <si>
    <t>10/22/2019 11:42:02</t>
  </si>
  <si>
    <t>mail.google.com/_/upload?authuser=0&amp;dcp=asu-n&amp;upload_id=AEnB2UqxKcGb9qPgcMCv6QooodURa03TXHcjVlYWjjRxi31ZxY2oLFRmdOR0FMkztac3HGVxKEXyYRcoPFZ43uELpx950a4e161MRbTGIh9kXHNwGLVszCs&amp;upload_protocol=resumable</t>
  </si>
  <si>
    <t>10/22/2019 11:40:22</t>
  </si>
  <si>
    <t>10/22/2019 11:43:02</t>
  </si>
  <si>
    <t>RES: RES: BV</t>
  </si>
  <si>
    <t>Volumes BV_Alavancas 22102019.xlsx</t>
  </si>
  <si>
    <t>10/22/2019 11:38:51</t>
  </si>
  <si>
    <t>10/22/2019 11:44:01</t>
  </si>
  <si>
    <t>/o=exchangelabs/ou=exchange administrative group (fydibohf23spdlt)/cn=recipients/cn=60faf2b5b04b4809ba6e5fa8b0b884a6-evelise tri;/o=exchangelabs/ou=exchange administrative group (fydibohf23spdlt)/cn=recipients/cn=81f72ed6e9d042e3bed0cec08d488854-vinicius go;/o=exchangelabs/ou=exchange administrative group (fydibohf23spdlt)/cn=recipients/cn=user776b6484;</t>
  </si>
  <si>
    <t>RES: Árvore de categorização</t>
  </si>
  <si>
    <t>Árvore Fale Conosco.xlsx</t>
  </si>
  <si>
    <t>/o=exchangelabs/ou=exchange administrative group (fydibohf23spdlt)/cn=recipients/cn=60faf2b5b04b4809ba6e5fa8b0b884a6-evelise tri,/o=exchangelabs/ou=exchange administrative group (fydibohf23spdlt)/cn=recipients/cn=81f72ed6e9d042e3bed0cec08d488854-vinicius go,/o=exchangelabs/ou=exchange administrative group (fydibohf23spdlt)/cn=recipients/cn=user776b6484</t>
  </si>
  <si>
    <t>10/22/2019 11:48:48</t>
  </si>
  <si>
    <t>10/22/2019 11:52:03</t>
  </si>
  <si>
    <t>10.12.241.92</t>
  </si>
  <si>
    <t>10/22/2019 11:49:55</t>
  </si>
  <si>
    <t>Disparo_22.10.csv</t>
  </si>
  <si>
    <t>10/22/2019 11:50:56</t>
  </si>
  <si>
    <t>10/22/2019 11:54:02</t>
  </si>
  <si>
    <t>10/22/2019 12:06:13</t>
  </si>
  <si>
    <t>10/22/2019 12:08:01</t>
  </si>
  <si>
    <t>acessos 1</t>
  </si>
  <si>
    <t>Portal da Gente atualização..msg\s1\</t>
  </si>
  <si>
    <t>PLANILHA PORTAL DA GENTE.xlsx</t>
  </si>
  <si>
    <t>10/22/2019 12:06:52</t>
  </si>
  <si>
    <t>acessos 2</t>
  </si>
  <si>
    <t>RE Alterar email.msg\s1\</t>
  </si>
  <si>
    <t>Operadores - Alterar Email.xlsx</t>
  </si>
  <si>
    <t>10/22/2019 12:10:36</t>
  </si>
  <si>
    <t>10/22/2019 12:12:02</t>
  </si>
  <si>
    <t>mail.google.com/_/upload?authuser=1&amp;dcp=asu-n&amp;upload_id=AEnB2UqK5-z12J_EzdX_PDRo5s4Jz9WQNcc8R4YCYdDPSfF0WOCGpPe2Ph-NFvOM_gvBGN-iYT4ucbl6u19n1C7KhjBQhvKk3gP--FB4QB0oj_fS3_BPZXM&amp;upload_protocol=resumable</t>
  </si>
  <si>
    <t>ORDENS CANCELADAS.xlsx</t>
  </si>
  <si>
    <t>10/22/2019 12:13:05</t>
  </si>
  <si>
    <t>10/22/2019 12:18:02</t>
  </si>
  <si>
    <t>/o=exchangelabs/ou=exchange administrative group (fydibohf23spdlt)/cn=recipients/cn=570802ee0d7e42cba7189b1affb39b89-rafael liza;</t>
  </si>
  <si>
    <t>2019 10 16 - Base Indiretos 1ª Projeção.xlsx</t>
  </si>
  <si>
    <t>/o=exchangelabs/ou=exchange administrative group (fydibohf23spdlt)/cn=recipients/cn=570802ee0d7e42cba7189b1affb39b89-rafael liza</t>
  </si>
  <si>
    <t>10/22/2019 12:13:58</t>
  </si>
  <si>
    <t>GAT 2018 e 2019</t>
  </si>
  <si>
    <t>CH22-20_20191022_115827.xls</t>
  </si>
  <si>
    <t>10/22/2019 12:14:27</t>
  </si>
  <si>
    <t>GAT 2016 e 2017</t>
  </si>
  <si>
    <t>CH164_20191022_120821.xls</t>
  </si>
  <si>
    <t>10/22/2019 12:15:18</t>
  </si>
  <si>
    <t>RES: Mascara Dash</t>
  </si>
  <si>
    <t>10/22/2019 10:41:22</t>
  </si>
  <si>
    <t>10/22/2019 12:20:02</t>
  </si>
  <si>
    <t>/o=exchangelabs/ou=exchange administrative group (fydibohf23spdlt)/cn=recipients/cn=f71035a74a95411c8b0276261ec8a527-rafael barr;</t>
  </si>
  <si>
    <t>ENC: RES: Projeto Tracbel</t>
  </si>
  <si>
    <t>/o=exchangelabs/ou=exchange administrative group (fydibohf23spdlt)/cn=recipients/cn=f71035a74a95411c8b0276261ec8a527-rafael barr</t>
  </si>
  <si>
    <t>10/22/2019 11:06:52</t>
  </si>
  <si>
    <t>/o=exchangelabs/ou=exchange administrative group (fydibohf23spdlt)/cn=recipients/cn=34a28d636a1b4c86b1ec79baed4b846a-marco anton;/o=exchangelabs/ou=exchange administrative group (fydibohf23spdlt)/cn=recipients/cn=9ec15fdf8a374c6f80ea1bf33684216e-roberta alv;/o=exchangelabs/ou=exchange administrative group (fydibohf23spdlt)/cn=recipients/cn=wilson achilles alves pereira neto - 004255;</t>
  </si>
  <si>
    <t>/o=exchangelabs/ou=exchange administrative group (fydibohf23spdlt)/cn=recipients/cn=34a28d636a1b4c86b1ec79baed4b846a-marco anton,/o=exchangelabs/ou=exchange administrative group (fydibohf23spdlt)/cn=recipients/cn=9ec15fdf8a374c6f80ea1bf33684216e-roberta alv,/o=exchangelabs/ou=exchange administrative group (fydibohf23spdlt)/cn=recipients/cn=wilson achilles alves pereira neto - 004255</t>
  </si>
  <si>
    <t>10/22/2019 12:19:59</t>
  </si>
  <si>
    <t>10/22/2019 12:23:01</t>
  </si>
  <si>
    <t>mail.google.com/_/upload?authuser=0&amp;dcp=asu-n&amp;upload_id=AEnB2UqDfgUMpQzj8Bqph7XOakkksbBOqlrN1GBepPy9Tl04nxJU87bsSf_B6LvfdXc-Zkaf53DM1j6BsQv2hMK42Vwj5f-78Zj5wGVsThv5fX43Z94FCmY&amp;upload_protocol=resumable</t>
  </si>
  <si>
    <t>C:\Users\akassiablc.ACS\Documents\fechamento 102019\</t>
  </si>
  <si>
    <t>Base Custos TCO TLE.xlsx</t>
  </si>
  <si>
    <t>10/22/2019 12:26:10</t>
  </si>
  <si>
    <t>10/22/2019 12:27:02</t>
  </si>
  <si>
    <t>/o=exchangelabs/ou=exchange administrative group (fydibohf23spdlt)/cn=recipients/cn=6aec868a1978426493723fb76866b007-adenilton d;elton.r.luz@bradesco.com.br;sabrinadtdmc@algartech.com;tatiane.castro@bradesco.com.br;</t>
  </si>
  <si>
    <t>Daily FMC vs Algar</t>
  </si>
  <si>
    <t>09-A-2019 Daily_Total Risk - FMC.xlsx</t>
  </si>
  <si>
    <t>/o=exchangelabs/ou=exchange administrative group (fydibohf23spdlt)/cn=recipients/cn=6aec868a1978426493723fb76866b007-adenilton d,elton.r.luz@bradesco.com.br,sabrinadtdmc@algartech.com,tatiane.castro@bradesco.com.br</t>
  </si>
  <si>
    <t>10/22/2019 12:28:31</t>
  </si>
  <si>
    <t>10/22/2019 12:30:02</t>
  </si>
  <si>
    <t>10/22/2019 12:27:33</t>
  </si>
  <si>
    <t>10/22/2019 12:31:01</t>
  </si>
  <si>
    <t>ENC: Relatório de Antecipação</t>
  </si>
  <si>
    <t>Relatório de Antecipação08102019.xls</t>
  </si>
  <si>
    <t>10/22/2019 12:28:02</t>
  </si>
  <si>
    <t>10/22/2019 12:33:02</t>
  </si>
  <si>
    <t>RES: Painel UCB - Outubro</t>
  </si>
  <si>
    <t>10/22/2019 12:28:50</t>
  </si>
  <si>
    <t>ENC: OFENSOR: Acompanhamento - New Model</t>
  </si>
  <si>
    <t>NEW MODEL PARCIAL OUT 19.xlsx</t>
  </si>
  <si>
    <t>10/22/2019 12:46:59</t>
  </si>
  <si>
    <t>10/22/2019 12:50:02</t>
  </si>
  <si>
    <t>/o=exchangelabs/ou=exchange administrative group (fydibohf23spdlt)/cn=recipients/cn=393fb405d98d45528dd58c52e770b5b3-karlos garc;/o=exchangelabs/ou=exchange administrative group (fydibohf23spdlt)/cn=recipients/cn=453253b247e84735a37b453eeacdb5fe-bruno palud;/o=exchangelabs/ou=exchange administrative group (fydibohf23spdlt)/cn=recipients/cn=68e6aa2e3fef4ccaba997d98294c9ed5-cristina he;/o=exchangelabs/ou=exchange administrative group (fydibohf23spdlt)/cn=recipients/cn=82e9af7034e542b3a622ab8e7d09ff5d-ricardo de;/o=exchangelabs/ou=exchange administrative group (fydibohf23spdlt)/cn=recipients/cn=9c71bc5f5a3648bbbb5f6bedb86e15a6-marcelo buz;/o=exchangelabs/ou=exchange administrative group (fydibohf23spdlt)/cn=recipients/cn=b1d771656e5d46709d93295f07966125-pedro henri;/o=exchangelabs/ou=exchange administrative group (fydibohf23spdlt)/cn=recipients/cn=d052f9c9a4404e849e00b751758229a8-carlos dos;iaraadss@algartech.com;</t>
  </si>
  <si>
    <t>RES: Homologação indicadores receptivo - Bradesco</t>
  </si>
  <si>
    <t>Planejamento - Modelo..msg\s1\</t>
  </si>
  <si>
    <t>Planejado_AMEX PREMIUM ATENDIMENTO 2019 06.xls</t>
  </si>
  <si>
    <t>/o=exchangelabs/ou=exchange administrative group (fydibohf23spdlt)/cn=recipients/cn=393fb405d98d45528dd58c52e770b5b3-karlos garc,/o=exchangelabs/ou=exchange administrative group (fydibohf23spdlt)/cn=recipients/cn=453253b247e84735a37b453eeacdb5fe-bruno palud,/o=exchangelabs/ou=exchange administrative group (fydibohf23spdlt)/cn=recipients/cn=68e6aa2e3fef4ccaba997d98294c9ed5-cristina he,/o=exchangelabs/ou=exchange administrative group (fydibohf23spdlt)/cn=recipients/cn=82e9af7034e542b3a622ab8e7d09ff5d-ricardo de,/o=exchangelabs/ou=exchange administrative group (fydibohf23spdlt)/cn=recipients/cn=9c71bc5f5a3648bbbb5f6bedb86e15a6-marcelo buz,/o=exchangelabs/ou=exchange administrative group (fydibohf23spdlt)/cn=recipients/cn=b1d771656e5d46709d93295f07966125-pedro henri,/o=exchangelabs/ou=exchange administrative group (fydibohf23spdlt)/cn=recipients/cn=d052f9c9a4404e849e00b751758229a8-carlos dos,iaraadss@algartech.com</t>
  </si>
  <si>
    <t>10/22/2019 12:48:42</t>
  </si>
  <si>
    <t>ENC: Produtividade CRCe 18/10</t>
  </si>
  <si>
    <t>D-1 Produtividade CRC Amex e CRC VMC - Outubro .xlsb</t>
  </si>
  <si>
    <t>10/22/2019 13:10:31</t>
  </si>
  <si>
    <t>10/22/2019 13:15:02</t>
  </si>
  <si>
    <t>10/22/2019 13:16:44</t>
  </si>
  <si>
    <t>10/22/2019 13:19:02</t>
  </si>
  <si>
    <t>C:\Users\lucianafaa\OneDrive - Grupo Algar\2019\PROJETOS\REAJUSTE DE CONTRATO\CONTROLE\ACTION\</t>
  </si>
  <si>
    <t>action itensv12-22-10v1.xlsx</t>
  </si>
  <si>
    <t>10/22/2019 13:17:24</t>
  </si>
  <si>
    <t>Compras 2020 2210.xlsx</t>
  </si>
  <si>
    <t>10/22/2019 13:21:29</t>
  </si>
  <si>
    <t>10/22/2019 13:24:01</t>
  </si>
  <si>
    <t>cadastro</t>
  </si>
  <si>
    <t>Dados dos morotistas.xls</t>
  </si>
  <si>
    <t>10/22/2019 08:48:18</t>
  </si>
  <si>
    <t>10/22/2019 13:31:01</t>
  </si>
  <si>
    <t>/o=exchangelabs/ou=exchange administrative group (fydibohf23spdlt)/cn=recipients/cn=21aa01d9848343cfa37b264e629bb011-hudson brun;/o=exchangelabs/ou=exchange administrative group (fydibohf23spdlt)/cn=recipients/cn=2f8300fc6f8b4714a77c0227cba72162-vinicius pi;/o=exchangelabs/ou=exchange administrative group (fydibohf23spdlt)/cn=recipients/cn=78e530b5e3244cc1a89eba7f7b0af42f-marco tulio;/o=exchangelabs/ou=exchange administrative group (fydibohf23spdlt)/cn=recipients/cn=b575af2cf355432aa94c09ddfef59a41-leila silva;</t>
  </si>
  <si>
    <t>ENC: Curadoria URA Telecom</t>
  </si>
  <si>
    <t>Atividades a fazer-feitas.xlsx</t>
  </si>
  <si>
    <t>/o=exchangelabs/ou=exchange administrative group (fydibohf23spdlt)/cn=recipients/cn=21aa01d9848343cfa37b264e629bb011-hudson brun,/o=exchangelabs/ou=exchange administrative group (fydibohf23spdlt)/cn=recipients/cn=2f8300fc6f8b4714a77c0227cba72162-vinicius pi,/o=exchangelabs/ou=exchange administrative group (fydibohf23spdlt)/cn=recipients/cn=78e530b5e3244cc1a89eba7f7b0af42f-marco tulio,/o=exchangelabs/ou=exchange administrative group (fydibohf23spdlt)/cn=recipients/cn=b575af2cf355432aa94c09ddfef59a41-leila silva</t>
  </si>
  <si>
    <t>10/22/2019 13:34:27</t>
  </si>
  <si>
    <t>10/22/2019 13:38:02</t>
  </si>
  <si>
    <t>10/22/2019 13:35:16</t>
  </si>
  <si>
    <t>10/22/2019 12:21:20</t>
  </si>
  <si>
    <t>10/22/2019 13:40:02</t>
  </si>
  <si>
    <t>jullian.faria@algartech.com;polati@algartech.com;</t>
  </si>
  <si>
    <t>Valores emitidos escopo B 2019.xlsx</t>
  </si>
  <si>
    <t>jullian.faria@algartech.com,polati@algartech.com</t>
  </si>
  <si>
    <t>10/22/2019 13:39:11</t>
  </si>
  <si>
    <t>10/22/2019 13:42:02</t>
  </si>
  <si>
    <t>10.207.12.91</t>
  </si>
  <si>
    <t>/o=exchangelabs/ou=exchange administrative group (fydibohf23spdlt)/cn=recipients/cn=34a28d636a1b4c86b1ec79baed4b846a-marco anton;danielle.pantaleo1@kcc.com;magda.f.pereira@kcc.com;roberto.marietti@kcc.com;</t>
  </si>
  <si>
    <t>RES: Contrato Field Services - Algar TI e Outsourcing para Compras de I.T.</t>
  </si>
  <si>
    <t>faturamento..xlsx</t>
  </si>
  <si>
    <t>/o=exchangelabs/ou=exchange administrative group (fydibohf23spdlt)/cn=recipients/cn=34a28d636a1b4c86b1ec79baed4b846a-marco anton,danielle.pantaleo1@kcc.com,magda.f.pereira@kcc.com,roberto.marietti@kcc.com</t>
  </si>
  <si>
    <t>10/22/2019 13:42:51</t>
  </si>
  <si>
    <t>10/22/2019 13:44:02</t>
  </si>
  <si>
    <t>mail.google.com/_/upload?authuser=0&amp;dcp=asu-n&amp;upload_id=AEnB2UpbX6810Etf024ZsI3UnaEKGHETZcDZVmvWQxVneDbyqbD-76d2IaqVaEKMp1JJcIX1mMbPUeqPNlZ6rSIKb9AeysLCbaT7dXRDkDEgTkHdTuk5HFU&amp;upload_protocol=resumable</t>
  </si>
  <si>
    <t>Cheklist SAGE.xlsx</t>
  </si>
  <si>
    <t>10/22/2019 13:44:46</t>
  </si>
  <si>
    <t>10/22/2019 13:49:02</t>
  </si>
  <si>
    <t>10/22/2019 13:44:33</t>
  </si>
  <si>
    <t>10/22/2019 13:50:02</t>
  </si>
  <si>
    <t>camila.costabile@bradesco.com.br;claudiac.machado@bradesco.com.br;emerson.r.correia@bradesco.com.br;leandrond.santos@bradesco.com.br;natalia.alcantara@bradesco.com.br;nathalia.donadoni@bradesco.com.br;rafaela.santana@bradesco.com.br;rodrigormc@algartech.com;rosangelatf@algartech.com;vanessa.manzione@bradesco.com.br;viniciusmlf@algartech.com;</t>
  </si>
  <si>
    <t>\\acsfs\ACS\Suporte à Operações\02 - Faturamento\2019\10 - Outubro\BRADESCO\</t>
  </si>
  <si>
    <t>camila.costabile@bradesco.com.br,claudiac.machado@bradesco.com.br,emerson.r.correia@bradesco.com.br,leandrond.santos@bradesco.com.br,natalia.alcantara@bradesco.com.br,nathalia.donadoni@bradesco.com.br,rafaela.santana@bradesco.com.br,rodrigormc@algartech.com,rosangelatf@algartech.com,vanessa.manzione@bradesco.com.br,viniciusmlf@algartech.com</t>
  </si>
  <si>
    <t>10/22/2019 14:01:46</t>
  </si>
  <si>
    <t>10/22/2019 14:06:02</t>
  </si>
  <si>
    <t>ENC: Contato OUT - Migração ONDA 4 - Validação Extel e EDGE</t>
  </si>
  <si>
    <t>Macro para envio - edge.xlsm</t>
  </si>
  <si>
    <t>10/22/2019 14:03:14</t>
  </si>
  <si>
    <t>10/22/2019 14:08:01</t>
  </si>
  <si>
    <t>/o=exchangelabs/ou=exchange administrative group (fydibohf23spdlt)/cn=recipients/cn=aab19dd3ade244ccaf813116099040e3-maria joana;/o=exchangelabs/ou=exchange administrative group (fydibohf23spdlt)/cn=recipients/cn=f12a8a47728048b0a734508ea6226c04-michele dos;mariajcb@algartech.com.br;rodrigoap@algartech.com.br;</t>
  </si>
  <si>
    <t>MASCARA__CONTROLES_CONSOLIDADO.xlsx</t>
  </si>
  <si>
    <t>/o=exchangelabs/ou=exchange administrative group (fydibohf23spdlt)/cn=recipients/cn=aab19dd3ade244ccaf813116099040e3-maria joana,/o=exchangelabs/ou=exchange administrative group (fydibohf23spdlt)/cn=recipients/cn=f12a8a47728048b0a734508ea6226c04-michele dos,mariajcb@algartech.com.br,rodrigoap@algartech.com.br</t>
  </si>
  <si>
    <t>10/22/2019 14:06:35</t>
  </si>
  <si>
    <t>10/22/2019 14:10:01</t>
  </si>
  <si>
    <t>mail.google.com/_/upload?authuser=0&amp;dcp=asu-n&amp;upload_id=AEnB2Ur_oY1nvWQ5lLB1YexVyaiwyZIqHIbQS8va-IvVD9aPAx5EhRGG5LaVcugZDqktIH7pSaA_9-jPBo1s9YMADb2taOv4jW_AOz-S4_vhj4sRYbiIKYU&amp;upload_protocol=resumable</t>
  </si>
  <si>
    <t>Rack Mezanino.xlsx</t>
  </si>
  <si>
    <t>10/22/2019 11:46:44</t>
  </si>
  <si>
    <t>10/22/2019 14:12:02</t>
  </si>
  <si>
    <t>C:\Users\diegorg\Grupo Algar\Henrique Augusto Conceicao - Compartilhado CSC\</t>
  </si>
  <si>
    <t>10/22/2019 14:09:57</t>
  </si>
  <si>
    <t>10/22/2019 14:13:02</t>
  </si>
  <si>
    <t>10/22/2019 14:11:30</t>
  </si>
  <si>
    <t>10/22/2019 14:14:02</t>
  </si>
  <si>
    <t>Expansão Caixa: Apresentação</t>
  </si>
  <si>
    <t>PMO - STATUS DE GOVERNANÇA - Expansao Caixa - 20191021.pptx\</t>
  </si>
  <si>
    <t>10/22/2019 14:12:30</t>
  </si>
  <si>
    <t>/o=exchangelabs/ou=exchange administrative group (fydibohf23spdlt)/cn=recipients/cn=083204b1bd464d0fbbd2451a3a305923-katia gonca;/o=exchangelabs/ou=exchange administrative group (fydibohf23spdlt)/cn=recipients/cn=3604eabf59564dc8baa49b62a099a560-tatielly sa;/o=exchangelabs/ou=exchange administrative group (fydibohf23spdlt)/cn=recipients/cn=4133b63704eb4b0a8e2d1dafdda7b36e-luiz felipe;/o=exchangelabs/ou=exchange administrative group (fydibohf23spdlt)/cn=recipients/cn=60faf2b5b04b4809ba6e5fa8b0b884a6-evelise tri;/o=exchangelabs/ou=exchange administrative group (fydibohf23spdlt)/cn=recipients/cn=7528f64b85914bf4b79e45082c2b74d9-iraci claud;/o=exchangelabs/ou=exchange administrative group (fydibohf23spdlt)/cn=recipients/cn=ca1f2dadbd0542a8ad075275acf52ff3-rondinele s;/o=exchangelabs/ou=exchange administrative group (fydibohf23spdlt)/cn=recipients/cn=e3f6d637067e445396cd3dec94eb69b1-renata fran;/o=exchangelabs/ou=exchange administrative group (fydibohf23spdlt)/cn=recipients/cn=user77161474;/o=exchangelabs/ou=excha</t>
  </si>
  <si>
    <t>Arvore de tabulação.xlsx</t>
  </si>
  <si>
    <t>/o=exchangelabs/ou=exchange administrative group (fydibohf23spdlt)/cn=recipients/cn=083204b1bd464d0fbbd2451a3a305923-katia gonca,/o=exchangelabs/ou=exchange administrative group (fydibohf23spdlt)/cn=recipients/cn=3604eabf59564dc8baa49b62a099a560-tatielly sa,/o=exchangelabs/ou=exchange administrative group (fydibohf23spdlt)/cn=recipients/cn=4133b63704eb4b0a8e2d1dafdda7b36e-luiz felipe,/o=exchangelabs/ou=exchange administrative group (fydibohf23spdlt)/cn=recipients/cn=60faf2b5b04b4809ba6e5fa8b0b884a6-evelise tri,/o=exchangelabs/ou=exchange administrative group (fydibohf23spdlt)/cn=recipients/cn=7528f64b85914bf4b79e45082c2b74d9-iraci claud,/o=exchangelabs/ou=exchange administrative group (fydibohf23spdlt)/cn=recipients/cn=ca1f2dadbd0542a8ad075275acf52ff3-rondinele s,/o=exchangelabs/ou=exchange administrative group (fydibohf23spdlt)/cn=recipients/cn=e3f6d637067e445396cd3dec94eb69b1-renata fran,/o=exchangelabs/ou=exchange administrative group (fydibohf23spdlt)/cn=recipients/cn=user77161474,/o=exchangelabs/ou=excha</t>
  </si>
  <si>
    <t>10/22/2019 14:15:32</t>
  </si>
  <si>
    <t>10/22/2019 14:20:01</t>
  </si>
  <si>
    <t>/o=exchangelabs/ou=exchange administrative group (fydibohf23spdlt)/cn=recipients/cn=3f81420aa09a45308e82efb501d64cad-rafaela alv;/o=exchangelabs/ou=exchange administrative group (fydibohf23spdlt)/cn=recipients/cn=a75579a499254c2291e852b70c4d70d1-eunice apar;/o=exchangelabs/ou=exchange administrative group (fydibohf23spdlt)/cn=recipients/cn=fa97b4f41f6b44568346ac119cf955ae-pablo henri;claudia.b.pereira@bradesco.com.br;leandra.cardoso@bradesco.com.br;</t>
  </si>
  <si>
    <t>RES: Levantamento LGPD - Fase 2 - Formulários - Claudia Araújo</t>
  </si>
  <si>
    <t>Mapeamento SMS E-MAIL CARTAS.xlsx</t>
  </si>
  <si>
    <t>/o=exchangelabs/ou=exchange administrative group (fydibohf23spdlt)/cn=recipients/cn=3f81420aa09a45308e82efb501d64cad-rafaela alv,/o=exchangelabs/ou=exchange administrative group (fydibohf23spdlt)/cn=recipients/cn=a75579a499254c2291e852b70c4d70d1-eunice apar,/o=exchangelabs/ou=exchange administrative group (fydibohf23spdlt)/cn=recipients/cn=fa97b4f41f6b44568346ac119cf955ae-pablo henri,claudia.b.pereira@bradesco.com.br,leandra.cardoso@bradesco.com.br</t>
  </si>
  <si>
    <t>10/22/2019 14:21:56</t>
  </si>
  <si>
    <t>10/22/2019 14:23:02</t>
  </si>
  <si>
    <t>/o=exchangelabs/ou=exchange administrative group (fydibohf23spdlt)/cn=recipients/cn=029150745eb3404986232d7559006193-acacio ribe;/o=exchangelabs/ou=exchange administrative group (fydibohf23spdlt)/cn=recipients/cn=402535980e9d4d4788d63e3c9587e129-melissa fer;/o=exchangelabs/ou=exchange administrative group (fydibohf23spdlt)/cn=recipients/cn=userd5d32f69;</t>
  </si>
  <si>
    <t>RES: Central de Notas Tribanco - Inconsistência na Nota Fiscal 17.386</t>
  </si>
  <si>
    <t>KIT TRIBANCO 09-2019.zip\</t>
  </si>
  <si>
    <t>86506_-_TRIBANCO.xlsx</t>
  </si>
  <si>
    <t>/o=exchangelabs/ou=exchange administrative group (fydibohf23spdlt)/cn=recipients/cn=029150745eb3404986232d7559006193-acacio ribe,/o=exchangelabs/ou=exchange administrative group (fydibohf23spdlt)/cn=recipients/cn=402535980e9d4d4788d63e3c9587e129-melissa fer,/o=exchangelabs/ou=exchange administrative group (fydibohf23spdlt)/cn=recipients/cn=userd5d32f69</t>
  </si>
  <si>
    <t>10/22/2019 14:20:17</t>
  </si>
  <si>
    <t>10/22/2019 14:25:02</t>
  </si>
  <si>
    <t>/o=exchangelabs/ou=exchange administrative group (fydibohf23spdlt)/cn=recipients/cn=32fe8a14424941da83c2bf35a8a5709e-fabiana car;/o=exchangelabs/ou=exchange administrative group (fydibohf23spdlt)/cn=recipients/cn=545f738e0fe740ba856f4eb6ef0135e0-vinicius si;</t>
  </si>
  <si>
    <t>/o=exchangelabs/ou=exchange administrative group (fydibohf23spdlt)/cn=recipients/cn=32fe8a14424941da83c2bf35a8a5709e-fabiana car,/o=exchangelabs/ou=exchange administrative group (fydibohf23spdlt)/cn=recipients/cn=545f738e0fe740ba856f4eb6ef0135e0-vinicius si</t>
  </si>
  <si>
    <t>10/22/2019 14:18:27</t>
  </si>
  <si>
    <t>10/22/2019 14:27:01</t>
  </si>
  <si>
    <t>10/22/2019 14:26:27</t>
  </si>
  <si>
    <t>/o=exchangelabs/ou=exchange administrative group (fydibohf23spdlt)/cn=recipients/cn=14a70e6ea48e469fb92836fb9681d216-nayara barr;/o=exchangelabs/ou=exchange administrative group (fydibohf23spdlt)/cn=recipients/cn=8c89829ad534498fa4c85b5ac11174f1-suelen more;/o=exchangelabs/ou=exchange administrative group (fydibohf23spdlt)/cn=recipients/cn=dc302903ac1a4151bcd049b90df4486f-ricardo soa;/o=exchangelabs/ou=exchange administrative group (fydibohf23spdlt)/cn=recipients/cn=f71035a74a95411c8b0276261ec8a527-rafael barr;</t>
  </si>
  <si>
    <t>ENC: compilado cliente máquinas elegíveis</t>
  </si>
  <si>
    <t>Compilado_Cliente_CNEC_Rev01versaoleo.xlsx</t>
  </si>
  <si>
    <t>/o=exchangelabs/ou=exchange administrative group (fydibohf23spdlt)/cn=recipients/cn=14a70e6ea48e469fb92836fb9681d216-nayara barr,/o=exchangelabs/ou=exchange administrative group (fydibohf23spdlt)/cn=recipients/cn=8c89829ad534498fa4c85b5ac11174f1-suelen more,/o=exchangelabs/ou=exchange administrative group (fydibohf23spdlt)/cn=recipients/cn=dc302903ac1a4151bcd049b90df4486f-ricardo soa,/o=exchangelabs/ou=exchange administrative group (fydibohf23spdlt)/cn=recipients/cn=f71035a74a95411c8b0276261ec8a527-rafael barr</t>
  </si>
  <si>
    <t>10/22/2019 14:27:34</t>
  </si>
  <si>
    <t>10/22/2019 14:28:02</t>
  </si>
  <si>
    <t>ENC: Base abertura MC novos negócios GRC</t>
  </si>
  <si>
    <t>Base abertura MC novos negócios GRC.xlsx</t>
  </si>
  <si>
    <t>10/22/2019 14:30:31</t>
  </si>
  <si>
    <t>10/22/2019 14:35:01</t>
  </si>
  <si>
    <t>10/22/2019 14:31:01</t>
  </si>
  <si>
    <t>10/22/2019 14:33:05</t>
  </si>
  <si>
    <t>10/22/2019 14:38:02</t>
  </si>
  <si>
    <t>ENC: Desconexão</t>
  </si>
  <si>
    <t>10/22/2019 14:35:03</t>
  </si>
  <si>
    <t>Microanálise - 21-10.xlsm</t>
  </si>
  <si>
    <t>10/22/2019 14:37:29</t>
  </si>
  <si>
    <t>10/22/2019 14:42:01</t>
  </si>
  <si>
    <t>10.200.214.10</t>
  </si>
  <si>
    <t>/o=exchangelabs/ou=exchange administrative group (fydibohf23spdlt)/cn=recipients/cn=3262123ab1534746a91b362bb3b84436-higor silva;/o=exchangelabs/ou=exchange administrative group (fydibohf23spdlt)/cn=recipients/cn=e46cd96e8e9e452c8cc8ba65a6c4ec57-gustavo hen;</t>
  </si>
  <si>
    <t>ENC: arquivo</t>
  </si>
  <si>
    <t>Comparativo Orçado 2020 vs 2019 V5.xlsb</t>
  </si>
  <si>
    <t>/o=exchangelabs/ou=exchange administrative group (fydibohf23spdlt)/cn=recipients/cn=3262123ab1534746a91b362bb3b84436-higor silva,/o=exchangelabs/ou=exchange administrative group (fydibohf23spdlt)/cn=recipients/cn=e46cd96e8e9e452c8cc8ba65a6c4ec57-gustavo hen</t>
  </si>
  <si>
    <t>10/22/2019 14:45:59</t>
  </si>
  <si>
    <t>10/22/2019 14:47:01</t>
  </si>
  <si>
    <t>ENC: Produtividade CRCe 21/10</t>
  </si>
  <si>
    <t>10/22/2019 14:47:28</t>
  </si>
  <si>
    <t>10/22/2019 14:49:01</t>
  </si>
  <si>
    <t>C:\Users\mariannacsm\OneDrive - Grupo Algar\0- PMO-POOL\POOL\05 - Oportunidades Compras\01 - Dash Acordos e Contratos\</t>
  </si>
  <si>
    <t>Relatorio Acordos XXxx.xlsx</t>
  </si>
  <si>
    <t>10/22/2019 14:47:58</t>
  </si>
  <si>
    <t>Relatório Status Acordos - Tech 09.09.xlsx</t>
  </si>
  <si>
    <t>10/22/2019 14:47:12</t>
  </si>
  <si>
    <t>10/22/2019 14:52:01</t>
  </si>
  <si>
    <t>/o=exchangelabs/ou=exchange administrative group (fydibohf23spdlt)/cn=recipients/cn=4097402e2d3e4073b597d33928140586-paulo sergi;/o=exchangelabs/ou=exchange administrative group (fydibohf23spdlt)/cn=recipients/cn=c19d455e74364549966295908514d864-raquel do n;caduarte@timbrasil.com.br;cmenezes@timbrasil.com.br;kamaral@timbrasil.com.br;rpdoliveira@timbrasil.com.br;vcoelho_act@timbrasil.com.br;</t>
  </si>
  <si>
    <t>ENC: Penalidade - Cabos LD - Agosto.2019</t>
  </si>
  <si>
    <t>Cabos LD - Agosto.2019.xlsx</t>
  </si>
  <si>
    <t>/o=exchangelabs/ou=exchange administrative group (fydibohf23spdlt)/cn=recipients/cn=4097402e2d3e4073b597d33928140586-paulo sergi,/o=exchangelabs/ou=exchange administrative group (fydibohf23spdlt)/cn=recipients/cn=c19d455e74364549966295908514d864-raquel do n,caduarte@timbrasil.com.br,cmenezes@timbrasil.com.br,kamaral@timbrasil.com.br,rpdoliveira@timbrasil.com.br,vcoelho_act@timbrasil.com.br</t>
  </si>
  <si>
    <t>10/22/2019 14:51:05</t>
  </si>
  <si>
    <t>/o=exchangelabs/ou=exchange administrative group (fydibohf23spdlt)/cn=recipients/cn=19e1a2319fff47b59c502f41cebee6af-marcio pere;/o=exchangelabs/ou=exchange administrative group (fydibohf23spdlt)/cn=recipients/cn=8c89829ad534498fa4c85b5ac11174f1-suelen more;/o=exchangelabs/ou=exchange administrative group (fydibohf23spdlt)/cn=recipients/cn=9a65d8734c444cbc8372a614d17d98e1-lucia maalo;</t>
  </si>
  <si>
    <t>RES: Crescimento Minio.IO Algar</t>
  </si>
  <si>
    <t>/o=exchangelabs/ou=exchange administrative group (fydibohf23spdlt)/cn=recipients/cn=19e1a2319fff47b59c502f41cebee6af-marcio pere,/o=exchangelabs/ou=exchange administrative group (fydibohf23spdlt)/cn=recipients/cn=8c89829ad534498fa4c85b5ac11174f1-suelen more,/o=exchangelabs/ou=exchange administrative group (fydibohf23spdlt)/cn=recipients/cn=9a65d8734c444cbc8372a614d17d98e1-lucia maalo</t>
  </si>
  <si>
    <t>10/22/2019 14:52:34</t>
  </si>
  <si>
    <t>10/22/2019 14:57:01</t>
  </si>
  <si>
    <t>alinecso@algartech.com.br;anacbsil@algartech.com.br;arthuraap@algartech.com.br;elidapol@algartech.com.br;equipediegodiniz@algartech.com.br;guilhermevt@algartech.com.br;jacqueliness@algartech.com.br;jessicasdsds@algartech.com.br;mirieleos@algartech.com.br;nathaliavd@algartech.com.br;patriciacdan@algartech.com.br;railamo@algartech.com.br;rosamhdc@algartech.com.br;taiscs@algartech.com.br;vagnersdoj@algartech.com.br;</t>
  </si>
  <si>
    <t>alinecso@algartech.com.br,anacbsil@algartech.com.br,arthuraap@algartech.com.br,elidapol@algartech.com.br,equipediegodiniz@algartech.com.br,guilhermevt@algartech.com.br,jacqueliness@algartech.com.br,jessicasdsds@algartech.com.br,mirieleos@algartech.com.br,nathaliavd@algartech.com.br,patriciacdan@algartech.com.br,railamo@algartech.com.br,rosamhdc@algartech.com.br,taiscs@algartech.com.br,vagnersdoj@algartech.com.br</t>
  </si>
  <si>
    <t>10/22/2019 14:57:19</t>
  </si>
  <si>
    <t>10/22/2019 14:58:01</t>
  </si>
  <si>
    <t>ENC: EXTERNAL: ENC: Comprovantes CRM:006570000583</t>
  </si>
  <si>
    <t>10/22/2019 15:00:22</t>
  </si>
  <si>
    <t>10/22/2019 15:04:01</t>
  </si>
  <si>
    <t>19_10_22_ Pipeline Comentado_Argentina.xlsx</t>
  </si>
  <si>
    <t>10/22/2019 15:01:05</t>
  </si>
  <si>
    <t>10/22/2019 15:06:01</t>
  </si>
  <si>
    <t>NFAT SETEMBRO19.xlsx</t>
  </si>
  <si>
    <t>10/22/2019 15:02:20</t>
  </si>
  <si>
    <t>10/22/2019 15:07:02</t>
  </si>
  <si>
    <t>ENC: Acionamentos excedentes agosto 2019</t>
  </si>
  <si>
    <t>Acionamentos-excedentes ago-19-ANALISE-TIM.xlsx</t>
  </si>
  <si>
    <t>10/22/2019 15:03:36</t>
  </si>
  <si>
    <t>10/22/2019 15:04:30</t>
  </si>
  <si>
    <t>10/22/2019 15:08:01</t>
  </si>
  <si>
    <t>10/22/2019 15:06:08</t>
  </si>
  <si>
    <t>10/22/2019 15:11:02</t>
  </si>
  <si>
    <t>10/22/2019 15:06:47</t>
  </si>
  <si>
    <t>10/22/2019 15:12:01</t>
  </si>
  <si>
    <t>c:\users\marcopaulolr\desktop\reunião bradesco - ações preventivas bacen v2.pptx\</t>
  </si>
  <si>
    <t>10/22/2019 15:10:39</t>
  </si>
  <si>
    <t>10/22/2019 15:14:01</t>
  </si>
  <si>
    <t>/o=exchangelabs/ou=exchange administrative group (fydibohf23spdlt)/cn=recipients/cn=c8e779a7d26d469cbb9a0149fef56cc4-marcos vini;</t>
  </si>
  <si>
    <t>ENC: Usuários Beedoo</t>
  </si>
  <si>
    <t>Operações cadastradas no Beedoo.xlsx</t>
  </si>
  <si>
    <t>/o=exchangelabs/ou=exchange administrative group (fydibohf23spdlt)/cn=recipients/cn=c8e779a7d26d469cbb9a0149fef56cc4-marcos vini</t>
  </si>
  <si>
    <t>10/22/2019 15:13:28</t>
  </si>
  <si>
    <t>10/22/2019 15:15:02</t>
  </si>
  <si>
    <t>mail.google.com/_/upload?authuser=0&amp;dcp=asu-n&amp;upload_id=AEnB2Uqd2KLgXSD7VQF3uj5aX_Y6vksgB5a0TKmAagFfFZC9WQUusJS6jqU5gJ06fSe_IuBitdQ5uSySHaUVQGvPAn8DWZHf9Hrweu0yHJszbBdTT2p1o8Q&amp;upload_protocol=resumable</t>
  </si>
  <si>
    <t>C:\Users\danubiacsm\Desktop\Demandas Whirlpool\</t>
  </si>
  <si>
    <t>Escala TRN - ID ÚNICO - HE 20.10.xlsx</t>
  </si>
  <si>
    <t>10/22/2019 15:10:56</t>
  </si>
  <si>
    <t>10/22/2019 15:17:02</t>
  </si>
  <si>
    <t>/o=exchangelabs/ou=exchange administrative group (fydibohf23spdlt)/cn=recipients/cn=4b453b7f02914710b3e94bcf7b311ad4-fernando po;/o=exchangelabs/ou=exchange administrative group (fydibohf23spdlt)/cn=recipients/cn=68e6aa2e3fef4ccaba997d98294c9ed5-cristina he;/o=exchangelabs/ou=exchange administrative group (fydibohf23spdlt)/cn=recipients/cn=a4ba92cba10f4fe498074594f937f3b6-leandro lop;/o=exchangelabs/ou=exchange administrative group (fydibohf23spdlt)/cn=recipients/cn=d3d28899a5be4c2c8b5b9e55717f7da7-fabio ribei;/o=exchangelabs/ou=exchange administrative group (fydibohf23spdlt)/cn=recipients/cn=f45617401bdf436baf70c45766699413-frederico b;elton.costa@quilleconsultoria.com.br;</t>
  </si>
  <si>
    <t>Material - Reunião Bradesco - BACEN</t>
  </si>
  <si>
    <t>Reunião Bradesco - Frentes de Qualidade.pptx\</t>
  </si>
  <si>
    <t>/o=exchangelabs/ou=exchange administrative group (fydibohf23spdlt)/cn=recipients/cn=4b453b7f02914710b3e94bcf7b311ad4-fernando po,/o=exchangelabs/ou=exchange administrative group (fydibohf23spdlt)/cn=recipients/cn=68e6aa2e3fef4ccaba997d98294c9ed5-cristina he,/o=exchangelabs/ou=exchange administrative group (fydibohf23spdlt)/cn=recipients/cn=a4ba92cba10f4fe498074594f937f3b6-leandro lop,/o=exchangelabs/ou=exchange administrative group (fydibohf23spdlt)/cn=recipients/cn=d3d28899a5be4c2c8b5b9e55717f7da7-fabio ribei,/o=exchangelabs/ou=exchange administrative group (fydibohf23spdlt)/cn=recipients/cn=f45617401bdf436baf70c45766699413-frederico b,elton.costa@quilleconsultoria.com.br</t>
  </si>
  <si>
    <t>10/22/2019 15:16:14</t>
  </si>
  <si>
    <t>/o=exchangelabs/ou=exchange administrative group (fydibohf23spdlt)/cn=recipients/cn=8c89829ad534498fa4c85b5ac11174f1-suelen more;/o=exchangelabs/ou=exchange administrative group (fydibohf23spdlt)/cn=recipients/cn=c514dbe8b91547adb4618232d1a650ba-afonso domi;</t>
  </si>
  <si>
    <t>/o=exchangelabs/ou=exchange administrative group (fydibohf23spdlt)/cn=recipients/cn=8c89829ad534498fa4c85b5ac11174f1-suelen more,/o=exchangelabs/ou=exchange administrative group (fydibohf23spdlt)/cn=recipients/cn=c514dbe8b91547adb4618232d1a650ba-afonso domi</t>
  </si>
  <si>
    <t>10/22/2019 15:14:10</t>
  </si>
  <si>
    <t>10/22/2019 15:18:02</t>
  </si>
  <si>
    <t>10.200.200.28</t>
  </si>
  <si>
    <t>/o=exchangelabs/ou=exchange administrative group (fydibohf23spdlt)/cn=recipients/cn=8d66bf0fd9334a81b7c67eda8652a948-guilherme c;/o=exchangelabs/ou=exchange administrative group (fydibohf23spdlt)/cn=recipients/cn=c8e779a7d26d469cbb9a0149fef56cc4-marcos vini;</t>
  </si>
  <si>
    <t>Implantação Beedoo - Whirlpool Cobrança</t>
  </si>
  <si>
    <t>Dados Beedoo.xlsx</t>
  </si>
  <si>
    <t>/o=exchangelabs/ou=exchange administrative group (fydibohf23spdlt)/cn=recipients/cn=8d66bf0fd9334a81b7c67eda8652a948-guilherme c,/o=exchangelabs/ou=exchange administrative group (fydibohf23spdlt)/cn=recipients/cn=c8e779a7d26d469cbb9a0149fef56cc4-marcos vini</t>
  </si>
  <si>
    <t>10/22/2019 15:21:19</t>
  </si>
  <si>
    <t>10/22/2019 15:23:02</t>
  </si>
  <si>
    <t>10/22/2019 15:23:17</t>
  </si>
  <si>
    <t>10/22/2019 15:25:03</t>
  </si>
  <si>
    <t>\\udpimgap01\Base de Conhecimento Data Center\02 - Arquivos Comuns\2.4 - Suporte Backup e Restore\Equipe Backup Restore\2.4.2 - Documentos Pessoais\LUISMAR\</t>
  </si>
  <si>
    <t>10/22/2019 15:27:30</t>
  </si>
  <si>
    <t>10/22/2019 15:31:02</t>
  </si>
  <si>
    <t>marli.silva@temposervicos.com.br;novacontahotel@bradescocartoes.com.br;upc@bradescocartoes.com.br;</t>
  </si>
  <si>
    <t>RES: *** CADASTRO DE CHA **** PROSEGUR LOG - PROPOSTA SAPC 324859</t>
  </si>
  <si>
    <t>marli.silva@temposervicos.com.br,novacontahotel@bradescocartoes.com.br,upc@bradescocartoes.com.br</t>
  </si>
  <si>
    <t>10/22/2019 15:29:44</t>
  </si>
  <si>
    <t>/o=exchangelabs/ou=exchange administrative group (fydibohf23spdlt)/cn=recipients/cn=b35bb97d047e413d88c1669273f78219-thiago da s;thiagosfer@algartech.com.br;</t>
  </si>
  <si>
    <t>ENC: Layout Site NEXT</t>
  </si>
  <si>
    <t>/o=exchangelabs/ou=exchange administrative group (fydibohf23spdlt)/cn=recipients/cn=b35bb97d047e413d88c1669273f78219-thiago da s,thiagosfer@algartech.com.br</t>
  </si>
  <si>
    <t>10/22/2019 15:31:03</t>
  </si>
  <si>
    <t>10/22/2019 15:35:02</t>
  </si>
  <si>
    <t>/o=exchangelabs/ou=exchange administrative group (fydibohf23spdlt)/cn=recipients/cn=32fe8a14424941da83c2bf35a8a5709e-fabiana car;/o=exchangelabs/ou=exchange administrative group (fydibohf23spdlt)/cn=recipients/cn=545f738e0fe740ba856f4eb6ef0135e0-vinicius si;/o=exchangelabs/ou=exchange administrative group (fydibohf23spdlt)/cn=recipients/cn=6bc6ced03b1b4fafa41bb5c70c178940-antonio per;/o=exchangelabs/ou=exchange administrative group (fydibohf23spdlt)/cn=recipients/cn=9c71bc5f5a3648bbbb5f6bedb86e15a6-marcelo buz;/o=exchangelabs/ou=exchange administrative group (fydibohf23spdlt)/cn=recipients/cn=e3778f57d65f4c17a6287602f9eb0cdc-alessandra;/o=exchangelabs/ou=exchange administrative group (fydibohf23spdlt)/cn=recipients/cn=fe134ce6f7124ebfa00395a14326bd71-luciana ber;</t>
  </si>
  <si>
    <t>Analise BP x Real (Orçado) - Whirlpool</t>
  </si>
  <si>
    <t>BP WHIRPOOL (003).xlsx</t>
  </si>
  <si>
    <t>/o=exchangelabs/ou=exchange administrative group (fydibohf23spdlt)/cn=recipients/cn=32fe8a14424941da83c2bf35a8a5709e-fabiana car,/o=exchangelabs/ou=exchange administrative group (fydibohf23spdlt)/cn=recipients/cn=545f738e0fe740ba856f4eb6ef0135e0-vinicius si,/o=exchangelabs/ou=exchange administrative group (fydibohf23spdlt)/cn=recipients/cn=6bc6ced03b1b4fafa41bb5c70c178940-antonio per,/o=exchangelabs/ou=exchange administrative group (fydibohf23spdlt)/cn=recipients/cn=9c71bc5f5a3648bbbb5f6bedb86e15a6-marcelo buz,/o=exchangelabs/ou=exchange administrative group (fydibohf23spdlt)/cn=recipients/cn=e3778f57d65f4c17a6287602f9eb0cdc-alessandra,/o=exchangelabs/ou=exchange administrative group (fydibohf23spdlt)/cn=recipients/cn=fe134ce6f7124ebfa00395a14326bd71-luciana ber</t>
  </si>
  <si>
    <t>10/22/2019 15:35:18</t>
  </si>
  <si>
    <t>10/22/2019 15:38:02</t>
  </si>
  <si>
    <t>10/22/2019 15:38:39</t>
  </si>
  <si>
    <t>10/22/2019 15:42:02</t>
  </si>
  <si>
    <t>/o=exchangelabs/ou=exchange administrative group (fydibohf23spdlt)/cn=recipients/cn=356687541e6d4dba87a6d07b3c4b9c4a-paulinia av;isabelaaf@algartech.com.br;leonardoamf@algartech.com.br;</t>
  </si>
  <si>
    <t>RES: Produtividade UNE_UCB_Formalização e Casos Especiais até 21/10</t>
  </si>
  <si>
    <t>Cópia de Produtividade UNE_UCB_Formalização e Casos Especiais.xlsb</t>
  </si>
  <si>
    <t>/o=exchangelabs/ou=exchange administrative group (fydibohf23spdlt)/cn=recipients/cn=356687541e6d4dba87a6d07b3c4b9c4a-paulinia av,isabelaaf@algartech.com.br,leonardoamf@algartech.com.br</t>
  </si>
  <si>
    <t>10/22/2019 15:42:13</t>
  </si>
  <si>
    <t>10/22/2019 15:46:02</t>
  </si>
  <si>
    <t>ORC_2020_LUCIANA BERNARDES 18102019 - ATUALIZADO ENVIADO DAIANE</t>
  </si>
  <si>
    <t>ORC_2020_LUCIANA BERNARDES 18102019 - ATUALIZADO ENVIADO DAIANE.xlsx</t>
  </si>
  <si>
    <t>10/22/2019 15:42:35</t>
  </si>
  <si>
    <t>RES Formalização Reforecast Novembro19 - Consolidado.msg\s1\</t>
  </si>
  <si>
    <t>11 - Planejamento BO Cobrança PF.xlsx</t>
  </si>
  <si>
    <t>10/22/2019 15:42:10</t>
  </si>
  <si>
    <t>10/22/2019 15:47:01</t>
  </si>
  <si>
    <t>10/22/2019 15:46:06</t>
  </si>
  <si>
    <t>/o=exchangelabs/ou=exchange administrative group (fydibohf23spdlt)/cn=recipients/cn=18106b2c2b164f0f859ac301d85fc885-luis carlos;/o=exchangelabs/ou=exchange administrative group (fydibohf23spdlt)/cn=recipients/cn=34a28d636a1b4c86b1ec79baed4b846a-marco anton;</t>
  </si>
  <si>
    <t>RES: [RFP] IBM Multi - SERVIÇO</t>
  </si>
  <si>
    <t>/o=exchangelabs/ou=exchange administrative group (fydibohf23spdlt)/cn=recipients/cn=18106b2c2b164f0f859ac301d85fc885-luis carlos,/o=exchangelabs/ou=exchange administrative group (fydibohf23spdlt)/cn=recipients/cn=34a28d636a1b4c86b1ec79baed4b846a-marco anton</t>
  </si>
  <si>
    <t>10/22/2019 15:48:09</t>
  </si>
  <si>
    <t>10/22/2019 15:49:02</t>
  </si>
  <si>
    <t>/o=exchangelabs/ou=exchange administrative group (fydibohf23spdlt)/cn=recipients/cn=5876a52919c440598f015f22bceb7eeb-antonio car;/o=exchangelabs/ou=exchange administrative group (fydibohf23spdlt)/cn=recipients/cn=8c01e71056fe4e1a8ecc4e24420bd9ef-fellyp cros;doliveira_pronto@timbrasil.com.br;llana@timbrasil.com.br;logisticatimopm@grupotpc.com;</t>
  </si>
  <si>
    <t>RES: BAIXA DE MATERIAIS VANDALISMO FURTO 08/10/2019</t>
  </si>
  <si>
    <t>/o=exchangelabs/ou=exchange administrative group (fydibohf23spdlt)/cn=recipients/cn=5876a52919c440598f015f22bceb7eeb-antonio car,/o=exchangelabs/ou=exchange administrative group (fydibohf23spdlt)/cn=recipients/cn=8c01e71056fe4e1a8ecc4e24420bd9ef-fellyp cros,doliveira_pronto@timbrasil.com.br,llana@timbrasil.com.br,logisticatimopm@grupotpc.com</t>
  </si>
  <si>
    <t>10/22/2019 15:44:47</t>
  </si>
  <si>
    <t>C:\Users\lucianafaa\OneDrive - Grupo Algar\2019\PROJETOS\REAJUSTE DE CONTRATO\PLANILHA REAJUSTES\STATUS REPORT\STATUS SEMANAL\22-10\</t>
  </si>
  <si>
    <t>10/22/2019 15:50:06</t>
  </si>
  <si>
    <t>10/22/2019 15:51:02</t>
  </si>
  <si>
    <t>cynthia.hohl@jbs.com.br;erica.b.nascimento@bradesco.com.br;</t>
  </si>
  <si>
    <t>RES: Faturas BTB - B2B - JBS - 77254</t>
  </si>
  <si>
    <t>JBS SA 01-11.xlsx</t>
  </si>
  <si>
    <t>cynthia.hohl@jbs.com.br,erica.b.nascimento@bradesco.com.br</t>
  </si>
  <si>
    <t>10/22/2019 15:49:48</t>
  </si>
  <si>
    <t>10/22/2019 15:54:02</t>
  </si>
  <si>
    <t>10/22/2019 15:54:21</t>
  </si>
  <si>
    <t>10/22/2019 15:56:01</t>
  </si>
  <si>
    <t>02 - Devolutiva.rar\</t>
  </si>
  <si>
    <t>11 - Planejamento BO CobranÃ§a PF.xlsx</t>
  </si>
  <si>
    <t>10/22/2019 15:59:38</t>
  </si>
  <si>
    <t>10/22/2019 16:02:02</t>
  </si>
  <si>
    <t>alexandremdo@algartech.com;lucasaf@algartech.com;rodrigoate@algartech.com;rodrigormc@algartech.com;sabrinadtdmc@algartech.com;tatianedc@algartech.com;</t>
  </si>
  <si>
    <t>C:\Users\moiragt\Downloads\</t>
  </si>
  <si>
    <t>CMS - PBP 2019 - FICHA DE CONVITES VENCEDORES.xlsx</t>
  </si>
  <si>
    <t>alexandremdo@algartech.com,lucasaf@algartech.com,rodrigoate@algartech.com,rodrigormc@algartech.com,sabrinadtdmc@algartech.com,tatianedc@algartech.com</t>
  </si>
  <si>
    <t>10/22/2019 16:02:16</t>
  </si>
  <si>
    <t>10/22/2019 16:04:02</t>
  </si>
  <si>
    <t>/o=exchangelabs/ou=exchange administrative group (fydibohf23spdlt)/cn=recipients/cn=5876a52919c440598f015f22bceb7eeb-antonio car;/o=exchangelabs/ou=exchange administrative group (fydibohf23spdlt)/cn=recipients/cn=5d92a12bf94e444598293842eb6df5aa-glayson gom;/o=exchangelabs/ou=exchange administrative group (fydibohf23spdlt)/cn=recipients/cn=8c01e71056fe4e1a8ecc4e24420bd9ef-fellyp cros;/o=exchangelabs/ou=exchange administrative group (fydibohf23spdlt)/cn=recipients/cn=ac622658720d425d9736d1dea3c26ef7-juliano cal;agammaro@timbrasil.com.br;aleal@timbrasil.com.br;clafdsilva@timbrasil.com.br;esantana@timbrasil.com.br;jleitao@timbrasil.com.br;ldearaujo@timbrasil.com.br;lfagundes_act@timbrasil.com.br;logisticatimopm@grupotpc.com;mpaiva@timbrasil.com.br;mpanhoca@timbrasil.com.br;msbento@timbrasil.com.br;rpadrao@timbrasil.com.br;</t>
  </si>
  <si>
    <t>RES: DISPONIBILIDADE DO MATERIAL RETIFICADOR EMERSON UR 2900W/-48VCC</t>
  </si>
  <si>
    <t>Formulário para Acionamento de Transferências V5.xlsx</t>
  </si>
  <si>
    <t>/o=exchangelabs/ou=exchange administrative group (fydibohf23spdlt)/cn=recipients/cn=5876a52919c440598f015f22bceb7eeb-antonio car,/o=exchangelabs/ou=exchange administrative group (fydibohf23spdlt)/cn=recipients/cn=5d92a12bf94e444598293842eb6df5aa-glayson gom,/o=exchangelabs/ou=exchange administrative group (fydibohf23spdlt)/cn=recipients/cn=8c01e71056fe4e1a8ecc4e24420bd9ef-fellyp cros,/o=exchangelabs/ou=exchange administrative group (fydibohf23spdlt)/cn=recipients/cn=ac622658720d425d9736d1dea3c26ef7-juliano cal,agammaro@timbrasil.com.br,aleal@timbrasil.com.br,clafdsilva@timbrasil.com.br,esantana@timbrasil.com.br,jleitao@timbrasil.com.br,ldearaujo@timbrasil.com.br,lfagundes_act@timbrasil.com.br,logisticatimopm@grupotpc.com,mpaiva@timbrasil.com.br,mpanhoca@timbrasil.com.br,msbento@timbrasil.com.br,rpadrao@timbrasil.com.br</t>
  </si>
  <si>
    <t>10/22/2019 16:03:10</t>
  </si>
  <si>
    <t>/o=exchangelabs/ou=exchange administrative group (fydibohf23spdlt)/cn=recipients/cn=56f1ed18d0b4438e8484a989403b0f53-ana paula c;/o=exchangelabs/ou=exchange administrative group (fydibohf23spdlt)/cn=recipients/cn=6fbc44b6d6b549208175d5a27201bd13-cintia nune;</t>
  </si>
  <si>
    <t>/o=exchangelabs/ou=exchange administrative group (fydibohf23spdlt)/cn=recipients/cn=56f1ed18d0b4438e8484a989403b0f53-ana paula c,/o=exchangelabs/ou=exchange administrative group (fydibohf23spdlt)/cn=recipients/cn=6fbc44b6d6b549208175d5a27201bd13-cintia nune</t>
  </si>
  <si>
    <t>10/22/2019 16:00:16</t>
  </si>
  <si>
    <t>10/22/2019 16:05:02</t>
  </si>
  <si>
    <t>10.201.28.65</t>
  </si>
  <si>
    <t>10/22/2019 16:04:08</t>
  </si>
  <si>
    <t>10/22/2019 16:06:02</t>
  </si>
  <si>
    <t>leticiartm@algartech.com;</t>
  </si>
  <si>
    <t>RES: CHAMADOS TOP PERFORMANCE</t>
  </si>
  <si>
    <t>leticiartm@algartech.com</t>
  </si>
  <si>
    <t>10/22/2019 15:58:11</t>
  </si>
  <si>
    <t>RES: RES: RES: RES: Last Call _ Processo 40137735I [Escopo B]</t>
  </si>
  <si>
    <t>Simulação Receita 9MM - Versão Compras_Noemia.xlsx</t>
  </si>
  <si>
    <t>10/22/2019 16:09:00</t>
  </si>
  <si>
    <t>10/22/2019 16:12:01</t>
  </si>
  <si>
    <t>/o=exchangelabs/ou=exchange administrative group (fydibohf23spdlt)/cn=recipients/cn=9c85290e8238419a823a4b55320e99cb-andre luis;</t>
  </si>
  <si>
    <t>ENC: Classificaçao Ativo</t>
  </si>
  <si>
    <t>/o=exchangelabs/ou=exchange administrative group (fydibohf23spdlt)/cn=recipients/cn=9c85290e8238419a823a4b55320e99cb-andre luis</t>
  </si>
  <si>
    <t>10/22/2019 16:17:03</t>
  </si>
  <si>
    <t>10/22/2019 16:22:02</t>
  </si>
  <si>
    <t>/o=exchangelabs/ou=exchange administrative group (fydibohf23spdlt)/cn=recipients/cn=0b6a994899de4cd3af0f6d1091e97ebf-arones abre;/o=exchangelabs/ou=exchange administrative group (fydibohf23spdlt)/cn=recipients/cn=5412a5c3dbf6470e809115c1b42dde24-algar tech;/o=exchangelabs/ou=exchange administrative group (fydibohf23spdlt)/cn=recipients/cn=b16974d7de334bfabfe3dee1e8e47e59-sherley cri;/o=exchangelabs/ou=exchange administrative group (fydibohf23spdlt)/cn=recipients/cn=b5ef1f826e364d2aa99a0df5d1906feb-liliane apa;julienes@cemig.com.br;</t>
  </si>
  <si>
    <t>ENC: CEMIG - Está chegando o Pregão Eletrônico 530-H13572 - CANAL DE DENÚNCIAS ANÔNIMAS E CONSULTAS DA CEMIG</t>
  </si>
  <si>
    <t>FORM_PSES_001_Formulario Dados Técnicos CEMIG PREENCHIDO.xls</t>
  </si>
  <si>
    <t>/o=exchangelabs/ou=exchange administrative group (fydibohf23spdlt)/cn=recipients/cn=0b6a994899de4cd3af0f6d1091e97ebf-arones abre,/o=exchangelabs/ou=exchange administrative group (fydibohf23spdlt)/cn=recipients/cn=5412a5c3dbf6470e809115c1b42dde24-algar tech,/o=exchangelabs/ou=exchange administrative group (fydibohf23spdlt)/cn=recipients/cn=b16974d7de334bfabfe3dee1e8e47e59-sherley cri,/o=exchangelabs/ou=exchange administrative group (fydibohf23spdlt)/cn=recipients/cn=b5ef1f826e364d2aa99a0df5d1906feb-liliane apa,julienes@cemig.com.br</t>
  </si>
  <si>
    <t>10/22/2019 16:22:34</t>
  </si>
  <si>
    <t>10/22/2019 16:24:02</t>
  </si>
  <si>
    <t>mail.google.com/_/upload?authuser=0&amp;dcp=asu-n&amp;upload_id=AEnB2Up31ypKkusmPJfSpMC0ohQKPdS11Y_mMk2PxnTqYVOCKyu_RS5bv6VLaVYXVi5uSicG_OrygnaPMw3Sjw5whAQfZ3h9IVR0GtjiMwycaghqZOLVKDk&amp;upload_protocol=resumable</t>
  </si>
  <si>
    <t>Servidores_CNEC v4.xlsx</t>
  </si>
  <si>
    <t>10/22/2019 16:22:30</t>
  </si>
  <si>
    <t>10/22/2019 16:25:02</t>
  </si>
  <si>
    <t>/o=exchangelabs/ou=exchange administrative group (fydibohf23spdlt)/cn=recipients/cn=027c2da1ea5a42378a892f895ed29947-andressa tu;/o=exchangelabs/ou=exchange administrative group (fydibohf23spdlt)/cn=recipients/cn=372a4aee70df4061aed129651510b96b-raul montei;</t>
  </si>
  <si>
    <t>Previsão 2020 - MAB</t>
  </si>
  <si>
    <t>/o=exchangelabs/ou=exchange administrative group (fydibohf23spdlt)/cn=recipients/cn=027c2da1ea5a42378a892f895ed29947-andressa tu,/o=exchangelabs/ou=exchange administrative group (fydibohf23spdlt)/cn=recipients/cn=372a4aee70df4061aed129651510b96b-raul montei</t>
  </si>
  <si>
    <t>10/22/2019 16:23:07</t>
  </si>
  <si>
    <t>10/22/2019 16:28:03</t>
  </si>
  <si>
    <t>10/22/2019 16:28:13</t>
  </si>
  <si>
    <t>10/22/2019 16:32:03</t>
  </si>
  <si>
    <t>/o=exchangelabs/ou=exchange administrative group (fydibohf23spdlt)/cn=recipients/cn=a6ba306bde72439c8d608df7df1957f9-larice nasc;ueniargl@algartech.com.br;</t>
  </si>
  <si>
    <t>Onda 4-UNE.xlsx</t>
  </si>
  <si>
    <t>/o=exchangelabs/ou=exchange administrative group (fydibohf23spdlt)/cn=recipients/cn=a6ba306bde72439c8d608df7df1957f9-larice nasc,ueniargl@algartech.com.br</t>
  </si>
  <si>
    <t>10/22/2019 16:26:45</t>
  </si>
  <si>
    <t>10/22/2019 16:33:03</t>
  </si>
  <si>
    <t>Cronograma - Troca dos Disjuntores A100</t>
  </si>
  <si>
    <t>Cronograma Detalhado - Troca Disjuntores.xlsx</t>
  </si>
  <si>
    <t>10/22/2019 16:38:18</t>
  </si>
  <si>
    <t>10/22/2019 16:43:03</t>
  </si>
  <si>
    <t>10/22/2019 16:40:14</t>
  </si>
  <si>
    <t>Estudo de conteúdo operacional.xlsx</t>
  </si>
  <si>
    <t>10/22/2019 16:42:13</t>
  </si>
  <si>
    <t>10/22/2019 16:48:03</t>
  </si>
  <si>
    <t>/o=exchangelabs/ou=exchange administrative group (fydibohf23spdlt)/cn=recipients/cn=a6ba306bde72439c8d608df7df1957f9-larice nasc;/o=exchangelabs/ou=exchange administrative group (fydibohf23spdlt)/cn=recipients/cn=bec14da9ad4d434b8151ce12587e9186-khassio mar;/o=exchangelabs/ou=exchange administrative group (fydibohf23spdlt)/cn=recipients/cn=d8ab77282d2d4f648a84840ef886dad9-eneias viei;flavia@iclicconsultoria.com.br;</t>
  </si>
  <si>
    <t>RES: Status Report - Demandas Pendentes Migração - 22/10</t>
  </si>
  <si>
    <t>Cópia de Contatos Out - Repescagem.xlsx</t>
  </si>
  <si>
    <t>/o=exchangelabs/ou=exchange administrative group (fydibohf23spdlt)/cn=recipients/cn=a6ba306bde72439c8d608df7df1957f9-larice nasc,/o=exchangelabs/ou=exchange administrative group (fydibohf23spdlt)/cn=recipients/cn=bec14da9ad4d434b8151ce12587e9186-khassio mar,/o=exchangelabs/ou=exchange administrative group (fydibohf23spdlt)/cn=recipients/cn=d8ab77282d2d4f648a84840ef886dad9-eneias viei,flavia@iclicconsultoria.com.br</t>
  </si>
  <si>
    <t>10/22/2019 16:47:27</t>
  </si>
  <si>
    <t>10/22/2019 16:50:03</t>
  </si>
  <si>
    <t>Recuperação</t>
  </si>
  <si>
    <t>Recuperação.xlsb</t>
  </si>
  <si>
    <t>10/22/2019 16:47:38</t>
  </si>
  <si>
    <t>C:\Users\douglassp\OneDrive - Grupo Algar\GEP - Performance\</t>
  </si>
  <si>
    <t>10/22/2019 16:50:36</t>
  </si>
  <si>
    <t>10/22/2019 16:51:03</t>
  </si>
  <si>
    <t>PO Laura.xlsx</t>
  </si>
  <si>
    <t>10/22/2019 16:50:55</t>
  </si>
  <si>
    <t>lauravx@algartech.com;</t>
  </si>
  <si>
    <t>10/22/2019 16:52:28</t>
  </si>
  <si>
    <t>10/22/2019 16:56:03</t>
  </si>
  <si>
    <t>10/22/2019 16:52:50</t>
  </si>
  <si>
    <t>10/22/2019 16:57:03</t>
  </si>
  <si>
    <t>/o=exchangelabs/ou=exchange administrative group (fydibohf23spdlt)/cn=recipients/cn=1e212ef08dab4f26b88cba944f2ab7cb-pmo.governa;/o=exchangelabs/ou=exchange administrative group (fydibohf23spdlt)/cn=recipients/cn=8c89829ad534498fa4c85b5ac11174f1-suelen more;/o=exchangelabs/ou=exchange administrative group (fydibohf23spdlt)/cn=recipients/cn=b194f014572c4c36b52132f9199df1aa-jairo junio;/o=exchangelabs/ou=exchange administrative group (fydibohf23spdlt)/cn=recipients/cn=f0723cfec25d44359e10a3afabfe3d5f-ederlei rod;</t>
  </si>
  <si>
    <t>/o=exchangelabs/ou=exchange administrative group (fydibohf23spdlt)/cn=recipients/cn=1e212ef08dab4f26b88cba944f2ab7cb-pmo.governa,/o=exchangelabs/ou=exchange administrative group (fydibohf23spdlt)/cn=recipients/cn=8c89829ad534498fa4c85b5ac11174f1-suelen more,/o=exchangelabs/ou=exchange administrative group (fydibohf23spdlt)/cn=recipients/cn=b194f014572c4c36b52132f9199df1aa-jairo junio,/o=exchangelabs/ou=exchange administrative group (fydibohf23spdlt)/cn=recipients/cn=f0723cfec25d44359e10a3afabfe3d5f-ederlei rod</t>
  </si>
  <si>
    <t>10/22/2019 16:53:29</t>
  </si>
  <si>
    <t>10/22/2019 16:58:03</t>
  </si>
  <si>
    <t>/o=exchangelabs/ou=exchange administrative group (fydibohf23spdlt)/cn=recipients/cn=7aaed863e0734538bc010e61e9020ad3-aline silve;/o=exchangelabs/ou=exchange administrative group (fydibohf23spdlt)/cn=recipients/cn=f00c439d0d474c0586a503a0209ed1f2-bruno wande;/o=exchangelabs/ou=exchange administrative group (fydibohf23spdlt)/cn=recipients/cn=f167860e3f1940cc81730e5f24d2f0bb-alexandre f;</t>
  </si>
  <si>
    <t>RES: Continental_Reserva_Número-Grupo Tronco.</t>
  </si>
  <si>
    <t>Portas de URA_Continental_ENVIO.xlsx</t>
  </si>
  <si>
    <t>/o=exchangelabs/ou=exchange administrative group (fydibohf23spdlt)/cn=recipients/cn=7aaed863e0734538bc010e61e9020ad3-aline silve,/o=exchangelabs/ou=exchange administrative group (fydibohf23spdlt)/cn=recipients/cn=f00c439d0d474c0586a503a0209ed1f2-bruno wande,/o=exchangelabs/ou=exchange administrative group (fydibohf23spdlt)/cn=recipients/cn=f167860e3f1940cc81730e5f24d2f0bb-alexandre f</t>
  </si>
  <si>
    <t>10/22/2019 16:55:26</t>
  </si>
  <si>
    <t>Casos indevidos</t>
  </si>
  <si>
    <t>10/22/2019 16:57:35</t>
  </si>
  <si>
    <t>10/22/2019 16:59:03</t>
  </si>
  <si>
    <t>adriana.rosa@electrolux.com;andre.marcos@electrolux.com;brunobsc@algartech.com;cristiane.xavier@electrolux.com;diogogbb@algartech.com;elaine.freitas@electrolux.com;evelyzegavf@algartech.com;qualidade.electrolux@algartech.com;rafaelmb@algartech.com;supervisaoelectrolux@algartech.com;</t>
  </si>
  <si>
    <t>adriana.rosa@electrolux.com,andre.marcos@electrolux.com,brunobsc@algartech.com,cristiane.xavier@electrolux.com,diogogbb@algartech.com,elaine.freitas@electrolux.com,evelyzegavf@algartech.com,qualidade.electrolux@algartech.com,rafaelmb@algartech.com,supervisaoelectrolux@algartech.com</t>
  </si>
  <si>
    <t>10/22/2019 17:02:23</t>
  </si>
  <si>
    <t>10/22/2019 17:05:03</t>
  </si>
  <si>
    <t>/o=exchangelabs/ou=exchange administrative group (fydibohf23spdlt)/cn=recipients/cn=fa97b4f41f6b44568346ac119cf955ae-pablo henri;claudia.b.pereira@bradesco.com.br;jacqueline.mariano@bradesco.com.br;leandra.cardoso@bradesco.com.br;</t>
  </si>
  <si>
    <t>RES: Melhoria de processo-Tabela de autorizações-</t>
  </si>
  <si>
    <t>ANX_Autorizacoes_Amex_Emitido_no_B2K_Excel_22.10.2019 951.xls</t>
  </si>
  <si>
    <t>/o=exchangelabs/ou=exchange administrative group (fydibohf23spdlt)/cn=recipients/cn=fa97b4f41f6b44568346ac119cf955ae-pablo henri,claudia.b.pereira@bradesco.com.br,jacqueline.mariano@bradesco.com.br,leandra.cardoso@bradesco.com.br</t>
  </si>
  <si>
    <t>10/22/2019 17:03:29</t>
  </si>
  <si>
    <t>10/22/2019 17:09:03</t>
  </si>
  <si>
    <t>mail.google.com/_/upload?authuser=1&amp;dcp=asu-n&amp;upload_id=AEnB2Uru82KfkOEEVRwAPLYWTeiCWwo8KWdA1BuXxQSPKIgyi4J0MtYYd_FIP_IFkPXop5RaeNE3IKv7smTuNd7dBXi1OGYVnRldXb8hBRPBWs9AYUOPge4&amp;upload_protocol=resumable</t>
  </si>
  <si>
    <t>RPI DOMINGO.xlsx</t>
  </si>
  <si>
    <t>10/22/2019 17:07:53</t>
  </si>
  <si>
    <t>10/22/2019 17:11:03</t>
  </si>
  <si>
    <t>10/22/2019 17:06:20</t>
  </si>
  <si>
    <t>10/22/2019 17:06:31</t>
  </si>
  <si>
    <t>larissamfb@algartech.com;marianesg@algartech.com;nikellydcs@algartech.com;reginaldort@algartech.com;</t>
  </si>
  <si>
    <t>larissamfb@algartech.com,marianesg@algartech.com,nikellydcs@algartech.com,reginaldort@algartech.com</t>
  </si>
  <si>
    <t>10/22/2019 17:08:47</t>
  </si>
  <si>
    <t>10/22/2019 17:12:04</t>
  </si>
  <si>
    <t>mail.google.com/_/upload?authuser=0&amp;dcp=asu-n&amp;upload_id=AEnB2UobgmyhSUJKo0j0X0MKy6hU86Nov-6LHV79d1wnGKUJD5IbtziKbpXRvnh0MuXhEoo8yfrKQXuiK3C5yfYOlfexsnj3CIrJQI17lcV-ItznmtSCjos&amp;upload_protocol=resumable</t>
  </si>
  <si>
    <t>\\acsfs\engeset\financeiro_ula\FATURAMENTO\11. Faturamento TIM Microsiga\2019\10.2019\</t>
  </si>
  <si>
    <t>REMESSA 14 FAT B BBN.xlsx</t>
  </si>
  <si>
    <t>10/22/2019 17:07:54</t>
  </si>
  <si>
    <t>10/22/2019 17:13:03</t>
  </si>
  <si>
    <t>mail.google.com/_/upload?authuser=1&amp;dcp=asu-n&amp;upload_id=AEnB2UojmCZmmSgWKcFq65k9Ev89joMWQpeXDM0zI6xigJ98NyVFXXYnznEz3u5ydCwjrJX-RZGlFgigdFR_MBmS73ozZIF4TzaMRTBc7cFts7l4JR2I4zc&amp;upload_protocol=resumable</t>
  </si>
  <si>
    <t>10/22/2019 17:10:19</t>
  </si>
  <si>
    <t>10/22/2019 17:15:03</t>
  </si>
  <si>
    <t>C:\Users\iramildass\Desktop\Iramilda\Voluntariado\reembolso\</t>
  </si>
  <si>
    <t>Cadastro Pessoa Física 2019.xls</t>
  </si>
  <si>
    <t>10/22/2019 17:10:20</t>
  </si>
  <si>
    <t>mail.google.com/_/upload?authuser=0&amp;dcp=asu-n&amp;upload_id=AEnB2Ura8GVf__LSec6925uiWTDdhUedlJ0n3rWoeAaDK0cpmvcDA2-ay7tmH3hOY6U897qWARyBfzgFu8ricM9oAog6yL7NWmHbLqsfRQMlwcZn2HNChzc&amp;upload_protocol=resumable</t>
  </si>
  <si>
    <t>Recibo de Reembolso - MODELO.xls</t>
  </si>
  <si>
    <t>10/22/2019 17:15:32</t>
  </si>
  <si>
    <t>10/22/2019 17:18:03</t>
  </si>
  <si>
    <t>/o=exchangelabs/ou=exchange administrative group (fydibohf23spdlt)/cn=recipients/cn=10c614e1eddb439aa2a8538338cebbc9-victor hugo;/o=exchangelabs/ou=exchange administrative group (fydibohf23spdlt)/cn=recipients/cn=66edf19ebc2742d0aad16b8a34a09b10-andre luiz;</t>
  </si>
  <si>
    <t>ENC: [Projeto Mini Disjuntores] - TAP para Validação</t>
  </si>
  <si>
    <t>/o=exchangelabs/ou=exchange administrative group (fydibohf23spdlt)/cn=recipients/cn=10c614e1eddb439aa2a8538338cebbc9-victor hugo,/o=exchangelabs/ou=exchange administrative group (fydibohf23spdlt)/cn=recipients/cn=66edf19ebc2742d0aad16b8a34a09b10-andre luiz</t>
  </si>
  <si>
    <t>10/22/2019 17:19:24</t>
  </si>
  <si>
    <t>10/22/2019 17:20:03</t>
  </si>
  <si>
    <t>/o=exchangelabs/ou=exchange administrative group (fydibohf23spdlt)/cn=recipients/cn=1e212ef08dab4f26b88cba944f2ab7cb-pmo.governa;/o=exchangelabs/ou=exchange administrative group (fydibohf23spdlt)/cn=recipients/cn=66edf19ebc2742d0aad16b8a34a09b10-andre luiz;/o=exchangelabs/ou=exchange administrative group (fydibohf23spdlt)/cn=recipients/cn=b3ad8a638fcc4c57bf8c7953dd4b3cb8-augusto ces;</t>
  </si>
  <si>
    <t>CAPEX LONGO PRAZO</t>
  </si>
  <si>
    <t>Capex Infraestrutura 2020 a 2024_191022.xlsx</t>
  </si>
  <si>
    <t>/o=exchangelabs/ou=exchange administrative group (fydibohf23spdlt)/cn=recipients/cn=1e212ef08dab4f26b88cba944f2ab7cb-pmo.governa,/o=exchangelabs/ou=exchange administrative group (fydibohf23spdlt)/cn=recipients/cn=66edf19ebc2742d0aad16b8a34a09b10-andre luiz,/o=exchangelabs/ou=exchange administrative group (fydibohf23spdlt)/cn=recipients/cn=b3ad8a638fcc4c57bf8c7953dd4b3cb8-augusto ces</t>
  </si>
  <si>
    <t>10/22/2019 17:21:42</t>
  </si>
  <si>
    <t>10/22/2019 17:23:04</t>
  </si>
  <si>
    <t>CH03-20_20191022_170829.csv</t>
  </si>
  <si>
    <t>10/22/2019 17:21:14</t>
  </si>
  <si>
    <t>10/22/2019 17:25:04</t>
  </si>
  <si>
    <t>10/22/2019 17:22:16</t>
  </si>
  <si>
    <t>10/22/2019 17:26:04</t>
  </si>
  <si>
    <t>vale - nao é o final</t>
  </si>
  <si>
    <t>Vale - Apresentacao - Business Performance_ VF3 18_10_2019.zip\Vale - Apresentacao - Business Performance_ VF3 18_10_2019.pptx\</t>
  </si>
  <si>
    <t>10/22/2019 17:26:28</t>
  </si>
  <si>
    <t>10/22/2019 17:27:05</t>
  </si>
  <si>
    <t>/o=exchangelabs/ou=exchange administrative group (fydibohf23spdlt)/cn=recipients/cn=67bd09b6da5b417abb252b386d83b44c-eficiencia;</t>
  </si>
  <si>
    <t>Processos Tributários - Algar Tech</t>
  </si>
  <si>
    <t>Andamento Processos Judiciais Estratégicos.xlsx</t>
  </si>
  <si>
    <t>/o=exchangelabs/ou=exchange administrative group (fydibohf23spdlt)/cn=recipients/cn=67bd09b6da5b417abb252b386d83b44c-eficiencia</t>
  </si>
  <si>
    <t>10/22/2019 17:25:34</t>
  </si>
  <si>
    <t>10/22/2019 17:30:04</t>
  </si>
  <si>
    <t>mail.google.com/_/upload?authuser=0&amp;dcp=asu-n&amp;upload_id=AEnB2Upo9N_h8dgBKNvBqLsGjRAlc-R9q5Ywu__1nNB8vZVeusPVlBaMddOrX1B_f_KrR9hB1X-rZuPEW0dWJL_do4yAVERDpcJYe8new87EkyEP-L0iWzw&amp;upload_protocol=resumable</t>
  </si>
  <si>
    <t>10/22/2019 17:31:15</t>
  </si>
  <si>
    <t>10/22/2019 17:36:04</t>
  </si>
  <si>
    <t>C:\Users\lucianabo\Desktop\2020\PTH\BPS\</t>
  </si>
  <si>
    <t>C:\Users\lucianabo\Desktop\2020\PTH\BPS\178274 EDP BP Advanced Collection v4.3 Ajuste solicitado pelo PMO.xlsb\</t>
  </si>
  <si>
    <t>10/22/2019 17:39:11</t>
  </si>
  <si>
    <t>10/22/2019 17:41:05</t>
  </si>
  <si>
    <t>/o=exchangelabs/ou=exchange administrative group (fydibohf23spdlt)/cn=recipients/cn=57f57523b47440868fdef2c0ecd04b26-gustavo ram;</t>
  </si>
  <si>
    <t>EDP</t>
  </si>
  <si>
    <t>/o=exchangelabs/ou=exchange administrative group (fydibohf23spdlt)/cn=recipients/cn=57f57523b47440868fdef2c0ecd04b26-gustavo ram</t>
  </si>
  <si>
    <t>10/22/2019 17:40:18</t>
  </si>
  <si>
    <t>10/22/2019 17:44:04</t>
  </si>
  <si>
    <t>mail.google.com/_/upload?authuser=1&amp;dcp=asu-n&amp;upload_id=AEnB2UrmXhxly9Ck2EEBrk4ykC-YjwP9XgOmUpVGCreewNlb893PmdQ7SQtOJmmO8hB4RXVxWjNG-NOU0xM_g5Yhe39iNIMOqZn4KGKMlhpyt8BNS1IQrS8&amp;upload_protocol=resumable</t>
  </si>
  <si>
    <t>Grupos.csv</t>
  </si>
  <si>
    <t>10/22/2019 17:40:24</t>
  </si>
  <si>
    <t>mail.google.com/_/upload?authuser=1&amp;dcp=asu-n&amp;upload_id=AEnB2UpHNViLApVzFvVqyodb5hfjz78TQwKs7RMi9R2UXAdSAaIkacaNbbrMIZUWk3KYAcpd9Kc03kH7rlcWM3qjzmaw2re_0pufh47zqjQaqH9dSOVkvJg&amp;upload_protocol=resumable</t>
  </si>
  <si>
    <t>Funcionários.xlsx</t>
  </si>
  <si>
    <t>10/22/2019 17:47:59</t>
  </si>
  <si>
    <t>10/22/2019 17:48:05</t>
  </si>
  <si>
    <t>/o=exchangelabs/ou=exchange administrative group (fydibohf23spdlt)/cn=recipients/cn=3188323005a04a70962871b2b980355d-humberto pi;</t>
  </si>
  <si>
    <t>Material Nespresso</t>
  </si>
  <si>
    <t>Sessão Design.xlsx</t>
  </si>
  <si>
    <t>/o=exchangelabs/ou=exchange administrative group (fydibohf23spdlt)/cn=recipients/cn=3188323005a04a70962871b2b980355d-humberto pi</t>
  </si>
  <si>
    <t>10/22/2019 17:48:57</t>
  </si>
  <si>
    <t>10/22/2019 17:50:05</t>
  </si>
  <si>
    <t>ST_v2.pptx</t>
  </si>
  <si>
    <t>ST_v2.pptx\</t>
  </si>
  <si>
    <t>10/22/2019 17:49:29</t>
  </si>
  <si>
    <t>10/22/2019 17:48:39</t>
  </si>
  <si>
    <t>10/22/2019 17:54:05</t>
  </si>
  <si>
    <t>Processos Trabalhistas PAGO</t>
  </si>
  <si>
    <t>10/22/2019 17:56:32</t>
  </si>
  <si>
    <t>10/22/2019 17:59:04</t>
  </si>
  <si>
    <t>10/22/2019 17:56:24</t>
  </si>
  <si>
    <t>DATA DE PAGAMENTO DOS RELATÃ“RIOS DO CONCUR.xls</t>
  </si>
  <si>
    <t>10/22/2019 17:58:47</t>
  </si>
  <si>
    <t>10/22/2019 18:03:04</t>
  </si>
  <si>
    <t>danilormo@algartech.com;flaviolda@algartech.com;leonardoefo@algartech.com;luanafs@algartech.com;mariana.sousa@cscalgar.com.br;paulocruz@algartech.com;silmara.parreira@cscalgar.com.br;</t>
  </si>
  <si>
    <t>C:\Users\akassiablc.ACS\Documents\fechamento 102019\Prévia 102019 .zip\</t>
  </si>
  <si>
    <t>Pr‚via 102019 .xlsx</t>
  </si>
  <si>
    <t>danilormo@algartech.com,flaviolda@algartech.com,leonardoefo@algartech.com,luanafs@algartech.com,mariana.sousa@cscalgar.com.br,paulocruz@algartech.com,silmara.parreira@cscalgar.com.br</t>
  </si>
  <si>
    <t>10/22/2019 18:04:05</t>
  </si>
  <si>
    <t>10.200.35.100</t>
  </si>
  <si>
    <t>/o=exchangelabs/ou=exchange administrative group (fydibohf23spdlt)/cn=recipients/cn=8fd99aed0dcd4cc881e5e5966c425c41-gabriel bor;/o=exchangelabs/ou=exchange administrative group (fydibohf23spdlt)/cn=recipients/cn=f6cbd0513564419dbd829242338a05f3-wilsiane ma;</t>
  </si>
  <si>
    <t>Relatório PINT</t>
  </si>
  <si>
    <t>PINT - Out.xls</t>
  </si>
  <si>
    <t>/o=exchangelabs/ou=exchange administrative group (fydibohf23spdlt)/cn=recipients/cn=8fd99aed0dcd4cc881e5e5966c425c41-gabriel bor,/o=exchangelabs/ou=exchange administrative group (fydibohf23spdlt)/cn=recipients/cn=f6cbd0513564419dbd829242338a05f3-wilsiane ma</t>
  </si>
  <si>
    <t>10/22/2019 18:06:41</t>
  </si>
  <si>
    <t>10/22/2019 18:10:04</t>
  </si>
  <si>
    <t>10/22/2019 18:06:46</t>
  </si>
  <si>
    <t>10/22/2019 18:06:51</t>
  </si>
  <si>
    <t>10/22/2019 18:06:57</t>
  </si>
  <si>
    <t>10/22/2019 18:15:49</t>
  </si>
  <si>
    <t>10/22/2019 18:19:04</t>
  </si>
  <si>
    <t>RES: Relatório PINT</t>
  </si>
  <si>
    <t>PINT.xls</t>
  </si>
  <si>
    <t>10/22/2019 18:36:36</t>
  </si>
  <si>
    <t>10/22/2019 18:39:04</t>
  </si>
  <si>
    <t>5 stars 22.10.csv</t>
  </si>
  <si>
    <t>10/22/2019 18:40:07</t>
  </si>
  <si>
    <t>10/22/2019 18:41:04</t>
  </si>
  <si>
    <t>10/22/2019 18:50:35</t>
  </si>
  <si>
    <t>10/22/2019 18:53:04</t>
  </si>
  <si>
    <t>/o=exchangelabs/ou=exchange administrative group (fydibohf23spdlt)/cn=recipients/cn=9bb376e8b4c74d45963b1165e99fb0ea-fernando ro;/o=exchangelabs/ou=exchange administrative group (fydibohf23spdlt)/cn=recipients/cn=a72fa73d2e1a464ba879e7629d58ef97-luana erlen;</t>
  </si>
  <si>
    <t>Layout / Relação de Monitores / Base para levantamento de dados</t>
  </si>
  <si>
    <t>Fwd Layout CA.msg\s1\</t>
  </si>
  <si>
    <t>/o=exchangelabs/ou=exchange administrative group (fydibohf23spdlt)/cn=recipients/cn=9bb376e8b4c74d45963b1165e99fb0ea-fernando ro,/o=exchangelabs/ou=exchange administrative group (fydibohf23spdlt)/cn=recipients/cn=a72fa73d2e1a464ba879e7629d58ef97-luana erlen</t>
  </si>
  <si>
    <t>10/22/2019 19:47:39</t>
  </si>
  <si>
    <t>10/22/2019 19:49:05</t>
  </si>
  <si>
    <t>\\acsfs\engeset\FINANCEIRO_ULA\CONTROLA\Orc 2020\Templates\DRE_QLIKVIEW\CR\</t>
  </si>
  <si>
    <t>DRE_341200067.xlsx</t>
  </si>
  <si>
    <t>10/22/2019 20:32:26</t>
  </si>
  <si>
    <t>10/22/2019 20:33:05</t>
  </si>
  <si>
    <t>/o=exchangelabs/ou=exchange administrative group (fydibohf23spdlt)/cn=recipients/cn=545f738e0fe740ba856f4eb6ef0135e0-vinicius si;/o=exchangelabs/ou=exchange administrative group (fydibohf23spdlt)/cn=recipients/cn=81f72ed6e9d042e3bed0cec08d488854-vinicius go;/o=exchangelabs/ou=exchange administrative group (fydibohf23spdlt)/cn=recipients/cn=8da96f497b5c46ee81c2775857a1df84-pedro henri;/o=exchangelabs/ou=exchange administrative group (fydibohf23spdlt)/cn=recipients/cn=98e18f75c1d448d18c2b385d101db11f-luiz alfred;/o=exchangelabs/ou=exchange administrative group (fydibohf23spdlt)/cn=recipients/cn=e39e329fc16a43329eb2766bae675122-mariana gon;/o=exchangelabs/ou=exchange administrative group (fydibohf23spdlt)/cn=recipients/cn=userd3ef8196;</t>
  </si>
  <si>
    <t>Visões - SS_BF.xlsx</t>
  </si>
  <si>
    <t>/o=exchangelabs/ou=exchange administrative group (fydibohf23spdlt)/cn=recipients/cn=545f738e0fe740ba856f4eb6ef0135e0-vinicius si,/o=exchangelabs/ou=exchange administrative group (fydibohf23spdlt)/cn=recipients/cn=81f72ed6e9d042e3bed0cec08d488854-vinicius go,/o=exchangelabs/ou=exchange administrative group (fydibohf23spdlt)/cn=recipients/cn=8da96f497b5c46ee81c2775857a1df84-pedro henri,/o=exchangelabs/ou=exchange administrative group (fydibohf23spdlt)/cn=recipients/cn=98e18f75c1d448d18c2b385d101db11f-luiz alfred,/o=exchangelabs/ou=exchange administrative group (fydibohf23spdlt)/cn=recipients/cn=e39e329fc16a43329eb2766bae675122-mariana gon,/o=exchangelabs/ou=exchange administrative group (fydibohf23spdlt)/cn=recipients/cn=userd3ef8196</t>
  </si>
  <si>
    <t>10/22/2019 09:14:09</t>
  </si>
  <si>
    <t>10/23/2019 06:52:12</t>
  </si>
  <si>
    <t>192.168.1.103</t>
  </si>
  <si>
    <t>carloswbj@algartech.com;elinconpa@algartech.com;etsonlps@algartech.com;fabioch@algartecnologia.com.br;ferlemsb@algartech.com;fernandords@algartech.com;flaviom@algartech.com;iurimn@algartech.com;josafa@algartech.com;josepsda@algartech.com;marcos.pereira@algartech.com;paulocpc@algartech.com;paulocruz@algartech.com;qualidade.commandcenter@algartech.com;reportscommandcenteralgar@algartech.com;rosimarlr@algartech.com;tatiane.oliveira@algartech.com;viniciusja@algartech.com;</t>
  </si>
  <si>
    <t>Solicitação de Expurgos 01.10 até 20.10 - TIM BBN.xlsx</t>
  </si>
  <si>
    <t>carloswbj@algartech.com,elinconpa@algartech.com,etsonlps@algartech.com,fabioch@algartecnologia.com.br,ferlemsb@algartech.com,fernandords@algartech.com,flaviom@algartech.com,iurimn@algartech.com,josafa@algartech.com,josepsda@algartech.com,marcos.pereira@algartech.com,paulocpc@algartech.com,paulocruz@algartech.com,qualidade.commandcenter@algartech.com,reportscommandcenteralgar@algartech.com,rosimarlr@algartech.com,tatiane.oliveira@algartech.com,viniciusja@algartech.com</t>
  </si>
  <si>
    <t>10/23/2019 08:06:26</t>
  </si>
  <si>
    <t>10/23/2019 08:08:12</t>
  </si>
  <si>
    <t>mail.google.com/_/upload?authuser=0&amp;dcp=asu-n&amp;upload_id=AEnB2UroaN9WHK38gq4zXF4oWHlViUrvn9wN8Ebbqv-_Tc1uRdwPIIAeZsS6p33eSZre1_njZHrajEHFa9EKRnDD9QcfZ1Q5rm_U6TjJzKnCyym4m-zyV4o&amp;upload_protocol=resumable</t>
  </si>
  <si>
    <t>10/23/2019 08:06:45</t>
  </si>
  <si>
    <t>mail.google.com/_/upload?authuser=0&amp;dcp=asu-n&amp;upload_id=AEnB2Uo4ESi1EX0jqsRqhhin_YXBtOllRgyljkYl4ZAsnLrVrEbgEz_Jsk5wIlaiELfre6iyJVJHHsClD34DlDtmvFvFeK84xLQo3Q8kJSWDj2PoqjSYE8w&amp;upload_protocol=resumable</t>
  </si>
  <si>
    <t>10/23/2019 08:07:13</t>
  </si>
  <si>
    <t>mail.google.com/_/upload?authuser=0&amp;dcp=asu-n&amp;upload_id=AEnB2Uqs5O__m4nh9yK3UPSd8eTnvETnfEftMd88v4g_8p4imInFp9i7B-ZJ_i8Cz9_KA8X-0iwv_BA1SFWxJCspmol3vIIIZ4miec02vrodosI53_v74OM&amp;upload_protocol=resumable</t>
  </si>
  <si>
    <t>mail.google.com/_/upload?authuser=0&amp;dcp=asu-n&amp;upload_id=AEnB2UoMbiviCnErNie6i8MRP25g04u7QEYD_f4yPFyedZSbtNdIFBkzc9Ew8wJWVBVs0F888VGmU2fqOQVDBv4EQlh4yGIFgJabuEHOa2Sy2-7y4X20dlY&amp;upload_protocol=resumable</t>
  </si>
  <si>
    <t>10/23/2019 08:07:26</t>
  </si>
  <si>
    <t>mail.google.com/_/upload?authuser=0&amp;dcp=asu-n&amp;upload_id=AEnB2UrPkmDWsYtGEaFX-IPHIIlDGlXHd2a0ptUsIQnVN73mvOHv2PwqDYVCmhVpbQB7kcaoP2bWpufQjtarHwRdqhaKz7jWBd39u8JVjR7yXnKg8Erv8iQ&amp;upload_protocol=resumable</t>
  </si>
  <si>
    <t>mail.google.com/_/upload?authuser=0&amp;dcp=asu-n&amp;upload_id=AEnB2UrfV7e36V73PQYa47jXmfjZsCeZ_WsZOFsReUWeMXv_R8J7XGR-DzeIdkXRr4Z-XPZMegntZbKAGuadGW-0Vb50pOQ2g-43ep8YDbjSIz-kPzB9kNA&amp;upload_protocol=resumable</t>
  </si>
  <si>
    <t>151019 - Registro de FTE Realizado Plataforma DW GAT ISD.xlsb</t>
  </si>
  <si>
    <t>10/22/2019 17:31:29</t>
  </si>
  <si>
    <t>10/23/2019 08:11:12</t>
  </si>
  <si>
    <t>10/23/2019 08:22:21</t>
  </si>
  <si>
    <t>10/23/2019 08:27:13</t>
  </si>
  <si>
    <t>C:\Users\alefl\OneDrive - Grupo Algar\Relatorio\Office365\Power BI\</t>
  </si>
  <si>
    <t>Workspaces.csv</t>
  </si>
  <si>
    <t>10/23/2019 08:22:22</t>
  </si>
  <si>
    <t>UnifiedAuditLog.csv</t>
  </si>
  <si>
    <t>10/23/2019 08:22:23</t>
  </si>
  <si>
    <t>UnifiedAuditLog (1).csv</t>
  </si>
  <si>
    <t>Publicado Web.csv</t>
  </si>
  <si>
    <t>10/23/2019 08:22:24</t>
  </si>
  <si>
    <t>BI DAshboard.csv</t>
  </si>
  <si>
    <t>10/23/2019 08:28:27</t>
  </si>
  <si>
    <t>10/23/2019 08:32:14</t>
  </si>
  <si>
    <t>https://caey.fa.us2.oraclecloud.com/crmui/faces/fuseoverview?_adf.ctrl-state=nj1ep04a2_5&amp;fnd=;;;;false;256;;;&amp;fndglobalitemnodeid=moo_opptymgmtopportunities_crm_card</t>
  </si>
  <si>
    <t>C:\Users\andressatal\Desktop\ENC_ Quotation Request - Quotation Number 5219226EF5.msg\s138\</t>
  </si>
  <si>
    <t>10/22/2019 20:53:45</t>
  </si>
  <si>
    <t>10/23/2019 08:34:14</t>
  </si>
  <si>
    <t>/o=exchangelabs/ou=exchange administrative group (fydibohf23spdlt)/cn=recipients/cn=3188323005a04a70962871b2b980355d-humberto pi;/o=exchangelabs/ou=exchange administrative group (fydibohf23spdlt)/cn=recipients/cn=569d7198742e4440ae175f4e06d6c6a9-thiago rodr;/o=exchangelabs/ou=exchange administrative group (fydibohf23spdlt)/cn=recipients/cn=60faf2b5b04b4809ba6e5fa8b0b884a6-evelise tri;/o=exchangelabs/ou=exchange administrative group (fydibohf23spdlt)/cn=recipients/cn=7cd7bd955af8420d8135514ffccae08f-ewerton car;/o=exchangelabs/ou=exchange administrative group (fydibohf23spdlt)/cn=recipients/cn=db90dbcc571e4592b95f83004215799e-eduardo san;/o=exchangelabs/ou=exchange administrative group (fydibohf23spdlt)/cn=recipients/cn=de309567271c4871b341e820d0b7364e-luiz carlos;/o=exchangelabs/ou=exchange administrative group (fydibohf23spdlt)/cn=recipients/cn=ec17dc6bdb7449c1bc970fda7acc675b-leonardo tr;gabriela_b_goncalves@whirlpool.com;</t>
  </si>
  <si>
    <t>RPA's Whirlpool - SAR/ SAOR/ Seguradoras/ Ativo Digital Services</t>
  </si>
  <si>
    <t>/o=exchangelabs/ou=exchange administrative group (fydibohf23spdlt)/cn=recipients/cn=3188323005a04a70962871b2b980355d-humberto pi,/o=exchangelabs/ou=exchange administrative group (fydibohf23spdlt)/cn=recipients/cn=569d7198742e4440ae175f4e06d6c6a9-thiago rodr,/o=exchangelabs/ou=exchange administrative group (fydibohf23spdlt)/cn=recipients/cn=60faf2b5b04b4809ba6e5fa8b0b884a6-evelise tri,/o=exchangelabs/ou=exchange administrative group (fydibohf23spdlt)/cn=recipients/cn=7cd7bd955af8420d8135514ffccae08f-ewerton car,/o=exchangelabs/ou=exchange administrative group (fydibohf23spdlt)/cn=recipients/cn=db90dbcc571e4592b95f83004215799e-eduardo san,/o=exchangelabs/ou=exchange administrative group (fydibohf23spdlt)/cn=recipients/cn=de309567271c4871b341e820d0b7364e-luiz carlos,/o=exchangelabs/ou=exchange administrative group (fydibohf23spdlt)/cn=recipients/cn=ec17dc6bdb7449c1bc970fda7acc675b-leonardo tr,gabriela_b_goncalves@whirlpool.com</t>
  </si>
  <si>
    <t>10/23/2019 08:34:10</t>
  </si>
  <si>
    <t>10/23/2019 08:35:14</t>
  </si>
  <si>
    <t>Orçamento Real Set 2019 s Engeset - Cópia.xls</t>
  </si>
  <si>
    <t>10/23/2019 08:35:15</t>
  </si>
  <si>
    <t>10/23/2019 08:40:13</t>
  </si>
  <si>
    <t>Base Distribuição 2019 Setembro 2210 s Engeset - Cópia.xlsx</t>
  </si>
  <si>
    <t>10/23/2019 08:35:24</t>
  </si>
  <si>
    <t>Base Distribuição 2019 Setembro 2210 c Engeset.xlsx</t>
  </si>
  <si>
    <t>10/23/2019 08:39:04</t>
  </si>
  <si>
    <t>ENC: CAPEX_2020_Oficial - Info_Caixa_Dep_Cenário2_aj_lgpd AQUISIÇÃO.xlsx</t>
  </si>
  <si>
    <t>10/23/2019 08:38:33</t>
  </si>
  <si>
    <t>10/23/2019 08:43:14</t>
  </si>
  <si>
    <t>luankba</t>
  </si>
  <si>
    <t>";"action":"returnrootnode";"additionalproperties":[{"__type":"propertyuri:#exchange";"baseshape":"idonly";"cssscopeclassname":"rps_5336";"datapoint":{"customdata":{"scenariotype":"mail";"deprecatedmailboxid":"mariliafsc@algartech.com";"fielduri":"candelete"};"folderstoignore":[{"__type":"folderid:#exchange";"id":"aqmkaddkmgy5yzczltrmzdgtngu4yy1hzjvmltdhnjm4mzhlotu5mqauaaada2w94txjbeaahz9v6fv7dwea5agr92kql0wvs/mk6y3wmaaaagemaaaa"}]}};"imageproxycapability":"owaandconnectorsproxy";"inlineimagecustomdatatemplate":"{id}";"inlineimageurlonloadtemplate":"";"inlineimageurltemplate":"data:image/gif;base64;"itemshape":{"__type":"itemresponseshape:#exchange";"mailboxinfo":{"type":0;"primarysmtpaddress":"mariliafsc@algartech.com";"propertyname":"explicitmessagecard";"propertysetid":"00062008-0000-0000-c000-000000000046";"propertytype":"string"}];"requestoptions":{"headers":{};"routingkey":"mariliafsc@algartech.com";"shapename":"itempart";"sortorder":"dateorderdescending";"syncstate":""}];addblanktargettolinks;blockcont</t>
  </si>
  <si>
    <t>C:\Users\luankba\Desktop\</t>
  </si>
  <si>
    <t>Reunião Sicoob.xlsx</t>
  </si>
  <si>
    <t>","action":"returnrootnode","additionalproperties":[{"__type":"propertyuri:#exchange","baseshape":"idonly","cssscopeclassname":"rps_5336","datapoint":{"customdata":{"scenariotype":"mail","deprecatedmailboxid":"mariliafsc@algartech.com","fielduri":"candelete"},"folderstoignore":[{"__type":"folderid:#exchange","id":"aqmkaddkmgy5yzczltrmzdgtngu4yy1hzjvmltdhnjm4mzhlotu5mqauaaada2w94txjbeaahz9v6fv7dwea5agr92kql0wvs/mk6y3wmaaaagemaaaa"}]}},"imageproxycapability":"owaandconnectorsproxy","inlineimagecustomdatatemplate":"{id}","inlineimageurlonloadtemplate":"","inlineimageurltemplate":"data:image/gif;base64,"itemshape":{"__type":"itemresponseshape:#exchange","mailboxinfo":{"type":0,"primarysmtpaddress":"mariliafsc@algartech.com","propertyname":"explicitmessagecard","propertysetid":"00062008-0000-0000-c000-000000000046","propertytype":"string"}],"requestoptions":{"headers":{},"routingkey":"mariliafsc@algartech.com","shapename":"itempart","sortorder":"dateorderdescending","syncstate":""}],addblanktargettolinks,blockcont</t>
  </si>
  <si>
    <t>10/23/2019 08:54:02</t>
  </si>
  <si>
    <t>10/23/2019 08:55:13</t>
  </si>
  <si>
    <t>Base Distribuição 2019 Setembro 2210 s Engeset.xlsx</t>
  </si>
  <si>
    <t>10/22/2019 09:31:57</t>
  </si>
  <si>
    <t>10/23/2019 08:56:14</t>
  </si>
  <si>
    <t>OCORRENCIAS_029_01a2110_emissao2210.csv</t>
  </si>
  <si>
    <t>10/22/2019 09:44:36</t>
  </si>
  <si>
    <t>ENC: Valores orçado - Gat 2019</t>
  </si>
  <si>
    <t>RES Valores orçado - Gat 2019.msg\s1\</t>
  </si>
  <si>
    <t>CH542_20191018_161328.xls</t>
  </si>
  <si>
    <t>10/22/2019 13:17:11</t>
  </si>
  <si>
    <t>/o=exchangelabs/ou=exchange administrative group (fydibohf23spdlt)/cn=recipients/cn=71d61cf74988455d8586a88b31233851-pablo mathe;/o=exchangelabs/ou=exchange administrative group (fydibohf23spdlt)/cn=recipients/cn=9a8384a78dfb4de1b5393d901dab4fd3-mauro jose;marceloat@algartech.com;</t>
  </si>
  <si>
    <t>ENC: Planilha de ocorrências</t>
  </si>
  <si>
    <t>OCORRÊNCIAS 01 A 2210_028_029_033.xlsm</t>
  </si>
  <si>
    <t>/o=exchangelabs/ou=exchange administrative group (fydibohf23spdlt)/cn=recipients/cn=71d61cf74988455d8586a88b31233851-pablo mathe,/o=exchangelabs/ou=exchange administrative group (fydibohf23spdlt)/cn=recipients/cn=9a8384a78dfb4de1b5393d901dab4fd3-mauro jose,marceloat@algartech.com</t>
  </si>
  <si>
    <t>10/22/2019 13:47:40</t>
  </si>
  <si>
    <t>/o=exchangelabs/ou=exchange administrative group (fydibohf23spdlt)/cn=recipients/cn=71d61cf74988455d8586a88b31233851-pablo mathe;samara.chahine@algartech.com;</t>
  </si>
  <si>
    <t>/o=exchangelabs/ou=exchange administrative group (fydibohf23spdlt)/cn=recipients/cn=71d61cf74988455d8586a88b31233851-pablo mathe,samara.chahine@algartech.com</t>
  </si>
  <si>
    <t>10/23/2019 09:00:14</t>
  </si>
  <si>
    <t>10/23/2019 09:03:14</t>
  </si>
  <si>
    <t>C:\Users\filemoncmj\OneDrive - Grupo Algar\01. Algar Tech\01. Projetos de Clientes\13. Yahsat\2019\04. Aquisições\MATERIAL RECEBIDO NF 1443709 OC 43974 _ 43975 DELL.eml\</t>
  </si>
  <si>
    <t>Formulário RETIRADA DE ATIVO YASAT FILEMON.xlsx</t>
  </si>
  <si>
    <t>10/23/2019 09:00:34</t>
  </si>
  <si>
    <t>mail.google.com/_/upload?authuser=0&amp;dcp=asu-n&amp;upload_id=AEnB2Up2GuVzGJnDE28Ducot7MDj7-bVqZhU2HpHK4CIy52ivQZVfg7WTTBwxodGPIJpKFndM0e_CyDFEtqPWhOxIt7WMkDUH7vVfukQBtmxHosFvnvs01U&amp;upload_protocol=resumable</t>
  </si>
  <si>
    <t>10/23/2019 09:00:23</t>
  </si>
  <si>
    <t>10/23/2019 09:05:14</t>
  </si>
  <si>
    <t>Base Latam - Clientes / Contratos</t>
  </si>
  <si>
    <t>Empresas Latam_validação.xlsx</t>
  </si>
  <si>
    <t>10/23/2019 00:44:16</t>
  </si>
  <si>
    <t>C:\Users\viniciussg\OneDrive\Cursos\Top Trader\Extras\Planilha\</t>
  </si>
  <si>
    <t>Planilha TopTrader 2.xlsx</t>
  </si>
  <si>
    <t>10/23/2019 00:44:22</t>
  </si>
  <si>
    <t>Planilha TopTrader 1.xlsx</t>
  </si>
  <si>
    <t>10/22/2019 17:07:40</t>
  </si>
  <si>
    <t>10/23/2019 09:07:13</t>
  </si>
  <si>
    <t>eduardo.medeiros@bombeiros.mg.gov.br;laurence.silva@bombeiros.mg.gov.br;</t>
  </si>
  <si>
    <t>RES: Solicitação</t>
  </si>
  <si>
    <t>eduardo.medeiros@bombeiros.mg.gov.br,laurence.silva@bombeiros.mg.gov.br</t>
  </si>
  <si>
    <t>10/23/2019 09:05:20</t>
  </si>
  <si>
    <t>10/23/2019 09:10:13</t>
  </si>
  <si>
    <t>C:\Users\mariannacsm\OneDrive - Grupo Algar\0- PMO-POOL\POOL\02 - Volumes CCC 2020\Pacotes\</t>
  </si>
  <si>
    <t>10/23/2019 09:16:41</t>
  </si>
  <si>
    <t>10/23/2019 09:17:13</t>
  </si>
  <si>
    <t>Oportunidades Hunter 2020</t>
  </si>
  <si>
    <t>Oportunidades Hunter 2020.xlsx</t>
  </si>
  <si>
    <t>10/23/2019 09:19:43</t>
  </si>
  <si>
    <t>10/23/2019 09:21:13</t>
  </si>
  <si>
    <t>marli.silva@temposervicos.com.br;upc@bradescocartoes.com.br;</t>
  </si>
  <si>
    <t>marli.silva@temposervicos.com.br,upc@bradescocartoes.com.br</t>
  </si>
  <si>
    <t>10/23/2019 09:18:35</t>
  </si>
  <si>
    <t>10/23/2019 09:22:13</t>
  </si>
  <si>
    <t>Cadastro PF 2018.xls</t>
  </si>
  <si>
    <t>10/22/2019 11:18:52</t>
  </si>
  <si>
    <t>10/23/2019 09:23:13</t>
  </si>
  <si>
    <t>10.200.61.168</t>
  </si>
  <si>
    <t>/o=exchangelabs/ou=exchange administrative group (fydibohf23spdlt)/cn=recipients/cn=50f8ab770c6e4ce1a0c6a59d9c0a5d77-gessica ste;anacarolina.carvalho@bradesco.com.br;carolina.f.santos@bradesco.com.br;danyelmdam@algartech.com.br;flavia@iclicconsultoria.com.br;iraide.neves@bradesco.com.br;keilaps@algartech.com.br;</t>
  </si>
  <si>
    <t>RES: Matriz de Produtos - Específica Novos produtos Corporate</t>
  </si>
  <si>
    <t>Características dos Produtos.xlsx</t>
  </si>
  <si>
    <t>/o=exchangelabs/ou=exchange administrative group (fydibohf23spdlt)/cn=recipients/cn=50f8ab770c6e4ce1a0c6a59d9c0a5d77-gessica ste,anacarolina.carvalho@bradesco.com.br,carolina.f.santos@bradesco.com.br,danyelmdam@algartech.com.br,flavia@iclicconsultoria.com.br,iraide.neves@bradesco.com.br,keilaps@algartech.com.br</t>
  </si>
  <si>
    <t>10/22/2019 16:47:48</t>
  </si>
  <si>
    <t>RES: Lancamento produtos Corporate - Páginas B.O. - Questionamentos</t>
  </si>
  <si>
    <t>Variação Cambial BO.docx\</t>
  </si>
  <si>
    <t>10/22/2019 18:38:47</t>
  </si>
  <si>
    <t>/o=exchangelabs/ou=exchange administrative group (fydibohf23spdlt)/cn=recipients/cn=50f8ab770c6e4ce1a0c6a59d9c0a5d77-gessica ste;/o=exchangelabs/ou=exchange administrative group (fydibohf23spdlt)/cn=recipients/cn=5fdbdf0874394ed0b1aa17c01328839e-thaysa peix;anacarolina.carvalho@bradesco.com.br;danyelmdam@algartech.com.br;flavia@iclicconsultoria.com.br;gustavo@iclicconsultoria.com.br;iraide.neves@bradesco.com.br;keilaps@algartech.com.br;sonia.souza@bradesco.com.br;</t>
  </si>
  <si>
    <t>Tarifa de Saque BO.docx\</t>
  </si>
  <si>
    <t>/o=exchangelabs/ou=exchange administrative group (fydibohf23spdlt)/cn=recipients/cn=50f8ab770c6e4ce1a0c6a59d9c0a5d77-gessica ste,/o=exchangelabs/ou=exchange administrative group (fydibohf23spdlt)/cn=recipients/cn=5fdbdf0874394ed0b1aa17c01328839e-thaysa peix,anacarolina.carvalho@bradesco.com.br,danyelmdam@algartech.com.br,flavia@iclicconsultoria.com.br,gustavo@iclicconsultoria.com.br,iraide.neves@bradesco.com.br,keilaps@algartech.com.br,sonia.souza@bradesco.com.br</t>
  </si>
  <si>
    <t>10/22/2019 18:47:07</t>
  </si>
  <si>
    <t>/o=exchangelabs/ou=exchange administrative group (fydibohf23spdlt)/cn=recipients/cn=25e9af6013fb4fd88f7e7891f8e5a887-danielly sa;/o=exchangelabs/ou=exchange administrative group (fydibohf23spdlt)/cn=recipients/cn=4fbcbdfa900b4cb195ac160568115bc2-ericson nog;/o=exchangelabs/ou=exchange administrative group (fydibohf23spdlt)/cn=recipients/cn=50f8ab770c6e4ce1a0c6a59d9c0a5d77-gessica ste;/o=exchangelabs/ou=exchange administrative group (fydibohf23spdlt)/cn=recipients/cn=5fdbdf0874394ed0b1aa17c01328839e-thaysa peix;carolina.f.santos@bradesco.com.br;danyelmdam@algartech.com.br;flavia@iclicconsultoria.com.br;gustavo@iclicconsultoria.com.br;iraide.neves@bradesco.com.br;keilaps@algartech.com.br;</t>
  </si>
  <si>
    <t>Lançamento - Páginas BackOffice Amex PJ</t>
  </si>
  <si>
    <t>ANX_Isencao_de_taxa_de_reposicao_rush-12-08-2019.xls</t>
  </si>
  <si>
    <t>/o=exchangelabs/ou=exchange administrative group (fydibohf23spdlt)/cn=recipients/cn=25e9af6013fb4fd88f7e7891f8e5a887-danielly sa,/o=exchangelabs/ou=exchange administrative group (fydibohf23spdlt)/cn=recipients/cn=4fbcbdfa900b4cb195ac160568115bc2-ericson nog,/o=exchangelabs/ou=exchange administrative group (fydibohf23spdlt)/cn=recipients/cn=50f8ab770c6e4ce1a0c6a59d9c0a5d77-gessica ste,/o=exchangelabs/ou=exchange administrative group (fydibohf23spdlt)/cn=recipients/cn=5fdbdf0874394ed0b1aa17c01328839e-thaysa peix,carolina.f.santos@bradesco.com.br,danyelmdam@algartech.com.br,flavia@iclicconsultoria.com.br,gustavo@iclicconsultoria.com.br,iraide.neves@bradesco.com.br,keilaps@algartech.com.br</t>
  </si>
  <si>
    <t>10/23/2019 09:20:38</t>
  </si>
  <si>
    <t>10/23/2019 09:26:13</t>
  </si>
  <si>
    <t>Gráfico de Impacto de NS</t>
  </si>
  <si>
    <t>IMPACTO NS KAID.xlsx</t>
  </si>
  <si>
    <t>10/18/2019 19:14:58</t>
  </si>
  <si>
    <t>10/23/2019 09:32:13</t>
  </si>
  <si>
    <t>ERRATA Proposta Weg - Versão Final</t>
  </si>
  <si>
    <t>10/18/2019 19:23:31</t>
  </si>
  <si>
    <t>10/23/2019 09:30:52</t>
  </si>
  <si>
    <t>/o=exchangelabs/ou=exchange administrative group (fydibohf23spdlt)/cn=recipients/cn=38cb943dd1ac413a953757a4a5a53053-fabio welze;</t>
  </si>
  <si>
    <t>Planilha WEG</t>
  </si>
  <si>
    <t>/o=exchangelabs/ou=exchange administrative group (fydibohf23spdlt)/cn=recipients/cn=38cb943dd1ac413a953757a4a5a53053-fabio welze</t>
  </si>
  <si>
    <t>10/23/2019 09:32:29</t>
  </si>
  <si>
    <t>10/23/2019 09:36:13</t>
  </si>
  <si>
    <t>C:\Users\renatofol\OneDrive - Grupo Algar\ALGAR_-_Transformação Digital\Consultoria CX\Documentações\TIME CX\DC Corpororativo\Fornecedores\</t>
  </si>
  <si>
    <t>Resultado OBZ TI Julho 2019 (version 1).xlsx</t>
  </si>
  <si>
    <t>10/23/2019 09:32:30</t>
  </si>
  <si>
    <t>Cópia de GRC Fornecedores - Clientes - GRC As Is - 2019 2 (version 1).xlsx</t>
  </si>
  <si>
    <t>10/23/2019 09:35:33</t>
  </si>
  <si>
    <t>10/23/2019 09:37:14</t>
  </si>
  <si>
    <t>10/23/2019 09:38:05</t>
  </si>
  <si>
    <t>10/23/2019 09:40:13</t>
  </si>
  <si>
    <t>Thiago 2020_excluir verde serão direto na op.xlsx</t>
  </si>
  <si>
    <t>10/23/2019 09:41:36</t>
  </si>
  <si>
    <t>10/23/2019 09:45:13</t>
  </si>
  <si>
    <t>c:\users\luizmda\downloads\</t>
  </si>
  <si>
    <t>lista de presença- treinamentos.xls</t>
  </si>
  <si>
    <t>10/23/2019 09:42:32</t>
  </si>
  <si>
    <t>avaliação do treinamento.xls</t>
  </si>
  <si>
    <t>10/23/2019 09:41:58</t>
  </si>
  <si>
    <t>10/23/2019 09:46:13</t>
  </si>
  <si>
    <t>RES: Dashboard PA Digital Compra Certa - Parcial Outubro</t>
  </si>
  <si>
    <t>10 - PA DIGITAL COMPRA CERT3.xlsx</t>
  </si>
  <si>
    <t>10/23/2019 09:44:14</t>
  </si>
  <si>
    <t>10/23/2019 09:49:13</t>
  </si>
  <si>
    <t>CURVA NORMAL - 22/10/2019</t>
  </si>
  <si>
    <t>10/23/2019 09:51:08</t>
  </si>
  <si>
    <t>10/23/2019 09:52:13</t>
  </si>
  <si>
    <t>rampa de investimentos LGPD</t>
  </si>
  <si>
    <t>10/23/2019 09:46:49</t>
  </si>
  <si>
    <t>C:\Users\maurojmdo\Documents\Gestao Telecom\</t>
  </si>
  <si>
    <t>BASE_HE_028_029_033_SETEMBRO_01A3009_Just.xlsm</t>
  </si>
  <si>
    <t>10/23/2019 09:53:05</t>
  </si>
  <si>
    <t>10/23/2019 09:53:13</t>
  </si>
  <si>
    <t>ORC_2020_FINANCEIRO_ERICA CARVALHO_V4.xlsx</t>
  </si>
  <si>
    <t>10/23/2019 09:53:07</t>
  </si>
  <si>
    <t>10/23/2019 09:54:14</t>
  </si>
  <si>
    <t>CASOS INDEVIDOS - 19 A 22/10</t>
  </si>
  <si>
    <t>10/23/2019 09:50:06</t>
  </si>
  <si>
    <t>10/23/2019 09:55:13</t>
  </si>
  <si>
    <t>10/23/2019 09:58:24</t>
  </si>
  <si>
    <t>10/23/2019 10:01:13</t>
  </si>
  <si>
    <t>Recuperação de Custo_2020_APRENDIZES 23.10.19.xlsx</t>
  </si>
  <si>
    <t>10/23/2019 09:59:22</t>
  </si>
  <si>
    <t>antoniojr@algartech.com;gustavohs@algartech.com;rafaelqs@algartech.com;victorhsr@algartech.com;</t>
  </si>
  <si>
    <t>\\acsfs\DEPTOS\Controladoria\Planejamento\Reuniões Mensais\2019\Acompanhamento DAF\Preclosing e orçamento 2020\Recuperacao aprendizes TH\</t>
  </si>
  <si>
    <t>Recuperação de Custo_2020_APRENDIZES.xlsx</t>
  </si>
  <si>
    <t>antoniojr@algartech.com,gustavohs@algartech.com,rafaelqs@algartech.com,victorhsr@algartech.com</t>
  </si>
  <si>
    <t>10/23/2019 10:04:41</t>
  </si>
  <si>
    <t>10/23/2019 10:06:13</t>
  </si>
  <si>
    <t>DRE_rateio jovens aprendizes TH.xlsx</t>
  </si>
  <si>
    <t>10/23/2019 10:10:51</t>
  </si>
  <si>
    <t>10/23/2019 10:12:13</t>
  </si>
  <si>
    <t>Apuração Mythology C.16.2019 EVA Divulgação.xls</t>
  </si>
  <si>
    <t>10/23/2019 10:11:40</t>
  </si>
  <si>
    <t>10/23/2019 10:13:14</t>
  </si>
  <si>
    <t>C:\Users\filemoncmj\OneDrive - Grupo Algar\Documentos\Solicitação de CAPEX - Interface do Operador.pptx\</t>
  </si>
  <si>
    <t>10/23/2019 10:10:42</t>
  </si>
  <si>
    <t>10/23/2019 10:15:14</t>
  </si>
  <si>
    <t>mail.google.com/_/upload?authuser=1&amp;dcp=asu-n&amp;upload_id=AEnB2UrzLGEbvjXP_nY_dgu9y6jxpLYLBLmiF-QTbHNSTT2Ly91COG7DD-5EoZz-72bHm--UnfW7LLjeGrpQrohdeljRWuI2kDISxIJrqaWRdBnmWQDXE3I&amp;upload_protocol=resumable</t>
  </si>
  <si>
    <t>BANCO BRADESCO CARTOES - SETEMBRO.xlsx</t>
  </si>
  <si>
    <t>10/23/2019 10:12:11</t>
  </si>
  <si>
    <t>10/23/2019 10:16:13</t>
  </si>
  <si>
    <t>/o=exchangelabs/ou=exchange administrative group (fydibohf23spdlt)/cn=recipients/cn=830ba83a6b9b441ab3f8d8b3a47d0ffe-angelica ma;/o=exchangelabs/ou=exchange administrative group (fydibohf23spdlt)/cn=recipients/cn=group9e43c705;</t>
  </si>
  <si>
    <t>ENC: COMO ABRIR STH: Passo-a-passo e mais informações</t>
  </si>
  <si>
    <t>Tomador.xlsx</t>
  </si>
  <si>
    <t>/o=exchangelabs/ou=exchange administrative group (fydibohf23spdlt)/cn=recipients/cn=830ba83a6b9b441ab3f8d8b3a47d0ffe-angelica ma,/o=exchangelabs/ou=exchange administrative group (fydibohf23spdlt)/cn=recipients/cn=group9e43c705</t>
  </si>
  <si>
    <t>10/23/2019 10:12:17</t>
  </si>
  <si>
    <t>10/23/2019 10:17:13</t>
  </si>
  <si>
    <t>Apuração Mythology GS Divulgação.xls</t>
  </si>
  <si>
    <t>10/23/2019 10:19:55</t>
  </si>
  <si>
    <t>10/23/2019 10:25:13</t>
  </si>
  <si>
    <t>Report Semanal Customer Success_21-10_Consolidado.pptx</t>
  </si>
  <si>
    <t>Report Semanal Customer Success_21-10_Consolidado.pptx\</t>
  </si>
  <si>
    <t>10/23/2019 10:20:24</t>
  </si>
  <si>
    <t>10/23/2019 10:26:14</t>
  </si>
  <si>
    <t>bruno.greggio@alaturjtb.com;cartoes.clientes.terrestre@alaturjtb.com;edna.kumano@t-systems.com.br;fabio.tomaz@alaturjtb.com;tsystems@alatur.com;</t>
  </si>
  <si>
    <t>bruno.greggio@alaturjtb.com,cartoes.clientes.terrestre@alaturjtb.com,edna.kumano@t-systems.com.br,fabio.tomaz@alaturjtb.com,tsystems@alatur.com</t>
  </si>
  <si>
    <t>10/23/2019 10:25:28</t>
  </si>
  <si>
    <t>10/23/2019 10:27:13</t>
  </si>
  <si>
    <t>/o=exchangelabs/ou=exchange administrative group (fydibohf23spdlt)/cn=recipients/cn=0addf5d63aa844c7a80c4c80b8d6351e-edson barbo;/o=exchangelabs/ou=exchange administrative group (fydibohf23spdlt)/cn=recipients/cn=1698f5af44b14116ad2d0b751d584c7d-danilo rafa;/o=exchangelabs/ou=exchange administrative group (fydibohf23spdlt)/cn=recipients/cn=c76004b30a864717a8d9c3ecae599d9b-rafael dami;/o=exchangelabs/ou=exchange administrative group (fydibohf23spdlt)/cn=recipients/cn=f285c872142149928ea3fb3341eb186a-helio perei;diogosa@algartech.com;</t>
  </si>
  <si>
    <t>Algar T.I - Engeset - Listagem_Funcionarios_WorkArea_231019_Todos_Campos.xlsx</t>
  </si>
  <si>
    <t>/o=exchangelabs/ou=exchange administrative group (fydibohf23spdlt)/cn=recipients/cn=0addf5d63aa844c7a80c4c80b8d6351e-edson barbo,/o=exchangelabs/ou=exchange administrative group (fydibohf23spdlt)/cn=recipients/cn=1698f5af44b14116ad2d0b751d584c7d-danilo rafa,/o=exchangelabs/ou=exchange administrative group (fydibohf23spdlt)/cn=recipients/cn=c76004b30a864717a8d9c3ecae599d9b-rafael dami,/o=exchangelabs/ou=exchange administrative group (fydibohf23spdlt)/cn=recipients/cn=f285c872142149928ea3fb3341eb186a-helio perei,diogosa@algartech.com</t>
  </si>
  <si>
    <t>10/23/2019 10:26:17</t>
  </si>
  <si>
    <t>10/23/2019 10:28:14</t>
  </si>
  <si>
    <t>mail.google.com/_/upload?authuser=0&amp;dcp=asu-n&amp;upload_id=AEnB2UrtSwCQ63rstDYg3c5BAKyfcyiRlLx2QR9Y3Q4tZsPeUngHH1lPNRBw20QIzM3xjgw1UuIKRwCU0wPLmtTMt72UKnGV0nfFlV-eeJeg8Vpp5P7wLgQ&amp;upload_protocol=resumable</t>
  </si>
  <si>
    <t>C:\Users\filemoncmj\OneDrive - Grupo Algar\Documentos\Solicitação de CAPEX - Desenvolvimento URA Aspect - Sotreq.pptx\</t>
  </si>
  <si>
    <t>10/23/2019 10:31:06</t>
  </si>
  <si>
    <t>10/23/2019 10:32:13</t>
  </si>
  <si>
    <t>mail.google.com/_/upload?authuser=1&amp;dcp=asu-n&amp;upload_id=AEnB2UpQl23gtiVEvwFffg78YEN2R0r6xx6IrONz_dO0Nv3B5i6vi4WzEDFXnp21k2eK_V3C26gK-r67tnbHhLJn2mwHu0lfU2DLIoR0Vx6A3J-3wbum2kQ&amp;upload_protocol=resumable</t>
  </si>
  <si>
    <t>Divergência Desinstalação.xlsx</t>
  </si>
  <si>
    <t>10/23/2019 10:22:00</t>
  </si>
  <si>
    <t>/o=exchangelabs/ou=exchange administrative group (fydibohf23spdlt)/cn=recipients/cn=3b76b3dd02a14d289cc323d3c8d12b81-waleska mar;/o=exchangelabs/ou=exchange administrative group (fydibohf23spdlt)/cn=recipients/cn=4b453b7f02914710b3e94bcf7b311ad4-fernando po;/o=exchangelabs/ou=exchange administrative group (fydibohf23spdlt)/cn=recipients/cn=bcc9538754d3496ea31a487e560f8214-silvio mart;</t>
  </si>
  <si>
    <t>Caderno 2 - 02.c. Planilha da cotação_Processo40137735I v7 Algar.xlsx</t>
  </si>
  <si>
    <t>/o=exchangelabs/ou=exchange administrative group (fydibohf23spdlt)/cn=recipients/cn=3b76b3dd02a14d289cc323d3c8d12b81-waleska mar,/o=exchangelabs/ou=exchange administrative group (fydibohf23spdlt)/cn=recipients/cn=4b453b7f02914710b3e94bcf7b311ad4-fernando po,/o=exchangelabs/ou=exchange administrative group (fydibohf23spdlt)/cn=recipients/cn=bcc9538754d3496ea31a487e560f8214-silvio mart</t>
  </si>
  <si>
    <t>10/23/2019 10:32:25</t>
  </si>
  <si>
    <t>10/23/2019 10:36:13</t>
  </si>
  <si>
    <t>bruno.greggio@alaturjtb.com;cartoes.clientes.terrestre@alaturjtb.com;edna.kumano@t-systems.com.br;fabio.tomaz@alaturjtb.com;tsystems@alatur.com;une.bradesco@servicosfps.com.br;</t>
  </si>
  <si>
    <t>0901 - Valores duplicados</t>
  </si>
  <si>
    <t>Pasta1 (10).xlsx</t>
  </si>
  <si>
    <t>bruno.greggio@alaturjtb.com,cartoes.clientes.terrestre@alaturjtb.com,edna.kumano@t-systems.com.br,fabio.tomaz@alaturjtb.com,tsystems@alatur.com,une.bradesco@servicosfps.com.br</t>
  </si>
  <si>
    <t>10/23/2019 10:34:21</t>
  </si>
  <si>
    <t>10/23/2019 10:38:13</t>
  </si>
  <si>
    <t>Cadastro_NICE e NEXIDIA (5) Lara.xlsx</t>
  </si>
  <si>
    <t>10/23/2019 10:35:41</t>
  </si>
  <si>
    <t>10.200.35.241</t>
  </si>
  <si>
    <t>54-BF-64-F5-7E-62</t>
  </si>
  <si>
    <t>NB-BRENOCFM</t>
  </si>
  <si>
    <t>brenocfm</t>
  </si>
  <si>
    <t>C:\Users\brenocfm\OneDrive\LOAD__\ALGAR\SUPORTE TELECOM - BPO\Algar Tech\TELECOM\Informações\APOIO\</t>
  </si>
  <si>
    <t>Horário Telecom.xls</t>
  </si>
  <si>
    <t>10/23/2019 10:35:19</t>
  </si>
  <si>
    <t>/o=exchangelabs/ou=exchange administrative group (fydibohf23spdlt)/cn=recipients/cn=03a1bc99308a456db7c0105407689b39-gilda elain;/o=exchangelabs/ou=exchange administrative group (fydibohf23spdlt)/cn=recipients/cn=55f846c335d7437f892f0b0d49c89e92-celma ribei;</t>
  </si>
  <si>
    <t>ENC: Projeção para encerramento das filiais da Engeset</t>
  </si>
  <si>
    <t>Estimativa Estabelecimentos Engeset.xlsx</t>
  </si>
  <si>
    <t>/o=exchangelabs/ou=exchange administrative group (fydibohf23spdlt)/cn=recipients/cn=03a1bc99308a456db7c0105407689b39-gilda elain,/o=exchangelabs/ou=exchange administrative group (fydibohf23spdlt)/cn=recipients/cn=55f846c335d7437f892f0b0d49c89e92-celma ribei</t>
  </si>
  <si>
    <t>10/23/2019 10:45:36</t>
  </si>
  <si>
    <t>10/23/2019 10:47:13</t>
  </si>
  <si>
    <t>/o=exchangelabs/ou=exchange administrative group (fydibohf23spdlt)/cn=recipients/cn=45f2f28946134d02983cdec2a4b45ab6-luan neves;/o=exchangelabs/ou=exchange administrative group (fydibohf23spdlt)/cn=recipients/cn=b67cad4ecfa344baaa94d716e7554f49-bruno camel;/o=exchangelabs/ou=exchange administrative group (fydibohf23spdlt)/cn=recipients/cn=rossana moretto moreira - 092957;</t>
  </si>
  <si>
    <t>Acesso ao NEXIDIA</t>
  </si>
  <si>
    <t>/o=exchangelabs/ou=exchange administrative group (fydibohf23spdlt)/cn=recipients/cn=45f2f28946134d02983cdec2a4b45ab6-luan neves,/o=exchangelabs/ou=exchange administrative group (fydibohf23spdlt)/cn=recipients/cn=b67cad4ecfa344baaa94d716e7554f49-bruno camel,/o=exchangelabs/ou=exchange administrative group (fydibohf23spdlt)/cn=recipients/cn=rossana moretto moreira - 092957</t>
  </si>
  <si>
    <t>10/23/2019 10:47:14</t>
  </si>
  <si>
    <t>10/23/2019 10:48:13</t>
  </si>
  <si>
    <t>C:\Users\luismarrb\Downloads\</t>
  </si>
  <si>
    <t>10/23/2019 10:50:16</t>
  </si>
  <si>
    <t>10/23/2019 10:51:13</t>
  </si>
  <si>
    <t>ENC: Projetos CPS</t>
  </si>
  <si>
    <t>Projetos - Campinas.xlsx</t>
  </si>
  <si>
    <t>10/23/2019 10:58:59</t>
  </si>
  <si>
    <t>10/23/2019 11:01:13</t>
  </si>
  <si>
    <t>ENC: Alocação Analistas - Time Bradesco e Algar Telecom</t>
  </si>
  <si>
    <t>PROJETOS ANALISTAS.xlsx</t>
  </si>
  <si>
    <t>10/23/2019 10:59:24</t>
  </si>
  <si>
    <t>10/23/2019 11:03:13</t>
  </si>
  <si>
    <t>ENC: Olha o Ranking aí gente....</t>
  </si>
  <si>
    <t>10/23/2019 11:00:03</t>
  </si>
  <si>
    <t>DRE Depreciação</t>
  </si>
  <si>
    <t>DRE_Depreciação_Preclosing_Final.xlsx</t>
  </si>
  <si>
    <t>10/23/2019 11:06:21</t>
  </si>
  <si>
    <t>10/23/2019 11:11:14</t>
  </si>
  <si>
    <t>/o=exchangelabs/ou=exchange administrative group (fydibohf23spdlt)/cn=recipients/cn=8c89829ad534498fa4c85b5ac11174f1-suelen more;/o=exchangelabs/ou=exchange administrative group (fydibohf23spdlt)/cn=recipients/cn=e5dfe65308934e02acfffcb2185133f4-daniel bier;</t>
  </si>
  <si>
    <t>/o=exchangelabs/ou=exchange administrative group (fydibohf23spdlt)/cn=recipients/cn=8c89829ad534498fa4c85b5ac11174f1-suelen more,/o=exchangelabs/ou=exchange administrative group (fydibohf23spdlt)/cn=recipients/cn=e5dfe65308934e02acfffcb2185133f4-daniel bier</t>
  </si>
  <si>
    <t>10/23/2019 11:11:04</t>
  </si>
  <si>
    <t>10/23/2019 11:14:13</t>
  </si>
  <si>
    <t>/o=exchangelabs/ou=exchange administrative group (fydibohf23spdlt)/cn=recipients/cn=0cec7376894d4cf598c7d569fd0deb33-daniel henr;/o=exchangelabs/ou=exchange administrative group (fydibohf23spdlt)/cn=recipients/cn=9c85290e8238419a823a4b55320e99cb-andre luis;felipe.ferreira@vcomti.com.br;marcelo.pereira@vcomti.com.br;</t>
  </si>
  <si>
    <t>ENC: Homologação Bradesco - Arquivo retorno de dados cadastrais.</t>
  </si>
  <si>
    <t>/o=exchangelabs/ou=exchange administrative group (fydibohf23spdlt)/cn=recipients/cn=0cec7376894d4cf598c7d569fd0deb33-daniel henr,/o=exchangelabs/ou=exchange administrative group (fydibohf23spdlt)/cn=recipients/cn=9c85290e8238419a823a4b55320e99cb-andre luis,felipe.ferreira@vcomti.com.br,marcelo.pereira@vcomti.com.br</t>
  </si>
  <si>
    <t>10/23/2019 11:16:38</t>
  </si>
  <si>
    <t>10/23/2019 11:22:15</t>
  </si>
  <si>
    <t>/o=exchangelabs/ou=exchange administrative group (fydibohf23spdlt)/cn=recipients/cn=d2c9391b9928410b8d1190f67cfcf146-angelica ta;</t>
  </si>
  <si>
    <t>KPIs Risco de Precificacao.xlsx</t>
  </si>
  <si>
    <t>/o=exchangelabs/ou=exchange administrative group (fydibohf23spdlt)/cn=recipients/cn=d2c9391b9928410b8d1190f67cfcf146-angelica ta</t>
  </si>
  <si>
    <t>10/23/2019 11:16:54</t>
  </si>
  <si>
    <t>10/23/2019 11:28:44</t>
  </si>
  <si>
    <t>10/23/2019 11:31:14</t>
  </si>
  <si>
    <t>10/23/2019 11:30:00</t>
  </si>
  <si>
    <t>10/23/2019 11:36:14</t>
  </si>
  <si>
    <t>camilasr@tripag.com.br;claudia@tripag.com.br;ganunes@tripag.com.br;</t>
  </si>
  <si>
    <t>RES: Demanda WIFI (avaliação de portfolio)</t>
  </si>
  <si>
    <t>Motivos Agosto a Outubro.xlsx</t>
  </si>
  <si>
    <t>camilasr@tripag.com.br,claudia@tripag.com.br,ganunes@tripag.com.br</t>
  </si>
  <si>
    <t>10/23/2019 11:40:52</t>
  </si>
  <si>
    <t>10/23/2019 11:45:15</t>
  </si>
  <si>
    <t>/o=exchangelabs/ou=exchange administrative group (fydibohf23spdlt)/cn=recipients/cn=617c18ba304146409115ba3a3aaee6b7-marco aurel;</t>
  </si>
  <si>
    <t>ENC: FATURAMENTO NFE 21586 BANCO ITAU UNIBANCO S.A</t>
  </si>
  <si>
    <t>_DEMO_ITAU.xlsx</t>
  </si>
  <si>
    <t>/o=exchangelabs/ou=exchange administrative group (fydibohf23spdlt)/cn=recipients/cn=617c18ba304146409115ba3a3aaee6b7-marco aurel</t>
  </si>
  <si>
    <t>10/23/2019 11:44:19</t>
  </si>
  <si>
    <t>10/23/2019 11:49:14</t>
  </si>
  <si>
    <t>/o=exchangelabs/ou=exchange administrative group (fydibohf23spdlt)/cn=recipients/cn=a78f7dae304e472e9f75bd537683f6e5-hugo de oli;/o=exchangelabs/ou=exchange administrative group (fydibohf23spdlt)/cn=recipients/cn=user7c077f95;</t>
  </si>
  <si>
    <t>Base Pessoas - Cerrado Cobrança Legado</t>
  </si>
  <si>
    <t>BASE_CERRADO LEGADO COBRANCA.xlsx</t>
  </si>
  <si>
    <t>/o=exchangelabs/ou=exchange administrative group (fydibohf23spdlt)/cn=recipients/cn=a78f7dae304e472e9f75bd537683f6e5-hugo de oli,/o=exchangelabs/ou=exchange administrative group (fydibohf23spdlt)/cn=recipients/cn=user7c077f95</t>
  </si>
  <si>
    <t>10/23/2019 11:47:06</t>
  </si>
  <si>
    <t>10/23/2019 11:50:14</t>
  </si>
  <si>
    <t>Fotografia.xlsx</t>
  </si>
  <si>
    <t>10/23/2019 11:45:43</t>
  </si>
  <si>
    <t>Precificação PCP - BV Fraude.xlsx</t>
  </si>
  <si>
    <t>10/23/2019 11:44:55</t>
  </si>
  <si>
    <t>ENC: Volume Gerenciadas Amex e Visa - 23/10</t>
  </si>
  <si>
    <t>10/23/2019 11:49:48</t>
  </si>
  <si>
    <t>andressafwl@algartech.com;angelica.andrade@caixacapitalizacao.com.br;</t>
  </si>
  <si>
    <t>ENC: Fechamento Motivacional CEF/PMI Bonificação Setembro</t>
  </si>
  <si>
    <t>Fechamento motivacional Setembro CEF-PMI ok.xlsx</t>
  </si>
  <si>
    <t>andressafwl@algartech.com,angelica.andrade@caixacapitalizacao.com.br</t>
  </si>
  <si>
    <t>10/23/2019 11:48:50</t>
  </si>
  <si>
    <t>10/23/2019 11:51:14</t>
  </si>
  <si>
    <t>mail.google.com/_/upload?authuser=0&amp;dcp=asu-n&amp;upload_id=AEnB2Ur_jEwXhXzhwHvnFeXXREiOWpL7tpLulOhbXEDtjfBTtkAg0l8IRSdsjT3XxL3-pZ6LYXYULxux_m0ZGOBqyi7uTxFKBm54r9Pn0aW0czroCSBJ-kw&amp;upload_protocol=resumable</t>
  </si>
  <si>
    <t>10/23/2019 11:52:50</t>
  </si>
  <si>
    <t>10/23/2019 11:56:14</t>
  </si>
  <si>
    <t>/o=exchangelabs/ou=exchange administrative group (fydibohf23spdlt)/cn=recipients/cn=56dc126fba5b4a5f8fb1cd7e4f10477d-thais olive;/o=exchangelabs/ou=exchange administrative group (fydibohf23spdlt)/cn=recipients/cn=60c79fa1bc994449ac17a5e2109f7abd-claudio fer;/o=exchangelabs/ou=exchange administrative group (fydibohf23spdlt)/cn=recipients/cn=950d4f3abf7d433ba34bbfa8a2d47d3e-laura mayor;/o=exchangelabs/ou=exchange administrative group (fydibohf23spdlt)/cn=recipients/cn=a5fb24647d6e4c368aca7c8ad68585d5-jessica fer;/o=exchangelabs/ou=exchange administrative group (fydibohf23spdlt)/cn=recipients/cn=d1d015f213f648abbf348b5ccdf8e9d9-senilda per;</t>
  </si>
  <si>
    <t>ENC: URA Trocas e Faltas - Stop List Score B Cp 19.19 - geral B.xlsx</t>
  </si>
  <si>
    <t>Para Bloquear Stop List.xlsx</t>
  </si>
  <si>
    <t>/o=exchangelabs/ou=exchange administrative group (fydibohf23spdlt)/cn=recipients/cn=56dc126fba5b4a5f8fb1cd7e4f10477d-thais olive,/o=exchangelabs/ou=exchange administrative group (fydibohf23spdlt)/cn=recipients/cn=60c79fa1bc994449ac17a5e2109f7abd-claudio fer,/o=exchangelabs/ou=exchange administrative group (fydibohf23spdlt)/cn=recipients/cn=950d4f3abf7d433ba34bbfa8a2d47d3e-laura mayor,/o=exchangelabs/ou=exchange administrative group (fydibohf23spdlt)/cn=recipients/cn=a5fb24647d6e4c368aca7c8ad68585d5-jessica fer,/o=exchangelabs/ou=exchange administrative group (fydibohf23spdlt)/cn=recipients/cn=d1d015f213f648abbf348b5ccdf8e9d9-senilda per</t>
  </si>
  <si>
    <t>10/23/2019 12:00:24</t>
  </si>
  <si>
    <t>10/23/2019 12:02:15</t>
  </si>
  <si>
    <t>Disparo_23.10.csv</t>
  </si>
  <si>
    <t>10/23/2019 11:59:03</t>
  </si>
  <si>
    <t>Processo Consulta NF</t>
  </si>
  <si>
    <t>Fraseologias Consulta NF.xlsx</t>
  </si>
  <si>
    <t>10/23/2019 12:00:21</t>
  </si>
  <si>
    <t>ENC: Base KPIs</t>
  </si>
  <si>
    <t>Ferramenta de Monitoramento Precificacao.xlsx</t>
  </si>
  <si>
    <t>10/23/2019 12:03:44</t>
  </si>
  <si>
    <t>10/23/2019 12:07:15</t>
  </si>
  <si>
    <t>C:\Users\kaiohas\Documents\SMS\5 stars\</t>
  </si>
  <si>
    <t>Star Out.csv</t>
  </si>
  <si>
    <t>10/23/2019 12:03:45</t>
  </si>
  <si>
    <t>mail.google.com/_/upload?authuser=1&amp;dcp=asu-n&amp;upload_id=AEnB2UrgHc5kbY8A5befdgoYndlg2fFCcDrpYiPTubV309746ub3DHjr7HKvHkBJUzXI3KAb4oXyKKsXfM1lDkxQf_51hY_BqggXfXHFqdghO51f6VpwmPk&amp;upload_protocol=resumable</t>
  </si>
  <si>
    <t>Star Set.csv</t>
  </si>
  <si>
    <t>10/22/2019 15:09:48</t>
  </si>
  <si>
    <t>10/23/2019 12:18:14</t>
  </si>
  <si>
    <t>C:\Users\douglasxm\OneDrive\Download\</t>
  </si>
  <si>
    <t>dd315d30fe7e4917b1afc4a971d133d1.csv</t>
  </si>
  <si>
    <t>78518db0572a4e7fb28d77d57123f984.csv</t>
  </si>
  <si>
    <t>10/23/2019 12:11:01</t>
  </si>
  <si>
    <t>10/23/2019 12:21:15</t>
  </si>
  <si>
    <t>/o=exchangelabs/ou=exchange administrative group (fydibohf23spdlt)/cn=recipients/cn=49457acaa5584c6d8daec8f0ad186be2-carlos maur;/o=exchangelabs/ou=exchange administrative group (fydibohf23spdlt)/cn=recipients/cn=54abac0a4fdc4ad1bec39bb51d85eab1-victor hugo;</t>
  </si>
  <si>
    <t>PTH GAT Validado</t>
  </si>
  <si>
    <t>Novo PTH PPE GAT Orçamento 2020_v2.xlsx</t>
  </si>
  <si>
    <t>/o=exchangelabs/ou=exchange administrative group (fydibohf23spdlt)/cn=recipients/cn=49457acaa5584c6d8daec8f0ad186be2-carlos maur,/o=exchangelabs/ou=exchange administrative group (fydibohf23spdlt)/cn=recipients/cn=54abac0a4fdc4ad1bec39bb51d85eab1-victor hugo</t>
  </si>
  <si>
    <t>10/23/2019 12:18:41</t>
  </si>
  <si>
    <t>10/23/2019 12:22:15</t>
  </si>
  <si>
    <t>mail.google.com/_/upload?authuser=1&amp;dcp=asu-n&amp;upload_id=AEnB2UrahYD8pzHeXJTmh3ghx_AbIYvyNdr3NFg7M7tlS0AyqE7pQuTFBzWS8fO6bkLr9wxFqa4s6xLogJVkNKPYquVwRZLP_P3WsLmAYkzwnsHXuL3DpmY&amp;upload_protocol=resumable</t>
  </si>
  <si>
    <t>10/23/2019 12:29:04</t>
  </si>
  <si>
    <t>10/23/2019 12:34:14</t>
  </si>
  <si>
    <t>/o=exchangelabs/ou=exchange administrative group (fydibohf23spdlt)/cn=recipients/cn=userab35ecfe;comunicacao.bbc@bradescocartoes.com.br;</t>
  </si>
  <si>
    <t>RES: URGENTE!!!! Processos que direcionam o cliente para a Agencia - Atendimento PF</t>
  </si>
  <si>
    <t>Agência.xlsx</t>
  </si>
  <si>
    <t>/o=exchangelabs/ou=exchange administrative group (fydibohf23spdlt)/cn=recipients/cn=userab35ecfe,comunicacao.bbc@bradescocartoes.com.br</t>
  </si>
  <si>
    <t>10/23/2019 12:39:44</t>
  </si>
  <si>
    <t>10/23/2019 12:41:15</t>
  </si>
  <si>
    <t>Treinamentos outubro.xls</t>
  </si>
  <si>
    <t>10/23/2019 12:46:16</t>
  </si>
  <si>
    <t>10/23/2019 12:50:15</t>
  </si>
  <si>
    <t>10/23/2019 12:46:22</t>
  </si>
  <si>
    <t>10/23/2019 13:07:34</t>
  </si>
  <si>
    <t>10/23/2019 13:10:14</t>
  </si>
  <si>
    <t>ENC: Produtividade CRCe até 22/10</t>
  </si>
  <si>
    <t>10/23/2019 13:08:25</t>
  </si>
  <si>
    <t>10/23/2019 13:13:14</t>
  </si>
  <si>
    <t>C:\Users\lucianafaa\OneDrive - Grupo Algar\2019\PROJETOS\CACs WEB\EXECUCAO\VIEW\</t>
  </si>
  <si>
    <t>VIEW_ACIONAMENTOS_VCOM.xlsx</t>
  </si>
  <si>
    <t>10/23/2019 13:13:21</t>
  </si>
  <si>
    <t>10/23/2019 13:18:15</t>
  </si>
  <si>
    <t>Action 10-10 - Copia.xlsx</t>
  </si>
  <si>
    <t>10/23/2019 13:22:43</t>
  </si>
  <si>
    <t>10/23/2019 13:25:15</t>
  </si>
  <si>
    <t>C:\Users\mariannacsm\OneDrive - Grupo Algar\0- PMO-POOL\POOL\</t>
  </si>
  <si>
    <t>Fornecedores Engeset 2310.xlsx</t>
  </si>
  <si>
    <t>10/23/2019 13:23:42</t>
  </si>
  <si>
    <t>/o=exchangelabs/ou=exchange administrative group (fydibohf23spdlt)/cn=recipients/cn=65d35bc38c6743d7a55b3ae9726a5893-diego ribei;/o=exchangelabs/ou=exchange administrative group (fydibohf23spdlt)/cn=recipients/cn=a208dc8cbe6e49ba9e1a5ae0804f17ec-ana.rugai;/o=exchangelabs/ou=exchange administrative group (fydibohf23spdlt)/cn=recipients/cn=fc0c3c31150d437b934e665b69661b8f-poliana.ass;</t>
  </si>
  <si>
    <t>RES: Fornecedores Engeset</t>
  </si>
  <si>
    <t>/o=exchangelabs/ou=exchange administrative group (fydibohf23spdlt)/cn=recipients/cn=65d35bc38c6743d7a55b3ae9726a5893-diego ribei,/o=exchangelabs/ou=exchange administrative group (fydibohf23spdlt)/cn=recipients/cn=a208dc8cbe6e49ba9e1a5ae0804f17ec-ana.rugai,/o=exchangelabs/ou=exchange administrative group (fydibohf23spdlt)/cn=recipients/cn=fc0c3c31150d437b934e665b69661b8f-poliana.ass</t>
  </si>
  <si>
    <t>10/23/2019 13:28:22</t>
  </si>
  <si>
    <t>10/23/2019 13:32:14</t>
  </si>
  <si>
    <t>http://shareit.global.avon.com/sites/arrmcm/forca-de-vendas/_layouts/upload.aspx?list={bfd161db-750f-4cbd-9e74-a6fb6ee0a6de}&amp;rootfolder=/sites/arrmcm/forca-de-vendas/revendedora/estrelas&amp;source=http://shareit.global.avon.com/sites/arrmcm/forca-de-vendas/revendedora/forms/allitems.aspx?rootfolder=%2fsites%2farrmcm%2fforca%2dde%2dvendas%2frevendedora%2festrelas&amp;folderctid=&amp;view=%7b993eba10%2d8cf7%2d4fbc%2dbe91%2de4ca00ce3956%7d</t>
  </si>
  <si>
    <t>RELAÃ‡ÃƒO DE REVENDEDORES TOP SELLER.xls</t>
  </si>
  <si>
    <t>10/23/2019 13:34:42</t>
  </si>
  <si>
    <t>10/23/2019 13:36:15</t>
  </si>
  <si>
    <t>Acessos 1</t>
  </si>
  <si>
    <t>Senha de acesso.msg\s1\</t>
  </si>
  <si>
    <t>Gente e Gestão.xlsx</t>
  </si>
  <si>
    <t>10/23/2019 13:35:17</t>
  </si>
  <si>
    <t>10/23/2019 13:41:15</t>
  </si>
  <si>
    <t>ENC Usuários não cadastrados na plataforma Sinergy.msg\s1\</t>
  </si>
  <si>
    <t>BD Novatos.xlsx</t>
  </si>
  <si>
    <t>10/23/2019 13:39:59</t>
  </si>
  <si>
    <t>10/23/2019 13:42:15</t>
  </si>
  <si>
    <t>formulario_ferias_irregulares_-_algar_tech_vanessa batista martin.xlsm</t>
  </si>
  <si>
    <t>10/23/2019 13:40:12</t>
  </si>
  <si>
    <t>10/23/2019 13:43:14</t>
  </si>
  <si>
    <t>10/23/2019 13:40:22</t>
  </si>
  <si>
    <t>10.206.11.58</t>
  </si>
  <si>
    <t>C:\Users\fabianacscg\Desktop\Rateio\Novembro\</t>
  </si>
  <si>
    <t>ESTRUTURA_Fabi.xlsx</t>
  </si>
  <si>
    <t>10/23/2019 13:42:27</t>
  </si>
  <si>
    <t>10/23/2019 13:47:14</t>
  </si>
  <si>
    <t>c:\users\flavia\documents\1608\</t>
  </si>
  <si>
    <t>formulario_ferias_irregulares_-_algar_tech_leticia.xlsm</t>
  </si>
  <si>
    <t>10/23/2019 13:42:51</t>
  </si>
  <si>
    <t>http://shareit.global.avon.com/sites/arrmcm/forca-de-vendas/_layouts/upload.aspx?list={bfd161db-750f-4cbd-9e74-a6fb6ee0a6de}&amp;rootfolder=/sites/arrmcm/forca-de-vendas/revendedora/incentivos/saf&amp;source=http://shareit.global.avon.com/sites/arrmcm/forca-de-vendas/revendedora/forms/allitems.aspx?rootfolder=%2fsites%2farrmcm%2fforca%2dde%2dvendas%2frevendedora%2fincentivos%2fsaf&amp;folderctid=&amp;view=%7b993eba10%2d8cf7%2d4fbc%2dbe91%2de4ca00ce3956%7d</t>
  </si>
  <si>
    <t>PLANILHA LNS PARA FATURAMENTO NO SAF ATUALIZADO.xls</t>
  </si>
  <si>
    <t>10/16/2019 11:22:34</t>
  </si>
  <si>
    <t>10/23/2019 13:51:15</t>
  </si>
  <si>
    <t>10.16.72.74</t>
  </si>
  <si>
    <t>64-1C-67-8F-D3-09</t>
  </si>
  <si>
    <t>NBHE-THIAGOPBA</t>
  </si>
  <si>
    <t>thiagopba</t>
  </si>
  <si>
    <t>C:\ALGAR\OUTUBRO_19\BTIM05\</t>
  </si>
  <si>
    <t>VERTICALIDADE - BTIM05.xlsm</t>
  </si>
  <si>
    <t>D:\ALGAR\OUTUBRO_19\BTIM05\VERTICALIDADE - BTIM05.xlsm</t>
  </si>
  <si>
    <t>10/16/2019 11:48:08</t>
  </si>
  <si>
    <t>D:\ALGAR\OUTUBRO_19\BTIM05\</t>
  </si>
  <si>
    <t>10/16/2019 12:28:58</t>
  </si>
  <si>
    <t>cleitongp@algartech.com;josafa@algartech.com;</t>
  </si>
  <si>
    <t>cleitongp@algartech.com,josafa@algartech.com</t>
  </si>
  <si>
    <t>10/16/2019 12:29:18</t>
  </si>
  <si>
    <t>10/16/2019 12:29:24</t>
  </si>
  <si>
    <t>10/16/2019 12:29:28</t>
  </si>
  <si>
    <t>10/16/2019 19:05:02</t>
  </si>
  <si>
    <t>C:\Users\thiagopba\Downloads\</t>
  </si>
  <si>
    <t>Planilha%20de%20calculos%20pontes%20p2.xlsx</t>
  </si>
  <si>
    <t>D:\TFC_2\pontes 2 etapa\Planilha%20de%20calculos%20pontes%20p2.xlsx</t>
  </si>
  <si>
    <t>10/16/2019 20:31:52</t>
  </si>
  <si>
    <t>D:\TFC_2\pontes 2 etapa\</t>
  </si>
  <si>
    <t>Planilha%20de%20calculos%20pontes%20p2.rev.xlsx</t>
  </si>
  <si>
    <t>D:\TFC_2\pontes 2 etapa\Planilha%20de%20calculos%20pontes%20p2.rev.xlsx</t>
  </si>
  <si>
    <t>10/22/2019 17:39:54</t>
  </si>
  <si>
    <t>aleal@timbrasil.com.br;amdcosta@timbrasil.com.br;antoniocb@algartech.com;bamarante@timbrasil.com.br;clafdsilva@timbrasil.com.br;cleitongp@algartech.com;dcrocha@timbrasil.com.br;esantana@timbrasil.com.br;jrsouza@timbrasil.com.br;ricardos@timbrasil.com.br;</t>
  </si>
  <si>
    <t>VERTICALIDADE - BTIM05_revisao.xlsm</t>
  </si>
  <si>
    <t>aleal@timbrasil.com.br,amdcosta@timbrasil.com.br,antoniocb@algartech.com,bamarante@timbrasil.com.br,clafdsilva@timbrasil.com.br,cleitongp@algartech.com,dcrocha@timbrasil.com.br,esantana@timbrasil.com.br,jrsouza@timbrasil.com.br,ricardos@timbrasil.com.br</t>
  </si>
  <si>
    <t>10/23/2019 13:49:32</t>
  </si>
  <si>
    <t>10/23/2019 13:53:15</t>
  </si>
  <si>
    <t>C:\Users\lucianafaa\OneDrive - Grupo Algar\2019\PROJETOS\CACs WEB\EXECUCAO\TERMO ABERTURA\Termo de Aceite.msg\s1\TAI(TERMO DE ACEITE INTERNALIZACAO) - CACSWEB.docx\Microsoft_Word_Document.docx\</t>
  </si>
  <si>
    <t>10/23/2019 13:49:37</t>
  </si>
  <si>
    <t>C:\Users\lucianafaa\OneDrive - Grupo Algar\2019\PROJETOS\CACs WEB\EXECUCAO\TERMO ABERTURA\TAI(TERMO DE ACEITE INTERNALIZACAO) - CACSWEB.docx\Microsoft_Word_Document.docx\</t>
  </si>
  <si>
    <t>10/23/2019 13:50:24</t>
  </si>
  <si>
    <t>10/23/2019 13:55:15</t>
  </si>
  <si>
    <t>10/23/2019 14:01:39</t>
  </si>
  <si>
    <t>10/23/2019 14:07:15</t>
  </si>
  <si>
    <t>10/22/2019 18:21:42</t>
  </si>
  <si>
    <t>10/23/2019 14:08:14</t>
  </si>
  <si>
    <t>/o=exchangelabs/ou=exchange administrative group (fydibohf23spdlt)/cn=recipients/cn=8a68993ff7644643abc5b38065655c1c-amaury silv;/o=exchangelabs/ou=exchange administrative group (fydibohf23spdlt)/cn=recipients/cn=af00c80bce784ca9bd95642b341cba0b-victor more;/o=exchangelabs/ou=exchange administrative group (fydibohf23spdlt)/cn=recipients/cn=bf4eddda9145453fb4e2bdb3c1b5ffbc-igor olivei;</t>
  </si>
  <si>
    <t>Divergência HOT CobTech</t>
  </si>
  <si>
    <t>/o=exchangelabs/ou=exchange administrative group (fydibohf23spdlt)/cn=recipients/cn=8a68993ff7644643abc5b38065655c1c-amaury silv,/o=exchangelabs/ou=exchange administrative group (fydibohf23spdlt)/cn=recipients/cn=af00c80bce784ca9bd95642b341cba0b-victor more,/o=exchangelabs/ou=exchange administrative group (fydibohf23spdlt)/cn=recipients/cn=bf4eddda9145453fb4e2bdb3c1b5ffbc-igor olivei</t>
  </si>
  <si>
    <t>10/23/2019 14:09:17</t>
  </si>
  <si>
    <t>10/23/2019 14:12:14</t>
  </si>
  <si>
    <t>10/23/2019 14:11:37</t>
  </si>
  <si>
    <t>10/23/2019 14:13:14</t>
  </si>
  <si>
    <t>10/23/2019 14:11:51</t>
  </si>
  <si>
    <t>10/23/2019 14:17:14</t>
  </si>
  <si>
    <t>10/23/2019 14:19:02</t>
  </si>
  <si>
    <t>10/23/2019 14:22:14</t>
  </si>
  <si>
    <t>10/23/2019 14:19:24</t>
  </si>
  <si>
    <t>10/23/2019 14:26:47</t>
  </si>
  <si>
    <t>10/23/2019 14:28:14</t>
  </si>
  <si>
    <t>ORÇAMENTO VIAGEM 2020 - GRC</t>
  </si>
  <si>
    <t>Justificativa viagens - Orçamento 2020.xlsx</t>
  </si>
  <si>
    <t>10/23/2019 14:32:28</t>
  </si>
  <si>
    <t>10/23/2019 14:36:14</t>
  </si>
  <si>
    <t>/o=exchangelabs/ou=exchange administrative group (fydibohf23spdlt)/cn=recipients/cn=545f738e0fe740ba856f4eb6ef0135e0-vinicius si;/o=exchangelabs/ou=exchange administrative group (fydibohf23spdlt)/cn=recipients/cn=746f10dd924a4e7dbfe2f813f74b1f2c-gilmar pres;/o=exchangelabs/ou=exchange administrative group (fydibohf23spdlt)/cn=recipients/cn=d1d015f213f648abbf348b5ccdf8e9d9-senilda per;/o=exchangelabs/ou=exchange administrative group (fydibohf23spdlt)/cn=recipients/cn=f0ff087361a245daa16e71ac77ecc3f0-ivan costa;/o=exchangelabs/ou=exchange administrative group (fydibohf23spdlt)/cn=recipients/cn=matheus vinicius da silva;</t>
  </si>
  <si>
    <t>RES: PPT - Último Fórum AVON</t>
  </si>
  <si>
    <t>VOLUMETRIA EGAIN - Consolidado.xlsx</t>
  </si>
  <si>
    <t>/o=exchangelabs/ou=exchange administrative group (fydibohf23spdlt)/cn=recipients/cn=545f738e0fe740ba856f4eb6ef0135e0-vinicius si,/o=exchangelabs/ou=exchange administrative group (fydibohf23spdlt)/cn=recipients/cn=746f10dd924a4e7dbfe2f813f74b1f2c-gilmar pres,/o=exchangelabs/ou=exchange administrative group (fydibohf23spdlt)/cn=recipients/cn=d1d015f213f648abbf348b5ccdf8e9d9-senilda per,/o=exchangelabs/ou=exchange administrative group (fydibohf23spdlt)/cn=recipients/cn=f0ff087361a245daa16e71ac77ecc3f0-ivan costa,/o=exchangelabs/ou=exchange administrative group (fydibohf23spdlt)/cn=recipients/cn=matheus vinicius da silva</t>
  </si>
  <si>
    <t>10/23/2019 14:37:26</t>
  </si>
  <si>
    <t>10/23/2019 14:41:14</t>
  </si>
  <si>
    <t>https://sgmp.timbrasil.com.br/sgmpa-api/api/preventiva/addattach</t>
  </si>
  <si>
    <t>10/23/2019 14:43:15</t>
  </si>
  <si>
    <t>10/23/2019 14:47:15</t>
  </si>
  <si>
    <t>/o=exchangelabs/ou=exchange administrative group (fydibohf23spdlt)/cn=recipients/cn=122c3ad8b401472e84885d44a2466b4c-jair de pau;/o=exchangelabs/ou=exchange administrative group (fydibohf23spdlt)/cn=recipients/cn=2efe26bca22a43cc89c6ed48ba5e50b4-luciano cor;/o=exchangelabs/ou=exchange administrative group (fydibohf23spdlt)/cn=recipients/cn=49457acaa5584c6d8daec8f0ad186be2-carlos maur;/o=exchangelabs/ou=exchange administrative group (fydibohf23spdlt)/cn=recipients/cn=89e58c8da071492dbdcb4fee4156b705-gustavo alm;/o=exchangelabs/ou=exchange administrative group (fydibohf23spdlt)/cn=recipients/cn=a7d54e15e3a94d53b0b5014d75c8d080-wanessa bor;/o=exchangelabs/ou=exchange administrative group (fydibohf23spdlt)/cn=recipients/cn=b194f014572c4c36b52132f9199df1aa-jairo junio;/o=exchangelabs/ou=exchange administrative group (fydibohf23spdlt)/cn=recipients/cn=fedd0b8e2dbf442f837981a40559d630-viviane bar;/o=exchangelabs/ou=exchange administrative group (fydibohf23spdlt)/cn=recipients/cn=group16586c68;</t>
  </si>
  <si>
    <t>Novas Metas GAT</t>
  </si>
  <si>
    <t>/o=exchangelabs/ou=exchange administrative group (fydibohf23spdlt)/cn=recipients/cn=122c3ad8b401472e84885d44a2466b4c-jair de pau,/o=exchangelabs/ou=exchange administrative group (fydibohf23spdlt)/cn=recipients/cn=2efe26bca22a43cc89c6ed48ba5e50b4-luciano cor,/o=exchangelabs/ou=exchange administrative group (fydibohf23spdlt)/cn=recipients/cn=49457acaa5584c6d8daec8f0ad186be2-carlos maur,/o=exchangelabs/ou=exchange administrative group (fydibohf23spdlt)/cn=recipients/cn=89e58c8da071492dbdcb4fee4156b705-gustavo alm,/o=exchangelabs/ou=exchange administrative group (fydibohf23spdlt)/cn=recipients/cn=a7d54e15e3a94d53b0b5014d75c8d080-wanessa bor,/o=exchangelabs/ou=exchange administrative group (fydibohf23spdlt)/cn=recipients/cn=b194f014572c4c36b52132f9199df1aa-jairo junio,/o=exchangelabs/ou=exchange administrative group (fydibohf23spdlt)/cn=recipients/cn=fedd0b8e2dbf442f837981a40559d630-viviane bar,/o=exchangelabs/ou=exchange administrative group (fydibohf23spdlt)/cn=recipients/cn=group16586c68</t>
  </si>
  <si>
    <t>10/23/2019 14:50:41</t>
  </si>
  <si>
    <t>10/23/2019 14:55:14</t>
  </si>
  <si>
    <t>/o=exchangelabs/ou=exchange administrative group (fydibohf23spdlt)/cn=recipients/cn=2cb7e4b90b4549118932fae0224d4434-lucimar sil;/o=exchangelabs/ou=exchange administrative group (fydibohf23spdlt)/cn=recipients/cn=6fbc44b6d6b549208175d5a27201bd13-cintia nune;/o=exchangelabs/ou=exchange administrative group (fydibohf23spdlt)/cn=recipients/cn=8d66bf0fd9334a81b7c67eda8652a948-guilherme c;/o=exchangelabs/ou=exchange administrative group (fydibohf23spdlt)/cn=recipients/cn=a392ff1274234709ab9d06a27700bb42-luana freit;</t>
  </si>
  <si>
    <t>ADITIVO CONTRATO DE COBRANÇA COM ALGAR TELECOM.</t>
  </si>
  <si>
    <t>Comparativo Fee - antes e depois.xlsx</t>
  </si>
  <si>
    <t>/o=exchangelabs/ou=exchange administrative group (fydibohf23spdlt)/cn=recipients/cn=2cb7e4b90b4549118932fae0224d4434-lucimar sil,/o=exchangelabs/ou=exchange administrative group (fydibohf23spdlt)/cn=recipients/cn=6fbc44b6d6b549208175d5a27201bd13-cintia nune,/o=exchangelabs/ou=exchange administrative group (fydibohf23spdlt)/cn=recipients/cn=8d66bf0fd9334a81b7c67eda8652a948-guilherme c,/o=exchangelabs/ou=exchange administrative group (fydibohf23spdlt)/cn=recipients/cn=a392ff1274234709ab9d06a27700bb42-luana freit</t>
  </si>
  <si>
    <t>10/23/2019 14:54:10</t>
  </si>
  <si>
    <t>10/23/2019 14:56:14</t>
  </si>
  <si>
    <t>/o=exchangelabs/ou=exchange administrative group (fydibohf23spdlt)/cn=recipients/cn=3a5a57fc01354a128619146c836d1ba7-camila de p;/o=exchangelabs/ou=exchange administrative group (fydibohf23spdlt)/cn=recipients/cn=3cbbbf2b74034adf96410f8599fd666d-moana pauli;josecacj@algartech.com;</t>
  </si>
  <si>
    <t>/o=exchangelabs/ou=exchange administrative group (fydibohf23spdlt)/cn=recipients/cn=3a5a57fc01354a128619146c836d1ba7-camila de p,/o=exchangelabs/ou=exchange administrative group (fydibohf23spdlt)/cn=recipients/cn=3cbbbf2b74034adf96410f8599fd666d-moana pauli,josecacj@algartech.com</t>
  </si>
  <si>
    <t>10/23/2019 14:54:13</t>
  </si>
  <si>
    <t>10/23/2019 14:58:14</t>
  </si>
  <si>
    <t>\\acsfs\DEPTOS\EDUCACAO EMPRESARIAL\4 - Gestão de Educação\4.4 Analistas\Ericson\Ericson Pessoal\Contratos Comite\Escola do Mecanico\</t>
  </si>
  <si>
    <t>ACC_-_Modelo_-_Sugestao_Nova_ACC_2016_v_final (1).xls</t>
  </si>
  <si>
    <t>10/23/2019 14:59:13</t>
  </si>
  <si>
    <t>Segue a Meta dos Pre-vendas ajustadas</t>
  </si>
  <si>
    <t>Metas prevendas Incremental e Recorrente (006).xlsx</t>
  </si>
  <si>
    <t>10/23/2019 15:01:13</t>
  </si>
  <si>
    <t>NCOB.xlsx</t>
  </si>
  <si>
    <t>10/23/2019 15:00:09</t>
  </si>
  <si>
    <t>10.250.254.97</t>
  </si>
  <si>
    <t>Guilherme Andrade Sollero</t>
  </si>
  <si>
    <t>/o=exchangelabs/ou=exchange administrative group (fydibohf23spdlt)/cn=recipients/cn=136bac3aad104a579e671eb261072338-fabio dos r;/o=exchangelabs/ou=exchange administrative group (fydibohf23spdlt)/cn=recipients/cn=83e5e0f05dcb4510a09e93c7d27271dd-hugo braga;/o=exchangelabs/ou=exchange administrative group (fydibohf23spdlt)/cn=recipients/cn=f79c3843912c401e867ceee3058b584b-lucio monte;rafaelg@algartech.com;</t>
  </si>
  <si>
    <t>RES: Retorno chamado de clientes</t>
  </si>
  <si>
    <t>RE Apoio - Time de Service Desk AlgarTech.msg\s296\</t>
  </si>
  <si>
    <t>Template_Importacao(Savoy)_Contas Sem Licenca.xlsx</t>
  </si>
  <si>
    <t>/o=exchangelabs/ou=exchange administrative group (fydibohf23spdlt)/cn=recipients/cn=136bac3aad104a579e671eb261072338-fabio dos r,/o=exchangelabs/ou=exchange administrative group (fydibohf23spdlt)/cn=recipients/cn=83e5e0f05dcb4510a09e93c7d27271dd-hugo braga,/o=exchangelabs/ou=exchange administrative group (fydibohf23spdlt)/cn=recipients/cn=f79c3843912c401e867ceee3058b584b-lucio monte,rafaelg@algartech.com</t>
  </si>
  <si>
    <t>10/23/2019 14:57:40</t>
  </si>
  <si>
    <t>Estorno Hotel 4039523 - Paulo de Souza Jr.msg\s1\</t>
  </si>
  <si>
    <t>paulo jr.xlsx</t>
  </si>
  <si>
    <t>10/23/2019 14:59:00</t>
  </si>
  <si>
    <t>une.bradesco@servicosfps.com.br;williams.martins@bradesco.com.br;</t>
  </si>
  <si>
    <t>RES: Estorno: Hotel 4039523 - Paulo de Souza Jr</t>
  </si>
  <si>
    <t>RES 0901 - Valores duplicados.msg\s242\</t>
  </si>
  <si>
    <t>une.bradesco@servicosfps.com.br,williams.martins@bradesco.com.br</t>
  </si>
  <si>
    <t>10/23/2019 14:57:22</t>
  </si>
  <si>
    <t>10/23/2019 15:02:14</t>
  </si>
  <si>
    <t>heliel_freitas@hotmail.com;</t>
  </si>
  <si>
    <t>CH539_20191023_103407.xls</t>
  </si>
  <si>
    <t>heliel_freitas@hotmail.com</t>
  </si>
  <si>
    <t>10/23/2019 14:59:06</t>
  </si>
  <si>
    <t>/o=exchangelabs/ou=exchange administrative group (fydibohf23spdlt)/cn=recipients/cn=8c01e71056fe4e1a8ecc4e24420bd9ef-fellyp cros;fabiano.m.amaral@gmail.com;</t>
  </si>
  <si>
    <t>PENDÊNCIAS GOVERNADOR VALADARES</t>
  </si>
  <si>
    <t>PENDENCIAS GOVERNADOR VALADARES .xltx</t>
  </si>
  <si>
    <t>/o=exchangelabs/ou=exchange administrative group (fydibohf23spdlt)/cn=recipients/cn=8c01e71056fe4e1a8ecc4e24420bd9ef-fellyp cros,fabiano.m.amaral@gmail.com</t>
  </si>
  <si>
    <t>10/23/2019 14:59:01</t>
  </si>
  <si>
    <t>https://caey.fa.us2.oraclecloud.com/crmui/faces/fuseoverview?_adf.ctrl-state=5h4mffju1_5&amp;fndglobalitemnodeid=moo_opptymgmtopportunities_crm_card</t>
  </si>
  <si>
    <t>Cuadro de BIOTECNIK - BODY SHOPPING JOSMILA.xlsx</t>
  </si>
  <si>
    <t>10/23/2019 15:06:26</t>
  </si>
  <si>
    <t>10/23/2019 15:08:14</t>
  </si>
  <si>
    <t>10.201.30.74</t>
  </si>
  <si>
    <t>carolinafdr@algartech.com;</t>
  </si>
  <si>
    <t>Tempo de navegação - URA CCS.xlsx</t>
  </si>
  <si>
    <t>carolinafdr@algartech.com</t>
  </si>
  <si>
    <t>10/23/2019 15:08:51</t>
  </si>
  <si>
    <t>10/23/2019 15:12:15</t>
  </si>
  <si>
    <t>/o=exchangelabs/ou=exchange administrative group (fydibohf23spdlt)/cn=recipients/cn=ea256770748c47aebb733d587d4c0a71-maria vitor;ganunes@tripag.com.br;</t>
  </si>
  <si>
    <t>RES: Vou solicitar renovaçao de VPN, gentileza validar os usuários ativos.</t>
  </si>
  <si>
    <t>Atualizar.xlsx</t>
  </si>
  <si>
    <t>/o=exchangelabs/ou=exchange administrative group (fydibohf23spdlt)/cn=recipients/cn=ea256770748c47aebb733d587d4c0a71-maria vitor,ganunes@tripag.com.br</t>
  </si>
  <si>
    <t>10/23/2019 15:14:13</t>
  </si>
  <si>
    <t>10/23/2019 15:16:15</t>
  </si>
  <si>
    <t>viviane.moraes@br.mcd.com;</t>
  </si>
  <si>
    <t>Modelo de Fatura BTB - B2B</t>
  </si>
  <si>
    <t>viviane.moraes@br.mcd.com</t>
  </si>
  <si>
    <t>10/23/2019 15:14:24</t>
  </si>
  <si>
    <t>10/23/2019 15:17:14</t>
  </si>
  <si>
    <t>01 a 1310.zip\01 a 1310\</t>
  </si>
  <si>
    <t>Evento 028_01a1310 emissao1410.CSV</t>
  </si>
  <si>
    <t>10/23/2019 15:17:53</t>
  </si>
  <si>
    <t>10/23/2019 15:20:15</t>
  </si>
  <si>
    <t>/o=exchangelabs/ou=exchange administrative group (fydibohf23spdlt)/cn=recipients/cn=026b94ca382e4c53b6edc028cfd1185a-alvaro brun;/o=exchangelabs/ou=exchange administrative group (fydibohf23spdlt)/cn=recipients/cn=1a68fd0c71d242d89abd9f9904b69653-lidianne sa;/o=exchangelabs/ou=exchange administrative group (fydibohf23spdlt)/cn=recipients/cn=3daf2f0b162f40c696c00f9ecbb7d69a-ana laura t;/o=exchangelabs/ou=exchange administrative group (fydibohf23spdlt)/cn=recipients/cn=799f2e810d784aada09aa80d55743449-daniella gu;/o=exchangelabs/ou=exchange administrative group (fydibohf23spdlt)/cn=recipients/cn=7e71d7c9fe1b404a88a1ccc751f00fe7-lucas toshi;/o=exchangelabs/ou=exchange administrative group (fydibohf23spdlt)/cn=recipients/cn=b91e4d8a112849e991701f826d219184-adriana emm;tatianef@algartech.com.br;</t>
  </si>
  <si>
    <t>13005 LEG - FRD - AMEX FRAUDE IN IDENT.xlsx</t>
  </si>
  <si>
    <t>/o=exchangelabs/ou=exchange administrative group (fydibohf23spdlt)/cn=recipients/cn=026b94ca382e4c53b6edc028cfd1185a-alvaro brun,/o=exchangelabs/ou=exchange administrative group (fydibohf23spdlt)/cn=recipients/cn=1a68fd0c71d242d89abd9f9904b69653-lidianne sa,/o=exchangelabs/ou=exchange administrative group (fydibohf23spdlt)/cn=recipients/cn=3daf2f0b162f40c696c00f9ecbb7d69a-ana laura t,/o=exchangelabs/ou=exchange administrative group (fydibohf23spdlt)/cn=recipients/cn=799f2e810d784aada09aa80d55743449-daniella gu,/o=exchangelabs/ou=exchange administrative group (fydibohf23spdlt)/cn=recipients/cn=7e71d7c9fe1b404a88a1ccc751f00fe7-lucas toshi,/o=exchangelabs/ou=exchange administrative group (fydibohf23spdlt)/cn=recipients/cn=b91e4d8a112849e991701f826d219184-adriana emm,tatianef@algartech.com.br</t>
  </si>
  <si>
    <t>10/23/2019 15:16:06</t>
  </si>
  <si>
    <t>Bases Trabalhadas e TMT</t>
  </si>
  <si>
    <t>TMT.xlsx</t>
  </si>
  <si>
    <t>10/23/2019 15:18:43</t>
  </si>
  <si>
    <t>10/23/2019 15:22:15</t>
  </si>
  <si>
    <t>5 stars 23.10.csv</t>
  </si>
  <si>
    <t>10/23/2019 15:19:50</t>
  </si>
  <si>
    <t>https://sim2.tww.com.br/sys/?campanha&amp;p=nova&amp;f=new&amp;pr=acoes</t>
  </si>
  <si>
    <t>10/23/2019 15:22:50</t>
  </si>
  <si>
    <t>10/23/2019 15:26:15</t>
  </si>
  <si>
    <t>/o=exchangelabs/ou=exchange administrative group (fydibohf23spdlt)/cn=recipients/cn=aff8c3b9538840fe9b9778861292fbea-everton pau;marciohpr@algartech.com.br;</t>
  </si>
  <si>
    <t>ENC: Inclusão CRC Estratégica VISA - 21/10/2019</t>
  </si>
  <si>
    <t>21 - CONSOLIDADO INCLUSÃO - 18.10.19.xlsx</t>
  </si>
  <si>
    <t>/o=exchangelabs/ou=exchange administrative group (fydibohf23spdlt)/cn=recipients/cn=aff8c3b9538840fe9b9778861292fbea-everton pau,marciohpr@algartech.com.br</t>
  </si>
  <si>
    <t>10/23/2019 15:23:06</t>
  </si>
  <si>
    <t>10/23/2019 15:27:15</t>
  </si>
  <si>
    <t>/o=exchangelabs/ou=exchange administrative group (fydibohf23spdlt)/cn=recipients/cn=77d2a15e162941f5b8ad84d928392e5e-dolvane rod;/o=exchangelabs/ou=exchange administrative group (fydibohf23spdlt)/cn=recipients/cn=804f4398b96748e7962c1608bfe4071a-hewerson go;</t>
  </si>
  <si>
    <t>Abas da Planilha de precificação</t>
  </si>
  <si>
    <t>Abas da planilha e funcionalidade.xlsx</t>
  </si>
  <si>
    <t>/o=exchangelabs/ou=exchange administrative group (fydibohf23spdlt)/cn=recipients/cn=77d2a15e162941f5b8ad84d928392e5e-dolvane rod,/o=exchangelabs/ou=exchange administrative group (fydibohf23spdlt)/cn=recipients/cn=804f4398b96748e7962c1608bfe4071a-hewerson go</t>
  </si>
  <si>
    <t>10/23/2019 15:25:15</t>
  </si>
  <si>
    <t>mail.google.com/_/upload?authuser=0&amp;dcp=asu-n&amp;upload_id=AEnB2UrWEuknYWBGr8DOWGzm4HcdRmvNL-IaGe6AGNN6f9veY4zL38vvV6vCFhRUQtdsT1NmVlUxtI4p0gtVb9iTgSHNFTRK7tEPoZ07PTjpo_nW-frsgOA&amp;upload_protocol=resumable</t>
  </si>
  <si>
    <t>marceloat@algartech.com;</t>
  </si>
  <si>
    <t>mailboxshared.csv</t>
  </si>
  <si>
    <t>marceloat@algartech.com</t>
  </si>
  <si>
    <t>10/23/2019 15:29:08</t>
  </si>
  <si>
    <t>10/23/2019 15:30:15</t>
  </si>
  <si>
    <t>/o=exchangelabs/ou=exchange administrative group (fydibohf23spdlt)/cn=recipients/cn=1a68fd0c71d242d89abd9f9904b69653-lidianne sa;/o=exchangelabs/ou=exchange administrative group (fydibohf23spdlt)/cn=recipients/cn=3daf2f0b162f40c696c00f9ecbb7d69a-ana laura t;/o=exchangelabs/ou=exchange administrative group (fydibohf23spdlt)/cn=recipients/cn=726e1cc27d2b40d6a92014c7fd58d7dc-elisangela;/o=exchangelabs/ou=exchange administrative group (fydibohf23spdlt)/cn=recipients/cn=7e71d7c9fe1b404a88a1ccc751f00fe7-lucas toshi;/o=exchangelabs/ou=exchange administrative group (fydibohf23spdlt)/cn=recipients/cn=b91e4d8a112849e991701f826d219184-adriana emm;marianacs@algartech.com.br;nairagrbo@algartech.com;</t>
  </si>
  <si>
    <t>13004 LEG - FRD - AMEX FRAUDE BO - NOV_DEZ-19_JAN-20.xlsx</t>
  </si>
  <si>
    <t>/o=exchangelabs/ou=exchange administrative group (fydibohf23spdlt)/cn=recipients/cn=1a68fd0c71d242d89abd9f9904b69653-lidianne sa,/o=exchangelabs/ou=exchange administrative group (fydibohf23spdlt)/cn=recipients/cn=3daf2f0b162f40c696c00f9ecbb7d69a-ana laura t,/o=exchangelabs/ou=exchange administrative group (fydibohf23spdlt)/cn=recipients/cn=726e1cc27d2b40d6a92014c7fd58d7dc-elisangela,/o=exchangelabs/ou=exchange administrative group (fydibohf23spdlt)/cn=recipients/cn=7e71d7c9fe1b404a88a1ccc751f00fe7-lucas toshi,/o=exchangelabs/ou=exchange administrative group (fydibohf23spdlt)/cn=recipients/cn=b91e4d8a112849e991701f826d219184-adriana emm,marianacs@algartech.com.br,nairagrbo@algartech.com</t>
  </si>
  <si>
    <t>10/23/2019 15:24:51</t>
  </si>
  <si>
    <t>10/23/2019 15:32:15</t>
  </si>
  <si>
    <t>/o=exchangelabs/ou=exchange administrative group (fydibohf23spdlt)/cn=recipients/cn=6857e7b89b5f46e3b6aed2352ac8d5ac-carlos albe;/o=exchangelabs/ou=exchange administrative group (fydibohf23spdlt)/cn=recipients/cn=d54c1d2e03f94aedb1e820678fdce320-sofia maria;</t>
  </si>
  <si>
    <t>Controle de Associados Outubro_v2.xlsx</t>
  </si>
  <si>
    <t>/o=exchangelabs/ou=exchange administrative group (fydibohf23spdlt)/cn=recipients/cn=6857e7b89b5f46e3b6aed2352ac8d5ac-carlos albe,/o=exchangelabs/ou=exchange administrative group (fydibohf23spdlt)/cn=recipients/cn=d54c1d2e03f94aedb1e820678fdce320-sofia maria</t>
  </si>
  <si>
    <t>10/23/2019 15:36:36</t>
  </si>
  <si>
    <t>10/23/2019 15:37:15</t>
  </si>
  <si>
    <t>mail.google.com/_/upload?authuser=0&amp;dcp=asu-n&amp;upload_id=AEnB2UoDFRpluL4aZWOW9w2HA70caneh_4z0WxAE9sH87UCqbonMd9-bEmVLm5QSmEobibhe-WHbHL6QxUBTayADwST6S7cT-49xvHplZv9ikuXXi_JrH3Q&amp;upload_protocol=resumable</t>
  </si>
  <si>
    <t>caixas compartulhadas.xlsx</t>
  </si>
  <si>
    <t>10/23/2019 15:36:18</t>
  </si>
  <si>
    <t>10/23/2019 15:40:15</t>
  </si>
  <si>
    <t>10/23/2019 15:51:09</t>
  </si>
  <si>
    <t>10/23/2019 15:55:15</t>
  </si>
  <si>
    <t>/o=exchangelabs/ou=exchange administrative group (fydibohf23spdlt)/cn=recipients/cn=1e212ef08dab4f26b88cba944f2ab7cb-pmo.governa;/o=exchangelabs/ou=exchange administrative group (fydibohf23spdlt)/cn=recipients/cn=8c89829ad534498fa4c85b5ac11174f1-suelen more;/o=exchangelabs/ou=exchange administrative group (fydibohf23spdlt)/cn=recipients/cn=97028c61ebe04c3ca84c604712943944-fabiano wil;marcelom@algartech.com;</t>
  </si>
  <si>
    <t>RES: Urgente - Whirlpool</t>
  </si>
  <si>
    <t>Whirlpool - Plan Precificacao C017 B017 - Projeto Full 23_10_2019.xlsb</t>
  </si>
  <si>
    <t>/o=exchangelabs/ou=exchange administrative group (fydibohf23spdlt)/cn=recipients/cn=1e212ef08dab4f26b88cba944f2ab7cb-pmo.governa,/o=exchangelabs/ou=exchange administrative group (fydibohf23spdlt)/cn=recipients/cn=8c89829ad534498fa4c85b5ac11174f1-suelen more,/o=exchangelabs/ou=exchange administrative group (fydibohf23spdlt)/cn=recipients/cn=97028c61ebe04c3ca84c604712943944-fabiano wil,marcelom@algartech.com</t>
  </si>
  <si>
    <t>10/23/2019 15:53:06</t>
  </si>
  <si>
    <t>10/23/2019 15:57:15</t>
  </si>
  <si>
    <t>CORREÇÃO DE SERIAL</t>
  </si>
  <si>
    <t>10/23/2019 15:59:14</t>
  </si>
  <si>
    <t>10/23/2019 16:02:15</t>
  </si>
  <si>
    <t>/o=exchangelabs/ou=exchange administrative group (fydibohf23spdlt)/cn=recipients/cn=2af9cbc0e9af4d91b36813b0ff5f73e1-reynaldo pe;/o=exchangelabs/ou=exchange administrative group (fydibohf23spdlt)/cn=recipients/cn=98ea30ba409149f69837fad4ccd70171-leonardo el;/o=exchangelabs/ou=exchange administrative group (fydibohf23spdlt)/cn=recipients/cn=user3949317b;</t>
  </si>
  <si>
    <t>RES: Projeto LGPD - CAPEX/OPEX - Orçamento Consolidado</t>
  </si>
  <si>
    <t>Cópia de LGPD _ Orçamento_vfinal.xlsx</t>
  </si>
  <si>
    <t>/o=exchangelabs/ou=exchange administrative group (fydibohf23spdlt)/cn=recipients/cn=2af9cbc0e9af4d91b36813b0ff5f73e1-reynaldo pe,/o=exchangelabs/ou=exchange administrative group (fydibohf23spdlt)/cn=recipients/cn=98ea30ba409149f69837fad4ccd70171-leonardo el,/o=exchangelabs/ou=exchange administrative group (fydibohf23spdlt)/cn=recipients/cn=user3949317b</t>
  </si>
  <si>
    <t>10/23/2019 16:03:18</t>
  </si>
  <si>
    <t>10/23/2019 16:08:15</t>
  </si>
  <si>
    <t>10/23/2019 16:07:06</t>
  </si>
  <si>
    <t>10/23/2019 16:10:15</t>
  </si>
  <si>
    <t>https://elasticbeanstalk-us-east-1-743717612081.s3.amazonaws.com/</t>
  </si>
  <si>
    <t>C:\Git\hackathon2019-solution\backHacka\v1.zip\node_modules\csvtojson\test\data\</t>
  </si>
  <si>
    <t>10/23/2019 16:09:28</t>
  </si>
  <si>
    <t>10/23/2019 16:10:31</t>
  </si>
  <si>
    <t>10/23/2019 16:12:15</t>
  </si>
  <si>
    <t>10/23/2019 16:19:31</t>
  </si>
  <si>
    <t>10/23/2019 16:20:14</t>
  </si>
  <si>
    <t>https://gedex.cemig.com.br/arquivo/upload</t>
  </si>
  <si>
    <t>\\acsfs\engeset\CPV_ULA\ADMINISTRATIVO\CONTROLE ADMINISTRATIVO\CADASTROS\ALGAR TECNOLOGIA\2019\CEMIG\</t>
  </si>
  <si>
    <t>10/23/2019 16:16:15</t>
  </si>
  <si>
    <t>10/23/2019 16:21:15</t>
  </si>
  <si>
    <t>crcevmc@algartech.com.br;erica.b.nascimento@bradesco.com.br;</t>
  </si>
  <si>
    <t>RES: RES: Resposta automática: RES: RES: RES: Relação de Limites cadastrados - CBS CRM:003680002726</t>
  </si>
  <si>
    <t>CAIXA BENEFICENTE DOS EMPREGADOS DA COMPANHIA.xlsx</t>
  </si>
  <si>
    <t>crcevmc@algartech.com.br,erica.b.nascimento@bradesco.com.br</t>
  </si>
  <si>
    <t>10/23/2019 16:26:12</t>
  </si>
  <si>
    <t>10/23/2019 16:28:15</t>
  </si>
  <si>
    <t>10/23/2019 16:27:51</t>
  </si>
  <si>
    <t>10/23/2019 16:29:15</t>
  </si>
  <si>
    <t>mail.google.com/_/upload?authuser=1&amp;dcp=asu-n&amp;upload_id=AEnB2UoAvUNzAcgv3z33c7-ztP_EQPFNkZH7r0ze3KDkaOOt04_UK_ddD_Ek7iNyTVs__FFSrKqGOqAnbxEjRFWrWURA7063jqdECRohHszwItZXKvD7nuY&amp;upload_protocol=resumable</t>
  </si>
  <si>
    <t>\\acsfs\DEPTOS\Controladoria\Planejamento\GFC\04. Não Faturado\2019\10.Outubro\Previa\</t>
  </si>
  <si>
    <t>PREVIA OUTUBRO ENGESET.xlsx</t>
  </si>
  <si>
    <t>10/23/2019 16:33:24</t>
  </si>
  <si>
    <t>10/23/2019 16:35:15</t>
  </si>
  <si>
    <t>Processo Consulta Status de Chamado</t>
  </si>
  <si>
    <t>Fraseologias Consulta Status de Chamado.xlsx</t>
  </si>
  <si>
    <t>10/23/2019 16:34:02</t>
  </si>
  <si>
    <t>10/23/2019 16:37:15</t>
  </si>
  <si>
    <t>/o=exchangelabs/ou=exchange administrative group (fydibohf23spdlt)/cn=recipients/cn=8c01e71056fe4e1a8ecc4e24420bd9ef-fellyp cros;/o=exchangelabs/ou=exchange administrative group (fydibohf23spdlt)/cn=recipients/cn=f80d41bbb20a47529b0641ba89cacde6-mariangela;fabiano.m.amaral@gmail.com;logisticatimopm@grupotpc.com;</t>
  </si>
  <si>
    <t>PLANILHA SGS (002).xlsx</t>
  </si>
  <si>
    <t>/o=exchangelabs/ou=exchange administrative group (fydibohf23spdlt)/cn=recipients/cn=8c01e71056fe4e1a8ecc4e24420bd9ef-fellyp cros,/o=exchangelabs/ou=exchange administrative group (fydibohf23spdlt)/cn=recipients/cn=f80d41bbb20a47529b0641ba89cacde6-mariangela,fabiano.m.amaral@gmail.com,logisticatimopm@grupotpc.com</t>
  </si>
  <si>
    <t>10/23/2019 16:37:18</t>
  </si>
  <si>
    <t>10/23/2019 16:39:14</t>
  </si>
  <si>
    <t>ENC: Relação de Ativos - CR 340004014</t>
  </si>
  <si>
    <t>10/23/2019 16:41:50</t>
  </si>
  <si>
    <t>10/23/2019 16:45:15</t>
  </si>
  <si>
    <t>RES: Report Semanal Customer Success_21-10_RESUMIDO.pptx</t>
  </si>
  <si>
    <t>Report Semanal Customer Success_21-10_RESUMIDO.pptx\</t>
  </si>
  <si>
    <t>10/23/2019 16:46:14</t>
  </si>
  <si>
    <t>10/23/2019 16:47:15</t>
  </si>
  <si>
    <t>mail.google.com/_/upload?authuser=1&amp;dcp=asu-n&amp;upload_id=AEnB2UrkJLIfThf8T_AV2JolMy-_4iC45MLJqDQsB4WjamUuw6pGggvj-vxsY39T3qVDucuGzEgUrsY17MAg7ouVVkW2UhORHs8Hgexr2gtt8fsWgFxrsxw&amp;upload_protocol=resumable</t>
  </si>
  <si>
    <t>AGENDAR E AGENDADO DUPLICIDADE.xlsx</t>
  </si>
  <si>
    <t>10/23/2019 16:44:57</t>
  </si>
  <si>
    <t>mail.google.com/_/upload?authuser=0&amp;dcp=asu-n&amp;upload_id=AEnB2UoypSb4eXcmDkaW8F9Dqu8FZwH6YYwTiQpDAm6EYzwZUYQx9qqBUG49YSmfJFKROBug62I4_b1yuZQ_NxMaBba9HWJc0Xiiw5S4jAI_oGmUl4fQoOw&amp;upload_protocol=resumable</t>
  </si>
  <si>
    <t>listatotal-Grupos.csv</t>
  </si>
  <si>
    <t>10/23/2019 16:47:58</t>
  </si>
  <si>
    <t>10/23/2019 16:49:16</t>
  </si>
  <si>
    <t>/o=exchangelabs/ou=exchange administrative group (fydibohf23spdlt)/cn=recipients/cn=54abac0a4fdc4ad1bec39bb51d85eab1-victor hugo;/o=exchangelabs/ou=exchange administrative group (fydibohf23spdlt)/cn=recipients/cn=651324bc204a42f6bbcdf62273ebdc5c-aluisio ant;/o=exchangelabs/ou=exchange administrative group (fydibohf23spdlt)/cn=recipients/cn=user78f7a52d;</t>
  </si>
  <si>
    <t>ENC: Revisão BP GAT - Apresentação Longo Prazo</t>
  </si>
  <si>
    <t>/o=exchangelabs/ou=exchange administrative group (fydibohf23spdlt)/cn=recipients/cn=54abac0a4fdc4ad1bec39bb51d85eab1-victor hugo,/o=exchangelabs/ou=exchange administrative group (fydibohf23spdlt)/cn=recipients/cn=651324bc204a42f6bbcdf62273ebdc5c-aluisio ant,/o=exchangelabs/ou=exchange administrative group (fydibohf23spdlt)/cn=recipients/cn=user78f7a52d</t>
  </si>
  <si>
    <t>10/23/2019 16:45:18</t>
  </si>
  <si>
    <t>10/23/2019 16:50:16</t>
  </si>
  <si>
    <t>Erro API - CSC Jú</t>
  </si>
  <si>
    <t>Relatório de Requisições Protocolo 15718510828205.xlsx</t>
  </si>
  <si>
    <t>10/23/2019 16:54:16</t>
  </si>
  <si>
    <t>/o=exchangelabs/ou=exchange administrative group (fydibohf23spdlt)/cn=recipients/cn=4b453b7f02914710b3e94bcf7b311ad4-fernando po;/o=exchangelabs/ou=exchange administrative group (fydibohf23spdlt)/cn=recipients/cn=61af722dd06149089cf1c867d796b8bc-delso estre;/o=exchangelabs/ou=exchange administrative group (fydibohf23spdlt)/cn=recipients/cn=e3778f57d65f4c17a6287602f9eb0cdc-alessandra;</t>
  </si>
  <si>
    <t>PLR - resultado coordenadores</t>
  </si>
  <si>
    <t>/o=exchangelabs/ou=exchange administrative group (fydibohf23spdlt)/cn=recipients/cn=4b453b7f02914710b3e94bcf7b311ad4-fernando po,/o=exchangelabs/ou=exchange administrative group (fydibohf23spdlt)/cn=recipients/cn=61af722dd06149089cf1c867d796b8bc-delso estre,/o=exchangelabs/ou=exchange administrative group (fydibohf23spdlt)/cn=recipients/cn=e3778f57d65f4c17a6287602f9eb0cdc-alessandra</t>
  </si>
  <si>
    <t>10/23/2019 16:52:05</t>
  </si>
  <si>
    <t>10/23/2019 16:57:16</t>
  </si>
  <si>
    <t>RES: ALGAR TI CONSULTORIA S/A - NF:17.281 *** TRICARD ***</t>
  </si>
  <si>
    <t>TRICARD ADMINISTRADORA DE CARTOES .xlsx</t>
  </si>
  <si>
    <t>10/23/2019 16:58:01</t>
  </si>
  <si>
    <t>10/23/2019 16:59:16</t>
  </si>
  <si>
    <t>mail.google.com/_/upload?authuser=1&amp;dcp=asu-n&amp;upload_id=AEnB2UotGvWbJZu6AscMA-9HRwdrrOiem6CLYBlDpBBTffVKYi-lg588c1lw3SiDiZN5DXXixNqvbxiCYmGFohy8M09S8WSV9RTi-1rPf0I6IrYEb_EHqOU&amp;upload_protocol=resumable</t>
  </si>
  <si>
    <t>10/23/2019 17:01:26</t>
  </si>
  <si>
    <t>10/23/2019 17:02:16</t>
  </si>
  <si>
    <t>mail.google.com/_/upload?authuser=0&amp;dcp=asu-n&amp;upload_id=AEnB2Uqz8qmHnTXw6kXphCaYBARGd8qTrV8yi4A2fF0iHtjQTihTPZ0wKOJVu3X6P06SER2rZ6kvFkTBleefNJa9NS3MsdTHWBqO3CAJedXedHfbaa3W8M4&amp;upload_protocol=resumable</t>
  </si>
  <si>
    <t>felipemda@algartech.com;iaraadss@algartech.com;luizfsm@algartech.com;</t>
  </si>
  <si>
    <t>C:\Users\lucasfbr\Grupo Algar\Gerenciamento da Configuração - Documentos\Licenciamento\PROJETO GOOGLE G SUITE\IMPLANTAÇÃO\GSUITE\Coleta de Informações\</t>
  </si>
  <si>
    <t>Lista_GOLIVE_GST_PARA_LARISSA.xlsx</t>
  </si>
  <si>
    <t>felipemda@algartech.com,iaraadss@algartech.com,luizfsm@algartech.com</t>
  </si>
  <si>
    <t>10/23/2019 16:58:56</t>
  </si>
  <si>
    <t>C:\Users\mariannacsm\OneDrive - Grupo Algar\0- PMO-POOL\PMO\CAPEX\CAPEX PROJETOS CSC\_PMO_ Orçamento de Projetos 2020.msg\s121\</t>
  </si>
  <si>
    <t>TECH - Projetos - Préclosing 2019 e Peça 2020.xlsx</t>
  </si>
  <si>
    <t>10/23/2019 17:00:36</t>
  </si>
  <si>
    <t>10/23/2019 17:03:16</t>
  </si>
  <si>
    <t>10.200.57.226</t>
  </si>
  <si>
    <t>CHAMADOS TOP PERFORMANCE</t>
  </si>
  <si>
    <t>10/23/2019 17:05:11</t>
  </si>
  <si>
    <t>10/23/2019 17:09:16</t>
  </si>
  <si>
    <t>formulario_ferias_irregulares_-_algar_tech_ mayra_2310v1.xlsm</t>
  </si>
  <si>
    <t>10/23/2019 17:05:56</t>
  </si>
  <si>
    <t>formulario_ferias_irregulares_-_algar_tech_ mayra_2310v2.xlsm</t>
  </si>
  <si>
    <t>10/23/2019 17:06:25</t>
  </si>
  <si>
    <t>10/23/2019 17:10:09</t>
  </si>
  <si>
    <t>10/23/2019 17:11:16</t>
  </si>
  <si>
    <t>/o=exchangelabs/ou=exchange administrative group (fydibohf23spdlt)/cn=recipients/cn=a72fa73d2e1a464ba879e7629d58ef97-luana erlen;/o=exchangelabs/ou=exchange administrative group (fydibohf23spdlt)/cn=recipients/cn=b67cad4ecfa344baaa94d716e7554f49-bruno camel;</t>
  </si>
  <si>
    <t>Projeto STAFF - Levantamento de Informações</t>
  </si>
  <si>
    <t>/o=exchangelabs/ou=exchange administrative group (fydibohf23spdlt)/cn=recipients/cn=a72fa73d2e1a464ba879e7629d58ef97-luana erlen,/o=exchangelabs/ou=exchange administrative group (fydibohf23spdlt)/cn=recipients/cn=b67cad4ecfa344baaa94d716e7554f49-bruno camel</t>
  </si>
  <si>
    <t>10/23/2019 17:10:56</t>
  </si>
  <si>
    <t>10/23/2019 17:13:17</t>
  </si>
  <si>
    <t>mail.google.com/_/upload?authuser=0&amp;dcp=asu-n&amp;upload_id=AEnB2UrzsqwfI_H_5amLA3fUfD7F_rXZ9bNNPujKgNW-saK-fXvSCfymzSLropfvFNZh6HiPl9DaHP3CkovkBs7VHABELRCKbijDa04vmi5vZ3lAt8fzHSA&amp;upload_protocol=resumable</t>
  </si>
  <si>
    <t>cinthiamf@algartech.com;lucioms@algartech.com;marcosvas@algartech.com;</t>
  </si>
  <si>
    <t>cinthiamf@algartech.com,lucioms@algartech.com,marcosvas@algartech.com</t>
  </si>
  <si>
    <t>10/23/2019 17:14:32</t>
  </si>
  <si>
    <t>10/23/2019 17:15:17</t>
  </si>
  <si>
    <t>denisevca@algartech.com;franciscoebf@algartecnologia.com.br;lauravx@algartech.com;</t>
  </si>
  <si>
    <t>C:\Users\akassiablc.ACS\Documents\fechamento 102019\Aceitação de Sites\</t>
  </si>
  <si>
    <t>OS_6001_TIMCELULARS.A_8_FaturamentoAceitaÃ§Ã£odeSiteTLEBa_SeAgosto2019 (3).xlsx</t>
  </si>
  <si>
    <t>denisevca@algartech.com,franciscoebf@algartecnologia.com.br,lauravx@algartech.com</t>
  </si>
  <si>
    <t>10/23/2019 17:21:12</t>
  </si>
  <si>
    <t>10/23/2019 17:25:16</t>
  </si>
  <si>
    <t>10/23/2019 17:22:15</t>
  </si>
  <si>
    <t>10/23/2019 17:26:17</t>
  </si>
  <si>
    <t>ACOMPANHAMENTO-AGENTE-LUAN.xlsx</t>
  </si>
  <si>
    <t>10/23/2019 17:24:25</t>
  </si>
  <si>
    <t>10/23/2019 17:27:16</t>
  </si>
  <si>
    <t>10/23/2019 17:25:45</t>
  </si>
  <si>
    <t>10/23/2019 17:29:16</t>
  </si>
  <si>
    <t>alinedsdi@algartech.com;</t>
  </si>
  <si>
    <t>PRÉVIA CLIENTES - OUT.19.xlsx</t>
  </si>
  <si>
    <t>alinedsdi@algartech.com</t>
  </si>
  <si>
    <t>10/23/2019 17:27:30</t>
  </si>
  <si>
    <t>10/23/2019 17:30:16</t>
  </si>
  <si>
    <t>OS_5775_TIMCELULARS.A_7_FaturamentoAceitaÃ§Ã£odeSiteTLEBa_SeJulho2019 (1).xlsx</t>
  </si>
  <si>
    <t>10/23/2019 17:32:15</t>
  </si>
  <si>
    <t>10/23/2019 17:33:16</t>
  </si>
  <si>
    <t>mail.google.com/_/upload?authuser=0&amp;dcp=asu-n&amp;upload_id=AEnB2UomR54KPpb2tFng_IeKYGZ-Raywpo01Z3iMDcS4N9T4noPQQU8FywZN6PLRirZWpRLjri9rVBQu1zbTvVgiFFzEDEh25J_v3NPprx9drFeSk-xjrHg&amp;upload_protocol=resumable</t>
  </si>
  <si>
    <t>10/23/2019 17:32:04</t>
  </si>
  <si>
    <t>10/23/2019 17:37:16</t>
  </si>
  <si>
    <t>CAPEX 2020 rampa por CNPJ</t>
  </si>
  <si>
    <t>CAPEX_2020 - Cenário2_LGPD_ERP_saving.xlsx</t>
  </si>
  <si>
    <t>10/23/2019 17:34:21</t>
  </si>
  <si>
    <t>10/23/2019 17:39:16</t>
  </si>
  <si>
    <t>mail.google.com/_/upload?authuser=1&amp;dcp=asu-n&amp;upload_id=AEnB2UpktfTfgEEJWisuTyxNtlbJmSIqIJ9KMPo-7AGWQlwr5B4HotXkPMhY2ocjrzLatvD5bFvppT6NtspjmWKQyP0LhkrgAM37kVurFNV5p_c3Ba1cUEE&amp;upload_protocol=resumable</t>
  </si>
  <si>
    <t>Aceitação_Faturamentos.xlsx</t>
  </si>
  <si>
    <t>10/23/2019 17:39:49</t>
  </si>
  <si>
    <t>10/23/2019 17:41:16</t>
  </si>
  <si>
    <t>10/23/2019 17:39:00</t>
  </si>
  <si>
    <t>ENC: Análise de ferramenta SAC</t>
  </si>
  <si>
    <t>Cópia de Casos de Teste Electrolux - TESTES 1 e 2 Correção.xlsx</t>
  </si>
  <si>
    <t>10/23/2019 17:42:09</t>
  </si>
  <si>
    <t>10/23/2019 17:45:16</t>
  </si>
  <si>
    <t>10/23/2019 17:43:21</t>
  </si>
  <si>
    <t>10/23/2019 17:46:16</t>
  </si>
  <si>
    <t>Indicadores</t>
  </si>
  <si>
    <t>Indicadores outubro.xlsx</t>
  </si>
  <si>
    <t>10/23/2019 17:52:29</t>
  </si>
  <si>
    <t>10/23/2019 17:53:17</t>
  </si>
  <si>
    <t>Aceitação Junho / Outubro</t>
  </si>
  <si>
    <t>Relatorio_OS - 2019-10-23T152346.083.xlsb</t>
  </si>
  <si>
    <t>10/23/2019 17:54:46</t>
  </si>
  <si>
    <t>10/23/2019 17:56:16</t>
  </si>
  <si>
    <t>mail.google.com/_/upload?authuser=0&amp;dcp=asu-n&amp;upload_id=AEnB2UrfirkwTpzWTa4DcV3nXEeYVkWdr3AapzWyl8YWKf3GFDzrfHNcNDOSi0i9SV6_5zb6eeIQ1fjo3i6XCy6dnijo1Qdf3AGo2o9ZdzyVBWi_obb9_-Y&amp;upload_protocol=resumable</t>
  </si>
  <si>
    <t>douglas.vidal@dell.com;fabio.faria@dell.com;vahid.saly@dell.com;</t>
  </si>
  <si>
    <t>Detalhamento_de_itens_-_ARMAZENAMENTO_DE_DADOS_STORAGE_E_BACKUP_Classificado (1) (1).xlsx</t>
  </si>
  <si>
    <t>douglas.vidal@dell.com,fabio.faria@dell.com,vahid.saly@dell.com</t>
  </si>
  <si>
    <t>10/23/2019 17:57:12</t>
  </si>
  <si>
    <t>10/23/2019 17:59:16</t>
  </si>
  <si>
    <t>Provisão Complementar Algar Telecom - Out.19</t>
  </si>
  <si>
    <t>RECEITAMENTO - INTERCOMPANY - COMPLEMENTAR.xlsm</t>
  </si>
  <si>
    <t>10/23/2019 17:54:38</t>
  </si>
  <si>
    <t>alexandre.valente@genesys.com;brenocfm@algartech.com;carloselo@algartech.com;edgar.suarez@genesys.com;fernando.dias@genesys.com;gabrielle_g_esteves@whirlpool.com;joaobab@algartech.com;luizccga@algartech.com;marceloab@algartech.com;maria.trovatto@genesys.com;martin.ocana@genesys.com;michelro@algartech.com;renato.matos@genesys.com;ricardo.pacheco@genesys.com;rondinelesa@algartech.com;ruidrt@algartech.com;</t>
  </si>
  <si>
    <t>AlgarUraEntradav2_1.xlsx</t>
  </si>
  <si>
    <t>alexandre.valente@genesys.com,brenocfm@algartech.com,carloselo@algartech.com,edgar.suarez@genesys.com,fernando.dias@genesys.com,gabrielle_g_esteves@whirlpool.com,joaobab@algartech.com,luizccga@algartech.com,marceloab@algartech.com,maria.trovatto@genesys.com,martin.ocana@genesys.com,michelro@algartech.com,renato.matos@genesys.com,ricardo.pacheco@genesys.com,rondinelesa@algartech.com,ruidrt@algartech.com</t>
  </si>
  <si>
    <t>10/23/2019 17:59:53</t>
  </si>
  <si>
    <t>10/23/2019 18:02:16</t>
  </si>
  <si>
    <t>mail.google.com/_/upload?authuser=0&amp;dcp=asu-n&amp;upload_id=AEnB2UpnTMfoRUDPyOsNbZIfFP8slVXQqim6lcWkq_0NsxppMdEP9cLMEj-G6TyEwDzxGoapxJjKYXN36n91c_pCBxKzNTYCKq6xXsn4hYtsJ9w9W_9C_bc&amp;upload_protocol=resumable</t>
  </si>
  <si>
    <t>Lista_Membros_Grupos_Organizado-Corrigido.csv</t>
  </si>
  <si>
    <t>10/23/2019 17:59:54</t>
  </si>
  <si>
    <t>mail.google.com/_/upload?authuser=0&amp;dcp=asu-n&amp;upload_id=AEnB2Uqdyunh6u05xuhjP0-JUsKoI3Ua1joZuI3jjyxLYQVjzoUVF4aTEsJsHgiDIOCDw701Fupm3lpBcsaXBzj45fLA5VxFkWB1d_S-Les_XnCKrOQFvrA&amp;upload_protocol=resumable</t>
  </si>
  <si>
    <t>Lista_Membros_Grupos_Organizado.csv</t>
  </si>
  <si>
    <t>10/23/2019 18:01:23</t>
  </si>
  <si>
    <t>10/23/2019 18:04:17</t>
  </si>
  <si>
    <t>/o=exchangelabs/ou=exchange administrative group (fydibohf23spdlt)/cn=recipients/cn=2f4bb3276da2464096fd9ebe23e1d908-marla jorda;/o=exchangelabs/ou=exchange administrative group (fydibohf23spdlt)/cn=recipients/cn=8448bc0d964c4200bf3bd8bd54310da1-kesley isai;/o=exchangelabs/ou=exchange administrative group (fydibohf23spdlt)/cn=recipients/cn=856a40c11c264d9e82bdecf4c7271e0c-andrea carv;/o=exchangelabs/ou=exchange administrative group (fydibohf23spdlt)/cn=recipients/cn=f0e6b231679d41b89fbbc682e6e3a6ca-daiane barb;</t>
  </si>
  <si>
    <t>ENC: Análise RD Habitacional</t>
  </si>
  <si>
    <t>RD HABITACIONAL.xlsb</t>
  </si>
  <si>
    <t>/o=exchangelabs/ou=exchange administrative group (fydibohf23spdlt)/cn=recipients/cn=2f4bb3276da2464096fd9ebe23e1d908-marla jorda,/o=exchangelabs/ou=exchange administrative group (fydibohf23spdlt)/cn=recipients/cn=8448bc0d964c4200bf3bd8bd54310da1-kesley isai,/o=exchangelabs/ou=exchange administrative group (fydibohf23spdlt)/cn=recipients/cn=856a40c11c264d9e82bdecf4c7271e0c-andrea carv,/o=exchangelabs/ou=exchange administrative group (fydibohf23spdlt)/cn=recipients/cn=f0e6b231679d41b89fbbc682e6e3a6ca-daiane barb</t>
  </si>
  <si>
    <t>10/23/2019 18:10:17</t>
  </si>
  <si>
    <t>10/23/2019 18:12:16</t>
  </si>
  <si>
    <t>Base Distribuição 2018v4 2210 - Cópia.xlsx</t>
  </si>
  <si>
    <t>10/23/2019 18:12:23</t>
  </si>
  <si>
    <t>10/23/2019 18:14:16</t>
  </si>
  <si>
    <t>/o=exchangelabs/ou=exchange administrative group (fydibohf23spdlt)/cn=recipients/cn=43cb74e00d3c492dbb631ee85133ea99-pre vendas;/o=exchangelabs/ou=exchange administrative group (fydibohf23spdlt)/cn=recipients/cn=56c2af2d07fd48c0aebfc00ddc006494-alessio rod;</t>
  </si>
  <si>
    <t>Check List de solução atualizado</t>
  </si>
  <si>
    <t>/o=exchangelabs/ou=exchange administrative group (fydibohf23spdlt)/cn=recipients/cn=43cb74e00d3c492dbb631ee85133ea99-pre vendas,/o=exchangelabs/ou=exchange administrative group (fydibohf23spdlt)/cn=recipients/cn=56c2af2d07fd48c0aebfc00ddc006494-alessio rod</t>
  </si>
  <si>
    <t>10/23/2019 18:19:53</t>
  </si>
  <si>
    <t>10/23/2019 18:22:17</t>
  </si>
  <si>
    <t>/o=exchangelabs/ou=exchange administrative group (fydibohf23spdlt)/cn=recipients/cn=ba307e7ec0fc4bdbb07006aa828c05f7-carina ferr;adriana.oliveira@avon.com;juan.lopes@avon.com;mayza.costa@avon.com;rosana.scalabrin@avon.com;</t>
  </si>
  <si>
    <t>RES: Atendimento Site Avon Comigo</t>
  </si>
  <si>
    <t>Login Agentes.xls</t>
  </si>
  <si>
    <t>/o=exchangelabs/ou=exchange administrative group (fydibohf23spdlt)/cn=recipients/cn=ba307e7ec0fc4bdbb07006aa828c05f7-carina ferr,adriana.oliveira@avon.com,juan.lopes@avon.com,mayza.costa@avon.com,rosana.scalabrin@avon.com</t>
  </si>
  <si>
    <t>10/23/2019 18:25:26</t>
  </si>
  <si>
    <t>10/23/2019 18:27:17</t>
  </si>
  <si>
    <t>10/23/2019 18:23:31</t>
  </si>
  <si>
    <t>ythiakarla@yahoo.com.br,</t>
  </si>
  <si>
    <t>mail.yahoo.com/ws/v3/batch?name=messages.saveV3&amp;hash=59c95e50&amp;appId=YMailNorrin&amp;ymreqid=43f93af7-0483-b13d-1c6b-210026014100&amp;wssid=.NbnMNq3AX4</t>
  </si>
  <si>
    <t>elinconpa@gmail.com;</t>
  </si>
  <si>
    <t>C:\Users\ythiakgm\Desktop\</t>
  </si>
  <si>
    <t>Riscos.xlsx</t>
  </si>
  <si>
    <t>elinconpa@gmail.com</t>
  </si>
  <si>
    <t>10/23/2019 18:30:20</t>
  </si>
  <si>
    <t>10/23/2019 18:32:17</t>
  </si>
  <si>
    <t>TI 2018 p Volume 2020.xlsx</t>
  </si>
  <si>
    <t>10/23/2019 18:30:41</t>
  </si>
  <si>
    <t>10/23/2019 18:35:16</t>
  </si>
  <si>
    <t>Enviando email: TB_CONSOLIDACAO.xlsx</t>
  </si>
  <si>
    <t>10/23/2019 18:50:30</t>
  </si>
  <si>
    <t>10/23/2019 18:52:17</t>
  </si>
  <si>
    <t>Volume 2020 c Engeset 2310.xlsx</t>
  </si>
  <si>
    <t>10/23/2019 18:49:42</t>
  </si>
  <si>
    <t>10/23/2019 18:54:16</t>
  </si>
  <si>
    <t>/o=exchangelabs/ou=exchange administrative group (fydibohf23spdlt)/cn=recipients/cn=004fbe04a76042fda28a404cff30f61b-vinicius ma;/o=exchangelabs/ou=exchange administrative group (fydibohf23spdlt)/cn=recipients/cn=010c9ad8a2ca4b90b7642d039dda856e-karolyne ca;/o=exchangelabs/ou=exchange administrative group (fydibohf23spdlt)/cn=recipients/cn=03acaa56b67845d8bec40a4ff38b7a32-lucas ribei;/o=exchangelabs/ou=exchange administrative group (fydibohf23spdlt)/cn=recipients/cn=2c2ca45b5e45440cb13172a7e4ee8b8f-gustavo mac;delair.silva@caixaseguradora.com.br;</t>
  </si>
  <si>
    <t>ENC: ERRATA: Residencial , Consórcio , Vida e Previdência</t>
  </si>
  <si>
    <t>Relatório de Vendas.xlsx</t>
  </si>
  <si>
    <t>/o=exchangelabs/ou=exchange administrative group (fydibohf23spdlt)/cn=recipients/cn=004fbe04a76042fda28a404cff30f61b-vinicius ma,/o=exchangelabs/ou=exchange administrative group (fydibohf23spdlt)/cn=recipients/cn=010c9ad8a2ca4b90b7642d039dda856e-karolyne ca,/o=exchangelabs/ou=exchange administrative group (fydibohf23spdlt)/cn=recipients/cn=03acaa56b67845d8bec40a4ff38b7a32-lucas ribei,/o=exchangelabs/ou=exchange administrative group (fydibohf23spdlt)/cn=recipients/cn=2c2ca45b5e45440cb13172a7e4ee8b8f-gustavo mac,delair.silva@caixaseguradora.com.br</t>
  </si>
  <si>
    <t>10/23/2019 18:58:33</t>
  </si>
  <si>
    <t>10/23/2019 19:02:16</t>
  </si>
  <si>
    <t>Volume 2020 CAPEX 2310.xlsx</t>
  </si>
  <si>
    <t>10/23/2019 19:00:40</t>
  </si>
  <si>
    <t>Volume Compras CAPEX e OPEX 2020</t>
  </si>
  <si>
    <t>10/23/2019 19:06:39</t>
  </si>
  <si>
    <t>10/23/2019 19:09:16</t>
  </si>
  <si>
    <t>10/23/2019 20:51:05</t>
  </si>
  <si>
    <t>10/23/2019 20:54:16</t>
  </si>
  <si>
    <t>10.200.61.238</t>
  </si>
  <si>
    <t>18-66-DA-FE-99-CC</t>
  </si>
  <si>
    <t>\\acsfs\deptos\DME\CME - Coordenacao de Marketing e Estrategia\Gestão de Vendas\Canais\2020\Latam\Dados Latam.rar\Dados Latam\</t>
  </si>
  <si>
    <t>ExercÃ­cio Latam 2019_AnÃ¡lise de Clientes. v5.xlsb</t>
  </si>
  <si>
    <t>\\acsfs\deptos\DME\CME - Coordenacao de Marketing e Estrategia\Gestão de Vendas\Canais\2020\Latam\Dados Latam.rar\Dados Latam\LATAM - Analise de impacto descontinuidades v5.pptx\</t>
  </si>
  <si>
    <t>10/24/2019 01:43:49</t>
  </si>
  <si>
    <t>10/24/2019 01:45:27</t>
  </si>
  <si>
    <t>/o=exchangelabs/ou=exchange administrative group (fydibohf23spdlt)/cn=recipients/cn=61132b5b7cff429480ab98ee7d813e1c-renato ferr;</t>
  </si>
  <si>
    <t>RES: Faturamento SABO - 2019</t>
  </si>
  <si>
    <t>Controle Diario_Janeiro a Setembro_2011.xls</t>
  </si>
  <si>
    <t>/o=exchangelabs/ou=exchange administrative group (fydibohf23spdlt)/cn=recipients/cn=61132b5b7cff429480ab98ee7d813e1c-renato ferr</t>
  </si>
  <si>
    <t>10/23/2019 09:20:55</t>
  </si>
  <si>
    <t>10/24/2019 07:11:29</t>
  </si>
  <si>
    <t>OPP 215449 e 193331</t>
  </si>
  <si>
    <t>TRANSACIONAL BOTI OUTUBRO.xlsx</t>
  </si>
  <si>
    <t>10/24/2019 07:30:50</t>
  </si>
  <si>
    <t>10/24/2019 07:31:29</t>
  </si>
  <si>
    <t>10/24/2019 07:46:03</t>
  </si>
  <si>
    <t>10/24/2019 07:47:29</t>
  </si>
  <si>
    <t>10.200.99.63</t>
  </si>
  <si>
    <t>Beedoo 23-10.xls</t>
  </si>
  <si>
    <t>10/24/2019 07:55:25</t>
  </si>
  <si>
    <t>10/24/2019 07:56:29</t>
  </si>
  <si>
    <t>/o=exchangelabs/ou=exchange administrative group (fydibohf23spdlt)/cn=recipients/cn=5876a52919c440598f015f22bceb7eeb-antonio car;/o=exchangelabs/ou=exchange administrative group (fydibohf23spdlt)/cn=recipients/cn=65f2464c9a2e4d2981cae7124572133d-cristiane c;/o=exchangelabs/ou=exchange administrative group (fydibohf23spdlt)/cn=recipients/cn=8c01e71056fe4e1a8ecc4e24420bd9ef-fellyp cros;aleal@timbrasil.com.br;clafdsilva@timbrasil.com.br;esantana@timbrasil.com.br;llana@timbrasil.com.br;mborboleta@timbrasil.com.br;ppaternina@timbrasil.com.br;qgouveia@timbrasil.com.br;</t>
  </si>
  <si>
    <t>RES: Devolução - Relação de baixo giro - Algar BH</t>
  </si>
  <si>
    <t>TRANSFERÊNCIA 1405097.msg\s1\</t>
  </si>
  <si>
    <t>/o=exchangelabs/ou=exchange administrative group (fydibohf23spdlt)/cn=recipients/cn=5876a52919c440598f015f22bceb7eeb-antonio car,/o=exchangelabs/ou=exchange administrative group (fydibohf23spdlt)/cn=recipients/cn=65f2464c9a2e4d2981cae7124572133d-cristiane c,/o=exchangelabs/ou=exchange administrative group (fydibohf23spdlt)/cn=recipients/cn=8c01e71056fe4e1a8ecc4e24420bd9ef-fellyp cros,aleal@timbrasil.com.br,clafdsilva@timbrasil.com.br,esantana@timbrasil.com.br,llana@timbrasil.com.br,mborboleta@timbrasil.com.br,ppaternina@timbrasil.com.br,qgouveia@timbrasil.com.br</t>
  </si>
  <si>
    <t>10/23/2019 17:50:08</t>
  </si>
  <si>
    <t>10/24/2019 07:58:29</t>
  </si>
  <si>
    <t>RES: planilha categorização</t>
  </si>
  <si>
    <t>10/23/2019 22:30:13</t>
  </si>
  <si>
    <t>10/24/2019 08:02:28</t>
  </si>
  <si>
    <t>10.200.60.153</t>
  </si>
  <si>
    <t>D8-9C-67-6F-29-7D</t>
  </si>
  <si>
    <t>Temp_Criacao_Alteracao_Inativacao_de_GH Matheus.xls</t>
  </si>
  <si>
    <t>10/23/2019 22:30:14</t>
  </si>
  <si>
    <t>Temp_Criacao_Alteracao_Inativacao_de_GH Iusley.xls</t>
  </si>
  <si>
    <t>10/23/2019 21:06:53</t>
  </si>
  <si>
    <t>10/24/2019 08:07:29</t>
  </si>
  <si>
    <t>/o=exchangelabs/ou=exchange administrative group (fydibohf23spdlt)/cn=recipients/cn=2072905e221e44cd93713caf57a4301f-roberta igi;/o=exchangelabs/ou=exchange administrative group (fydibohf23spdlt)/cn=recipients/cn=3975f847ff8048f683702df727006829-melissa bet;</t>
  </si>
  <si>
    <t>ENC: Laboratório Supervisores - Segunda MANHÃ</t>
  </si>
  <si>
    <t>/o=exchangelabs/ou=exchange administrative group (fydibohf23spdlt)/cn=recipients/cn=2072905e221e44cd93713caf57a4301f-roberta igi,/o=exchangelabs/ou=exchange administrative group (fydibohf23spdlt)/cn=recipients/cn=3975f847ff8048f683702df727006829-melissa bet</t>
  </si>
  <si>
    <t>10/24/2019 08:02:51</t>
  </si>
  <si>
    <t>10/24/2019 08:08:29</t>
  </si>
  <si>
    <t>10/24/2019 08:06:57</t>
  </si>
  <si>
    <t>Peça Oficial 2020 - Projetos - Grupo Tech_Retorno 0410 - Cópia.xlsx</t>
  </si>
  <si>
    <t>10/23/2019 20:37:42</t>
  </si>
  <si>
    <t>10/24/2019 08:12:29</t>
  </si>
  <si>
    <t>/o=exchangelabs/ou=exchange administrative group (fydibohf23spdlt)/cn=recipients/cn=8ab5e44d485043d59eb4f21463e63e6a-tays dos sa;/o=exchangelabs/ou=exchange administrative group (fydibohf23spdlt)/cn=recipients/cn=fe134ce6f7124ebfa00395a14326bd71-luciana ber;</t>
  </si>
  <si>
    <t>Prévia Financeiro - Unica</t>
  </si>
  <si>
    <t>10 - Faturamento Unica Outubro 2019.xlsb</t>
  </si>
  <si>
    <t>/o=exchangelabs/ou=exchange administrative group (fydibohf23spdlt)/cn=recipients/cn=8ab5e44d485043d59eb4f21463e63e6a-tays dos sa,/o=exchangelabs/ou=exchange administrative group (fydibohf23spdlt)/cn=recipients/cn=fe134ce6f7124ebfa00395a14326bd71-luciana ber</t>
  </si>
  <si>
    <t>10/23/2019 20:58:05</t>
  </si>
  <si>
    <t>Prévia Financeira POOL</t>
  </si>
  <si>
    <t>ENC Parcial Faturamento - CSC.msg\s1\</t>
  </si>
  <si>
    <t>10/23/2019 21:00:21</t>
  </si>
  <si>
    <t>/o=exchangelabs/ou=exchange administrative group (fydibohf23spdlt)/cn=recipients/cn=6857e7b89b5f46e3b6aed2352ac8d5ac-carlos albe;/o=exchangelabs/ou=exchange administrative group (fydibohf23spdlt)/cn=recipients/cn=7f100576a0d642769861fae5d58c2022-diego barda;/o=exchangelabs/ou=exchange administrative group (fydibohf23spdlt)/cn=recipients/cn=8ab5e44d485043d59eb4f21463e63e6a-tays dos sa;/o=exchangelabs/ou=exchange administrative group (fydibohf23spdlt)/cn=recipients/cn=b1a72fc2d0234efca84c7771ea70c7ee-roberta cri;</t>
  </si>
  <si>
    <t>ENC: Previa Toyota</t>
  </si>
  <si>
    <t>10 - Faturamento Toyota Mobility.xlsb</t>
  </si>
  <si>
    <t>/o=exchangelabs/ou=exchange administrative group (fydibohf23spdlt)/cn=recipients/cn=6857e7b89b5f46e3b6aed2352ac8d5ac-carlos albe,/o=exchangelabs/ou=exchange administrative group (fydibohf23spdlt)/cn=recipients/cn=7f100576a0d642769861fae5d58c2022-diego barda,/o=exchangelabs/ou=exchange administrative group (fydibohf23spdlt)/cn=recipients/cn=8ab5e44d485043d59eb4f21463e63e6a-tays dos sa,/o=exchangelabs/ou=exchange administrative group (fydibohf23spdlt)/cn=recipients/cn=b1a72fc2d0234efca84c7771ea70c7ee-roberta cri</t>
  </si>
  <si>
    <t>10/23/2019 21:05:09</t>
  </si>
  <si>
    <t>ENC: Laboratório Supervisores - Segunda TARDE</t>
  </si>
  <si>
    <t>Turma 28-10 TARDE.xlsx</t>
  </si>
  <si>
    <t>10/24/2019 08:18:24</t>
  </si>
  <si>
    <t>10/24/2019 08:22:29</t>
  </si>
  <si>
    <t>Planilha Garrafa atualizada.xlsx</t>
  </si>
  <si>
    <t>10/23/2019 08:51:58</t>
  </si>
  <si>
    <t>10/24/2019 08:30:29</t>
  </si>
  <si>
    <t>/o=exchangelabs/ou=exchange administrative group (fydibohf23spdlt)/cn=recipients/cn=1e45e12566d4418ba0325de92fea64a4-akassia bez;/o=exchangelabs/ou=exchange administrative group (fydibohf23spdlt)/cn=recipients/cn=2b69c7de1a3641269a7eed0596e1ddc2-wayner oliv;/o=exchangelabs/ou=exchange administrative group (fydibohf23spdlt)/cn=recipients/cn=3bff4ffb267e4ea2a4a3347f6a4c5cf8-tatiane mag;/o=exchangelabs/ou=exchange administrative group (fydibohf23spdlt)/cn=recipients/cn=4097402e2d3e4073b597d33928140586-paulo sergi;/o=exchangelabs/ou=exchange administrative group (fydibohf23spdlt)/cn=recipients/cn=42aadbe8775e4c2cb37c145f9d092a4e-carlos west;/o=exchangelabs/ou=exchange administrative group (fydibohf23spdlt)/cn=recipients/cn=55124587bb9148f5887830eedfe99a77-marilia men;/o=exchangelabs/ou=exchange administrative group (fydibohf23spdlt)/cn=recipients/cn=5f81fe805d734dda80651a0797d779be-paulo cesar;/o=exchangelabs/ou=exchange administrative group (fydibohf23spdlt)/cn=recipients/cn=9e20ba3b6afd447db98f75fb7bdc7037-fran</t>
  </si>
  <si>
    <t>PENALIDADES E EXCEDENTES DE AGOSTO 2019- CONSOLIDADO</t>
  </si>
  <si>
    <t>Cabos LD - Agosto 2019.xlsx</t>
  </si>
  <si>
    <t>/o=exchangelabs/ou=exchange administrative group (fydibohf23spdlt)/cn=recipients/cn=1e45e12566d4418ba0325de92fea64a4-akassia bez,/o=exchangelabs/ou=exchange administrative group (fydibohf23spdlt)/cn=recipients/cn=2b69c7de1a3641269a7eed0596e1ddc2-wayner oliv,/o=exchangelabs/ou=exchange administrative group (fydibohf23spdlt)/cn=recipients/cn=3bff4ffb267e4ea2a4a3347f6a4c5cf8-tatiane mag,/o=exchangelabs/ou=exchange administrative group (fydibohf23spdlt)/cn=recipients/cn=4097402e2d3e4073b597d33928140586-paulo sergi,/o=exchangelabs/ou=exchange administrative group (fydibohf23spdlt)/cn=recipients/cn=42aadbe8775e4c2cb37c145f9d092a4e-carlos west,/o=exchangelabs/ou=exchange administrative group (fydibohf23spdlt)/cn=recipients/cn=55124587bb9148f5887830eedfe99a77-marilia men,/o=exchangelabs/ou=exchange administrative group (fydibohf23spdlt)/cn=recipients/cn=5f81fe805d734dda80651a0797d779be-paulo cesar,/o=exchangelabs/ou=exchange administrative group (fydibohf23spdlt)/cn=recipients/cn=9e20ba3b6afd447db98f75fb7bdc7037-fran</t>
  </si>
  <si>
    <t>10/23/2019 13:29:18</t>
  </si>
  <si>
    <t>10/23/2019 13:55:06</t>
  </si>
  <si>
    <t>AÇOES.xlsx</t>
  </si>
  <si>
    <t>E:\INVESTIMENTOS\AÇOES.xlsx</t>
  </si>
  <si>
    <t>10/23/2019 13:55:23</t>
  </si>
  <si>
    <t>10/23/2019 15:36:20</t>
  </si>
  <si>
    <t>/o=exchangelabs/ou=exchange administrative group (fydibohf23spdlt)/cn=recipients/cn=1e45e12566d4418ba0325de92fea64a4-akassia bez;/o=exchangelabs/ou=exchange administrative group (fydibohf23spdlt)/cn=recipients/cn=35600680776041e0b2e3612c7a4448ea-laura venan;/o=exchangelabs/ou=exchange administrative group (fydibohf23spdlt)/cn=recipients/cn=9e20ba3b6afd447db98f75fb7bdc7037-francisco e;/o=exchangelabs/ou=exchange administrative group (fydibohf23spdlt)/cn=recipients/cn=e8a8131dc3334dc38d81db3d2a41a3fe-denise viei;</t>
  </si>
  <si>
    <t>ACEITAÇÃO DE SITES</t>
  </si>
  <si>
    <t>ALGAR 20191009.xlsx</t>
  </si>
  <si>
    <t>/o=exchangelabs/ou=exchange administrative group (fydibohf23spdlt)/cn=recipients/cn=1e45e12566d4418ba0325de92fea64a4-akassia bez,/o=exchangelabs/ou=exchange administrative group (fydibohf23spdlt)/cn=recipients/cn=35600680776041e0b2e3612c7a4448ea-laura venan,/o=exchangelabs/ou=exchange administrative group (fydibohf23spdlt)/cn=recipients/cn=9e20ba3b6afd447db98f75fb7bdc7037-francisco e,/o=exchangelabs/ou=exchange administrative group (fydibohf23spdlt)/cn=recipients/cn=e8a8131dc3334dc38d81db3d2a41a3fe-denise viei</t>
  </si>
  <si>
    <t>10/23/2019 15:50:50</t>
  </si>
  <si>
    <t>ENC: ACEITAÇÃO DE SITES</t>
  </si>
  <si>
    <t>10/23/2019 17:46:38</t>
  </si>
  <si>
    <t>ENC: ACEITAÇÃO DE SITES SETEMBRO</t>
  </si>
  <si>
    <t>TSP SETEMBRO 19.xlsx</t>
  </si>
  <si>
    <t>10/24/2019 08:36:14</t>
  </si>
  <si>
    <t>10/24/2019 08:40:29</t>
  </si>
  <si>
    <t>ENC: Aceitação de Site Aceito TIM mês de Setembro_2019 TBS</t>
  </si>
  <si>
    <t>9-Faturamento Aceitação de Site TLE Ba_Se Setembro2019.xlsx</t>
  </si>
  <si>
    <t>10/24/2019 08:37:43</t>
  </si>
  <si>
    <t>10/24/2019 08:43:29</t>
  </si>
  <si>
    <t>10/24/2019 08:37:56</t>
  </si>
  <si>
    <t>10/24/2019 08:48:12</t>
  </si>
  <si>
    <t>10/24/2019 08:55:30</t>
  </si>
  <si>
    <t>10/23/2019 10:41:56</t>
  </si>
  <si>
    <t>10/24/2019 09:06:31</t>
  </si>
  <si>
    <t>10/23/2019 11:31:26</t>
  </si>
  <si>
    <t>/o=exchangelabs/ou=exchange administrative group (fydibohf23spdlt)/cn=recipients/cn=3d559cad8a6b4c9ba2e512604e1484a2-marcelo mal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b194f014572c4c36b52132f9199df1aa-jairo junio;</t>
  </si>
  <si>
    <t>ENC: Urgente - Whirlpool</t>
  </si>
  <si>
    <t>Whirpool - Plan Precificacao C017 B017 - Projeto Full 23_10_2019.xlsb</t>
  </si>
  <si>
    <t>/o=exchangelabs/ou=exchange administrative group (fydibohf23spdlt)/cn=recipients/cn=3d559cad8a6b4c9ba2e512604e1484a2-marcelo mal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b194f014572c4c36b52132f9199df1aa-jairo junio</t>
  </si>
  <si>
    <t>10/24/2019 09:10:41</t>
  </si>
  <si>
    <t>10/24/2019 09:11:31</t>
  </si>
  <si>
    <t>ENC: Treinamento Assurant Televendas</t>
  </si>
  <si>
    <t>10/23/2019 17:06:40</t>
  </si>
  <si>
    <t>10/24/2019 09:13:30</t>
  </si>
  <si>
    <t>ENC: **** URGENTE: Apresentação Electrolux - Revisão Volumetria</t>
  </si>
  <si>
    <t>Cópia de Rampa Final (Reprojeção e Small)_V3.5.xlsx</t>
  </si>
  <si>
    <t>10/24/2019 09:15:54</t>
  </si>
  <si>
    <t>10/24/2019 09:18:31</t>
  </si>
  <si>
    <t>Peça Oficial 2020 - Projetos - Grupo Tech_Retorno 2410.xlsx</t>
  </si>
  <si>
    <t>10/24/2019 09:15:55</t>
  </si>
  <si>
    <t>Peça Oficial 2020 - Projetos - Grupo Tech.xlsx</t>
  </si>
  <si>
    <t>10/24/2019 09:18:57</t>
  </si>
  <si>
    <t>10/24/2019 09:20:31</t>
  </si>
  <si>
    <t>murilo.escobar@savisdefesa.com.br;ricardo.romano@savisdefesa.com.br;</t>
  </si>
  <si>
    <t>RES: Atualização responsável de infraestrutura Savis</t>
  </si>
  <si>
    <t>Savis - Relação de autorizados.xlsx</t>
  </si>
  <si>
    <t>murilo.escobar@savisdefesa.com.br,ricardo.romano@savisdefesa.com.br</t>
  </si>
  <si>
    <t>10/17/2019 09:23:30</t>
  </si>
  <si>
    <t>10/24/2019 09:21:32</t>
  </si>
  <si>
    <t>10.200.36.237</t>
  </si>
  <si>
    <t>2019-10 - Luane Sobrinho - Copia.xlsx</t>
  </si>
  <si>
    <t>10/17/2019 10:23:04</t>
  </si>
  <si>
    <t>C:\Users\camilat\OneDrive - Grupo Algar\GERENCIAL\Analise Promoção\</t>
  </si>
  <si>
    <t>Previa Alteração Financeira - Projetos PJ - 2019 - Justificativas.xlsx</t>
  </si>
  <si>
    <t>10/17/2019 10:35:13</t>
  </si>
  <si>
    <t>camilat@algartech.com</t>
  </si>
  <si>
    <t>10/17/2019 10:35:17</t>
  </si>
  <si>
    <t>mail.google.com/_/upload?authuser=0&amp;dcp=asu-n&amp;upload_id=AEnB2UoIchbaKJVXC-hAEwspjSONl6QbMH3ruydD1jQcf8Eda4WQfFdf-To33a36IzOugj7xW0Kd1Xe3YgRRuG91QGyH01_KXycVhb92LrSsdOVJUOHp9LQ&amp;upload_protocol=resumable</t>
  </si>
  <si>
    <t>10/21/2019 09:16:40</t>
  </si>
  <si>
    <t>C:\Users\camilat\Desktop\Necessidade Migração Onda Full .msg\s1\</t>
  </si>
  <si>
    <t>Onda Full Necessidade.xlsx</t>
  </si>
  <si>
    <t>10/21/2019 13:51:12</t>
  </si>
  <si>
    <t>C:\Users\camilat\Desktop\</t>
  </si>
  <si>
    <t>Painel de Capacity 21 10 19.xlsm</t>
  </si>
  <si>
    <t>10/21/2019 14:58:38</t>
  </si>
  <si>
    <t>C:\Users\camilat\OneDrive - Grupo Algar\TALENTOS HUMANOS - DOCS\</t>
  </si>
  <si>
    <t>Solicitações de Férias Irregulares - SCHEILA - S ABONO - Copia.xls</t>
  </si>
  <si>
    <t>10/21/2019 15:04:40</t>
  </si>
  <si>
    <t>Solicitações de Férias Irregulares - Bruna Silva Oliveira.xls</t>
  </si>
  <si>
    <t>10/21/2019 17:22:48</t>
  </si>
  <si>
    <t>10/21/2019 17:43:06</t>
  </si>
  <si>
    <t>bruna.vernalha@bradesco.com.br;danieldom@algartech.com;denisev.carvalho@bradesco.com.br;robertacmf@algartech.com;saramfg@algartech.com;tatiana.bueno@bradesco.com.br;vanessa.crisan.santos@bradesco.com.br;vivianercu@algartech.com;</t>
  </si>
  <si>
    <t>bruna.vernalha@bradesco.com.br,danieldom@algartech.com,denisev.carvalho@bradesco.com.br,robertacmf@algartech.com,saramfg@algartech.com,tatiana.bueno@bradesco.com.br,vanessa.crisan.santos@bradesco.com.br,vivianercu@algartech.com</t>
  </si>
  <si>
    <t>Planilha de Rateio INFRA Novembro 2019.xlsx</t>
  </si>
  <si>
    <t>10/22/2019 09:29:06</t>
  </si>
  <si>
    <t>carollineraf@algartech.com;danieldom@algartech.com;lucasfra@algartech.com;tatianeeg@algartech.com;vaniakto@algartecnologia.com.br;</t>
  </si>
  <si>
    <t>Levantamento.xlsx</t>
  </si>
  <si>
    <t>carollineraf@algartech.com,danieldom@algartech.com,lucasfra@algartech.com,tatianeeg@algartech.com,vaniakto@algartecnologia.com.br</t>
  </si>
  <si>
    <t>10/22/2019 09:29:08</t>
  </si>
  <si>
    <t>mail.google.com/_/upload?authuser=0&amp;dcp=asu-n&amp;upload_id=AEnB2UqCiwlHm2DnV-7QDp-ZWRnzzlVDDgY2VxcxTHu9nkq6xm87nbCMpSPEUUCUsgExQHOl_gPd1dKcdPK56JECAA0LdFEzLMPqyDtS68jgpQST5Em6TKA&amp;upload_protocol=resumable</t>
  </si>
  <si>
    <t>10/22/2019 10:09:14</t>
  </si>
  <si>
    <t>C:\Users\camilat\OneDrive - Grupo Algar\GERENCIAL\Departamental\</t>
  </si>
  <si>
    <t>Departamental - SETEMBRO 2019.xlsx</t>
  </si>
  <si>
    <t>10/22/2019 10:09:49</t>
  </si>
  <si>
    <t>C:\Users\camilat\Downloads\</t>
  </si>
  <si>
    <t>00_Template Recuperação de Custos_Modelo.xlsx</t>
  </si>
  <si>
    <t>10/22/2019 10:09:51</t>
  </si>
  <si>
    <t>mail.google.com/_/upload?authuser=0&amp;dcp=asu-n&amp;upload_id=AEnB2UoAl-boYCi3kOveePMP6YRHdvHhnYWQIf4S0TmTRJ2J5rH69I7z_Sm34H6C0ncA6AZm2BzHzD6YAKr8bfKJtSOiCLwOL9bHt66e412grmCZYNcOcUg&amp;upload_protocol=resumable</t>
  </si>
  <si>
    <t>10/22/2019 11:39:41</t>
  </si>
  <si>
    <t>10/22/2019 11:39:44</t>
  </si>
  <si>
    <t>mail.google.com/_/upload?authuser=0&amp;dcp=asu-n&amp;upload_id=AEnB2UoGQbX_iryInoXpfzuPEFgQafgORY1H-ldfy0rOjj7thBK7_15GqhEpyISIBl606pjw26tQqtj0etIiuYnwOOOkqz4NiPV1Ql3VMdLNxe5zlTbga2E&amp;upload_protocol=resumable</t>
  </si>
  <si>
    <t>mail.google.com/_/upload?authuser=0&amp;dcp=asu-n&amp;upload_id=AEnB2UqjfaC9ZXfUx7bd7nFSGbk5N-mvDhZsTuOKmgJynsczQk5VLjm-lHR_IIplKq3Yl8pIwdiXZX_agiBcvmsOGDSMeZRzfg5ZurKV3a_7X_pZJ4JXzks&amp;upload_protocol=resumable</t>
  </si>
  <si>
    <t>10/22/2019 11:48:36</t>
  </si>
  <si>
    <t>10/22/2019 11:48:39</t>
  </si>
  <si>
    <t>10/24/2019 09:18:43</t>
  </si>
  <si>
    <t>10/24/2019 09:25:31</t>
  </si>
  <si>
    <t>10/24/2019 09:21:55</t>
  </si>
  <si>
    <t>10/24/2019 09:27:31</t>
  </si>
  <si>
    <t>10.200.67.135</t>
  </si>
  <si>
    <t>/o=exchangelabs/ou=exchange administrative group (fydibohf23spdlt)/cn=recipients/cn=527a6ea2abb24debb0ca3e2cac9b14eb-camilla rod;/o=exchangelabs/ou=exchange administrative group (fydibohf23spdlt)/cn=recipients/cn=a19b321d5b334e5aadd5d63abdb84bd8-karine fern;/o=exchangelabs/ou=exchange administrative group (fydibohf23spdlt)/cn=recipients/cn=db4783aa152745d2a683beb0f57fe5d4-rai carlos;</t>
  </si>
  <si>
    <t>/o=exchangelabs/ou=exchange administrative group (fydibohf23spdlt)/cn=recipients/cn=527a6ea2abb24debb0ca3e2cac9b14eb-camilla rod,/o=exchangelabs/ou=exchange administrative group (fydibohf23spdlt)/cn=recipients/cn=a19b321d5b334e5aadd5d63abdb84bd8-karine fern,/o=exchangelabs/ou=exchange administrative group (fydibohf23spdlt)/cn=recipients/cn=db4783aa152745d2a683beb0f57fe5d4-rai carlos</t>
  </si>
  <si>
    <t>10/24/2019 09:25:51</t>
  </si>
  <si>
    <t>10/24/2019 09:29:31</t>
  </si>
  <si>
    <t>ENC: Previa Outubro</t>
  </si>
  <si>
    <t>Previa Outubro..xlsm</t>
  </si>
  <si>
    <t>10/24/2019 09:28:33</t>
  </si>
  <si>
    <t>10/24/2019 09:31:31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5694f7d2b5fa4976af2d1dc576e3b544-louany barb;/o=exchangelabs/ou=exchange administrative group (fydibohf23spdlt)/cn=recipients/cn=f4de30cd53104832ac10bc8c610e453e-gustavo pae;laralorravm@hotmail.com;</t>
  </si>
  <si>
    <t>4ª Semana de Monitorias de Outubro</t>
  </si>
  <si>
    <t>4ª semana Outubro Qualidade monitorias.xlsx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5694f7d2b5fa4976af2d1dc576e3b544-louany barb,/o=exchangelabs/ou=exchange administrative group (fydibohf23spdlt)/cn=recipients/cn=f4de30cd53104832ac10bc8c610e453e-gustavo pae,laralorravm@hotmail.com</t>
  </si>
  <si>
    <t>10/24/2019 09:36:58</t>
  </si>
  <si>
    <t>10/24/2019 09:38:31</t>
  </si>
  <si>
    <t>Cópia de Importar_Quadro_Colaboradores_SinergyRH_20190913_EQUIPE UDI.xlsx</t>
  </si>
  <si>
    <t>10/24/2019 09:38:04</t>
  </si>
  <si>
    <t>10/24/2019 09:41:31</t>
  </si>
  <si>
    <t>ENC: Report Intradiário - Atendimento Algar Tech - 24/10/2019 - Acumulado até 9 hrs</t>
  </si>
  <si>
    <t>Parcial Intradiária.xlsm</t>
  </si>
  <si>
    <t>10/22/2019 13:45:05</t>
  </si>
  <si>
    <t>10.211.2.122</t>
  </si>
  <si>
    <t>10/22/2019 16:32:52</t>
  </si>
  <si>
    <t>10/22/2019 17:08:12</t>
  </si>
  <si>
    <t>10/22/2019 17:08:15</t>
  </si>
  <si>
    <t>10/22/2019 18:09:16</t>
  </si>
  <si>
    <t>10/23/2019 09:24:32</t>
  </si>
  <si>
    <t>10/23/2019 10:24:09</t>
  </si>
  <si>
    <t>10/23/2019 11:01:56</t>
  </si>
  <si>
    <t>10/23/2019 11:50:26</t>
  </si>
  <si>
    <t>C:\Users\nadiagds\OneDrive - Grupo Algar\Mesa Digital\ISD_Análise\Projeto ISD - T-systems\02-Construção\</t>
  </si>
  <si>
    <t>Projeto ISD - T-systems-Homologação do projeto.xlsx</t>
  </si>
  <si>
    <t>10/23/2019 11:53:51</t>
  </si>
  <si>
    <t>10/23/2019 11:54:24</t>
  </si>
  <si>
    <t>10/23/2019 12:10:38</t>
  </si>
  <si>
    <t>10/23/2019 12:36:41</t>
  </si>
  <si>
    <t>C:\Users\nadiagds\OneDrive - Grupo Algar\Mesa Digital\ISD_Gerência de Projetos\ISD_CRONOGRAMAS\10_LDC\</t>
  </si>
  <si>
    <t>Estimativas LDC.xlsx</t>
  </si>
  <si>
    <t>10/23/2019 13:44:03</t>
  </si>
  <si>
    <t>10/23/2019 15:05:24</t>
  </si>
  <si>
    <t>10/23/2019 15:05:30</t>
  </si>
  <si>
    <t>10/23/2019 15:13:33</t>
  </si>
  <si>
    <t>10/23/2019 15:15:03</t>
  </si>
  <si>
    <t>10/23/2019 15:23:20</t>
  </si>
  <si>
    <t>10/23/2019 15:45:15</t>
  </si>
  <si>
    <t>10/23/2019 15:45:20</t>
  </si>
  <si>
    <t>10/23/2019 16:00:23</t>
  </si>
  <si>
    <t>C:\Users\nadiagds\OneDrive - Grupo Algar\Mesa Digital\ISD_Curadoria\Dados Clientes\</t>
  </si>
  <si>
    <t>Dados Clientes_Projetos_ISD.xlsx</t>
  </si>
  <si>
    <t>10/23/2019 16:00:41</t>
  </si>
  <si>
    <t>10/23/2019 16:16:46</t>
  </si>
  <si>
    <t>10/23/2019 16:32:09</t>
  </si>
  <si>
    <t>10/24/2019 09:41:53</t>
  </si>
  <si>
    <t>10/24/2019 09:46:32</t>
  </si>
  <si>
    <t>10/24/2019 09:41:54</t>
  </si>
  <si>
    <t>10/24/2019 09:45:28</t>
  </si>
  <si>
    <t>10/24/2019 09:48:32</t>
  </si>
  <si>
    <t>10/24/2019 09:48:25</t>
  </si>
  <si>
    <t>10/24/2019 09:53:31</t>
  </si>
  <si>
    <t>10/24/2019 09:51:24</t>
  </si>
  <si>
    <t>10/24/2019 09:21:45</t>
  </si>
  <si>
    <t>10/24/2019 09:54:32</t>
  </si>
  <si>
    <t>C:\Users\fellypcsj\OneDrive - Grupo Algar\Engeset\CADASTRO FORNECEDOR EMITIR NOTA FISCAL\</t>
  </si>
  <si>
    <t>10/24/2019 09:21:46</t>
  </si>
  <si>
    <t>10/24/2019 09:22:01</t>
  </si>
  <si>
    <t>10/24/2019 09:22:08</t>
  </si>
  <si>
    <t>10/24/2019 09:30:55</t>
  </si>
  <si>
    <t>10/24/2019 09:53:50</t>
  </si>
  <si>
    <t>10/24/2019 09:58:32</t>
  </si>
  <si>
    <t>10/24/2019 09:56:46</t>
  </si>
  <si>
    <t>10/24/2019 09:54:48</t>
  </si>
  <si>
    <t>10/24/2019 09:59:32</t>
  </si>
  <si>
    <t>ENC: Resultado Parcial - até 16/10</t>
  </si>
  <si>
    <t>10/24/2019 09:58:37</t>
  </si>
  <si>
    <t>10/24/2019 10:02:32</t>
  </si>
  <si>
    <t>C:\Users\lucianafaa\OneDrive - Grupo Algar\2019\PROJETOS\CACs WEB\EXECUCAO\DE - BRADESCO_NOVA_OPERACAO_v2-10-09.docx\</t>
  </si>
  <si>
    <t>10/24/2019 10:00:04</t>
  </si>
  <si>
    <t>C:\Users\lucianafaa\OneDrive - Grupo Algar\2019\PROJETOS\CACs WEB\EXECUCAO\DE\DE - BRADESCO_NOVA_OPERACAO_v2-10-09.docx\</t>
  </si>
  <si>
    <t>10/24/2019 10:00:23</t>
  </si>
  <si>
    <t>C:\Users\lucianafaa\OneDrive - Grupo Algar\2019\PROJETOS\CACs WEB\EXECUCAO\DE\ESCOPO - CACS WEB - VCOM atualizado.msg\s1\DE - BRADESCO_NOVA_OPERACAO_v2.docx\</t>
  </si>
  <si>
    <t>10/24/2019 09:58:46</t>
  </si>
  <si>
    <t>10/24/2019 10:04:31</t>
  </si>
  <si>
    <t>C:\Users\elainemdlp\OD\_Projetos\Em andamento\Expansao Next\04 - Controle\</t>
  </si>
  <si>
    <t>Atividades_Relacionamento Cartoes BV.xlsx</t>
  </si>
  <si>
    <t>10/24/2019 09:59:50</t>
  </si>
  <si>
    <t>10/24/2019 10:05:31</t>
  </si>
  <si>
    <t>/o=exchangelabs/ou=exchange administrative group (fydibohf23spdlt)/cn=recipients/cn=fd10af9a11064fddbce61115bef21836-hannah guar;</t>
  </si>
  <si>
    <t>ENC: Auditoria SMS</t>
  </si>
  <si>
    <t>TB01_20191021_195522.xlsx</t>
  </si>
  <si>
    <t>/o=exchangelabs/ou=exchange administrative group (fydibohf23spdlt)/cn=recipients/cn=fd10af9a11064fddbce61115bef21836-hannah guar</t>
  </si>
  <si>
    <t>10/24/2019 10:06:31</t>
  </si>
  <si>
    <t>10/24/2019 10:06:27</t>
  </si>
  <si>
    <t>10/24/2019 10:08:32</t>
  </si>
  <si>
    <t>Novos_Cargos_DTD_Nova Versão_TECNOLOGIA_E_DataScience_v2.xlsx</t>
  </si>
  <si>
    <t>10/24/2019 10:06:30</t>
  </si>
  <si>
    <t>mail.google.com/_/upload?authuser=2&amp;dcp=asu-n&amp;upload_id=AEnB2UpdDPPvFj0XVF-yawdHLK5AKhjVL2Y6NtvfoRteZG5zrZlsDMwB-vw8YT-dbnj6EhrVaJ-anB6qYOc7ZvZkqjn0PlAy7A&amp;upload_protocol=resumable</t>
  </si>
  <si>
    <t>10/24/2019 10:09:31</t>
  </si>
  <si>
    <t>10/24/2019 10:10:32</t>
  </si>
  <si>
    <t>10/24/2019 10:06:24</t>
  </si>
  <si>
    <t>10/24/2019 10:11:32</t>
  </si>
  <si>
    <t>/o=exchangelabs/ou=exchange administrative group (fydibohf23spdlt)/cn=recipients/cn=0a343ab60c904ee9b25c54f941bc50a2-elincon pis;/o=exchangelabs/ou=exchange administrative group (fydibohf23spdlt)/cn=recipients/cn=0addf5d63aa844c7a80c4c80b8d6351e-edson barbo;/o=exchangelabs/ou=exchange administrative group (fydibohf23spdlt)/cn=recipients/cn=1698f5af44b14116ad2d0b751d584c7d-danilo rafa;/o=exchangelabs/ou=exchange administrative group (fydibohf23spdlt)/cn=recipients/cn=3bff4ffb267e4ea2a4a3347f6a4c5cf8-tatiane mag;</t>
  </si>
  <si>
    <t>RES: Integrações de Segurança ENEL - Acesso às ETD's</t>
  </si>
  <si>
    <t>Levantamento_Prestadores de serviço_Integração_2019_ENGESET.xlsx</t>
  </si>
  <si>
    <t>/o=exchangelabs/ou=exchange administrative group (fydibohf23spdlt)/cn=recipients/cn=0a343ab60c904ee9b25c54f941bc50a2-elincon pis,/o=exchangelabs/ou=exchange administrative group (fydibohf23spdlt)/cn=recipients/cn=0addf5d63aa844c7a80c4c80b8d6351e-edson barbo,/o=exchangelabs/ou=exchange administrative group (fydibohf23spdlt)/cn=recipients/cn=1698f5af44b14116ad2d0b751d584c7d-danilo rafa,/o=exchangelabs/ou=exchange administrative group (fydibohf23spdlt)/cn=recipients/cn=3bff4ffb267e4ea2a4a3347f6a4c5cf8-tatiane mag</t>
  </si>
  <si>
    <t>10/24/2019 10:08:05</t>
  </si>
  <si>
    <t>levantamento_prestadores de serviço_integração_2019_engeset.xlsx</t>
  </si>
  <si>
    <t>10/22/2019 22:56:29</t>
  </si>
  <si>
    <t>10/24/2019 10:13:32</t>
  </si>
  <si>
    <t>Status Caixa Preclosing 2019</t>
  </si>
  <si>
    <t>10/24/2019 10:12:51</t>
  </si>
  <si>
    <t>10/24/2019 10:15:33</t>
  </si>
  <si>
    <t>10/24/2019 10:11:13</t>
  </si>
  <si>
    <t>10/24/2019 10:16:33</t>
  </si>
  <si>
    <t>/o=exchangelabs/ou=exchange administrative group (fydibohf23spdlt)/cn=recipients/cn=1635ed1077024674b65c52767dacde9a-jullian pac;/o=exchangelabs/ou=exchange administrative group (fydibohf23spdlt)/cn=recipients/cn=1a68fd0c71d242d89abd9f9904b69653-lidianne sa;/o=exchangelabs/ou=exchange administrative group (fydibohf23spdlt)/cn=recipients/cn=6da98ab9b2254d688a75ce822637acbf-ricardo de;/o=exchangelabs/ou=exchange administrative group (fydibohf23spdlt)/cn=recipients/cn=a4ba92cba10f4fe498074594f937f3b6-leandro lop;/o=exchangelabs/ou=exchange administrative group (fydibohf23spdlt)/cn=recipients/cn=b1a72fc2d0234efca84c7771ea70c7ee-roberta cri;</t>
  </si>
  <si>
    <t>/o=exchangelabs/ou=exchange administrative group (fydibohf23spdlt)/cn=recipients/cn=1635ed1077024674b65c52767dacde9a-jullian pac,/o=exchangelabs/ou=exchange administrative group (fydibohf23spdlt)/cn=recipients/cn=1a68fd0c71d242d89abd9f9904b69653-lidianne sa,/o=exchangelabs/ou=exchange administrative group (fydibohf23spdlt)/cn=recipients/cn=6da98ab9b2254d688a75ce822637acbf-ricardo de,/o=exchangelabs/ou=exchange administrative group (fydibohf23spdlt)/cn=recipients/cn=a4ba92cba10f4fe498074594f937f3b6-leandro lop,/o=exchangelabs/ou=exchange administrative group (fydibohf23spdlt)/cn=recipients/cn=b1a72fc2d0234efca84c7771ea70c7ee-roberta cri</t>
  </si>
  <si>
    <t>10/24/2019 10:14:53</t>
  </si>
  <si>
    <t>10/24/2019 10:18:32</t>
  </si>
  <si>
    <t>10/24/2019 10:17:57</t>
  </si>
  <si>
    <t>10/24/2019 10:18:03</t>
  </si>
  <si>
    <t>10/24/2019 10:19:33</t>
  </si>
  <si>
    <t>Disparo_24.10.csv</t>
  </si>
  <si>
    <t>10/24/2019 10:22:57</t>
  </si>
  <si>
    <t>10/24/2019 10:23:33</t>
  </si>
  <si>
    <t>84 pessoas</t>
  </si>
  <si>
    <t>Cópia de Cópia de Folha_jan a set 2019.xlsx</t>
  </si>
  <si>
    <t>10/24/2019 10:22:54</t>
  </si>
  <si>
    <t>10/24/2019 10:26:33</t>
  </si>
  <si>
    <t>10/24/2019 10:22:55</t>
  </si>
  <si>
    <t>BMG_ERROS CERVELLO 17-10-19.xlsx</t>
  </si>
  <si>
    <t>10/24/2019 10:22:56</t>
  </si>
  <si>
    <t>C:\Users\nadiagds\OneDrive - Grupo Algar\Mesa Digital\ISD_Gerência de Projetos\ISD_RECUPERAÇÃO DE CUSTOS\2019\10-OUTUBRO (Inf de Setembro)\</t>
  </si>
  <si>
    <t>10_Mesa Digital_LEONARDO_CAETANO_341.xls</t>
  </si>
  <si>
    <t>10/24/2019 10:26:44</t>
  </si>
  <si>
    <t>10/24/2019 10:27:32</t>
  </si>
  <si>
    <t>RES: OKR's Canais Digitais</t>
  </si>
  <si>
    <t>Relatório Analítico Icatu.xlsx</t>
  </si>
  <si>
    <t>10/24/2019 10:26:30</t>
  </si>
  <si>
    <t>10/24/2019 10:28:33</t>
  </si>
  <si>
    <t>10/24/2019 10:28:09</t>
  </si>
  <si>
    <t>10/24/2019 10:29:32</t>
  </si>
  <si>
    <t>10/24/2019 10:27:45</t>
  </si>
  <si>
    <t>10/24/2019 10:30:33</t>
  </si>
  <si>
    <t>/o=exchangelabs/ou=exchange administrative group (fydibohf23spdlt)/cn=recipients/cn=b838a54a5a034e5e82a2b1c51fd78eaf-rafael gome;/o=exchangelabs/ou=exchange administrative group (fydibohf23spdlt)/cn=recipients/cn=d340ee7455b04eb9a8446c04a763795a-service des;murilo.escobar@savisdefesa.com.br;ricardo.romano@savisdefesa.com.br;</t>
  </si>
  <si>
    <t>/o=exchangelabs/ou=exchange administrative group (fydibohf23spdlt)/cn=recipients/cn=b838a54a5a034e5e82a2b1c51fd78eaf-rafael gome,/o=exchangelabs/ou=exchange administrative group (fydibohf23spdlt)/cn=recipients/cn=d340ee7455b04eb9a8446c04a763795a-service des,murilo.escobar@savisdefesa.com.br,ricardo.romano@savisdefesa.com.br</t>
  </si>
  <si>
    <t>10/24/2019 10:31:46</t>
  </si>
  <si>
    <t>10/24/2019 10:33:33</t>
  </si>
  <si>
    <t>C:\Users\mariannacsm\OneDrive - Grupo Algar\0- PMO-POOL\POOL\02 - Volumes CCC 2020\Volumes\</t>
  </si>
  <si>
    <t>TI 2018 p Volume 2410.xlsx</t>
  </si>
  <si>
    <t>10/24/2019 10:29:02</t>
  </si>
  <si>
    <t>/o=exchangelabs/ou=exchange administrative group (fydibohf23spdlt)/cn=recipients/cn=31530e847059489c86826d7f6601733b-yuly alejan;/o=exchangelabs/ou=exchange administrative group (fydibohf23spdlt)/cn=recipients/cn=372a4aee70df4061aed129651510b96b-raul montei;/o=exchangelabs/ou=exchange administrative group (fydibohf23spdlt)/cn=recipients/cn=3bdfcd7a3ede48d981b85e898ea82c77-pedro alfon;</t>
  </si>
  <si>
    <t>RES: Solicitud</t>
  </si>
  <si>
    <t>Carteira Consultores - Clientes Multilatinos.xlsx</t>
  </si>
  <si>
    <t>/o=exchangelabs/ou=exchange administrative group (fydibohf23spdlt)/cn=recipients/cn=31530e847059489c86826d7f6601733b-yuly alejan,/o=exchangelabs/ou=exchange administrative group (fydibohf23spdlt)/cn=recipients/cn=372a4aee70df4061aed129651510b96b-raul montei,/o=exchangelabs/ou=exchange administrative group (fydibohf23spdlt)/cn=recipients/cn=3bdfcd7a3ede48d981b85e898ea82c77-pedro alfon</t>
  </si>
  <si>
    <t>10/24/2019 10:29:41</t>
  </si>
  <si>
    <t>10/24/2019 10:29:38</t>
  </si>
  <si>
    <t>10/24/2019 10:32:39</t>
  </si>
  <si>
    <t>10/24/2019 10:29:34</t>
  </si>
  <si>
    <t>10/24/2019 10:34:33</t>
  </si>
  <si>
    <t>10/24/2019 10:32:42</t>
  </si>
  <si>
    <t>10/24/2019 10:36:32</t>
  </si>
  <si>
    <t>mail.google.com/_/upload?authuser=0&amp;dcp=asu-n&amp;upload_id=AEnB2Upr6EjTFaJIkz7wXR5z1cNfMgQJny1YSDCSvPj_52udcuz494clTmIBrQqxF12ZJG_G5RPIV0Z9Y-2q2vHXpodVtttQh0Z3AZlLPO3gC0d2mNQerYo&amp;upload_protocol=resumable</t>
  </si>
  <si>
    <t>TI_Infra TI_1ª revisão orçamentária 2019.xlsx</t>
  </si>
  <si>
    <t>10/24/2019 10:34:00</t>
  </si>
  <si>
    <t>RES: PLANILHA ATUALIZADA</t>
  </si>
  <si>
    <t>10/24/2019 10:33:21</t>
  </si>
  <si>
    <t>10/24/2019 10:52:33</t>
  </si>
  <si>
    <t>Volume 2020 OPEX c Engeset 2410.xlsx</t>
  </si>
  <si>
    <t>10/24/2019 10:35:41</t>
  </si>
  <si>
    <t>10/24/2019 10:34:44</t>
  </si>
  <si>
    <t>Volume Compras CAPEX e OPEX</t>
  </si>
  <si>
    <t>10/24/2019 10:37:49</t>
  </si>
  <si>
    <t>/o=exchangelabs/ou=exchange administrative group (fydibohf23spdlt)/cn=recipients/cn=user07db2088;pedro_b_nascimento@whirlpool.com;</t>
  </si>
  <si>
    <t>Casos de Cancelamento MAGALU</t>
  </si>
  <si>
    <t>MarketPlace - Magalu.xlsx</t>
  </si>
  <si>
    <t>/o=exchangelabs/ou=exchange administrative group (fydibohf23spdlt)/cn=recipients/cn=user07db2088,pedro_b_nascimento@whirlpool.com</t>
  </si>
  <si>
    <t>10/24/2019 10:36:44</t>
  </si>
  <si>
    <t>C:\Users\lucianafaa\OneDrive - Grupo Algar\2019\PROJETOS\CACs WEB\EXECUCAO\DE\DE - BRADESCO_NOVA_OPERACAO_v2 - Copia-10-09.docx\</t>
  </si>
  <si>
    <t>10/24/2019 10:53:32</t>
  </si>
  <si>
    <t>10/24/2019 10:38:42</t>
  </si>
  <si>
    <t>10/24/2019 10:46:53</t>
  </si>
  <si>
    <t>Formulário TTV - Criação de Agente.xlsx</t>
  </si>
  <si>
    <t>10/24/2019 10:45:24</t>
  </si>
  <si>
    <t>/o=exchangelabs/ou=exchange administrative group (fydibohf23spdlt)/cn=recipients/cn=43a054bacf514a8a9cdcb240b072cd47-cecilia mul;/o=exchangelabs/ou=exchange administrative group (fydibohf23spdlt)/cn=recipients/cn=8c89829ad534498fa4c85b5ac11174f1-suelen more;/o=exchangelabs/ou=exchange administrative group (fydibohf23spdlt)/cn=recipients/cn=d34c20e435fc44238499c0f70f47c7e5-ricardo fer;</t>
  </si>
  <si>
    <t>ENC: 216388 - GIAT - HONDA - RFP SUSTENTAÇÃO OFFICE 365</t>
  </si>
  <si>
    <t>Breakdown AMS 365.xlsx</t>
  </si>
  <si>
    <t>/o=exchangelabs/ou=exchange administrative group (fydibohf23spdlt)/cn=recipients/cn=43a054bacf514a8a9cdcb240b072cd47-cecilia mul,/o=exchangelabs/ou=exchange administrative group (fydibohf23spdlt)/cn=recipients/cn=8c89829ad534498fa4c85b5ac11174f1-suelen more,/o=exchangelabs/ou=exchange administrative group (fydibohf23spdlt)/cn=recipients/cn=d34c20e435fc44238499c0f70f47c7e5-ricardo fer</t>
  </si>
  <si>
    <t>10/24/2019 10:54:32</t>
  </si>
  <si>
    <t>10/24/2019 10:52:21</t>
  </si>
  <si>
    <t>CURVA NORMAL - 23/10/2019</t>
  </si>
  <si>
    <t>C:\Users\lucianafaa\OneDrive - Grupo Algar\2019\PROJETOS\CACs WEB\EXECUCAO\ESCOPO\PROJETO CACS WEB utilizar dados da DEEP CENTER ( CORRENTISTA e EAVM).msg\s1\DE - BRADESCO_NOVA_OPERACAO_v2 - Copia.docx\</t>
  </si>
  <si>
    <t>10/24/2019 10:52:32</t>
  </si>
  <si>
    <t>C:\Users\lucianafaa\OneDrive - Grupo Algar\2019\PROJETOS\CACs WEB\EXECUCAO\DE\DE - BRADESCO_CACSWEB_ALGAR11-09.docx\</t>
  </si>
  <si>
    <t>10/24/2019 10:44:56</t>
  </si>
  <si>
    <t>camilacsf@algartech.com;lponcioni@yahsat.com;taniacs@algartech.com;</t>
  </si>
  <si>
    <t>Listagem Suspensão.xlsx</t>
  </si>
  <si>
    <t>camilacsf@algartech.com,lponcioni@yahsat.com,taniacs@algartech.com</t>
  </si>
  <si>
    <t>10/24/2019 10:52:35</t>
  </si>
  <si>
    <t>10/24/2019 10:56:32</t>
  </si>
  <si>
    <t>/o=exchangelabs/ou=exchange administrative group (fydibohf23spdlt)/cn=recipients/cn=515d9b808d0f4fa9afcf67b343194fe8-victor edua;</t>
  </si>
  <si>
    <t>PLANILHA OM MUCS</t>
  </si>
  <si>
    <t>/o=exchangelabs/ou=exchange administrative group (fydibohf23spdlt)/cn=recipients/cn=515d9b808d0f4fa9afcf67b343194fe8-victor edua</t>
  </si>
  <si>
    <t>10/24/2019 10:47:28</t>
  </si>
  <si>
    <t>10/24/2019 10:55:57</t>
  </si>
  <si>
    <t>10.200.60.151</t>
  </si>
  <si>
    <t>mail.google.com/_/upload?authuser=0&amp;dcp=asu-n&amp;upload_id=AEnB2UqkHckP47a0kqawzVKffBZJ-RIXR3BZrg57CMaThirIxNDgud9HScBq5VfyQ8RTFg0K4cDP4DAFwviKNdcSBZf0n4Hur7Y79kbYxlDCCn56LopkYpA&amp;upload_protocol=resumable</t>
  </si>
  <si>
    <t>DL - Algar Tech.xlsx</t>
  </si>
  <si>
    <t>10/24/2019 10:47:13</t>
  </si>
  <si>
    <t>10/24/2019 10:52:24</t>
  </si>
  <si>
    <t>10/24/2019 10:55:25</t>
  </si>
  <si>
    <t>10/24/2019 10:57:33</t>
  </si>
  <si>
    <t>10/24/2019 10:55:26</t>
  </si>
  <si>
    <t>10/24/2019 10:59:33</t>
  </si>
  <si>
    <t>Listagem Suspensão - Michele.xlsx</t>
  </si>
  <si>
    <t>10/24/2019 10:58:32</t>
  </si>
  <si>
    <t>10/24/2019 11:01:33</t>
  </si>
  <si>
    <t>mail.google.com/_/upload?authuser=0&amp;dcp=asu-n&amp;upload_id=AEnB2UowW1tMh3CEZAen2rGjEiRQ_UY95UufyJXY0viM9fZ4ybouOhTLFGBV4woBclXlb2LPJVq1MP_NFihrPTM7Sgdr2hmn2SkskvMVsM_6Tf9VxtpNE60&amp;upload_protocol=resumable</t>
  </si>
  <si>
    <t>D:\AlgarTech\Planejamento_Engenharia\BPO\RFP - Oportunidade 144911 - TELEVENDAS BV - UP BRASIL ANTONIO\</t>
  </si>
  <si>
    <t>Questionamentos Algar Tech Televendas.xlsx</t>
  </si>
  <si>
    <t>10/24/2019 10:58:27</t>
  </si>
  <si>
    <t>10/24/2019 11:01:29</t>
  </si>
  <si>
    <t>10/24/2019 11:06:33</t>
  </si>
  <si>
    <t>10/24/2019 11:04:56</t>
  </si>
  <si>
    <t>10/24/2019 11:01:39</t>
  </si>
  <si>
    <t>10/24/2019 11:07:33</t>
  </si>
  <si>
    <t>/o=exchangelabs/ou=exchange administrative group (fydibohf23spdlt)/cn=recipients/cn=1a68fd0c71d242d89abd9f9904b69653-lidianne sa;/o=exchangelabs/ou=exchange administrative group (fydibohf23spdlt)/cn=recipients/cn=2946605dcf554cb389220dec598b84fa-adriano mon;/o=exchangelabs/ou=exchange administrative group (fydibohf23spdlt)/cn=recipients/cn=6da98ab9b2254d688a75ce822637acbf-ricardo de;/o=exchangelabs/ou=exchange administrative group (fydibohf23spdlt)/cn=recipients/cn=a4ba92cba10f4fe498074594f937f3b6-leandro lop;</t>
  </si>
  <si>
    <t>RES: Acesso DW</t>
  </si>
  <si>
    <t>RES Homologação indicadores receptivo - Bradesco.msg\s1261\</t>
  </si>
  <si>
    <t>/o=exchangelabs/ou=exchange administrative group (fydibohf23spdlt)/cn=recipients/cn=1a68fd0c71d242d89abd9f9904b69653-lidianne sa,/o=exchangelabs/ou=exchange administrative group (fydibohf23spdlt)/cn=recipients/cn=2946605dcf554cb389220dec598b84fa-adriano mon,/o=exchangelabs/ou=exchange administrative group (fydibohf23spdlt)/cn=recipients/cn=6da98ab9b2254d688a75ce822637acbf-ricardo de,/o=exchangelabs/ou=exchange administrative group (fydibohf23spdlt)/cn=recipients/cn=a4ba92cba10f4fe498074594f937f3b6-leandro lop</t>
  </si>
  <si>
    <t>10/24/2019 11:08:46</t>
  </si>
  <si>
    <t>10/24/2019 11:11:32</t>
  </si>
  <si>
    <t>Indicadores integrações e formações iniciais</t>
  </si>
  <si>
    <t>Treinamentos outubro(1).xls</t>
  </si>
  <si>
    <t>10/24/2019 11:10:16</t>
  </si>
  <si>
    <t>10/24/2019 11:13:17</t>
  </si>
  <si>
    <t>10/24/2019 11:16:33</t>
  </si>
  <si>
    <t>10/24/2019 11:18:58</t>
  </si>
  <si>
    <t>10/24/2019 11:21:32</t>
  </si>
  <si>
    <t>mail.google.com/_/upload?authuser=0&amp;dcp=asu-n&amp;upload_id=AEnB2UqandaznWrGK9YTcZlkSdVIqBFzyHft9m3ACaYEjI7GFnxMQ64fAHNoQxoczDTZ1ga0UFu0j59Kpyl6XOV2Uq7JaEH25YyymdzBlqCGP7OfnqgVktQ&amp;upload_protocol=resumable</t>
  </si>
  <si>
    <t>C:\Users\leonardocso\Desktop\</t>
  </si>
  <si>
    <t>Teste CSV.csv</t>
  </si>
  <si>
    <t>10/24/2019 11:25:07</t>
  </si>
  <si>
    <t>10/24/2019 11:26:32</t>
  </si>
  <si>
    <t>10/24/2019 11:25:35</t>
  </si>
  <si>
    <t>10/24/2019 11:28:32</t>
  </si>
  <si>
    <t>https://caey.fa.us2.oraclecloud.com/crmui/faces/fusewelcome?_adf.ctrl-state=16iq7ysoo2_5</t>
  </si>
  <si>
    <t>C:\Users\fabianowo.ACS\Desktop\</t>
  </si>
  <si>
    <t>10/24/2019 11:25:30</t>
  </si>
  <si>
    <t>10/24/2019 11:30:32</t>
  </si>
  <si>
    <t>10/24/2019 11:28:09</t>
  </si>
  <si>
    <t>10/24/2019 11:31:32</t>
  </si>
  <si>
    <t>10/24/2019 11:31:10</t>
  </si>
  <si>
    <t>10/24/2019 11:30:04</t>
  </si>
  <si>
    <t>10/24/2019 11:32:32</t>
  </si>
  <si>
    <t>C:\Users\mariannacsm\OneDrive - Grupo Algar\0- PMO-POOL\POOL\02 - Volumes CCC 2020\Volumes\Volume Compras CAPEX e OPEX.msg\s98\</t>
  </si>
  <si>
    <t>10/24/2019 11:28:15</t>
  </si>
  <si>
    <t>10/24/2019 11:29:37</t>
  </si>
  <si>
    <t>10/24/2019 11:34:33</t>
  </si>
  <si>
    <t>10/24/2019 11:32:35</t>
  </si>
  <si>
    <t>10/24/2019 11:37:33</t>
  </si>
  <si>
    <t>ENC: Modelo planilha cálculo IOF s/Mútuo</t>
  </si>
  <si>
    <t>Modelo calculo IOF s_Mútuo.xlsx</t>
  </si>
  <si>
    <t>10/24/2019 11:33:09</t>
  </si>
  <si>
    <t>10/24/2019 11:38:32</t>
  </si>
  <si>
    <t>10/24/2019 11:37:37</t>
  </si>
  <si>
    <t>10/24/2019 11:41:32</t>
  </si>
  <si>
    <t>10/24/2019 11:40:39</t>
  </si>
  <si>
    <t>10/24/2019 11:38:59</t>
  </si>
  <si>
    <t>10/24/2019 11:43:32</t>
  </si>
  <si>
    <t>/o=exchangelabs/ou=exchange administrative group (fydibohf23spdlt)/cn=recipients/cn=8f4e3aa524514f919832da77d1e13730-giselle nar;/o=exchangelabs/ou=exchange administrative group (fydibohf23spdlt)/cn=recipients/cn=92f840270c3143f3a4d11a96cbe1c928-marcela car;/o=exchangelabs/ou=exchange administrative group (fydibohf23spdlt)/cn=recipients/cn=a168406db08e4b3e86de955164a60cd5-robson henr;/o=exchangelabs/ou=exchange administrative group (fydibohf23spdlt)/cn=recipients/cn=c29ec9dae022497281c840087cccddec-patricia ar;/o=exchangelabs/ou=exchange administrative group (fydibohf23spdlt)/cn=recipients/cn=d6cce5a70d504cc2ad89cee834cd59a9-luciana rib;</t>
  </si>
  <si>
    <t>Estudo Mídias AVON</t>
  </si>
  <si>
    <t>Estudos_Mídias Avon.xlsx</t>
  </si>
  <si>
    <t>/o=exchangelabs/ou=exchange administrative group (fydibohf23spdlt)/cn=recipients/cn=8f4e3aa524514f919832da77d1e13730-giselle nar,/o=exchangelabs/ou=exchange administrative group (fydibohf23spdlt)/cn=recipients/cn=92f840270c3143f3a4d11a96cbe1c928-marcela car,/o=exchangelabs/ou=exchange administrative group (fydibohf23spdlt)/cn=recipients/cn=a168406db08e4b3e86de955164a60cd5-robson henr,/o=exchangelabs/ou=exchange administrative group (fydibohf23spdlt)/cn=recipients/cn=c29ec9dae022497281c840087cccddec-patricia ar,/o=exchangelabs/ou=exchange administrative group (fydibohf23spdlt)/cn=recipients/cn=d6cce5a70d504cc2ad89cee834cd59a9-luciana rib</t>
  </si>
  <si>
    <t>10/24/2019 11:47:42</t>
  </si>
  <si>
    <t>10/24/2019 11:49:32</t>
  </si>
  <si>
    <t>Comparativo Amazon 2ª Projeção x Préclosing</t>
  </si>
  <si>
    <t>Visão Executiva Receita Infra TI 2019_Edilson.xls</t>
  </si>
  <si>
    <t>10/24/2019 11:50:29</t>
  </si>
  <si>
    <t>10/24/2019 11:52:32</t>
  </si>
  <si>
    <t>10/24/2019 11:52:40</t>
  </si>
  <si>
    <t>10/24/2019 11:56:32</t>
  </si>
  <si>
    <t>10/24/2019 11:52:41</t>
  </si>
  <si>
    <t>10/24/2019 11:52:42</t>
  </si>
  <si>
    <t>10/24/2019 11:52:48</t>
  </si>
  <si>
    <t>10/24/2019 12:07:33</t>
  </si>
  <si>
    <t>10/24/2019 12:09:33</t>
  </si>
  <si>
    <t>C:\Users\elainemdlp\OD\_Projetos\Em andamento\Expansao Next\02 - Planejamento\Compras\</t>
  </si>
  <si>
    <t>10/24/2019 12:08:56</t>
  </si>
  <si>
    <t>10/24/2019 12:11:32</t>
  </si>
  <si>
    <t>C:\Users\leonoraat\OneDrive - Grupo Algar\DOCUMENTOS\FORMULÁRIOS\</t>
  </si>
  <si>
    <t>Elogios_Consolidado.xlsx</t>
  </si>
  <si>
    <t>10/24/2019 12:09:29</t>
  </si>
  <si>
    <t>Elogios Setembro</t>
  </si>
  <si>
    <t>ELOGIOS - SETEMBRO.pptx\CONTOLES INTERNOS.msg\s1\</t>
  </si>
  <si>
    <t>20190923_105246_CORP_FLEX_.xlsx</t>
  </si>
  <si>
    <t>10/24/2019 12:06:48</t>
  </si>
  <si>
    <t>/o=exchangelabs/ou=exchange administrative group (fydibohf23spdlt)/cn=recipients/cn=7d8ac9bc7bbc4c14a4465df244f19041-lauane cris;/o=exchangelabs/ou=exchange administrative group (fydibohf23spdlt)/cn=recipients/cn=a201dc4b105e45dbba6cabc753faf828-dc9404df-09;/o=exchangelabs/ou=exchange administrative group (fydibohf23spdlt)/cn=recipients/cn=a4725b7c782941fda1d1c00ae0ff9e26-camiller mo;/o=exchangelabs/ou=exchange administrative group (fydibohf23spdlt)/cn=recipients/cn=group36260156;/o=exchangelabs/ou=exchange administrative group (fydibohf23spdlt)/cn=recipients/cn=group9e43c705;</t>
  </si>
  <si>
    <t>ENC: TOP PERFORMANCE - Comunicado sobre cadastro GTH/Corporate</t>
  </si>
  <si>
    <t>Associados Caixa.xlsx</t>
  </si>
  <si>
    <t>/o=exchangelabs/ou=exchange administrative group (fydibohf23spdlt)/cn=recipients/cn=7d8ac9bc7bbc4c14a4465df244f19041-lauane cris,/o=exchangelabs/ou=exchange administrative group (fydibohf23spdlt)/cn=recipients/cn=a201dc4b105e45dbba6cabc753faf828-dc9404df-09,/o=exchangelabs/ou=exchange administrative group (fydibohf23spdlt)/cn=recipients/cn=a4725b7c782941fda1d1c00ae0ff9e26-camiller mo,/o=exchangelabs/ou=exchange administrative group (fydibohf23spdlt)/cn=recipients/cn=group36260156,/o=exchangelabs/ou=exchange administrative group (fydibohf23spdlt)/cn=recipients/cn=group9e43c705</t>
  </si>
  <si>
    <t>10/24/2019 12:11:51</t>
  </si>
  <si>
    <t>10/24/2019 12:17:34</t>
  </si>
  <si>
    <t>ENC: Volume Gerenciadas Amex e Visa - 24/10</t>
  </si>
  <si>
    <t>10/24/2019 12:16:50</t>
  </si>
  <si>
    <t>10/24/2019 12:19:34</t>
  </si>
  <si>
    <t>alinedsdi@algartech.com;claudioloa@algartech.com;eduardohca@algartech.com;gabrielbc@algartech.com;isabelafc@algartech.com;leticiagri@algartech.com;murilofds@algartech.com;patriciams@algartech.com;secorp@algartech.com;</t>
  </si>
  <si>
    <t>C:\Users\Julianarcda\Downloads\</t>
  </si>
  <si>
    <t>Cópia de Cópia de Importar_Quadro_Colaboradores_SinergyRH_20190913_EQUIPE UDI.xlsx</t>
  </si>
  <si>
    <t>alinedsdi@algartech.com,claudioloa@algartech.com,eduardohca@algartech.com,gabrielbc@algartech.com,isabelafc@algartech.com,leticiagri@algartech.com,murilofds@algartech.com,patriciams@algartech.com,secorp@algartech.com</t>
  </si>
  <si>
    <t>10/24/2019 12:38:31</t>
  </si>
  <si>
    <t>10/24/2019 12:42:33</t>
  </si>
  <si>
    <t>5 stars 24.10.csv</t>
  </si>
  <si>
    <t>10/24/2019 12:41:50</t>
  </si>
  <si>
    <t>mail.google.com/_/upload?authuser=1&amp;dcp=asu-n&amp;upload_id=AEnB2UrzdcUG18wSn9kfmeUZGj4rAzIQg_gJXXPD2D3HaFEMv1nhxwQgQILfPM-jUZmHMmaScrtgKgVvEAxlPK84soQksjg2_w&amp;upload_protocol=resumable</t>
  </si>
  <si>
    <t>\\acsfs\deptos\DME\CME - Coordenacao de Marketing e Estrategia\Gestão da Área\Reuniões de Governança\Outros fóruns\2019\Reunião com Tatiane - Out19\</t>
  </si>
  <si>
    <t>DMV.xlsb</t>
  </si>
  <si>
    <t>10/23/2019 18:13:09</t>
  </si>
  <si>
    <t>10/24/2019 12:51:33</t>
  </si>
  <si>
    <t>RES: PLR - resultado coordenadores</t>
  </si>
  <si>
    <t>10/24/2019 12:53:25</t>
  </si>
  <si>
    <t>10/24/2019 12:53:33</t>
  </si>
  <si>
    <t>mail.google.com/_/upload?authuser=1&amp;dcp=asu-n&amp;upload_id=AEnB2Ur2LSxgUvVl-OHlngFyeq8kFqCl6Ac4XLbjoIs5mpdU54QHhFbHId5MN_ATP9S_xWuetniwhl3Bs03DmqVGCuUE9zOfbPVVpLcHSm4j-vdzalvP77g&amp;upload_protocol=resumable</t>
  </si>
  <si>
    <t>Aceitação_Faturamentos.Atualizado.xlsx</t>
  </si>
  <si>
    <t>10/24/2019 12:58:04</t>
  </si>
  <si>
    <t>10/24/2019 13:01:32</t>
  </si>
  <si>
    <t>Controle de Aquisições CAPEX BLINDAGEM GAT 2019.xlsx</t>
  </si>
  <si>
    <t>10/24/2019 12:58:05</t>
  </si>
  <si>
    <t>10/24/2019 11:52:33</t>
  </si>
  <si>
    <t>10/24/2019 13:31:33</t>
  </si>
  <si>
    <t>evidencias_afastamentos_ferias.xlsx</t>
  </si>
  <si>
    <t>10/23/2019 09:49:29</t>
  </si>
  <si>
    <t>10/24/2019 13:33:33</t>
  </si>
  <si>
    <t>ENC: PROJETO PRECIFICAÇÃO</t>
  </si>
  <si>
    <t>RES PROJETO PRECIFICAÇÃO.msg\s1\</t>
  </si>
  <si>
    <t>Cópia de levantamento_estrutura_bp.xlsx</t>
  </si>
  <si>
    <t>10/24/2019 13:36:34</t>
  </si>
  <si>
    <t>10/24/2019 13:35:09</t>
  </si>
  <si>
    <t>10/24/2019 13:37:33</t>
  </si>
  <si>
    <t>\\acsfs\ACS\Consultoria de Qualidade\Uberlândia\3. Monitores\07 - Avon\12. Aline Nunes\2019\Treinamento\</t>
  </si>
  <si>
    <t>Feed.xlsx</t>
  </si>
  <si>
    <t>10/24/2019 13:35:02</t>
  </si>
  <si>
    <t>10/24/2019 13:38:33</t>
  </si>
  <si>
    <t>/o=exchangelabs/ou=exchange administrative group (fydibohf23spdlt)/cn=recipients/cn=1e212ef08dab4f26b88cba944f2ab7cb-pmo.governa;/o=exchangelabs/ou=exchange administrative group (fydibohf23spdlt)/cn=recipients/cn=3d559cad8a6b4c9ba2e512604e1484a2-marcelo mal;/o=exchangelabs/ou=exchange administrative group (fydibohf23spdlt)/cn=recipients/cn=8c89829ad534498fa4c85b5ac11174f1-suelen more;/o=exchangelabs/ou=exchange administrative group (fydibohf23spdlt)/cn=recipients/cn=b194f014572c4c36b52132f9199df1aa-jairo junio;</t>
  </si>
  <si>
    <t>/o=exchangelabs/ou=exchange administrative group (fydibohf23spdlt)/cn=recipients/cn=1e212ef08dab4f26b88cba944f2ab7cb-pmo.governa,/o=exchangelabs/ou=exchange administrative group (fydibohf23spdlt)/cn=recipients/cn=3d559cad8a6b4c9ba2e512604e1484a2-marcelo mal,/o=exchangelabs/ou=exchange administrative group (fydibohf23spdlt)/cn=recipients/cn=8c89829ad534498fa4c85b5ac11174f1-suelen more,/o=exchangelabs/ou=exchange administrative group (fydibohf23spdlt)/cn=recipients/cn=b194f014572c4c36b52132f9199df1aa-jairo junio</t>
  </si>
  <si>
    <t>10/24/2019 13:37:00</t>
  </si>
  <si>
    <t>10/24/2019 13:40:34</t>
  </si>
  <si>
    <t>jleitao@timbrasil.com.br;</t>
  </si>
  <si>
    <t>Aceitação de sites</t>
  </si>
  <si>
    <t>Aceitação de Site setembro_outubro- 2019.xlsx</t>
  </si>
  <si>
    <t>jleitao@timbrasil.com.br</t>
  </si>
  <si>
    <t>10/24/2019 13:40:18</t>
  </si>
  <si>
    <t>10/24/2019 13:43:34</t>
  </si>
  <si>
    <t>10/24/2019 13:41:58</t>
  </si>
  <si>
    <t>10/24/2019 13:44:34</t>
  </si>
  <si>
    <t>/o=exchangelabs/ou=exchange administrative group (fydibohf23spdlt)/cn=recipients/cn=287c26b08a0f48578479a15a452f025d-edilson rod;/o=exchangelabs/ou=exchange administrative group (fydibohf23spdlt)/cn=recipients/cn=66edf19ebc2742d0aad16b8a34a09b10-andre luiz;/o=exchangelabs/ou=exchange administrative group (fydibohf23spdlt)/cn=recipients/cn=9c85290e8238419a823a4b55320e99cb-andre luis;/o=exchangelabs/ou=exchange administrative group (fydibohf23spdlt)/cn=recipients/cn=d9644ee8967f497e8a9f5314ba4500b5-gabriel jos;</t>
  </si>
  <si>
    <t>RES: [Projeto Mini Disjuntores] - TAP para Validação</t>
  </si>
  <si>
    <t>Cronograma - Troca dos Disjuntores A100.msg\s1\</t>
  </si>
  <si>
    <t>/o=exchangelabs/ou=exchange administrative group (fydibohf23spdlt)/cn=recipients/cn=287c26b08a0f48578479a15a452f025d-edilson rod,/o=exchangelabs/ou=exchange administrative group (fydibohf23spdlt)/cn=recipients/cn=66edf19ebc2742d0aad16b8a34a09b10-andre luiz,/o=exchangelabs/ou=exchange administrative group (fydibohf23spdlt)/cn=recipients/cn=9c85290e8238419a823a4b55320e99cb-andre luis,/o=exchangelabs/ou=exchange administrative group (fydibohf23spdlt)/cn=recipients/cn=d9644ee8967f497e8a9f5314ba4500b5-gabriel jos</t>
  </si>
  <si>
    <t>10/24/2019 13:50:06</t>
  </si>
  <si>
    <t>10/24/2019 13:51:33</t>
  </si>
  <si>
    <t>/o=exchangelabs/ou=exchange administrative group (fydibohf23spdlt)/cn=recipients/cn=004fbe04a76042fda28a404cff30f61b-vinicius ma;/o=exchangelabs/ou=exchange administrative group (fydibohf23spdlt)/cn=recipients/cn=2f4bb3276da2464096fd9ebe23e1d908-marla jorda;/o=exchangelabs/ou=exchange administrative group (fydibohf23spdlt)/cn=recipients/cn=363af2e6e56746febce0b409a64e9677-anne caroli;/o=exchangelabs/ou=exchange administrative group (fydibohf23spdlt)/cn=recipients/cn=603027dcf7ae430bb4a2797d5147745e-aspect;/o=exchangelabs/ou=exchange administrative group (fydibohf23spdlt)/cn=recipients/cn=8448bc0d964c4200bf3bd8bd54310da1-kesley isai;/o=exchangelabs/ou=exchange administrative group (fydibohf23spdlt)/cn=recipients/cn=856a40c11c264d9e82bdecf4c7271e0c-andrea carv;/o=exchangelabs/ou=exchange administrative group (fydibohf23spdlt)/cn=recipients/cn=a4725b7c782941fda1d1c00ae0ff9e26-camiller mo;/o=exchangelabs/ou=exchange administrative group (fydibohf23spdlt)/cn=recipients/cn=group36260156;</t>
  </si>
  <si>
    <t>ENC: HABITACIONAL - DIMENSIONAMENTO</t>
  </si>
  <si>
    <t>DIMENSIONAMENTO HABITACIONAL.xlsx</t>
  </si>
  <si>
    <t>/o=exchangelabs/ou=exchange administrative group (fydibohf23spdlt)/cn=recipients/cn=004fbe04a76042fda28a404cff30f61b-vinicius ma,/o=exchangelabs/ou=exchange administrative group (fydibohf23spdlt)/cn=recipients/cn=2f4bb3276da2464096fd9ebe23e1d908-marla jorda,/o=exchangelabs/ou=exchange administrative group (fydibohf23spdlt)/cn=recipients/cn=363af2e6e56746febce0b409a64e9677-anne caroli,/o=exchangelabs/ou=exchange administrative group (fydibohf23spdlt)/cn=recipients/cn=603027dcf7ae430bb4a2797d5147745e-aspect,/o=exchangelabs/ou=exchange administrative group (fydibohf23spdlt)/cn=recipients/cn=8448bc0d964c4200bf3bd8bd54310da1-kesley isai,/o=exchangelabs/ou=exchange administrative group (fydibohf23spdlt)/cn=recipients/cn=856a40c11c264d9e82bdecf4c7271e0c-andrea carv,/o=exchangelabs/ou=exchange administrative group (fydibohf23spdlt)/cn=recipients/cn=a4725b7c782941fda1d1c00ae0ff9e26-camiller mo,/o=exchangelabs/ou=exchange administrative group (fydibohf23spdlt)/cn=recipients/cn=group36260156</t>
  </si>
  <si>
    <t>10/24/2019 13:46:33</t>
  </si>
  <si>
    <t>10/24/2019 13:49:32</t>
  </si>
  <si>
    <t>10/24/2019 13:47:45</t>
  </si>
  <si>
    <t>10/24/2019 13:52:34</t>
  </si>
  <si>
    <t>192.168.1.7</t>
  </si>
  <si>
    <t>C:\Users\lucianafaa\OneDrive - Grupo Algar\2019\PROJETOS\CACs WEB\EXECUCAO\ARQUIVOS\Fwd Projeto CACS 8.3 - Tele e Digital - Layouts com a Formatação Atualizada02-10.msg\s1\</t>
  </si>
  <si>
    <t>Layout Retorno CDS Digital Empresas_ATUALIZADO_30_09.xlsx</t>
  </si>
  <si>
    <t>Layout Retorno Insucesso Discador Empresas_ATUALIZADO_30_09.xlsx</t>
  </si>
  <si>
    <t>Layout Retorno RTCACS Empresas_ATUALIZADO_30_09.xlsx</t>
  </si>
  <si>
    <t>10/24/2019 13:51:35</t>
  </si>
  <si>
    <t>C:\Users\lucianafaa\OneDrive - Grupo Algar\2019\PROJETOS\CACs WEB\EXECUCAO\ARQUIVOS\Fwd Projeto CACS 8.3 - Tele e Digital - Layouts com a Formatação Atualizada07-10.msg\s1\</t>
  </si>
  <si>
    <t>Layout Remessa Mailling Empresas_04_10_19.xlsx</t>
  </si>
  <si>
    <t>10/24/2019 13:52:05</t>
  </si>
  <si>
    <t>ENC: Escala UHV Novembro/19</t>
  </si>
  <si>
    <t>NOVEMBRO 2019. (2).xlsm</t>
  </si>
  <si>
    <t>10/24/2019 13:53:49</t>
  </si>
  <si>
    <t>10/24/2019 13:54:33</t>
  </si>
  <si>
    <t>10/24/2019 13:51:49</t>
  </si>
  <si>
    <t>10/24/2019 13:56:33</t>
  </si>
  <si>
    <t>recibo de reembolso -2410.xls</t>
  </si>
  <si>
    <t>10/24/2019 13:54:17</t>
  </si>
  <si>
    <t>10/24/2019 13:55:59</t>
  </si>
  <si>
    <t>10/24/2019 13:57:33</t>
  </si>
  <si>
    <t>10/24/2019 13:57:19</t>
  </si>
  <si>
    <t>10/24/2019 14:01:33</t>
  </si>
  <si>
    <t>10/24/2019 13:58:54</t>
  </si>
  <si>
    <t>10/24/2019 14:02:34</t>
  </si>
  <si>
    <t>C:\Users\lucianafaa\OneDrive - Grupo Algar\2019\PROJETOS\CACs WEB\EXECUCAO\ARQUIVOS\Arquivos de Retorno CacsWeb - Algar para bco-17-10.msg\s1\</t>
  </si>
  <si>
    <t>10/24/2019 13:57:28</t>
  </si>
  <si>
    <t>/o=exchangelabs/ou=exchange administrative group (fydibohf23spdlt)/cn=recipients/cn=3ab5db37e72d49469dabe5b57496dd5c-fabricio ra;</t>
  </si>
  <si>
    <t>/o=exchangelabs/ou=exchange administrative group (fydibohf23spdlt)/cn=recipients/cn=3ab5db37e72d49469dabe5b57496dd5c-fabricio ra</t>
  </si>
  <si>
    <t>10/24/2019 14:03:14</t>
  </si>
  <si>
    <t>10/24/2019 14:04:34</t>
  </si>
  <si>
    <t>/o=exchangelabs/ou=exchange administrative group (fydibohf23spdlt)/cn=recipients/cn=8fc182d8ec964190abd5d149ac41ad8b-fabricio de;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</t>
  </si>
  <si>
    <t>ENC: matriz de tributação</t>
  </si>
  <si>
    <t>MATRIZ DE TRIBUTACAO - Algar Tech - Ago-2019 Revisada.xlsx</t>
  </si>
  <si>
    <t>/o=exchangelabs/ou=exchange administrative group (fydibohf23spdlt)/cn=recipients/cn=8fc182d8ec964190abd5d149ac41ad8b-fabricio de,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</t>
  </si>
  <si>
    <t>10/24/2019 14:00:46</t>
  </si>
  <si>
    <t>10/24/2019 14:05:33</t>
  </si>
  <si>
    <t>10/24/2019 14:06:34</t>
  </si>
  <si>
    <t>10/24/2019 14:06:16</t>
  </si>
  <si>
    <t>10/24/2019 14:08:35</t>
  </si>
  <si>
    <t>10/24/2019 14:10:34</t>
  </si>
  <si>
    <t>ENC: ACEITAÇÃO DE SITES AGOSTO 2019</t>
  </si>
  <si>
    <t>Aceitações-Sites aprovadas AGO-2019 -TNE.xlsx</t>
  </si>
  <si>
    <t>10/24/2019 14:09:18</t>
  </si>
  <si>
    <t>10/24/2019 14:11:34</t>
  </si>
  <si>
    <t>10/24/2019 14:10:24</t>
  </si>
  <si>
    <t>10/24/2019 14:13:33</t>
  </si>
  <si>
    <t>10/24/2019 14:11:06</t>
  </si>
  <si>
    <t>10/24/2019 14:16:34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590012d55fae421587844918af7bc53c-daiane mari;</t>
  </si>
  <si>
    <t>ENC: Relatório de custos - 09/2019</t>
  </si>
  <si>
    <t>RELATÓRIO DE CUSTOS SET19 - GAT.xlsx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590012d55fae421587844918af7bc53c-daiane mari</t>
  </si>
  <si>
    <t>10/24/2019 14:13:04</t>
  </si>
  <si>
    <t>10/24/2019 14:16:06</t>
  </si>
  <si>
    <t>10/24/2019 14:16:02</t>
  </si>
  <si>
    <t>10/24/2019 14:17:34</t>
  </si>
  <si>
    <t>ENC: Títulos a Vencer Tech // Possível Antecipação !!</t>
  </si>
  <si>
    <t>titulos a vencer TECH_ 2510_2910.xlsx</t>
  </si>
  <si>
    <t>10/24/2019 14:19:54</t>
  </si>
  <si>
    <t>10/24/2019 14:21:33</t>
  </si>
  <si>
    <t>RES: CHAMADOS</t>
  </si>
  <si>
    <t>10/24/2019 14:19:07</t>
  </si>
  <si>
    <t>10/24/2019 14:18:30</t>
  </si>
  <si>
    <t>10/24/2019 14:22:34</t>
  </si>
  <si>
    <t>C:\Users\lucianafaa\OneDrive - Grupo Algar\2019\PROJETOS\CACs WEB\EXECUCAO\HOMOLOGACAO\Homologação Bradesco - Arquivo retorno de dados cadastrais.-22-10 - vcom.msg\s1\</t>
  </si>
  <si>
    <t>10/24/2019 14:19:08</t>
  </si>
  <si>
    <t>DIVERGÊNCIA DESINST.xlsx</t>
  </si>
  <si>
    <t>10/24/2019 14:22:00</t>
  </si>
  <si>
    <t>10/24/2019 14:26:34</t>
  </si>
  <si>
    <t>/o=exchangelabs/ou=exchange administrative group (fydibohf23spdlt)/cn=recipients/cn=bec14da9ad4d434b8151ce12587e9186-khassio mar;/o=exchangelabs/ou=exchange administrative group (fydibohf23spdlt)/cn=recipients/cn=d8ab77282d2d4f648a84840ef886dad9-eneias viei;flavia@iclicconsultoria.com.br;gustavo@iclicconsultoria.com.br;tiago.justino@bradesco.com.br;</t>
  </si>
  <si>
    <t>ENC: Autorização estornos de encargos 09-10 Anderson Ribeiro CRM:000280002217</t>
  </si>
  <si>
    <t>/o=exchangelabs/ou=exchange administrative group (fydibohf23spdlt)/cn=recipients/cn=bec14da9ad4d434b8151ce12587e9186-khassio mar,/o=exchangelabs/ou=exchange administrative group (fydibohf23spdlt)/cn=recipients/cn=d8ab77282d2d4f648a84840ef886dad9-eneias viei,flavia@iclicconsultoria.com.br,gustavo@iclicconsultoria.com.br,tiago.justino@bradesco.com.br</t>
  </si>
  <si>
    <t>10/24/2019 14:32:55</t>
  </si>
  <si>
    <t>10/24/2019 14:33:34</t>
  </si>
  <si>
    <t>/o=exchangelabs/ou=exchange administrative group (fydibohf23spdlt)/cn=recipients/cn=19e1a2319fff47b59c502f41cebee6af-marcio pere;</t>
  </si>
  <si>
    <t>ENC: Planilha Transacional.</t>
  </si>
  <si>
    <t>/o=exchangelabs/ou=exchange administrative group (fydibohf23spdlt)/cn=recipients/cn=19e1a2319fff47b59c502f41cebee6af-marcio pere</t>
  </si>
  <si>
    <t>10/24/2019 14:32:03</t>
  </si>
  <si>
    <t>10/24/2019 14:35:34</t>
  </si>
  <si>
    <t>Planilha Transacional.</t>
  </si>
  <si>
    <t>10/24/2019 14:34:23</t>
  </si>
  <si>
    <t>eduardost@algartech.com</t>
  </si>
  <si>
    <t>gustavodlv@algartech.com;renatofol@algartech.com;ricardobm@algartech.com;sauloadsj@algartech.com;webersonads@algartech.com;</t>
  </si>
  <si>
    <t>C:\Users\eduardost\OneDrive - Grupo Algar\2019\BRADESCO\Fatura SMART\</t>
  </si>
  <si>
    <t>Mapeamento de Telas e Campos.xlsx</t>
  </si>
  <si>
    <t>gustavodlv@algartech.com,renatofol@algartech.com,ricardobm@algartech.com,sauloadsj@algartech.com,webersonads@algartech.com</t>
  </si>
  <si>
    <t>10/24/2019 14:31:25</t>
  </si>
  <si>
    <t>Aceitação de sites 2019</t>
  </si>
  <si>
    <t>Aceitação de Site - Agosto_setembro_outubro 2019- CONSOLIDADO.xlsx</t>
  </si>
  <si>
    <t>10/24/2019 14:32:06</t>
  </si>
  <si>
    <t>10/24/2019 14:36:33</t>
  </si>
  <si>
    <t>10/24/2019 14:35:31</t>
  </si>
  <si>
    <t>10/24/2019 14:32:02</t>
  </si>
  <si>
    <t>10/24/2019 14:37:33</t>
  </si>
  <si>
    <t>ivancj@algartech.com;vanessarp@algartech.com;</t>
  </si>
  <si>
    <t>\\udpavonfs01\AVON\Atendente Força de Vendas\Backoffice Força de Vendas\Backoffice GS\Aline Nunes\</t>
  </si>
  <si>
    <t>Controle Produtos.xlsx</t>
  </si>
  <si>
    <t>ivancj@algartech.com,vanessarp@algartech.com</t>
  </si>
  <si>
    <t>10/24/2019 14:38:15</t>
  </si>
  <si>
    <t>10/24/2019 14:39:34</t>
  </si>
  <si>
    <t>Reclas Jair.xls</t>
  </si>
  <si>
    <t>10/24/2019 14:37:28</t>
  </si>
  <si>
    <t>\\acsfs\deptos\educacao empresarial\01 - info\emprestimo de materiais\02_infraestrutura\modelos de impressão e solicitações\enviar malote carta registrada\</t>
  </si>
  <si>
    <t>formulÁrio ituiutaba.xlsx</t>
  </si>
  <si>
    <t>10/24/2019 14:36:14</t>
  </si>
  <si>
    <t>10/24/2019 14:41:34</t>
  </si>
  <si>
    <t>RES: Projeto STAFF - Levantamento de Informações</t>
  </si>
  <si>
    <t>Consolidado - Plan de Custo (002).xlsx</t>
  </si>
  <si>
    <t>10/24/2019 14:38:07</t>
  </si>
  <si>
    <t>10/24/2019 14:38:31</t>
  </si>
  <si>
    <t>10/24/2019 14:37:08</t>
  </si>
  <si>
    <t>10/24/2019 14:42:33</t>
  </si>
  <si>
    <t>C:\Users\lucianafaa\OneDrive - Grupo Algar\2019\PROJETOS\CACs WEB\EXECUCAO\VIEW\Demanda View Deep Center VCOM-anexo da view.msg\s1\</t>
  </si>
  <si>
    <t>10/24/2019 14:40:26</t>
  </si>
  <si>
    <t>10/24/2019 14:44:35</t>
  </si>
  <si>
    <t>envio campinas- formulÁrio.xlsx</t>
  </si>
  <si>
    <t>10/24/2019 14:42:27</t>
  </si>
  <si>
    <t>\\acsfs\deptos\educacao empresarial\01 - info\emprestimo de materiais\02_infraestrutura\modelos de impressão e solicitações\enviar malote carta registrada\\</t>
  </si>
  <si>
    <t>envio curitiba - formulÁrio.xlsx</t>
  </si>
  <si>
    <t>10/24/2019 14:42:23</t>
  </si>
  <si>
    <t>10/24/2019 14:46:35</t>
  </si>
  <si>
    <t>10/24/2019 14:42:24</t>
  </si>
  <si>
    <t>10/24/2019 14:42:36</t>
  </si>
  <si>
    <t>10/24/2019 14:47:35</t>
  </si>
  <si>
    <t>luanaed@algartech.com;</t>
  </si>
  <si>
    <t>ENC Laboratório Supervisores - Segunda TARDE.msg\s1\</t>
  </si>
  <si>
    <t>luanaed@algartech.com</t>
  </si>
  <si>
    <t>10/24/2019 14:45:52</t>
  </si>
  <si>
    <t>\\acsfs\deptos\DME\CME - Coordenacao de Marketing e Estrategia\Gestão de Vendas\Canais\2020\Latam\LATAM - Analise de impacto descontinuidades v5 - Completa.pptx\</t>
  </si>
  <si>
    <t>10/24/2019 14:45:40</t>
  </si>
  <si>
    <t>10/24/2019 14:48:35</t>
  </si>
  <si>
    <t>/o=exchangelabs/ou=exchange administrative group (fydibohf23spdlt)/cn=recipients/cn=33d249108a194f94ad1c0c445c411f81-sabrina vie;/o=exchangelabs/ou=exchange administrative group (fydibohf23spdlt)/cn=recipients/cn=b1a72fc2d0234efca84c7771ea70c7ee-roberta cri;</t>
  </si>
  <si>
    <t>ENC: Controle Diário</t>
  </si>
  <si>
    <t>Controle Algar Tec.xlsx</t>
  </si>
  <si>
    <t>/o=exchangelabs/ou=exchange administrative group (fydibohf23spdlt)/cn=recipients/cn=33d249108a194f94ad1c0c445c411f81-sabrina vie,/o=exchangelabs/ou=exchange administrative group (fydibohf23spdlt)/cn=recipients/cn=b1a72fc2d0234efca84c7771ea70c7ee-roberta cri</t>
  </si>
  <si>
    <t>10/24/2019 14:48:10</t>
  </si>
  <si>
    <t>/o=exchangelabs/ou=exchange administrative group (fydibohf23spdlt)/cn=recipients/cn=10d9bf2715304872bd0e6f8b03de50d1-projetos -;/o=exchangelabs/ou=exchange administrative group (fydibohf23spdlt)/cn=recipients/cn=66edf19ebc2742d0aad16b8a34a09b10-andre luiz;/o=exchangelabs/ou=exchange administrative group (fydibohf23spdlt)/cn=recipients/cn=9c85290e8238419a823a4b55320e99cb-andre luis;</t>
  </si>
  <si>
    <t>RES: Classificação de Ativos_ Troca de Disjuntores</t>
  </si>
  <si>
    <t>/o=exchangelabs/ou=exchange administrative group (fydibohf23spdlt)/cn=recipients/cn=10d9bf2715304872bd0e6f8b03de50d1-projetos -,/o=exchangelabs/ou=exchange administrative group (fydibohf23spdlt)/cn=recipients/cn=66edf19ebc2742d0aad16b8a34a09b10-andre luiz,/o=exchangelabs/ou=exchange administrative group (fydibohf23spdlt)/cn=recipients/cn=9c85290e8238419a823a4b55320e99cb-andre luis</t>
  </si>
  <si>
    <t>10/24/2019 14:47:36</t>
  </si>
  <si>
    <t>10/24/2019 14:50:35</t>
  </si>
  <si>
    <t>24_10_2019 - Relatório Pipeline - Hunter</t>
  </si>
  <si>
    <t>10/24/2019 14:50:48</t>
  </si>
  <si>
    <t>10/24/2019 14:52:35</t>
  </si>
  <si>
    <t>ranking.xls</t>
  </si>
  <si>
    <t>10/24/2019 14:49:08</t>
  </si>
  <si>
    <t>10/24/2019 14:53:35</t>
  </si>
  <si>
    <t>10.203.31.100</t>
  </si>
  <si>
    <t>20-04-0F-FD-A5-22</t>
  </si>
  <si>
    <t>ENC: ::: PLR 2019 para Não-Executivos :::</t>
  </si>
  <si>
    <t>10/24/2019 14:53:22</t>
  </si>
  <si>
    <t>Power Bi e Genesys</t>
  </si>
  <si>
    <t>PowerBi.xlsx</t>
  </si>
  <si>
    <t>10/24/2019 14:50:06</t>
  </si>
  <si>
    <t>10/24/2019 14:55:35</t>
  </si>
  <si>
    <t>24_10_2019 - Relatório Pipeline - Base</t>
  </si>
  <si>
    <t>Relatório Pipeline_Afonso_ 19_10_24.xlsx</t>
  </si>
  <si>
    <t>10/24/2019 14:54:03</t>
  </si>
  <si>
    <t>10/24/2019 14:57:35</t>
  </si>
  <si>
    <t>/o=exchangelabs/ou=exchange administrative group (fydibohf23spdlt)/cn=recipients/cn=518d86a2f4064540845859796ca5563b-vinicius sc;</t>
  </si>
  <si>
    <t>Plr</t>
  </si>
  <si>
    <t>PLR Outubro 2019.xlsx</t>
  </si>
  <si>
    <t>/o=exchangelabs/ou=exchange administrative group (fydibohf23spdlt)/cn=recipients/cn=518d86a2f4064540845859796ca5563b-vinicius sc</t>
  </si>
  <si>
    <t>10/24/2019 14:56:57</t>
  </si>
  <si>
    <t>10/24/2019 15:00:35</t>
  </si>
  <si>
    <t>/o=exchangelabs/ou=exchange administrative group (fydibohf23spdlt)/cn=recipients/cn=aef94c0f98b44279a41d719230c27333-sabrina dan;elton.r.luz@bradesco.com.br;milena.brambila@bradesco.com.br;tatiane.castro@bradesco.com.br;</t>
  </si>
  <si>
    <t>RES: Estratégia de Acionamento Bucketes</t>
  </si>
  <si>
    <t>Estratégia Acionamento_Algar.xlsx</t>
  </si>
  <si>
    <t>/o=exchangelabs/ou=exchange administrative group (fydibohf23spdlt)/cn=recipients/cn=aef94c0f98b44279a41d719230c27333-sabrina dan,elton.r.luz@bradesco.com.br,milena.brambila@bradesco.com.br,tatiane.castro@bradesco.com.br</t>
  </si>
  <si>
    <t>10/24/2019 14:58:29</t>
  </si>
  <si>
    <t>10/24/2019 15:01:34</t>
  </si>
  <si>
    <t>/o=exchangelabs/ou=exchange administrative group (fydibohf23spdlt)/cn=recipients/cn=b36412a54b154c07b0a876537a78fce8-jheniffer g;/o=exchangelabs/ou=exchange administrative group (fydibohf23spdlt)/cn=recipients/cn=b67cad4ecfa344baaa94d716e7554f49-bruno camel;/o=exchangelabs/ou=exchange administrative group (fydibohf23spdlt)/cn=recipients/cn=ee68a2a53024446789dc480aef9c7a7c-joao gabrie;</t>
  </si>
  <si>
    <t>Layout CA - Monitores</t>
  </si>
  <si>
    <t>/o=exchangelabs/ou=exchange administrative group (fydibohf23spdlt)/cn=recipients/cn=b36412a54b154c07b0a876537a78fce8-jheniffer g,/o=exchangelabs/ou=exchange administrative group (fydibohf23spdlt)/cn=recipients/cn=b67cad4ecfa344baaa94d716e7554f49-bruno camel,/o=exchangelabs/ou=exchange administrative group (fydibohf23spdlt)/cn=recipients/cn=ee68a2a53024446789dc480aef9c7a7c-joao gabrie</t>
  </si>
  <si>
    <t>10/24/2019 14:57:25</t>
  </si>
  <si>
    <t>10/24/2019 15:02:27</t>
  </si>
  <si>
    <t>10/24/2019 15:04:35</t>
  </si>
  <si>
    <t>mail.google.com/_/upload?authuser=0&amp;dcp=asu-n&amp;upload_id=AEnB2UptVzw2_j-RzEJb-cFCSXOY9H7NkMr2T5LUqXWbktIB_OvEvSI9g5zGfbGAgxsicREgSVsIwVsSnHNLNAbU5Hf0lHxZ2Q&amp;upload_protocol=resumable</t>
  </si>
  <si>
    <t>C:\Users\gabrielaasa\Desktop\FACULDADE\10º PERÍODO\</t>
  </si>
  <si>
    <t>Escala Trabalhadores.xlsx</t>
  </si>
  <si>
    <t>10/24/2019 15:02:33</t>
  </si>
  <si>
    <t>10/24/2019 15:05:35</t>
  </si>
  <si>
    <t>/o=exchangelabs/ou=exchange administrative group (fydibohf23spdlt)/cn=recipients/cn=3d85af75e9a44da5bad9ced68d6c53ed-rosana peix;</t>
  </si>
  <si>
    <t>ENC: ALGAR TECNOLOGIA - COLOCATION - PERÍODO DE COMPETÊNCIA SETEMBRO/19 ***VALIDAÇÃO APROVAÇÃO TÉCNICA***</t>
  </si>
  <si>
    <t>09. ALGAR TECNOLOGIA - COLOCATION - PERIODO DE COMPETÊNCIA SETEMBRO 19.xlsx</t>
  </si>
  <si>
    <t>/o=exchangelabs/ou=exchange administrative group (fydibohf23spdlt)/cn=recipients/cn=3d85af75e9a44da5bad9ced68d6c53ed-rosana peix</t>
  </si>
  <si>
    <t>10/24/2019 15:03:28</t>
  </si>
  <si>
    <t>10/24/2019 15:06:35</t>
  </si>
  <si>
    <t>10.211.2.79</t>
  </si>
  <si>
    <t>/o=exchangelabs/ou=exchange administrative group (fydibohf23spdlt)/cn=recipients/cn=161c8ab454bb4f4ebde8223bf694a34b-pedro felip;/o=exchangelabs/ou=exchange administrative group (fydibohf23spdlt)/cn=recipients/cn=272c7e5a973a400dbfbb4ab9b8bf2b2d-ana paula o;algar.silverio@voeazul.com.br;</t>
  </si>
  <si>
    <t>RES: Planilha de ocorrência de Outubro</t>
  </si>
  <si>
    <t>ENC Férias 2019 - programação.msg\s1\</t>
  </si>
  <si>
    <t>/o=exchangelabs/ou=exchange administrative group (fydibohf23spdlt)/cn=recipients/cn=161c8ab454bb4f4ebde8223bf694a34b-pedro felip,/o=exchangelabs/ou=exchange administrative group (fydibohf23spdlt)/cn=recipients/cn=272c7e5a973a400dbfbb4ab9b8bf2b2d-ana paula o,algar.silverio@voeazul.com.br</t>
  </si>
  <si>
    <t>10/24/2019 15:02:32</t>
  </si>
  <si>
    <t>10/24/2019 15:07:34</t>
  </si>
  <si>
    <t>/o=exchangelabs/ou=exchange administrative group (fydibohf23spdlt)/cn=recipients/cn=32fe8a14424941da83c2bf35a8a5709e-fabiana car;marcotvo@algartech.com;tamaralg@algartech.com;</t>
  </si>
  <si>
    <t>ENC: Projeto STAFF - Levantamento de Informações</t>
  </si>
  <si>
    <t>/o=exchangelabs/ou=exchange administrative group (fydibohf23spdlt)/cn=recipients/cn=32fe8a14424941da83c2bf35a8a5709e-fabiana car,marcotvo@algartech.com,tamaralg@algartech.com</t>
  </si>
  <si>
    <t>10/24/2019 15:14:35</t>
  </si>
  <si>
    <t>10/24/2019 15:15:34</t>
  </si>
  <si>
    <t>C:\Users\joaonsm\Downloads\</t>
  </si>
  <si>
    <t>Racks DC Mezanino.xlsx</t>
  </si>
  <si>
    <t>10/24/2019 15:12:58</t>
  </si>
  <si>
    <t>10/24/2019 15:16:35</t>
  </si>
  <si>
    <t>10/24/2019 15:12:59</t>
  </si>
  <si>
    <t>10/24/2019 15:15:38</t>
  </si>
  <si>
    <t>10/24/2019 15:14:59</t>
  </si>
  <si>
    <t>10/24/2019 15:17:34</t>
  </si>
  <si>
    <t>10.200.61.232</t>
  </si>
  <si>
    <t>44-6D-57-5F-55-80</t>
  </si>
  <si>
    <t>mail.google.com/_/upload?authuser=1&amp;dcp=asu-n&amp;upload_id=AEnB2UrWGByUUVlLDMw-dHwIEcd9govLwyywKIDi0YoQvlYX1xPCYtNOprPHNrEamH54DaZcSzHu1kpCXMdiKQ1KuxsX4HQVFg&amp;upload_protocol=resumable</t>
  </si>
  <si>
    <t>10/24/2019 15:15:07</t>
  </si>
  <si>
    <t>mail.google.com/_/upload?authuser=1&amp;dcp=asu-n&amp;upload_id=AEnB2UoInE2z2fKPtA0sPHfx9kuCUqlrxV8CZIMwGyALXb8ccq1_wZnOcsVatwL0ld94lN4VMdGKcz_X55Sm0ulV-SN6ENPQvA&amp;upload_protocol=resumable</t>
  </si>
  <si>
    <t>10/24/2019 15:20:30</t>
  </si>
  <si>
    <t>10/24/2019 15:21:34</t>
  </si>
  <si>
    <t>10/24/2019 15:19:09</t>
  </si>
  <si>
    <t>10/24/2019 15:24:35</t>
  </si>
  <si>
    <t>\\acsfs\DEPTOS\Controladoria\3. CSC\CONTROLES CSC\7-Orçamento 2020\Recebidos CSC\RECEBIDO EM 07.10.19\Fazer DRE - 2020\</t>
  </si>
  <si>
    <t>03 ALGAR TECH Fat_Direto_OFICIAL_2020 cenario 2 12-09 - Atualizado Consolidado v2 ok.xlsx</t>
  </si>
  <si>
    <t>10/24/2019 15:19:24</t>
  </si>
  <si>
    <t>Centro de Operações de Marketing - Orçado 2020 - Algar Tech - VFinal.xlsm</t>
  </si>
  <si>
    <t>10/24/2019 15:24:27</t>
  </si>
  <si>
    <t>10/24/2019 15:25:35</t>
  </si>
  <si>
    <t>/o=exchangelabs/ou=exchange administrative group (fydibohf23spdlt)/cn=recipients/cn=3daf2f0b162f40c696c00f9ecbb7d69a-ana laura t;</t>
  </si>
  <si>
    <t>Ponderador de Resultados2.xlsx</t>
  </si>
  <si>
    <t>/o=exchangelabs/ou=exchange administrative group (fydibohf23spdlt)/cn=recipients/cn=3daf2f0b162f40c696c00f9ecbb7d69a-ana laura t</t>
  </si>
  <si>
    <t>10/24/2019 15:23:32</t>
  </si>
  <si>
    <t>10/24/2019 15:26:35</t>
  </si>
  <si>
    <t>10/24/2019 15:24:48</t>
  </si>
  <si>
    <t>10/24/2019 15:27:34</t>
  </si>
  <si>
    <t>c:\users\tuliond\appdata\local\microsoft\windows\inetcache\content.outlook\lmaet7f1\</t>
  </si>
  <si>
    <t>solicitação sedex_.xlsx</t>
  </si>
  <si>
    <t>10/24/2019 15:28:11</t>
  </si>
  <si>
    <t>10/24/2019 15:31:34</t>
  </si>
  <si>
    <t>10/24/2019 15:28:12</t>
  </si>
  <si>
    <t>10/24/2019 15:27:53</t>
  </si>
  <si>
    <t>10/24/2019 15:30:54</t>
  </si>
  <si>
    <t>10/24/2019 15:31:28</t>
  </si>
  <si>
    <t>10/24/2019 15:32:35</t>
  </si>
  <si>
    <t>10/24/2019 15:31:44</t>
  </si>
  <si>
    <t>10/24/2019 15:32:08</t>
  </si>
  <si>
    <t>10/24/2019 15:31:27</t>
  </si>
  <si>
    <t>10/24/2019 15:34:34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/o=exchangelabs/ou=exchange administrative group (fydibohf23spdlt)/cn=recipients/cn=f0ff087361a245daa16e71ac77ecc3f0-ivan costa;/o=exchangelabs/ou=exchange administrative group (fydibohf23spdlt)/cn=recipients/cn=matheus vinicius da silva;</t>
  </si>
  <si>
    <t>JOB_.xlsx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,/o=exchangelabs/ou=exchange administrative group (fydibohf23spdlt)/cn=recipients/cn=f0ff087361a245daa16e71ac77ecc3f0-ivan costa,/o=exchangelabs/ou=exchange administrative group (fydibohf23spdlt)/cn=recipients/cn=matheus vinicius da silva</t>
  </si>
  <si>
    <t>10/24/2019 15:35:46</t>
  </si>
  <si>
    <t>10/24/2019 15:36:34</t>
  </si>
  <si>
    <t>10/24/2019 15:36:43</t>
  </si>
  <si>
    <t>10/24/2019 15:37:35</t>
  </si>
  <si>
    <t>10/24/2019 15:34:06</t>
  </si>
  <si>
    <t>mail.google.com/_/upload?authuser=1&amp;dcp=asu-n&amp;upload_id=AEnB2Urcf_azsnGXOcUrNdZU9L4nty76F0-gFpuOduniHQJ351MEywXFEZvITZcAUp6jRAPQfijjgEPk-KsBxdWhTKZVJPbuWqRCxIop1IKIpw7ocI5MQlE&amp;upload_protocol=resumable</t>
  </si>
  <si>
    <t>agendado_rpi.xlsx</t>
  </si>
  <si>
    <t>10/24/2019 15:39:39</t>
  </si>
  <si>
    <t>10/24/2019 15:40:34</t>
  </si>
  <si>
    <t>10/24/2019 15:39:48</t>
  </si>
  <si>
    <t>C:\Users\camilat\OneDrive - Grupo Algar\GERENCIAL\FINANCEIRO\Faturamento\</t>
  </si>
  <si>
    <t>CONTROLE GERENCIAL.xlsx</t>
  </si>
  <si>
    <t>10/23/2019 17:51:19</t>
  </si>
  <si>
    <t>10/24/2019 15:41:35</t>
  </si>
  <si>
    <t>ENC: Inclusão CRC VISA - 22/10/2019</t>
  </si>
  <si>
    <t>22 - CONSOLIDADO INCLUSÃO - 22.10.19.xlsx</t>
  </si>
  <si>
    <t>10/24/2019 15:37:28</t>
  </si>
  <si>
    <t>10/24/2019 15:38:50</t>
  </si>
  <si>
    <t>10/24/2019 15:40:13</t>
  </si>
  <si>
    <t>10/24/2019 15:44:34</t>
  </si>
  <si>
    <t>falha no pedido</t>
  </si>
  <si>
    <t>Casos de falha no pedido em Cornerstone.xlsx</t>
  </si>
  <si>
    <t>10/24/2019 15:44:16</t>
  </si>
  <si>
    <t>10/24/2019 15:45:35</t>
  </si>
  <si>
    <t>24_10_2019 - Relatório Pipeline - Key Account</t>
  </si>
  <si>
    <t>Relatório Pipeline_Dionizio_19_10_25.xlsx</t>
  </si>
  <si>
    <t>10/24/2019 15:50:38</t>
  </si>
  <si>
    <t>10/24/2019 15:51:35</t>
  </si>
  <si>
    <t>10/24/2019 15:54:23</t>
  </si>
  <si>
    <t>10/24/2019 15:58:35</t>
  </si>
  <si>
    <t>/o=exchangelabs/ou=exchange administrative group (fydibohf23spdlt)/cn=recipients/cn=6857e7b89b5f46e3b6aed2352ac8d5ac-carlos albe;/o=exchangelabs/ou=exchange administrative group (fydibohf23spdlt)/cn=recipients/cn=8ab5e44d485043d59eb4f21463e63e6a-tays dos sa;/o=exchangelabs/ou=exchange administrative group (fydibohf23spdlt)/cn=recipients/cn=b1a72fc2d0234efca84c7771ea70c7ee-roberta cri;</t>
  </si>
  <si>
    <t>ENC: Faturamentos Call Center - Recall</t>
  </si>
  <si>
    <t>/o=exchangelabs/ou=exchange administrative group (fydibohf23spdlt)/cn=recipients/cn=6857e7b89b5f46e3b6aed2352ac8d5ac-carlos albe,/o=exchangelabs/ou=exchange administrative group (fydibohf23spdlt)/cn=recipients/cn=8ab5e44d485043d59eb4f21463e63e6a-tays dos sa,/o=exchangelabs/ou=exchange administrative group (fydibohf23spdlt)/cn=recipients/cn=b1a72fc2d0234efca84c7771ea70c7ee-roberta cri</t>
  </si>
  <si>
    <t>10/24/2019 15:59:24</t>
  </si>
  <si>
    <t>10/24/2019 16:03:35</t>
  </si>
  <si>
    <t>capex 2020</t>
  </si>
  <si>
    <t>10/24/2019 16:00:11</t>
  </si>
  <si>
    <t>/o=exchangelabs/ou=exchange administrative group (fydibohf23spdlt)/cn=recipients/cn=da8b0d0eb1af471c9c028aba05e743fd-guilherme a;</t>
  </si>
  <si>
    <t>Faturamento INFRA a realizar nov/2019</t>
  </si>
  <si>
    <t>11.TI TEC Faturamento Novembro 19 Consolidado .xls</t>
  </si>
  <si>
    <t>/o=exchangelabs/ou=exchange administrative group (fydibohf23spdlt)/cn=recipients/cn=da8b0d0eb1af471c9c028aba05e743fd-guilherme a</t>
  </si>
  <si>
    <t>10/24/2019 16:02:26</t>
  </si>
  <si>
    <t>10/24/2019 16:03:08</t>
  </si>
  <si>
    <t>10/24/2019 16:04:34</t>
  </si>
  <si>
    <t>10/24/2019 16:03:45</t>
  </si>
  <si>
    <t>10/24/2019 16:05:35</t>
  </si>
  <si>
    <t>ENC: Assiduidade Rosi</t>
  </si>
  <si>
    <t>Assiduidade.xls</t>
  </si>
  <si>
    <t>10/24/2019 16:03:00</t>
  </si>
  <si>
    <t>10/24/2019 16:08:35</t>
  </si>
  <si>
    <t>ENC: PMO - Capex revisado</t>
  </si>
  <si>
    <t>PMO - Capex revisado.xlsx</t>
  </si>
  <si>
    <t>10/24/2019 16:05:45</t>
  </si>
  <si>
    <t>/o=exchangelabs/ou=exchange administrative group (fydibohf23spdlt)/cn=recipients/cn=1635ed1077024674b65c52767dacde9a-jullian pac;/o=exchangelabs/ou=exchange administrative group (fydibohf23spdlt)/cn=recipients/cn=bc07fcc207044a07b8cf90d1abbdc707-luiz claudi;</t>
  </si>
  <si>
    <t>ENC: Last Call _ Processo 40137735I [Escopo B]</t>
  </si>
  <si>
    <t>/o=exchangelabs/ou=exchange administrative group (fydibohf23spdlt)/cn=recipients/cn=1635ed1077024674b65c52767dacde9a-jullian pac,/o=exchangelabs/ou=exchange administrative group (fydibohf23spdlt)/cn=recipients/cn=bc07fcc207044a07b8cf90d1abbdc707-luiz claudi</t>
  </si>
  <si>
    <t>10/24/2019 16:13:01</t>
  </si>
  <si>
    <t>10/24/2019 16:13:35</t>
  </si>
  <si>
    <t>mail.google.com/_/upload?authuser=0&amp;dcp=asu-n&amp;upload_id=AEnB2UpjBTy5r7MMRJOMRFqMcIJ8ZL98oLsJmWyQImaSr50OLD_1dGpY6BRQH98eFU23ERHbB87KaSiYJSSGk6fL-uPSezBR6tK6Rl-jKFKqGf-X1nyIXFM&amp;upload_protocol=resumable</t>
  </si>
  <si>
    <t>luanda_s_almeida@whirlpool.com;mirnapw@algartech.com;savio.oliveira@media-core.com.br;valeriabsro@algartech.com;viniciussg@algartech.com;</t>
  </si>
  <si>
    <t>C:\Projetos\WHP\SUPORTE\05_ENRIQUECIMENTO_DE_BASE\</t>
  </si>
  <si>
    <t>Telefones_Inseridos_PRD.csv</t>
  </si>
  <si>
    <t>luanda_s_almeida@whirlpool.com,mirnapw@algartech.com,savio.oliveira@media-core.com.br,valeriabsro@algartech.com,viniciussg@algartech.com</t>
  </si>
  <si>
    <t>10/24/2019 16:17:00</t>
  </si>
  <si>
    <t>10/24/2019 16:19:35</t>
  </si>
  <si>
    <t>H:\Controladoria\3. CSC\CONTROLES CSC\7-Orçamento 2020\Recebidos CSC\RESUMO FATURAMENTO DIRETO\</t>
  </si>
  <si>
    <t>FATURAMENTO DIRETO ALGAR TECH 2019 x 2020.xlsx</t>
  </si>
  <si>
    <t>10/24/2019 16:15:18</t>
  </si>
  <si>
    <t>FÓRUM AVON.xlsx</t>
  </si>
  <si>
    <t>10/24/2019 16:14:44</t>
  </si>
  <si>
    <t>10/24/2019 16:20:35</t>
  </si>
  <si>
    <t>andrelpsa@algartech.com;lucianarba@algartecnologia.com.br;taysdss@algartech.com;thiagordu@algartech.com;</t>
  </si>
  <si>
    <t>\\acsfs\ACS\Suporte à Operações\01 - Prévias\2019\10 - Outubro\</t>
  </si>
  <si>
    <t>PROVISAO CLIENTES - OUT.19 GUSTAVO.xlsx</t>
  </si>
  <si>
    <t>andrelpsa@algartech.com,lucianarba@algartecnologia.com.br,taysdss@algartech.com,thiagordu@algartech.com</t>
  </si>
  <si>
    <t>10/24/2019 16:20:42</t>
  </si>
  <si>
    <t>10/24/2019 16:21:34</t>
  </si>
  <si>
    <t>/o=exchangelabs/ou=exchange administrative group (fydibohf23spdlt)/cn=recipients/cn=5cff907b7abb465c8dbe10257a462656-diego iure;/o=exchangelabs/ou=exchange administrative group (fydibohf23spdlt)/cn=recipients/cn=aff8c3b9538840fe9b9778861292fbea-everton pau;marciohpr@algartech.com.br;</t>
  </si>
  <si>
    <t>ENC: Inclusão</t>
  </si>
  <si>
    <t>23 - CONSOLIDADO INCLUSÃO - 24.10.19.xlsx</t>
  </si>
  <si>
    <t>/o=exchangelabs/ou=exchange administrative group (fydibohf23spdlt)/cn=recipients/cn=5cff907b7abb465c8dbe10257a462656-diego iure,/o=exchangelabs/ou=exchange administrative group (fydibohf23spdlt)/cn=recipients/cn=aff8c3b9538840fe9b9778861292fbea-everton pau,marciohpr@algartech.com.br</t>
  </si>
  <si>
    <t>10/24/2019 16:17:43</t>
  </si>
  <si>
    <t>10/24/2019 16:22:35</t>
  </si>
  <si>
    <t>Action 23-10.xlsx</t>
  </si>
  <si>
    <t>10/24/2019 16:23:15</t>
  </si>
  <si>
    <t>10/24/2019 16:26:35</t>
  </si>
  <si>
    <t>/o=exchangelabs/ou=exchange administrative group (fydibohf23spdlt)/cn=recipients/cn=822f65115a2046059fff20a916dd90e9-thais marti;gledsonjrgc@algartech.com.br;marciohpr@algartech.com.br;</t>
  </si>
  <si>
    <t>/o=exchangelabs/ou=exchange administrative group (fydibohf23spdlt)/cn=recipients/cn=822f65115a2046059fff20a916dd90e9-thais marti,gledsonjrgc@algartech.com.br,marciohpr@algartech.com.br</t>
  </si>
  <si>
    <t>10/24/2019 16:24:36</t>
  </si>
  <si>
    <t>10/24/2019 16:29:35</t>
  </si>
  <si>
    <t>deboralddg@algartech.com.br;</t>
  </si>
  <si>
    <t>ENC: Cartão - ECS.</t>
  </si>
  <si>
    <t>Cartão - Ecovias. (921 KB).msg\s1\</t>
  </si>
  <si>
    <t>Planilha Portador Adicional_082015 - Ecovias.xls</t>
  </si>
  <si>
    <t>deboralddg@algartech.com.br</t>
  </si>
  <si>
    <t>10/24/2019 16:33:15</t>
  </si>
  <si>
    <t>10/24/2019 16:36:35</t>
  </si>
  <si>
    <t>francisco.gouveia@temposervicos.com.br;vanusaos@algartech.com.br;</t>
  </si>
  <si>
    <t>ENC: Manutenções Maio e Junho</t>
  </si>
  <si>
    <t>MANUTENÇÕES.xlsx</t>
  </si>
  <si>
    <t>francisco.gouveia@temposervicos.com.br,vanusaos@algartech.com.br</t>
  </si>
  <si>
    <t>10/24/2019 16:34:25</t>
  </si>
  <si>
    <t>/o=exchangelabs/ou=exchange administrative group (fydibohf23spdlt)/cn=recipients/cn=372a4aee70df4061aed129651510b96b-raul montei;/o=exchangelabs/ou=exchange administrative group (fydibohf23spdlt)/cn=recipients/cn=617c18ba304146409115ba3a3aaee6b7-marco aurel;/o=exchangelabs/ou=exchange administrative group (fydibohf23spdlt)/cn=recipients/cn=9e72be441e9e4b08a759859a5b3a336a-daniela de;/o=exchangelabs/ou=exchange administrative group (fydibohf23spdlt)/cn=recipients/cn=f7a4290a46314a3cbb0d392508a7b5c5-luciana sil;</t>
  </si>
  <si>
    <t>RES: Apresentação Customer Success</t>
  </si>
  <si>
    <t>Apresentação Programa Customer Success_Outubro_19.pptx\</t>
  </si>
  <si>
    <t>/o=exchangelabs/ou=exchange administrative group (fydibohf23spdlt)/cn=recipients/cn=372a4aee70df4061aed129651510b96b-raul montei,/o=exchangelabs/ou=exchange administrative group (fydibohf23spdlt)/cn=recipients/cn=617c18ba304146409115ba3a3aaee6b7-marco aurel,/o=exchangelabs/ou=exchange administrative group (fydibohf23spdlt)/cn=recipients/cn=9e72be441e9e4b08a759859a5b3a336a-daniela de,/o=exchangelabs/ou=exchange administrative group (fydibohf23spdlt)/cn=recipients/cn=f7a4290a46314a3cbb0d392508a7b5c5-luciana sil</t>
  </si>
  <si>
    <t>10/24/2019 16:33:04</t>
  </si>
  <si>
    <t>10/24/2019 16:38:34</t>
  </si>
  <si>
    <t>/o=exchangelabs/ou=exchange administrative group (fydibohf23spdlt)/cn=recipients/cn=userd3ef8196;</t>
  </si>
  <si>
    <t>ENC: Update - Dashboard Financeiro Whirlpool</t>
  </si>
  <si>
    <t>Simulação Faturamento Livia.xlsx</t>
  </si>
  <si>
    <t>/o=exchangelabs/ou=exchange administrative group (fydibohf23spdlt)/cn=recipients/cn=userd3ef8196</t>
  </si>
  <si>
    <t>10/24/2019 16:41:50</t>
  </si>
  <si>
    <t>10/24/2019 16:43:34</t>
  </si>
  <si>
    <t>C:\Users\waleskamms\OneDrive - Grupo Algar\Projetos\Inter\Projeto Inter Algar Tech fase 3 27_07 V2.pptx\</t>
  </si>
  <si>
    <t>10/24/2019 16:38:19</t>
  </si>
  <si>
    <t>10/24/2019 16:39:39</t>
  </si>
  <si>
    <t>10/24/2019 16:44:35</t>
  </si>
  <si>
    <t>ENC: Ref. Base Meta x Real 3º tri</t>
  </si>
  <si>
    <t>Meta e Real 3º Tri v2.xlsx</t>
  </si>
  <si>
    <t>10/24/2019 16:40:22</t>
  </si>
  <si>
    <t>leonardo.calicchio@bradesco.com.br;</t>
  </si>
  <si>
    <t>ENC: Proposta de reajuste recursos projetos PJ - André e Carolina</t>
  </si>
  <si>
    <t>leonardo.calicchio@bradesco.com.br</t>
  </si>
  <si>
    <t>10/24/2019 16:40:08</t>
  </si>
  <si>
    <t>10/24/2019 16:45:35</t>
  </si>
  <si>
    <t>andrelpsa@algartech.com;antoniojr@algartech.com;camila.costabile@bradesco.com.br;claudiac.machado@bradesco.com.br;emerson.r.correia@bradesco.com.br;leandrond.santos@bradesco.com.br;lucianarba@algartecnologia.com.br;natalia.alcantara@bradesco.com.br;nathalia.donadoni@bradesco.com.br;rafaela.santana@bradesco.com.br;rodrigormc@algartech.com;rosangelatf@algartech.com;taysdss@algartech.com;thiagordu@algartech.com;vanessa.manzione@bradesco.com.br;viniciusmlf@algartech.com;</t>
  </si>
  <si>
    <t>andrelpsa@algartech.com,antoniojr@algartech.com,camila.costabile@bradesco.com.br,claudiac.machado@bradesco.com.br,emerson.r.correia@bradesco.com.br,leandrond.santos@bradesco.com.br,lucianarba@algartecnologia.com.br,natalia.alcantara@bradesco.com.br,nathalia.donadoni@bradesco.com.br,rafaela.santana@bradesco.com.br,rodrigormc@algartech.com,rosangelatf@algartech.com,taysdss@algartech.com,thiagordu@algartech.com,vanessa.manzione@bradesco.com.br,viniciusmlf@algartech.com</t>
  </si>
  <si>
    <t>10/24/2019 16:42:55</t>
  </si>
  <si>
    <t>10/24/2019 16:46:35</t>
  </si>
  <si>
    <t>10/24/2019 16:42:56</t>
  </si>
  <si>
    <t>10/24/2019 16:42:57</t>
  </si>
  <si>
    <t>10/24/2019 16:46:08</t>
  </si>
  <si>
    <t>10/24/2019 16:50:35</t>
  </si>
  <si>
    <t>\\acsfs\SCORP$\3 - Administrativo\3.1 - COI\3.1.2 - Organogramas\EQUIPE COI\03 - JULIANA\Estacionamento\2019\OUTUBRO\</t>
  </si>
  <si>
    <t>entrada 1-09 a 30-09.xlsx</t>
  </si>
  <si>
    <t>10/24/2019 16:46:10</t>
  </si>
  <si>
    <t>mail.google.com/_/upload?authuser=0&amp;dcp=asu-n&amp;upload_id=AEnB2UrUeM07uhMr4FQ7ZL1jW4R9YE5fqCwTqQue1HpaopfnbMKND6J177ro1uCjonLM-2hUonunvVFbg3ZX6A_t23bdw1gbTeQtZZD0lmtod5IJukYE-xU&amp;upload_protocol=resumable</t>
  </si>
  <si>
    <t>saida 01-09 a 30-09.xlsx</t>
  </si>
  <si>
    <t>10/24/2019 16:53:18</t>
  </si>
  <si>
    <t>10/24/2019 16:58:35</t>
  </si>
  <si>
    <t>Fluxo Cartão.xlsx</t>
  </si>
  <si>
    <t>10/24/2019 16:56:33</t>
  </si>
  <si>
    <t>RES: Oportunidades Hunter 2020</t>
  </si>
  <si>
    <t>Oportunidades Hunter 2020_v2.xlsx</t>
  </si>
  <si>
    <t>10/24/2019 16:58:23</t>
  </si>
  <si>
    <t>10/24/2019 17:01:35</t>
  </si>
  <si>
    <t>C:\Users\paulohdoc\Downloads\</t>
  </si>
  <si>
    <t>procedimentos base.xlsx</t>
  </si>
  <si>
    <t>10/24/2019 17:02:44</t>
  </si>
  <si>
    <t>10/24/2019 17:03:35</t>
  </si>
  <si>
    <t>mail.google.com/_/upload?authuser=0&amp;dcp=asu-n&amp;upload_id=AEnB2Uov3NVnkrzoDlb-HvEba5JkfZkl0UL2fCM_w2HHtW6n07s047W90lnaInLKZXC2QkkRWGjsha4JMXJR67CcWlwiIyKsBcqbNpglYxt7jUJbF4Q5eVo&amp;upload_protocol=resumable</t>
  </si>
  <si>
    <t>10/24/2019 17:03:06</t>
  </si>
  <si>
    <t>10/24/2019 17:08:35</t>
  </si>
  <si>
    <t>/o=exchangelabs/ou=exchange administrative group (fydibohf23spdlt)/cn=recipients/cn=65d35bc38c6743d7a55b3ae9726a5893-diego ribei;/o=exchangelabs/ou=exchange administrative group (fydibohf23spdlt)/cn=recipients/cn=89e58c8da071492dbdcb4fee4156b705-gustavo alm;</t>
  </si>
  <si>
    <t>/o=exchangelabs/ou=exchange administrative group (fydibohf23spdlt)/cn=recipients/cn=65d35bc38c6743d7a55b3ae9726a5893-diego ribei,/o=exchangelabs/ou=exchange administrative group (fydibohf23spdlt)/cn=recipients/cn=89e58c8da071492dbdcb4fee4156b705-gustavo alm</t>
  </si>
  <si>
    <t>10/24/2019 17:13:59</t>
  </si>
  <si>
    <t>10/24/2019 17:16:35</t>
  </si>
  <si>
    <t>ARQUIVO_USUARIO (1).csv</t>
  </si>
  <si>
    <t>10/24/2019 17:14:03</t>
  </si>
  <si>
    <t>10/24/2019 17:24:21</t>
  </si>
  <si>
    <t>10/24/2019 17:24:35</t>
  </si>
  <si>
    <t>10.211.2.97</t>
  </si>
  <si>
    <t>/o=exchangelabs/ou=exchange administrative group (fydibohf23spdlt)/cn=recipients/cn=8c89829ad534498fa4c85b5ac11174f1-suelen more;/o=exchangelabs/ou=exchange administrative group (fydibohf23spdlt)/cn=recipients/cn=97028c61ebe04c3ca84c604712943944-fabiano wil;</t>
  </si>
  <si>
    <t>ENC: [RFP] IBM Multi - SERVIÇO</t>
  </si>
  <si>
    <t>199274_IBM_v6_Bodyshop_C11_BRF_Equipe_rev7.xlsb</t>
  </si>
  <si>
    <t>/o=exchangelabs/ou=exchange administrative group (fydibohf23spdlt)/cn=recipients/cn=8c89829ad534498fa4c85b5ac11174f1-suelen more,/o=exchangelabs/ou=exchange administrative group (fydibohf23spdlt)/cn=recipients/cn=97028c61ebe04c3ca84c604712943944-fabiano wil</t>
  </si>
  <si>
    <t>10/24/2019 17:24:11</t>
  </si>
  <si>
    <t>10/24/2019 17:25:35</t>
  </si>
  <si>
    <t>andreane.silverio@bradesco.com.br;andrelpsa@algartech.com;antoniojr@algartech.com;bruna.vernalha@bradesco.com.br;camila.costabile@bradesco.com.br;claudiac.machado@bradesco.com.br;daiane.alves@bradesco.com.br;denisev.carvalho@bradesco.com.br;emerson.r.correia@bradesco.com.br;eva.cordeiro@bradesco.com.br;fabiana.valentino@bradesco.com.br;flavio.romero@bradesco.com.br;joyce.l.oliveira@bradesco.com.br;jullian.faria@algartech.com;leandrond.santos@bradesco.com.br;leonardo.calicchio@bradesco.com.br;lucianarba@algartecnologia.com.br;natalia.alcantara@bradesco.com.br;nathalia.donadoni@bradesco.com.br;rafaela.santana@bradesco.com.br;rodrigormc@algartech.com;rosangelatf@algartech.com;suzane.b.rodrigues@bradesco.com.br;tatiana.bueno@bradesco.com.br;taysdss@algartech.com;thiagordu@algartech.com;vanessa.crisan.santos@bradesco.com.br;vanessa.manzione@bradesco.com.br;viniciusmlf@algartech.com;wesleys.oliveira@bradesco.com.br;</t>
  </si>
  <si>
    <t>andreane.silverio@bradesco.com.br,andrelpsa@algartech.com,antoniojr@algartech.com,bruna.vernalha@bradesco.com.br,camila.costabile@bradesco.com.br,claudiac.machado@bradesco.com.br,daiane.alves@bradesco.com.br,denisev.carvalho@bradesco.com.br,emerson.r.correia@bradesco.com.br,eva.cordeiro@bradesco.com.br,fabiana.valentino@bradesco.com.br,flavio.romero@bradesco.com.br,joyce.l.oliveira@bradesco.com.br,jullian.faria@algartech.com,leandrond.santos@bradesco.com.br,leonardo.calicchio@bradesco.com.br,lucianarba@algartecnologia.com.br,natalia.alcantara@bradesco.com.br,nathalia.donadoni@bradesco.com.br,rafaela.santana@bradesco.com.br,rodrigormc@algartech.com,rosangelatf@algartech.com,suzane.b.rodrigues@bradesco.com.br,tatiana.bueno@bradesco.com.br,taysdss@algartech.com,thiagordu@algartech.com,vanessa.crisan.santos@bradesco.com.br,vanessa.manzione@bradesco.com.br,viniciusmlf@algartech.com,wesleys.oliveira@bradesco.com.br</t>
  </si>
  <si>
    <t>10/24/2019 17:22:19</t>
  </si>
  <si>
    <t>ENC: Aceitação de sites 2019</t>
  </si>
  <si>
    <t>10/24/2019 17:26:21</t>
  </si>
  <si>
    <t>10/24/2019 17:29:34</t>
  </si>
  <si>
    <t>ENC: Base opp.</t>
  </si>
  <si>
    <t>10/24/2019 17:27:34</t>
  </si>
  <si>
    <t>10/24/2019 17:31:34</t>
  </si>
  <si>
    <t>10/24/2019 17:29:22</t>
  </si>
  <si>
    <t>/o=exchangelabs/ou=exchange administrative group (fydibohf23spdlt)/cn=recipients/cn=3658e557ecfb4e299cf58c9eaefa444e-eversonmc_a;leonoraat@algartech.com.br;</t>
  </si>
  <si>
    <t>/o=exchangelabs/ou=exchange administrative group (fydibohf23spdlt)/cn=recipients/cn=3658e557ecfb4e299cf58c9eaefa444e-eversonmc_a,leonoraat@algartech.com.br</t>
  </si>
  <si>
    <t>10/24/2019 17:45:40</t>
  </si>
  <si>
    <t>10/24/2019 17:47:35</t>
  </si>
  <si>
    <t>https://algarnet-my.sharepoint.com/personal/yuriifd_algartech_com/_layouts/15/upload.aspx?isajax=1&amp;list={75bc35a4-6a42-459f-a68b-05df76acab59}&amp;rootfolder=/personal/yuriifd_algartech_com/documents/prática atendimento - squad dc/dres</t>
  </si>
  <si>
    <t>C:\Users\yuriifd\Desktop\Squad Competividade - Atendimento\DREs de Clientes\</t>
  </si>
  <si>
    <t>Algar Telecom.xls</t>
  </si>
  <si>
    <t>10/24/2019 17:45:43</t>
  </si>
  <si>
    <t>BMW.xls</t>
  </si>
  <si>
    <t>10/24/2019 17:45:45</t>
  </si>
  <si>
    <t>Boticário.xls</t>
  </si>
  <si>
    <t>10/24/2019 17:45:58</t>
  </si>
  <si>
    <t>Bradesco.xls</t>
  </si>
  <si>
    <t>10/24/2019 17:46:07</t>
  </si>
  <si>
    <t>Banco Votorantim Financeira.xls</t>
  </si>
  <si>
    <t>10/24/2019 17:46:09</t>
  </si>
  <si>
    <t>Avon.xls</t>
  </si>
  <si>
    <t>10/24/2019 17:50:34</t>
  </si>
  <si>
    <t>mail.google.com/_/upload?authuser=0&amp;dcp=asu-n&amp;upload_id=AEnB2UqDXShCSsnx8Zdg4CisgSys7Aasyejyb-tsThZAVmWbV590HgUuM-QuXNigrQHQy-BIo0luV5zPRzVlkYaXhLZHE_ilAw&amp;upload_protocol=resumable</t>
  </si>
  <si>
    <t>douglasxm@algartech.com;leandrolam@algartelecom.com.br;</t>
  </si>
  <si>
    <t>C:\Users\anaedsp\Desktop\DOCS Irma\</t>
  </si>
  <si>
    <t>Switch_Subida_de Switch_MCE-NOVO-CAVALEIROS.xlsx</t>
  </si>
  <si>
    <t>douglasxm@algartech.com,leandrolam@algartelecom.com.br</t>
  </si>
  <si>
    <t>10/24/2019 17:52:22</t>
  </si>
  <si>
    <t>10/24/2019 17:56:35</t>
  </si>
  <si>
    <t>10/24/2019 17:55:33</t>
  </si>
  <si>
    <t>10/24/2019 17:58:34</t>
  </si>
  <si>
    <t>/o=nt5/ou=00000000000000000000000000000000/cn=3c5c3c448449a74e98afdc01a4416130;</t>
  </si>
  <si>
    <t>Cópia de CRs_GRC.xlsx</t>
  </si>
  <si>
    <t>/o=nt5/ou=00000000000000000000000000000000/cn=3c5c3c448449a74e98afdc01a4416130</t>
  </si>
  <si>
    <t>10/24/2019 17:54:31</t>
  </si>
  <si>
    <t>10/24/2019 17:59:35</t>
  </si>
  <si>
    <t>/o=exchangelabs/ou=exchange administrative group (fydibohf23spdlt)/cn=recipients/cn=1fbcd60c36f14b1cae70e747a3f94b5d-catiana lou;</t>
  </si>
  <si>
    <t>Checar</t>
  </si>
  <si>
    <t>Casos de falha no pedido em Cornerstone 2.xlsx</t>
  </si>
  <si>
    <t>/o=exchangelabs/ou=exchange administrative group (fydibohf23spdlt)/cn=recipients/cn=1fbcd60c36f14b1cae70e747a3f94b5d-catiana lou</t>
  </si>
  <si>
    <t>10/24/2019 18:07:47</t>
  </si>
  <si>
    <t>10/24/2019 18:09:35</t>
  </si>
  <si>
    <t>/o=exchangelabs/ou=exchange administrative group (fydibohf23spdlt)/cn=recipients/cn=1fbcd60c36f14b1cae70e747a3f94b5d-catiana lou;/o=exchangelabs/ou=exchange administrative group (fydibohf23spdlt)/cn=recipients/cn=545f738e0fe740ba856f4eb6ef0135e0-vinicius si;/o=exchangelabs/ou=exchange administrative group (fydibohf23spdlt)/cn=recipients/cn=d1d015f213f648abbf348b5ccdf8e9d9-senilda per;/o=exchangelabs/ou=exchange administrative group (fydibohf23spdlt)/cn=recipients/cn=e6e28e2646d74f638943c02afdaa6d1e-luciana rod;/o=exchangelabs/ou=exchange administrative group (fydibohf23spdlt)/cn=recipients/cn=f0ff087361a245daa16e71ac77ecc3f0-ivan costa;/o=exchangelabs/ou=exchange administrative group (fydibohf23spdlt)/cn=recipients/cn=matheus vinicius da silva;</t>
  </si>
  <si>
    <t>Cornerstone - Base.xlsx</t>
  </si>
  <si>
    <t>/o=exchangelabs/ou=exchange administrative group (fydibohf23spdlt)/cn=recipients/cn=1fbcd60c36f14b1cae70e747a3f94b5d-catiana lou,/o=exchangelabs/ou=exchange administrative group (fydibohf23spdlt)/cn=recipients/cn=545f738e0fe740ba856f4eb6ef0135e0-vinicius si,/o=exchangelabs/ou=exchange administrative group (fydibohf23spdlt)/cn=recipients/cn=d1d015f213f648abbf348b5ccdf8e9d9-senilda per,/o=exchangelabs/ou=exchange administrative group (fydibohf23spdlt)/cn=recipients/cn=e6e28e2646d74f638943c02afdaa6d1e-luciana rod,/o=exchangelabs/ou=exchange administrative group (fydibohf23spdlt)/cn=recipients/cn=f0ff087361a245daa16e71ac77ecc3f0-ivan costa,/o=exchangelabs/ou=exchange administrative group (fydibohf23spdlt)/cn=recipients/cn=matheus vinicius da silva</t>
  </si>
  <si>
    <t>10/24/2019 18:18:34</t>
  </si>
  <si>
    <t>10/24/2019 18:21:34</t>
  </si>
  <si>
    <t>/o=exchangelabs/ou=exchange administrative group (fydibohf23spdlt)/cn=recipients/cn=38bffaaccd0949f9804fcde336e4fb36-emilio sant;/o=exchangelabs/ou=exchange administrative group (fydibohf23spdlt)/cn=recipients/cn=f87f494a8d1d405d8a7b42a51dd5ab84-iris eugeni;</t>
  </si>
  <si>
    <t>Relatório NR17</t>
  </si>
  <si>
    <t>Relat_TrilhasEOuProcedimentosConteudosGerais_AlgarTech_20191024__594420_Reciclagem NR17.xlsx</t>
  </si>
  <si>
    <t>/o=exchangelabs/ou=exchange administrative group (fydibohf23spdlt)/cn=recipients/cn=38bffaaccd0949f9804fcde336e4fb36-emilio sant,/o=exchangelabs/ou=exchange administrative group (fydibohf23spdlt)/cn=recipients/cn=f87f494a8d1d405d8a7b42a51dd5ab84-iris eugeni</t>
  </si>
  <si>
    <t>10/24/2019 18:20:07</t>
  </si>
  <si>
    <t>10/24/2019 18:23:34</t>
  </si>
  <si>
    <t>mail.google.com/_/upload?authuser=0&amp;dcp=asu-n&amp;upload_id=AEnB2UpleIvcR1Qp8S7wL6sWnSCGdbd68EwmqZkG8R9ov924eHhXWRi-rJ9BrbTyZpEZwS6sy_jQckPezdtKWR9EG_a5DlGmX9rIS1ClCbHztzoDx2mAiG0&amp;upload_protocol=resumable</t>
  </si>
  <si>
    <t>adevilsonfa@algartech.com;andersonoa@algartech.com;danteglha@algartech.com;edsonnsj@algartech.com;galahard.silva@bancobmg.com.br;helbertbb@algartech.com;jonas.aquino@bancobmg.com.br;marceloat@algartech.com;marciols@algartech.com;rafaelbdt@algartech.com;williamads@algartech.com;</t>
  </si>
  <si>
    <t>C:\Users\daniloasb\Desktop\Projetos Documentos\Banco BMG\</t>
  </si>
  <si>
    <t>Atividades Cronograma.xlsx</t>
  </si>
  <si>
    <t>adevilsonfa@algartech.com,andersonoa@algartech.com,danteglha@algartech.com,edsonnsj@algartech.com,galahard.silva@bancobmg.com.br,helbertbb@algartech.com,jonas.aquino@bancobmg.com.br,marceloat@algartech.com,marciols@algartech.com,rafaelbdt@algartech.com,williamads@algartech.com</t>
  </si>
  <si>
    <t>10/24/2019 18:20:46</t>
  </si>
  <si>
    <t>10/24/2019 18:26:34</t>
  </si>
  <si>
    <t>/o=exchangelabs/ou=exchange administrative group (fydibohf23spdlt)/cn=recipients/cn=546d63420d554c4d858776a48a93ef0f-gustavo de;/o=exchangelabs/ou=exchange administrative group (fydibohf23spdlt)/cn=recipients/cn=56c2af2d07fd48c0aebfc00ddc006494-alessio rod;/o=exchangelabs/ou=exchange administrative group (fydibohf23spdlt)/cn=recipients/cn=78e530b5e3244cc1a89eba7f7b0af42f-marco tulio;/o=exchangelabs/ou=exchange administrative group (fydibohf23spdlt)/cn=recipients/cn=cd93dacc38404a95a829585c2e317a9f-dionizio ri;/o=exchangelabs/ou=exchange administrative group (fydibohf23spdlt)/cn=recipients/cn=fe8fdec9c88140d18f5303035fad45f0-ricardo bor;</t>
  </si>
  <si>
    <t>Apresentação Algar Telecom e BPs</t>
  </si>
  <si>
    <t>206472 RCV - HD - TVL Precificacao C017 B017 GRC 10% FLAT.xlsb</t>
  </si>
  <si>
    <t>/o=exchangelabs/ou=exchange administrative group (fydibohf23spdlt)/cn=recipients/cn=546d63420d554c4d858776a48a93ef0f-gustavo de,/o=exchangelabs/ou=exchange administrative group (fydibohf23spdlt)/cn=recipients/cn=56c2af2d07fd48c0aebfc00ddc006494-alessio rod,/o=exchangelabs/ou=exchange administrative group (fydibohf23spdlt)/cn=recipients/cn=78e530b5e3244cc1a89eba7f7b0af42f-marco tulio,/o=exchangelabs/ou=exchange administrative group (fydibohf23spdlt)/cn=recipients/cn=cd93dacc38404a95a829585c2e317a9f-dionizio ri,/o=exchangelabs/ou=exchange administrative group (fydibohf23spdlt)/cn=recipients/cn=fe8fdec9c88140d18f5303035fad45f0-ricardo bor</t>
  </si>
  <si>
    <t>10/24/2019 18:22:45</t>
  </si>
  <si>
    <t>10/24/2019 18:27:35</t>
  </si>
  <si>
    <t>/o=exchangelabs/ou=exchange administrative group (fydibohf23spdlt)/cn=recipients/cn=2d3379e2d04c40db810b4b1f41dd2aea-erica carol;/o=exchangelabs/ou=exchange administrative group (fydibohf23spdlt)/cn=recipients/cn=3b76b3dd02a14d289cc323d3c8d12b81-waleska mar;/o=exchangelabs/ou=exchange administrative group (fydibohf23spdlt)/cn=recipients/cn=a4d4dbc88c434f8ba2bceed730d83878-marcellus r;</t>
  </si>
  <si>
    <t>Calculo Multa Seguro Banco Modal</t>
  </si>
  <si>
    <t>Calculo multa Banco Modal.xlsx</t>
  </si>
  <si>
    <t>/o=exchangelabs/ou=exchange administrative group (fydibohf23spdlt)/cn=recipients/cn=2d3379e2d04c40db810b4b1f41dd2aea-erica carol,/o=exchangelabs/ou=exchange administrative group (fydibohf23spdlt)/cn=recipients/cn=3b76b3dd02a14d289cc323d3c8d12b81-waleska mar,/o=exchangelabs/ou=exchange administrative group (fydibohf23spdlt)/cn=recipients/cn=a4d4dbc88c434f8ba2bceed730d83878-marcellus r</t>
  </si>
  <si>
    <t>10/24/2019 18:49:40</t>
  </si>
  <si>
    <t>10/24/2019 18:52:34</t>
  </si>
  <si>
    <t>/o=exchangelabs/ou=exchange administrative group (fydibohf23spdlt)/cn=recipients/cn=54861e79125f48cc952d00cf8160b9a8-jeferson fe;/o=exchangelabs/ou=exchange administrative group (fydibohf23spdlt)/cn=recipients/cn=670d10f0276c47ba89a984b1a225496b-victor gala;/o=exchangelabs/ou=exchange administrative group (fydibohf23spdlt)/cn=recipients/cn=a72a765de829420582b78941417073ac-karina rodr;/o=exchangelabs/ou=exchange administrative group (fydibohf23spdlt)/cn=recipients/cn=f0ff087361a245daa16e71ac77ecc3f0-ivan costa;/o=exchangelabs/ou=exchange administrative group (fydibohf23spdlt)/cn=recipients/cn=matheus vinicius da silva;adriana.oliveira@avon.com;alda.monteiro@avon.com;alexmarques.silva@avon.com;julio.lopez@avon.com;mayza.costa@avon.com;patricia.guimaraes@avon.com;rosana.scalabrin@avon.com;</t>
  </si>
  <si>
    <t>RES: OFENSOR: Acompanhamento - New Model</t>
  </si>
  <si>
    <t>Plano de Ação Avon NEW MODEL.xlsx</t>
  </si>
  <si>
    <t>/o=exchangelabs/ou=exchange administrative group (fydibohf23spdlt)/cn=recipients/cn=54861e79125f48cc952d00cf8160b9a8-jeferson fe,/o=exchangelabs/ou=exchange administrative group (fydibohf23spdlt)/cn=recipients/cn=670d10f0276c47ba89a984b1a225496b-victor gala,/o=exchangelabs/ou=exchange administrative group (fydibohf23spdlt)/cn=recipients/cn=a72a765de829420582b78941417073ac-karina rodr,/o=exchangelabs/ou=exchange administrative group (fydibohf23spdlt)/cn=recipients/cn=f0ff087361a245daa16e71ac77ecc3f0-ivan costa,/o=exchangelabs/ou=exchange administrative group (fydibohf23spdlt)/cn=recipients/cn=matheus vinicius da silva,adriana.oliveira@avon.com,alda.monteiro@avon.com,alexmarques.silva@avon.com,julio.lopez@avon.com,mayza.costa@avon.com,patricia.guimaraes@avon.com,rosana.scalabrin@avon.com</t>
  </si>
  <si>
    <t>10/24/2019 19:35:26</t>
  </si>
  <si>
    <t>10/24/2019 19:39:35</t>
  </si>
  <si>
    <t>/o=exchangelabs/ou=exchange administrative group (fydibohf23spdlt)/cn=recipients/cn=34a28d636a1b4c86b1ec79baed4b846a-marco anton;/o=exchangelabs/ou=exchange administrative group (fydibohf23spdlt)/cn=recipients/cn=402535980e9d4d4788d63e3c9587e129-melissa fer;/o=exchangelabs/ou=exchange administrative group (fydibohf23spdlt)/cn=recipients/cn=617c18ba304146409115ba3a3aaee6b7-marco aurel;/o=exchangelabs/ou=exchange administrative group (fydibohf23spdlt)/cn=recipients/cn=728d1d4924f44f719f0b63307ba2e26f-guilherme d;/o=exchangelabs/ou=exchange administrative group (fydibohf23spdlt)/cn=recipients/cn=dce455bd99e248faa363b96c3e9add34-aline carol;/o=exchangelabs/ou=exchange administrative group (fydibohf23spdlt)/cn=recipients/cn=userd5d32f69;lucas.costa@algartech.com;</t>
  </si>
  <si>
    <t>RETIFICAÇAO: [ITAU] Portal iNotas | Acesso ao Portal *** INADIMPLENCIA ***</t>
  </si>
  <si>
    <t>FATURAMENTO NFE 21280 BANCO ITAU UNIBANCO S.A.msg\s1\</t>
  </si>
  <si>
    <t>/o=exchangelabs/ou=exchange administrative group (fydibohf23spdlt)/cn=recipients/cn=34a28d636a1b4c86b1ec79baed4b846a-marco anton,/o=exchangelabs/ou=exchange administrative group (fydibohf23spdlt)/cn=recipients/cn=402535980e9d4d4788d63e3c9587e129-melissa fer,/o=exchangelabs/ou=exchange administrative group (fydibohf23spdlt)/cn=recipients/cn=617c18ba304146409115ba3a3aaee6b7-marco aurel,/o=exchangelabs/ou=exchange administrative group (fydibohf23spdlt)/cn=recipients/cn=728d1d4924f44f719f0b63307ba2e26f-guilherme d,/o=exchangelabs/ou=exchange administrative group (fydibohf23spdlt)/cn=recipients/cn=dce455bd99e248faa363b96c3e9add34-aline carol,/o=exchangelabs/ou=exchange administrative group (fydibohf23spdlt)/cn=recipients/cn=userd5d32f69,lucas.costa@algartech.com</t>
  </si>
  <si>
    <t>10/24/2019 19:56:45</t>
  </si>
  <si>
    <t>10/24/2019 19:58:35</t>
  </si>
  <si>
    <t>/o=exchangelabs/ou=exchange administrative group (fydibohf23spdlt)/cn=recipients/cn=6bc6ced03b1b4fafa41bb5c70c178940-antonio per;/o=exchangelabs/ou=exchange administrative group (fydibohf23spdlt)/cn=recipients/cn=6fbc44b6d6b549208175d5a27201bd13-cintia nune;/o=exchangelabs/ou=exchange administrative group (fydibohf23spdlt)/cn=recipients/cn=78e530b5e3244cc1a89eba7f7b0af42f-marco tulio;/o=exchangelabs/ou=exchange administrative group (fydibohf23spdlt)/cn=recipients/cn=8ab5e44d485043d59eb4f21463e63e6a-tays dos sa;/o=exchangelabs/ou=exchange administrative group (fydibohf23spdlt)/cn=recipients/cn=a72a765de829420582b78941417073ac-karina rodr;</t>
  </si>
  <si>
    <t>PRÉVIA CLIENTES - OUT.19</t>
  </si>
  <si>
    <t>ENVIO PRÉVIA CLIENTES - OUT.19.xlsx</t>
  </si>
  <si>
    <t>/o=exchangelabs/ou=exchange administrative group (fydibohf23spdlt)/cn=recipients/cn=6bc6ced03b1b4fafa41bb5c70c178940-antonio per,/o=exchangelabs/ou=exchange administrative group (fydibohf23spdlt)/cn=recipients/cn=6fbc44b6d6b549208175d5a27201bd13-cintia nune,/o=exchangelabs/ou=exchange administrative group (fydibohf23spdlt)/cn=recipients/cn=78e530b5e3244cc1a89eba7f7b0af42f-marco tulio,/o=exchangelabs/ou=exchange administrative group (fydibohf23spdlt)/cn=recipients/cn=8ab5e44d485043d59eb4f21463e63e6a-tays dos sa,/o=exchangelabs/ou=exchange administrative group (fydibohf23spdlt)/cn=recipients/cn=a72a765de829420582b78941417073ac-karina rodr</t>
  </si>
  <si>
    <t>10/24/2019 20:45:36</t>
  </si>
  <si>
    <t>10/24/2019 20:49:36</t>
  </si>
  <si>
    <t>Previa Outubro validada.xlsm</t>
  </si>
  <si>
    <t>10/24/2019 20:46:00</t>
  </si>
  <si>
    <t>10/24/2019 20:46:15</t>
  </si>
  <si>
    <t>10/24/2019 20:46:47</t>
  </si>
  <si>
    <t>10/24/2019 20:47:17</t>
  </si>
  <si>
    <t>10/24/2019 20:49:37</t>
  </si>
  <si>
    <t>10/24/2019 20:54:35</t>
  </si>
  <si>
    <t>10/24/2019 20:53:39</t>
  </si>
  <si>
    <t>PREVIA OUTUBRO BRADESCO.xlsx</t>
  </si>
  <si>
    <t>10/24/2019 21:50:42</t>
  </si>
  <si>
    <t>10/24/2019 22:00:35</t>
  </si>
  <si>
    <t>/o=exchangelabs/ou=exchange administrative group (fydibohf23spdlt)/cn=recipients/cn=35309fb1a29c441a8083f702ecbb12d1-suporte sac;/o=exchangelabs/ou=exchange administrative group (fydibohf23spdlt)/cn=recipients/cn=3b605dbd20a046faa2e5305a476c2f01-next sac;/o=exchangelabs/ou=exchange administrative group (fydibohf23spdlt)/cn=recipients/cn=453b61456320491dad510b65b310018f-kelen crist;/o=exchangelabs/ou=exchange administrative group (fydibohf23spdlt)/cn=recipients/cn=88e4fcbd3ea14730a81286cc0683fb42-manoel eloy;/o=exchangelabs/ou=exchange administrative group (fydibohf23spdlt)/cn=recipients/cn=b712c36eebee42428d3790abe2696417-romario gom;/o=exchangelabs/ou=exchange administrative group (fydibohf23spdlt)/cn=recipients/cn=e4dbda4121b54299b4a719c6aa694894-algar tech;/o=exchangelabs/ou=exchange administrative group (fydibohf23spdlt)/cn=recipients/cn=groupf56ef55a;</t>
  </si>
  <si>
    <t>ENC: Relatório Treinamento NR-17 - 32ª Parcial 2019 – Adesão caiu e muito</t>
  </si>
  <si>
    <t>Farol NR-17 - 32ª Parcial 2019.xlsb</t>
  </si>
  <si>
    <t>/o=exchangelabs/ou=exchange administrative group (fydibohf23spdlt)/cn=recipients/cn=35309fb1a29c441a8083f702ecbb12d1-suporte sac,/o=exchangelabs/ou=exchange administrative group (fydibohf23spdlt)/cn=recipients/cn=3b605dbd20a046faa2e5305a476c2f01-next sac,/o=exchangelabs/ou=exchange administrative group (fydibohf23spdlt)/cn=recipients/cn=453b61456320491dad510b65b310018f-kelen crist,/o=exchangelabs/ou=exchange administrative group (fydibohf23spdlt)/cn=recipients/cn=88e4fcbd3ea14730a81286cc0683fb42-manoel eloy,/o=exchangelabs/ou=exchange administrative group (fydibohf23spdlt)/cn=recipients/cn=b712c36eebee42428d3790abe2696417-romario gom,/o=exchangelabs/ou=exchange administrative group (fydibohf23spdlt)/cn=recipients/cn=e4dbda4121b54299b4a719c6aa694894-algar tech,/o=exchangelabs/ou=exchange administrative group (fydibohf23spdlt)/cn=recipients/cn=groupf56ef55a</t>
  </si>
  <si>
    <t>10/25/2019 07:42:55</t>
  </si>
  <si>
    <t>10/25/2019 07:45:39</t>
  </si>
  <si>
    <t>10.200.99.21</t>
  </si>
  <si>
    <t>10/24/2019 17:48:59</t>
  </si>
  <si>
    <t>10/25/2019 07:49:38</t>
  </si>
  <si>
    <t>ENC: Fechamento_Aceitações_TNE_AGOSTO/19.</t>
  </si>
  <si>
    <t>Aceitações-Sites aprovadas AGO-2019.xlsx</t>
  </si>
  <si>
    <t>10/24/2019 21:37:24</t>
  </si>
  <si>
    <t>10/25/2019 08:16:39</t>
  </si>
  <si>
    <t>mail.google.com/_/upload?authuser=1&amp;dcp=asu-n&amp;upload_id=AEnB2Up2aA41PXaAJ6cMtxOupVSvLvd5MAYVfEgjPX0Vz4TEQS48Yqrs_acSwOrNvXudkkzNGWjSo0FLrYvULPyimPVm4Y_7Opa44LXCGdCw47jkD8nhYko&amp;upload_protocol=resumable</t>
  </si>
  <si>
    <t>10/25/2019 08:17:56</t>
  </si>
  <si>
    <t>10/25/2019 08:22:39</t>
  </si>
  <si>
    <t>10.200.57.238</t>
  </si>
  <si>
    <t>Report - Backlog RA</t>
  </si>
  <si>
    <t>Report Backlog - Toyota.xlsx</t>
  </si>
  <si>
    <t>10/24/2019 17:30:20</t>
  </si>
  <si>
    <t>10/25/2019 08:24:39</t>
  </si>
  <si>
    <t>antoniocoj@algartech.com;cpc-acompanhamentobradesco@algartech.com;cpc-aeb@algartech.com;cpc-analistaavon@algartech.com;cpc-bocm@algartech.com;cpc-coordenacaowasleyluiz@algartech.com;cpc-fraude@algarnet.onmicrosoft.com;cpc.analistawhirlpool@algartech.com;cpccaixaseguradora@algartech.com;cpccontroldeskctbc@algartech.com;cpcregionaludi@algartech.com;cqe-qualidadeudi@algartech.com;cqe-regionalcps@algartech.com;cqe-uberaba@algartech.com;danilormo@algartech.com;dgrc.coordenadores.cps.cwb@algartech.com;dgrc.coordenadores.udi.iua@algartech.com;dgrc.gerentes@algartech.com;dgrc.supervisores.cps@algartech.com;dgrc.supervisores.cwb@algartech.com;dgrc.supervisores.udi.iua@algartech.com;gabrielaf@algartech.com;hugooc@algartech.com;karolynecj@algartech.com;mateusms@algartech.com;octavio.vasconcellos@algartech.com;olivar@algar.com.br;pablopsou@algartech.com;sesmt-regionalcps@algartech.com;sesmt-regionaludi@algartech.com;wasleylc@algartech.com;</t>
  </si>
  <si>
    <t>antoniocoj@algartech.com,cpc-acompanhamentobradesco@algartech.com,cpc-aeb@algartech.com,cpc-analistaavon@algartech.com,cpc-bocm@algartech.com,cpc-coordenacaowasleyluiz@algartech.com,cpc-fraude@algarnet.onmicrosoft.com,cpc.analistawhirlpool@algartech.com,cpccaixaseguradora@algartech.com,cpccontroldeskctbc@algartech.com,cpcregionaludi@algartech.com,cqe-qualidadeudi@algartech.com,cqe-regionalcps@algartech.com,cqe-uberaba@algartech.com,danilormo@algartech.com,dgrc.coordenadores.cps.cwb@algartech.com,dgrc.coordenadores.udi.iua@algartech.com,dgrc.gerentes@algartech.com,dgrc.supervisores.cps@algartech.com,dgrc.supervisores.cwb@algartech.com,dgrc.supervisores.udi.iua@algartech.com,gabrielaf@algartech.com,hugooc@algartech.com,karolynecj@algartech.com,mateusms@algartech.com,octavio.vasconcellos@algartech.com,olivar@algar.com.br,pablopsou@algartech.com,sesmt-regionalcps@algartech.com,sesmt-regionaludi@algartech.com,wasleylc@algartech.com</t>
  </si>
  <si>
    <t>10/24/2019 17:36:12</t>
  </si>
  <si>
    <t>10/25/2019 08:29:38</t>
  </si>
  <si>
    <t>2019 10 22 - Base Indiretos 1ª Projeção + Jairo+RS.xlsx</t>
  </si>
  <si>
    <t>10/24/2019 20:53:57</t>
  </si>
  <si>
    <t>10/25/2019 08:33:38</t>
  </si>
  <si>
    <t>almezindosn@algartech.com;antoniaama@algartech.com;carloselo@algartech.com;carlossfj@algartech.com;edienelnpi@algartech.com;eduardost@algartech.com;eli_lima_silva_manpower@whirlpool.com;ewertoncles@algartech.com;fabianacscg@algartech.com;guilherme_andrade@whirlpool.com;humbertopj@algartech.com;joaobab@algartech.com;joelsonfs@algartech.com;kaio_h_siqueira_contractor@whirlpool.com;karinars@algartecnologia.com.br;leonardotds@algartech.com;liviafgg@algartech.com;luizavs@algartech.com;luizccga@algartech.com;marceloab@algartech.com;marcospr@algartech.com;marianagso@algartech.com;michelro@algartech.com;rafaelmpe@algartech.com;rondinelesa@algartech.com;rosilenedlf@algartech.com;viniciusgt@algartech.com;viniciussg@algartech.com;yuriifd@algartech.com;</t>
  </si>
  <si>
    <t>C:\Users\nataliamam\Desktop\RPA's\</t>
  </si>
  <si>
    <t>almezindosn@algartech.com,antoniaama@algartech.com,carloselo@algartech.com,carlossfj@algartech.com,edienelnpi@algartech.com,eduardost@algartech.com,eli_lima_silva_manpower@whirlpool.com,ewertoncles@algartech.com,fabianacscg@algartech.com,guilherme_andrade@whirlpool.com,humbertopj@algartech.com,joaobab@algartech.com,joelsonfs@algartech.com,kaio_h_siqueira_contractor@whirlpool.com,karinars@algartecnologia.com.br,leonardotds@algartech.com,liviafgg@algartech.com,luizavs@algartech.com,luizccga@algartech.com,marceloab@algartech.com,marcospr@algartech.com,marianagso@algartech.com,michelro@algartech.com,rafaelmpe@algartech.com,rondinelesa@algartech.com,rosilenedlf@algartech.com,viniciusgt@algartech.com,viniciussg@algartech.com,yuriifd@algartech.com</t>
  </si>
  <si>
    <t>10/24/2019 22:32:23</t>
  </si>
  <si>
    <t>/o=exchangelabs/ou=exchange administrative group (fydibohf23spdlt)/cn=recipients/cn=109f6d628834480fabc1188cbdef64fa-antonia apa;/o=exchangelabs/ou=exchange administrative group (fydibohf23spdlt)/cn=recipients/cn=569d7198742e4440ae175f4e06d6c6a9-thiago rodr;/o=exchangelabs/ou=exchange administrative group (fydibohf23spdlt)/cn=recipients/cn=60faf2b5b04b4809ba6e5fa8b0b884a6-evelise tri;/o=exchangelabs/ou=exchange administrative group (fydibohf23spdlt)/cn=recipients/cn=93fbfc821dab48cf91184b5c6c1bf60c-ianny raiss;/o=exchangelabs/ou=exchange administrative group (fydibohf23spdlt)/cn=recipients/cn=ec17dc6bdb7449c1bc970fda7acc675b-leonardo tr;</t>
  </si>
  <si>
    <t>mapeamentos RPA's Services Whirlpool</t>
  </si>
  <si>
    <t>/o=exchangelabs/ou=exchange administrative group (fydibohf23spdlt)/cn=recipients/cn=109f6d628834480fabc1188cbdef64fa-antonia apa,/o=exchangelabs/ou=exchange administrative group (fydibohf23spdlt)/cn=recipients/cn=569d7198742e4440ae175f4e06d6c6a9-thiago rodr,/o=exchangelabs/ou=exchange administrative group (fydibohf23spdlt)/cn=recipients/cn=60faf2b5b04b4809ba6e5fa8b0b884a6-evelise tri,/o=exchangelabs/ou=exchange administrative group (fydibohf23spdlt)/cn=recipients/cn=93fbfc821dab48cf91184b5c6c1bf60c-ianny raiss,/o=exchangelabs/ou=exchange administrative group (fydibohf23spdlt)/cn=recipients/cn=ec17dc6bdb7449c1bc970fda7acc675b-leonardo tr</t>
  </si>
  <si>
    <t>10/24/2019 22:34:39</t>
  </si>
  <si>
    <t>10/25/2019 08:31:53</t>
  </si>
  <si>
    <t>10/25/2019 08:36:38</t>
  </si>
  <si>
    <t>10/25/2019 08:31:00</t>
  </si>
  <si>
    <t>10/25/2019 08:44:39</t>
  </si>
  <si>
    <t>mail.google.com/_/upload?authuser=1&amp;dcp=asu-n&amp;upload_id=AEnB2UoRdTpWy_xxZob1gcK-sV6sr1rmuD7Bk1OPfiEZ0fYdg0KH6FaKSQaLlH7xZ4yCSUnZaQal1Gg29f92jfnnIRQjS3TQid8QTCFO_9weZ_6lZcD2VEY&amp;upload_protocol=resumable</t>
  </si>
  <si>
    <t>10_19- Acompanhamento Faturamento.v3.xlsb</t>
  </si>
  <si>
    <t>10/25/2019 08:50:13</t>
  </si>
  <si>
    <t>10/25/2019 08:55:39</t>
  </si>
  <si>
    <t>10/22/2019 19:43:34</t>
  </si>
  <si>
    <t>10/25/2019 09:07:38</t>
  </si>
  <si>
    <t>/o=exchangelabs/ou=exchange administrative group (fydibohf23spdlt)/cn=recipients/cn=6bc6ced03b1b4fafa41bb5c70c178940-antonio per;/o=exchangelabs/ou=exchange administrative group (fydibohf23spdlt)/cn=recipients/cn=ee68a2a53024446789dc480aef9c7a7c-joao gabrie;</t>
  </si>
  <si>
    <t>ENC: Orçamento EPO - 2020</t>
  </si>
  <si>
    <t>/o=exchangelabs/ou=exchange administrative group (fydibohf23spdlt)/cn=recipients/cn=6bc6ced03b1b4fafa41bb5c70c178940-antonio per,/o=exchangelabs/ou=exchange administrative group (fydibohf23spdlt)/cn=recipients/cn=ee68a2a53024446789dc480aef9c7a7c-joao gabrie</t>
  </si>
  <si>
    <t>10/23/2019 10:42:18</t>
  </si>
  <si>
    <t>bASE_Saving.xls</t>
  </si>
  <si>
    <t>10/23/2019 10:44:48</t>
  </si>
  <si>
    <t>10/24/2019 12:13:01</t>
  </si>
  <si>
    <t>ENC: Orçamento 2020 MC1 vs MC2.xls</t>
  </si>
  <si>
    <t>Orçamento 2020 MC1 vs MC2.xls</t>
  </si>
  <si>
    <t>10/24/2019 16:15:25</t>
  </si>
  <si>
    <t>/o=exchangelabs/ou=exchange administrative group (fydibohf23spdlt)/cn=recipients/cn=2144abc9537143519f505fcb8550b74c-juliana emi;/o=exchangelabs/ou=exchange administrative group (fydibohf23spdlt)/cn=recipients/cn=a72a765de829420582b78941417073ac-karina rodr;</t>
  </si>
  <si>
    <t>/o=exchangelabs/ou=exchange administrative group (fydibohf23spdlt)/cn=recipients/cn=2144abc9537143519f505fcb8550b74c-juliana emi,/o=exchangelabs/ou=exchange administrative group (fydibohf23spdlt)/cn=recipients/cn=a72a765de829420582b78941417073ac-karina rodr</t>
  </si>
  <si>
    <t>10/24/2019 17:57:40</t>
  </si>
  <si>
    <t>/o=exchangelabs/ou=exchange administrative group (fydibohf23spdlt)/cn=recipients/cn=9c71bc5f5a3648bbbb5f6bedb86e15a6-marcelo buz;/o=exchangelabs/ou=exchange administrative group (fydibohf23spdlt)/cn=recipients/cn=ee68a2a53024446789dc480aef9c7a7c-joao gabrie;</t>
  </si>
  <si>
    <t>Orçamento EPO 19 x 20</t>
  </si>
  <si>
    <t>Orçamento_EPO.pptx\</t>
  </si>
  <si>
    <t>/o=exchangelabs/ou=exchange administrative group (fydibohf23spdlt)/cn=recipients/cn=9c71bc5f5a3648bbbb5f6bedb86e15a6-marcelo buz,/o=exchangelabs/ou=exchange administrative group (fydibohf23spdlt)/cn=recipients/cn=ee68a2a53024446789dc480aef9c7a7c-joao gabrie</t>
  </si>
  <si>
    <t>10/25/2019 09:05:31</t>
  </si>
  <si>
    <t>10/25/2019 09:09:38</t>
  </si>
  <si>
    <t>mail.google.com/_/upload?authuser=1&amp;dcp=asu-n&amp;upload_id=AEnB2UoHpTU21m0yF4PFBQN6ffVfwtrlTWkkipwedQZ4XNPKkv9c8KGSShhusAl5Dk-mR6EZh2cxhny87nH8E8QfPlAeajYC0RDE0GBBXOA4JnBZRC7hRkY&amp;upload_protocol=resumable</t>
  </si>
  <si>
    <t>Atualizado Canc. a executar.xlsx</t>
  </si>
  <si>
    <t>10/25/2019 09:10:17</t>
  </si>
  <si>
    <t>10/25/2019 09:13:38</t>
  </si>
  <si>
    <t>/o=exchangelabs/ou=exchange administrative group (fydibohf23spdlt)/cn=recipients/cn=1e212ef08dab4f26b88cba944f2ab7cb-pmo.governa;/o=exchangelabs/ou=exchange administrative group (fydibohf23spdlt)/cn=recipients/cn=590012d55fae421587844918af7bc53c-daiane mari;/o=exchangelabs/ou=exchange administrative group (fydibohf23spdlt)/cn=recipients/cn=61af722dd06149089cf1c867d796b8bc-delso estre;/o=exchangelabs/ou=exchange administrative group (fydibohf23spdlt)/cn=recipients/cn=b3ad8a638fcc4c57bf8c7953dd4b3cb8-augusto ces;/o=exchangelabs/ou=exchange administrative group (fydibohf23spdlt)/cn=recipients/cn=e46cd96e8e9e452c8cc8ba65a6c4ec57-gustavo hen;/o=exchangelabs/ou=exchange administrative group (fydibohf23spdlt)/cn=recipients/cn=f0723cfec25d44359e10a3afabfe3d5f-ederlei rod;</t>
  </si>
  <si>
    <t>URGENTE: Custos dos associados folha de setembro para capitalização de horas</t>
  </si>
  <si>
    <t>/o=exchangelabs/ou=exchange administrative group (fydibohf23spdlt)/cn=recipients/cn=1e212ef08dab4f26b88cba944f2ab7cb-pmo.governa,/o=exchangelabs/ou=exchange administrative group (fydibohf23spdlt)/cn=recipients/cn=590012d55fae421587844918af7bc53c-daiane mari,/o=exchangelabs/ou=exchange administrative group (fydibohf23spdlt)/cn=recipients/cn=61af722dd06149089cf1c867d796b8bc-delso estre,/o=exchangelabs/ou=exchange administrative group (fydibohf23spdlt)/cn=recipients/cn=b3ad8a638fcc4c57bf8c7953dd4b3cb8-augusto ces,/o=exchangelabs/ou=exchange administrative group (fydibohf23spdlt)/cn=recipients/cn=e46cd96e8e9e452c8cc8ba65a6c4ec57-gustavo hen,/o=exchangelabs/ou=exchange administrative group (fydibohf23spdlt)/cn=recipients/cn=f0723cfec25d44359e10a3afabfe3d5f-ederlei rod</t>
  </si>
  <si>
    <t>10/25/2019 09:14:00</t>
  </si>
  <si>
    <t>10/25/2019 09:16:39</t>
  </si>
  <si>
    <t>/o=exchangelabs/ou=exchange administrative group (fydibohf23spdlt)/cn=recipients/cn=43cb74e00d3c492dbb631ee85133ea99-pre vendas;/o=exchangelabs/ou=exchange administrative group (fydibohf23spdlt)/cn=recipients/cn=usere11ed38c;</t>
  </si>
  <si>
    <t>Meta e Real 3º Tri v2_pre vendas.xlsx</t>
  </si>
  <si>
    <t>/o=exchangelabs/ou=exchange administrative group (fydibohf23spdlt)/cn=recipients/cn=43cb74e00d3c492dbb631ee85133ea99-pre vendas,/o=exchangelabs/ou=exchange administrative group (fydibohf23spdlt)/cn=recipients/cn=usere11ed38c</t>
  </si>
  <si>
    <t>10/25/2019 09:20:40</t>
  </si>
  <si>
    <t>10/24/2019 12:13:11</t>
  </si>
  <si>
    <t>10/25/2019 09:22:40</t>
  </si>
  <si>
    <t>45144;alinescsi@algartecnologia.com.br;antoniaama@algartech.com;carolinafdr@algartech.com;cassiaafa@algartech.com;deboraaxm@algartech.com;diogogbb@algartech.com;gabrielvb@algartech.com;giofrerdanegfg@algartech.com;humbertopj@algartech.com;juliaf@algartech.com;karinaag@algartech.com;robertacgoza@algartecnologia.com.br;</t>
  </si>
  <si>
    <t>1º bateria - Testes ChatBot Electrolux (Marcos.).xlsx</t>
  </si>
  <si>
    <t>45144,alinescsi@algartecnologia.com.br,antoniaama@algartech.com,carolinafdr@algartech.com,cassiaafa@algartech.com,deboraaxm@algartech.com,diogogbb@algartech.com,gabrielvb@algartech.com,giofrerdanegfg@algartech.com,humbertopj@algartech.com,juliaf@algartech.com,karinaag@algartech.com,robertacgoza@algartecnologia.com.br</t>
  </si>
  <si>
    <t>10/25/2019 09:28:25</t>
  </si>
  <si>
    <t>10/25/2019 09:30:39</t>
  </si>
  <si>
    <t>Planilha de Consultores, analista e Transportadora.xlsx</t>
  </si>
  <si>
    <t>10/25/2019 09:26:58</t>
  </si>
  <si>
    <t>10/25/2019 09:31:39</t>
  </si>
  <si>
    <t>Meta 2° e 3° TRI.xlsx</t>
  </si>
  <si>
    <t>10/25/2019 09:29:50</t>
  </si>
  <si>
    <t>10/25/2019 09:31:37</t>
  </si>
  <si>
    <t>10/25/2019 09:35:39</t>
  </si>
  <si>
    <t>Revisao de Regua.xlsx</t>
  </si>
  <si>
    <t>10/25/2019 09:09:11</t>
  </si>
  <si>
    <t>/o=exchangelabs/ou=exchange administrative group (fydibohf23spdlt)/cn=recipients/cn=1635ed1077024674b65c52767dacde9a-jullian pac;/o=exchangelabs/ou=exchange administrative group (fydibohf23spdlt)/cn=recipients/cn=1e2e97da71ef410ba6f7bc3d1bfa9175-antonio car;/o=exchangelabs/ou=exchange administrative group (fydibohf23spdlt)/cn=recipients/cn=c29ec9dae022497281c840087cccddec-patricia ar;</t>
  </si>
  <si>
    <t>RES: RFP Up Televendas</t>
  </si>
  <si>
    <t>Info_TLV UP Brasil_v2.xlsx</t>
  </si>
  <si>
    <t>/o=exchangelabs/ou=exchange administrative group (fydibohf23spdlt)/cn=recipients/cn=1635ed1077024674b65c52767dacde9a-jullian pac,/o=exchangelabs/ou=exchange administrative group (fydibohf23spdlt)/cn=recipients/cn=1e2e97da71ef410ba6f7bc3d1bfa9175-antonio car,/o=exchangelabs/ou=exchange administrative group (fydibohf23spdlt)/cn=recipients/cn=c29ec9dae022497281c840087cccddec-patricia ar</t>
  </si>
  <si>
    <t>10/24/2019 17:54:59</t>
  </si>
  <si>
    <t>10/25/2019 09:37:39</t>
  </si>
  <si>
    <t>mail.google.com/_/upload?authuser=2&amp;dcp=asu-n&amp;upload_id=AEnB2Ur-AzKgn9PiqqlCwwNIAdXxy421Q_6qDfgMU6kY9EOulRey21bQxKkNWq4cGZtpbI8IHP1S9A9d08UMSgoA3kEvTmZMsYLwEcEPXYIqOfd_bVNsHCY&amp;upload_protocol=resumable</t>
  </si>
  <si>
    <t>demais exemplos de cpfs.csv</t>
  </si>
  <si>
    <t>10/25/2019 09:35:27</t>
  </si>
  <si>
    <t>10/25/2019 09:39:39</t>
  </si>
  <si>
    <t>ENC: Report Intradiário - Atendimento Algar Tech - 24/10/2019</t>
  </si>
  <si>
    <t>10/25/2019 09:37:00</t>
  </si>
  <si>
    <t>10/25/2019 09:41:40</t>
  </si>
  <si>
    <t>Planilha de Reajuste</t>
  </si>
  <si>
    <t>10/24/2019 19:24:02</t>
  </si>
  <si>
    <t>10/25/2019 09:42:39</t>
  </si>
  <si>
    <t>/o=exchangelabs/ou=exchange administrative group (fydibohf23spdlt)/cn=recipients/cn=72cf7e0bd1fe499886b9c12b4b5b52b6-inacio anto;/o=exchangelabs/ou=exchange administrative group (fydibohf23spdlt)/cn=recipients/cn=90878932db2a45bb924c0e3aac6d5da2-jonatas lem;</t>
  </si>
  <si>
    <t>RES: Volumes Migração</t>
  </si>
  <si>
    <t>Planejamento - Março.xlsx</t>
  </si>
  <si>
    <t>/o=exchangelabs/ou=exchange administrative group (fydibohf23spdlt)/cn=recipients/cn=72cf7e0bd1fe499886b9c12b4b5b52b6-inacio anto,/o=exchangelabs/ou=exchange administrative group (fydibohf23spdlt)/cn=recipients/cn=90878932db2a45bb924c0e3aac6d5da2-jonatas lem</t>
  </si>
  <si>
    <t>10/25/2019 09:43:14</t>
  </si>
  <si>
    <t>10/25/2019 09:44:39</t>
  </si>
  <si>
    <t>MARCELO DE SOUZA DIAS</t>
  </si>
  <si>
    <t>/o=exchangelabs/ou=exchange administrative group (fydibohf23spdlt)/cn=recipients/cn=235e7daac89547928519876ef2c1f099-marcelo adr;</t>
  </si>
  <si>
    <t>Indicadores CA ITSM</t>
  </si>
  <si>
    <t>Indicadores Operacionais GIAT - ITSM.xlsx</t>
  </si>
  <si>
    <t>/o=exchangelabs/ou=exchange administrative group (fydibohf23spdlt)/cn=recipients/cn=235e7daac89547928519876ef2c1f099-marcelo adr</t>
  </si>
  <si>
    <t>10/25/2019 09:42:07</t>
  </si>
  <si>
    <t>10/25/2019 09:46:39</t>
  </si>
  <si>
    <t>/o=exchangelabs/ou=exchange administrative group (fydibohf23spdlt)/cn=recipients/cn=651324bc204a42f6bbcdf62273ebdc5c-aluisio ant;/o=exchangelabs/ou=exchange administrative group (fydibohf23spdlt)/cn=recipients/cn=user78f7a52d;</t>
  </si>
  <si>
    <t>LP Revisado</t>
  </si>
  <si>
    <t>PROJEÇÃO LP GAT PPE + AS IS - Outubro 2019_V5.xlsx</t>
  </si>
  <si>
    <t>/o=exchangelabs/ou=exchange administrative group (fydibohf23spdlt)/cn=recipients/cn=651324bc204a42f6bbcdf62273ebdc5c-aluisio ant,/o=exchangelabs/ou=exchange administrative group (fydibohf23spdlt)/cn=recipients/cn=user78f7a52d</t>
  </si>
  <si>
    <t>10/25/2019 09:45:04</t>
  </si>
  <si>
    <t>10/25/2019 09:48:39</t>
  </si>
  <si>
    <t>10/25/2019 09:48:52</t>
  </si>
  <si>
    <t>10/25/2019 09:49:40</t>
  </si>
  <si>
    <t>10/25/2019 09:46:56</t>
  </si>
  <si>
    <t>10/25/2019 09:51:39</t>
  </si>
  <si>
    <t>PLANILHAS AJUSTE SGS</t>
  </si>
  <si>
    <t>INVENTÁRIO CÍCLICO GOVERNADOR VALADARES.xlsx</t>
  </si>
  <si>
    <t>10/24/2019 14:23:57</t>
  </si>
  <si>
    <t>10/25/2019 09:55:39</t>
  </si>
  <si>
    <t>ENC: GRU | RFI - BID de Rádios Tetra (Serviços + Locação de Equipamentos) | Importante |</t>
  </si>
  <si>
    <t>RFI Padrão.xlsx</t>
  </si>
  <si>
    <t>10/25/2019 09:55:07</t>
  </si>
  <si>
    <t>10/25/2019 09:56:40</t>
  </si>
  <si>
    <t>10/25/2019 09:54:26</t>
  </si>
  <si>
    <t>10/25/2019 09:58:40</t>
  </si>
  <si>
    <t>10/25/2019 09:55:23</t>
  </si>
  <si>
    <t>10/25/2019 09:59:39</t>
  </si>
  <si>
    <t>REDIR - PMO - CAPEX FORECAST 4ºTRI.pptx</t>
  </si>
  <si>
    <t>REDIR - PMO - CAPEX FORECAST 4ºTRI.pptx\</t>
  </si>
  <si>
    <t>10/25/2019 09:57:56</t>
  </si>
  <si>
    <t>10/25/2019 10:02:40</t>
  </si>
  <si>
    <t>ENC: Desvio errado BI TOP -</t>
  </si>
  <si>
    <t>DESVIO OPERAÇÃO.xls</t>
  </si>
  <si>
    <t>10/25/2019 10:00:42</t>
  </si>
  <si>
    <t>10/25/2019 10:03:39</t>
  </si>
  <si>
    <t>joseebm@algartech.com.br;</t>
  </si>
  <si>
    <t>VALE</t>
  </si>
  <si>
    <t>BASE VALE.xlsx</t>
  </si>
  <si>
    <t>joseebm@algartech.com.br</t>
  </si>
  <si>
    <t>10/25/2019 10:03:24</t>
  </si>
  <si>
    <t>10/25/2019 10:04:40</t>
  </si>
  <si>
    <t>c:\users\iramildass\downloads\</t>
  </si>
  <si>
    <t>lista.xlsx</t>
  </si>
  <si>
    <t>10/25/2019 10:02:23</t>
  </si>
  <si>
    <t>rodrigo.falcetti@cscalgar.com.br;sueleide.silva@cscalgar.com.br;</t>
  </si>
  <si>
    <t>Evidência Ibi CPS - Ago.19.xlsx</t>
  </si>
  <si>
    <t>rodrigo.falcetti@cscalgar.com.br,sueleide.silva@cscalgar.com.br</t>
  </si>
  <si>
    <t>10/25/2019 10:02:48</t>
  </si>
  <si>
    <t>10/25/2019 10:05:39</t>
  </si>
  <si>
    <t>10/25/2019 10:03:49</t>
  </si>
  <si>
    <t>10/25/2019 10:07:39</t>
  </si>
  <si>
    <t>10.203.30.123</t>
  </si>
  <si>
    <t>mail.google.com/_/upload?authuser=0&amp;dcp=asu-n&amp;upload_id=AEnB2Up3BOWbyXbYeUk5n0lUAsPVAjDoFmm0sS8FnO3WUBb5lV7SCIbiCUs8scn4STV6mHjVxyPw3lzYBI4acjxqrve_qztoSQ&amp;upload_protocol=resumable</t>
  </si>
  <si>
    <t>alessandroac@algartech.com;paulinasg@algartech.com;</t>
  </si>
  <si>
    <t>2019_10_25_Não_Possui_Veículo.xlsx</t>
  </si>
  <si>
    <t>alessandroac@algartech.com,paulinasg@algartech.com</t>
  </si>
  <si>
    <t>10/25/2019 10:07:55</t>
  </si>
  <si>
    <t>10/25/2019 10:16:39</t>
  </si>
  <si>
    <t>/o=exchangelabs/ou=exchange administrative group (fydibohf23spdlt)/cn=recipients/cn=0eb8b2385d354af2b97da6b3eb0e0e32-augusto mor;/o=exchangelabs/ou=exchange administrative group (fydibohf23spdlt)/cn=recipients/cn=2b05fb64124641c794278ebec1c98b6d-joao batist;/o=exchangelabs/ou=exchange administrative group (fydibohf23spdlt)/cn=recipients/cn=2f8300fc6f8b4714a77c0227cba72162-vinicius pi;/o=exchangelabs/ou=exchange administrative group (fydibohf23spdlt)/cn=recipients/cn=3f8dc816d59b492ea91196e766529543-jony teixei;/o=exchangelabs/ou=exchange administrative group (fydibohf23spdlt)/cn=recipients/cn=f8b053438c694303ab596a1e5d74c2e1-caio cesar;/o=exchangelabs/ou=exchange administrative group (fydibohf23spdlt)/cn=recipients/cn=f8c373eee3684edda003a8a3c9c57ed8-fabiano cip;</t>
  </si>
  <si>
    <t>ENC: Acionamento da URA de Contingência</t>
  </si>
  <si>
    <t>volume_contingencia.xls</t>
  </si>
  <si>
    <t>/o=exchangelabs/ou=exchange administrative group (fydibohf23spdlt)/cn=recipients/cn=0eb8b2385d354af2b97da6b3eb0e0e32-augusto mor,/o=exchangelabs/ou=exchange administrative group (fydibohf23spdlt)/cn=recipients/cn=2b05fb64124641c794278ebec1c98b6d-joao batist,/o=exchangelabs/ou=exchange administrative group (fydibohf23spdlt)/cn=recipients/cn=2f8300fc6f8b4714a77c0227cba72162-vinicius pi,/o=exchangelabs/ou=exchange administrative group (fydibohf23spdlt)/cn=recipients/cn=3f8dc816d59b492ea91196e766529543-jony teixei,/o=exchangelabs/ou=exchange administrative group (fydibohf23spdlt)/cn=recipients/cn=f8b053438c694303ab596a1e5d74c2e1-caio cesar,/o=exchangelabs/ou=exchange administrative group (fydibohf23spdlt)/cn=recipients/cn=f8c373eee3684edda003a8a3c9c57ed8-fabiano cip</t>
  </si>
  <si>
    <t>10/25/2019 10:15:43</t>
  </si>
  <si>
    <t>andre.marcos@electrolux.com;brunobsc@algartech.com;cristiane.xavier@electrolux.com;diogogbb@algartech.com;elaine.freitas@electrolux.com;rafaelmb@algartech.com;</t>
  </si>
  <si>
    <t>andre.marcos@electrolux.com,brunobsc@algartech.com,cristiane.xavier@electrolux.com,diogogbb@algartech.com,elaine.freitas@electrolux.com,rafaelmb@algartech.com</t>
  </si>
  <si>
    <t>10/25/2019 10:14:36</t>
  </si>
  <si>
    <t>10/25/2019 10:18:39</t>
  </si>
  <si>
    <t>10.200.111.7</t>
  </si>
  <si>
    <t>/o=exchangelabs/ou=exchange administrative group (fydibohf23spdlt)/cn=recipients/cn=2144abc9537143519f505fcb8550b74c-juliana emi;/o=exchangelabs/ou=exchange administrative group (fydibohf23spdlt)/cn=recipients/cn=4b453b7f02914710b3e94bcf7b311ad4-fernando po;/o=exchangelabs/ou=exchange administrative group (fydibohf23spdlt)/cn=recipients/cn=55f846c335d7437f892f0b0d49c89e92-celma ribei;/o=exchangelabs/ou=exchange administrative group (fydibohf23spdlt)/cn=recipients/cn=8c253c95243a40aa99c9416b7eb70a2a-julio cesar;/o=exchangelabs/ou=exchange administrative group (fydibohf23spdlt)/cn=recipients/cn=ab45243d601947128cfe3dec663408bf-pamela tava;/o=exchangelabs/ou=exchange administrative group (fydibohf23spdlt)/cn=recipients/cn=e3778f57d65f4c17a6287602f9eb0cdc-alessandra;</t>
  </si>
  <si>
    <t>:::EBIT para PLR - Validação de CRs Torre GRC + Comunicação Oficial:::</t>
  </si>
  <si>
    <t>LISTA GRC.xlsx</t>
  </si>
  <si>
    <t>/o=exchangelabs/ou=exchange administrative group (fydibohf23spdlt)/cn=recipients/cn=2144abc9537143519f505fcb8550b74c-juliana emi,/o=exchangelabs/ou=exchange administrative group (fydibohf23spdlt)/cn=recipients/cn=4b453b7f02914710b3e94bcf7b311ad4-fernando po,/o=exchangelabs/ou=exchange administrative group (fydibohf23spdlt)/cn=recipients/cn=55f846c335d7437f892f0b0d49c89e92-celma ribei,/o=exchangelabs/ou=exchange administrative group (fydibohf23spdlt)/cn=recipients/cn=8c253c95243a40aa99c9416b7eb70a2a-julio cesar,/o=exchangelabs/ou=exchange administrative group (fydibohf23spdlt)/cn=recipients/cn=ab45243d601947128cfe3dec663408bf-pamela tava,/o=exchangelabs/ou=exchange administrative group (fydibohf23spdlt)/cn=recipients/cn=e3778f57d65f4c17a6287602f9eb0cdc-alessandra</t>
  </si>
  <si>
    <t>10/25/2019 10:16:13</t>
  </si>
  <si>
    <t>/o=exchangelabs/ou=exchange administrative group (fydibohf23spdlt)/cn=recipients/cn=49457acaa5584c6d8daec8f0ad186be2-carlos maur;/o=exchangelabs/ou=exchange administrative group (fydibohf23spdlt)/cn=recipients/cn=55f846c335d7437f892f0b0d49c89e92-celma ribei;/o=exchangelabs/ou=exchange administrative group (fydibohf23spdlt)/cn=recipients/cn=8c253c95243a40aa99c9416b7eb70a2a-julio cesar;/o=exchangelabs/ou=exchange administrative group (fydibohf23spdlt)/cn=recipients/cn=9ec15fdf8a374c6f80ea1bf33684216e-roberta alv;</t>
  </si>
  <si>
    <t>:::EBIT para PLR - Validação de CRs Torre GAT + Comunicação Oficial:::</t>
  </si>
  <si>
    <t>LISTA GAT.xlsx</t>
  </si>
  <si>
    <t>/o=exchangelabs/ou=exchange administrative group (fydibohf23spdlt)/cn=recipients/cn=49457acaa5584c6d8daec8f0ad186be2-carlos maur,/o=exchangelabs/ou=exchange administrative group (fydibohf23spdlt)/cn=recipients/cn=55f846c335d7437f892f0b0d49c89e92-celma ribei,/o=exchangelabs/ou=exchange administrative group (fydibohf23spdlt)/cn=recipients/cn=8c253c95243a40aa99c9416b7eb70a2a-julio cesar,/o=exchangelabs/ou=exchange administrative group (fydibohf23spdlt)/cn=recipients/cn=9ec15fdf8a374c6f80ea1bf33684216e-roberta alv</t>
  </si>
  <si>
    <t>10/25/2019 10:18:02</t>
  </si>
  <si>
    <t>/o=exchangelabs/ou=exchange administrative group (fydibohf23spdlt)/cn=recipients/cn=4097402e2d3e4073b597d33928140586-paulo sergi;/o=exchangelabs/ou=exchange administrative group (fydibohf23spdlt)/cn=recipients/cn=54cf668de64942668ba57ef9adce46bc-rafael quin;/o=exchangelabs/ou=exchange administrative group (fydibohf23spdlt)/cn=recipients/cn=55f846c335d7437f892f0b0d49c89e92-celma ribei;/o=exchangelabs/ou=exchange administrative group (fydibohf23spdlt)/cn=recipients/cn=8c253c95243a40aa99c9416b7eb70a2a-julio cesar;</t>
  </si>
  <si>
    <t>:::EBIT para PLR - Validação de CRs Torre GST + Comunicação Oficial:::</t>
  </si>
  <si>
    <t>LISTA GST.xlsx</t>
  </si>
  <si>
    <t>/o=exchangelabs/ou=exchange administrative group (fydibohf23spdlt)/cn=recipients/cn=4097402e2d3e4073b597d33928140586-paulo sergi,/o=exchangelabs/ou=exchange administrative group (fydibohf23spdlt)/cn=recipients/cn=54cf668de64942668ba57ef9adce46bc-rafael quin,/o=exchangelabs/ou=exchange administrative group (fydibohf23spdlt)/cn=recipients/cn=55f846c335d7437f892f0b0d49c89e92-celma ribei,/o=exchangelabs/ou=exchange administrative group (fydibohf23spdlt)/cn=recipients/cn=8c253c95243a40aa99c9416b7eb70a2a-julio cesar</t>
  </si>
  <si>
    <t>10/25/2019 10:15:09</t>
  </si>
  <si>
    <t>10/25/2019 10:20:39</t>
  </si>
  <si>
    <t>RES: 4ª Semana de Monitorias de Outubro</t>
  </si>
  <si>
    <t>10/25/2019 10:24:07</t>
  </si>
  <si>
    <t>10/25/2019 10:27:39</t>
  </si>
  <si>
    <t>C:\Users\douglassp\OneDrive - Grupo Algar\Desktop Old\Yuri.pptx\</t>
  </si>
  <si>
    <t>Template_Orçamento.xlsb</t>
  </si>
  <si>
    <t>10/25/2019 10:24:08</t>
  </si>
  <si>
    <t>10/25/2019 10:24:09</t>
  </si>
  <si>
    <t>C:\Users\douglassp\OneDrive - Grupo Algar\Desktop Old\template alta português FC.pptx\</t>
  </si>
  <si>
    <t>ST_ST.xls</t>
  </si>
  <si>
    <t>10/25/2019 10:24:26</t>
  </si>
  <si>
    <t>SOPRL-19_v20190807_v2.xlsb</t>
  </si>
  <si>
    <t>10/25/2019 10:24:33</t>
  </si>
  <si>
    <t>10/25/2019 10:24:55</t>
  </si>
  <si>
    <t>Saving.xlsx</t>
  </si>
  <si>
    <t>Resumo_Ebit.xlsx</t>
  </si>
  <si>
    <t>10/25/2019 10:24:56</t>
  </si>
  <si>
    <t>C:\Users\douglassp\OneDrive - Grupo Algar\Desktop Old\Reuniao_Ale.pptx\</t>
  </si>
  <si>
    <t>10/25/2019 10:25:00</t>
  </si>
  <si>
    <t>RL_Rateio.xls</t>
  </si>
  <si>
    <t>10/25/2019 10:25:22</t>
  </si>
  <si>
    <t>Resultado_Set_rat.xlsb</t>
  </si>
  <si>
    <t>10/25/2019 10:25:58</t>
  </si>
  <si>
    <t>Resultado_Set.csv</t>
  </si>
  <si>
    <t>10/25/2019 10:26:19</t>
  </si>
  <si>
    <t>Resultado_Finan.xls</t>
  </si>
  <si>
    <t>10/25/2019 10:27:48</t>
  </si>
  <si>
    <t>10/25/2019 10:28:40</t>
  </si>
  <si>
    <t>Casos - Rubens.xlsx</t>
  </si>
  <si>
    <t>10/25/2019 10:24:12</t>
  </si>
  <si>
    <t>C:\Users\mariannacsm\OneDrive - Grupo Algar\0- PMO-POOL\PMO\Compras, CAPEX, OPEX e Projetos (2) - Cópia.pptx\</t>
  </si>
  <si>
    <t>10/25/2019 10:24:13</t>
  </si>
  <si>
    <t>10/25/2019 10:24:46</t>
  </si>
  <si>
    <t>/o=exchangelabs/ou=exchange administrative group (fydibohf23spdlt)/cn=recipients/cn=00dbcea0702d4358b7c66d1d0dd7b863-juliana tei;</t>
  </si>
  <si>
    <t>Layout PCP</t>
  </si>
  <si>
    <t>Cópia de Layout.xlsx</t>
  </si>
  <si>
    <t>/o=exchangelabs/ou=exchange administrative group (fydibohf23spdlt)/cn=recipients/cn=00dbcea0702d4358b7c66d1d0dd7b863-juliana tei</t>
  </si>
  <si>
    <t>10/25/2019 10:26:46</t>
  </si>
  <si>
    <t>10/25/2019 10:32:39</t>
  </si>
  <si>
    <t>Repasse_Set_v3.xlsx</t>
  </si>
  <si>
    <t>10/25/2019 10:27:15</t>
  </si>
  <si>
    <t>Repasse_Set_v2.xls</t>
  </si>
  <si>
    <t>10/25/2019 10:27:23</t>
  </si>
  <si>
    <t>10/25/2019 10:27:56</t>
  </si>
  <si>
    <t>Recuperação_Set.xls</t>
  </si>
  <si>
    <t>10/25/2019 10:28:04</t>
  </si>
  <si>
    <t>Recuperação_Custo.xlsb</t>
  </si>
  <si>
    <t>10/25/2019 10:28:12</t>
  </si>
  <si>
    <t>Recuperação_Custo.xls</t>
  </si>
  <si>
    <t>10/25/2019 10:28:19</t>
  </si>
  <si>
    <t>RazaoSTSet.xls</t>
  </si>
  <si>
    <t>10/25/2019 10:28:33</t>
  </si>
  <si>
    <t>C:\Users\douglassp\OneDrive - Grupo Algar\Desktop Old\Rateio DMV.pptx\</t>
  </si>
  <si>
    <t>10/25/2019 10:28:35</t>
  </si>
  <si>
    <t>10/25/2019 10:28:53</t>
  </si>
  <si>
    <t>Plan PTH - 2020 (draft).xlsb</t>
  </si>
  <si>
    <t>10/25/2019 10:28:54</t>
  </si>
  <si>
    <t>C:\Users\douglassp\OneDrive - Grupo Algar\Desktop Old\Orçamento_EPO.pptx\</t>
  </si>
  <si>
    <t>10/25/2019 10:28:55</t>
  </si>
  <si>
    <t>Orçamento_20_20191014.xlsb</t>
  </si>
  <si>
    <t>10/25/2019 10:29:02</t>
  </si>
  <si>
    <t>Orçamento_19x20-Antonio.xls</t>
  </si>
  <si>
    <t>10/25/2019 10:29:20</t>
  </si>
  <si>
    <t>Orçamento20_Completo.csv</t>
  </si>
  <si>
    <t>10/25/2019 10:29:32</t>
  </si>
  <si>
    <t>OFICIAL_340001102.xlsx</t>
  </si>
  <si>
    <t>10/25/2019 10:29:34</t>
  </si>
  <si>
    <t>Orçamento20.xls</t>
  </si>
  <si>
    <t>10/25/2019 10:30:24</t>
  </si>
  <si>
    <t>Modelo de Rateio.xls</t>
  </si>
  <si>
    <t>10/25/2019 10:31:07</t>
  </si>
  <si>
    <t>Indicadores_TOP_v2.xlsx</t>
  </si>
  <si>
    <t>10/25/2019 10:31:27</t>
  </si>
  <si>
    <t>IND-GAT-LATAM_Rateio_2018_v3.xlsb</t>
  </si>
  <si>
    <t>10/25/2019 10:31:31</t>
  </si>
  <si>
    <t>10/25/2019 10:32:01</t>
  </si>
  <si>
    <t>10/25/2019 10:37:39</t>
  </si>
  <si>
    <t>GRC.xls</t>
  </si>
  <si>
    <t>10/25/2019 10:32:48</t>
  </si>
  <si>
    <t>FULL_Rateio_2019_v2.xlsb</t>
  </si>
  <si>
    <t>10/25/2019 10:34:10</t>
  </si>
  <si>
    <t>FULL_Rateio_2019.xlsb</t>
  </si>
  <si>
    <t>Ebit_v2.xls</t>
  </si>
  <si>
    <t>10/25/2019 10:35:12</t>
  </si>
  <si>
    <t>DTH.xlsb</t>
  </si>
  <si>
    <t>10/25/2019 10:35:20</t>
  </si>
  <si>
    <t>Ebit.xls</t>
  </si>
  <si>
    <t>10/25/2019 10:36:50</t>
  </si>
  <si>
    <t>DPGRC.xlsx</t>
  </si>
  <si>
    <t>10/25/2019 10:36:57</t>
  </si>
  <si>
    <t>10/25/2019 10:42:39</t>
  </si>
  <si>
    <t>Departamental_Consolidada.xlsb</t>
  </si>
  <si>
    <t>10/25/2019 10:38:59</t>
  </si>
  <si>
    <t>Cópia de RELATÓRIO DE CUSTOS JUL19.xlsx</t>
  </si>
  <si>
    <t>10/25/2019 10:39:23</t>
  </si>
  <si>
    <t>Cópia de RELATÓRIO DE CUSTOS AGO19.xlsx</t>
  </si>
  <si>
    <t>10/25/2019 10:39:35</t>
  </si>
  <si>
    <t>Cópia de Pré SOP_GRC_04set (005)_V2.xlsx</t>
  </si>
  <si>
    <t>10/25/2019 10:40:11</t>
  </si>
  <si>
    <t>Cópia de Pré SOP_GRC_04set_GAT.xlsx</t>
  </si>
  <si>
    <t>10/25/2019 10:41:11</t>
  </si>
  <si>
    <t>Cópia de Pré SOP_GRC_04set (003).xlsx</t>
  </si>
  <si>
    <t>10/25/2019 10:41:43</t>
  </si>
  <si>
    <t>Cópia de Pasta2.xlsx</t>
  </si>
  <si>
    <t>10/25/2019 10:41:34</t>
  </si>
  <si>
    <t>/o=exchangelabs/ou=exchange administrative group (fydibohf23spdlt)/cn=recipients/cn=77d79854ca654c63999edee259f8c40c-arthur alve;</t>
  </si>
  <si>
    <t>Planilha Cronometria</t>
  </si>
  <si>
    <t>/o=exchangelabs/ou=exchange administrative group (fydibohf23spdlt)/cn=recipients/cn=77d79854ca654c63999edee259f8c40c-arthur alve</t>
  </si>
  <si>
    <t>10/25/2019 10:40:03</t>
  </si>
  <si>
    <t>10/25/2019 10:43:39</t>
  </si>
  <si>
    <t>/o=exchangelabs/ou=exchange administrative group (fydibohf23spdlt)/cn=recipients/cn=65d35bc38c6743d7a55b3ae9726a5893-diego ribei;/o=exchangelabs/ou=exchange administrative group (fydibohf23spdlt)/cn=recipients/cn=7b027dcdde0b4762a1065b10956759ec-caroline se;</t>
  </si>
  <si>
    <t>RES: LGPD E AUDITORIA EXTERNA</t>
  </si>
  <si>
    <t>Re_ MOVE TO CLOUD.msg\s108\</t>
  </si>
  <si>
    <t>BC AlgarCSC-RFP.xlsx</t>
  </si>
  <si>
    <t>/o=exchangelabs/ou=exchange administrative group (fydibohf23spdlt)/cn=recipients/cn=65d35bc38c6743d7a55b3ae9726a5893-diego ribei,/o=exchangelabs/ou=exchange administrative group (fydibohf23spdlt)/cn=recipients/cn=7b027dcdde0b4762a1065b10956759ec-caroline se</t>
  </si>
  <si>
    <t>10/25/2019 10:42:37</t>
  </si>
  <si>
    <t>C:\Users\mariannacsm\OneDrive - Grupo Algar\0- PMO-POOL\PMO\</t>
  </si>
  <si>
    <t>Visão Financeira - Projetos e CCC.xlsx</t>
  </si>
  <si>
    <t>10/25/2019 10:42:25</t>
  </si>
  <si>
    <t>10/25/2019 10:45:39</t>
  </si>
  <si>
    <t>10/25/2019 10:43:26</t>
  </si>
  <si>
    <t>10/25/2019 10:37:31</t>
  </si>
  <si>
    <t>http://shareit.global.avon.com/sites/arrmcm/forca-de-vendas/_layouts/upload.aspx?list={a89cd46c-19fa-458c-809f-d246a5e48452}&amp;rootfolder=/sites/arrmcm/forca-de-vendas/ficaadicatreinamento/alian?0c7a avon&amp;source=http://shareit.global.avon.com/sites/arrmcm/forca-de-vendas/ficaadicatreinamento/forms/allitems.aspx?rootfolder=%2fsites%2farrmcm%2fforca%2dde%2dvendas%2fficaadicatreinamento%2falian%c3%87a%20avon&amp;folderctid=&amp;view=%7bb9ba0dba%2db197%2d49b7%2d8048%2d506553e03103%7d</t>
  </si>
  <si>
    <t>EVA_Apuração_OP3_ Aliança CP 09.xlsx</t>
  </si>
  <si>
    <t>http://shareit.global.avon.com/sites/arrmcm/forca-de-vendas/_layouts/upload.aspx?list={a89cd46c-19fa-458c-809f-d246a5e48452}&amp;rootfolder=/sites/arrmcm/forca-de-vendas/ficaadicatreinamento/alian�0c7a avon&amp;source=http://shareit.global.avon.com/sites/arrmcm/forca-de-vendas/ficaadicatreinamento/forms/allitems.aspx?rootfolder=%2fsites%2farrmcm%2fforca%2dde%2dvendas%2fficaadicatreinamento%2falian%c3%87a%20avon&amp;folderctid=&amp;view=%7bb9ba0dba%2db197%2d49b7%2d8048%2d506553e03103%7d</t>
  </si>
  <si>
    <t>10/25/2019 10:37:47</t>
  </si>
  <si>
    <t>GS_Apuração_OP2_ Aliança CP 09.xlsx</t>
  </si>
  <si>
    <t>10/25/2019 10:43:33</t>
  </si>
  <si>
    <t>Volumes BV_Alavancas 25102019.xlsx</t>
  </si>
  <si>
    <t>10/25/2019 10:47:40</t>
  </si>
  <si>
    <t>Cópia de CRs MKT - Rateio.xlsx</t>
  </si>
  <si>
    <t>10/25/2019 10:48:39</t>
  </si>
  <si>
    <t>Cópia de CRs DMV.xlsx</t>
  </si>
  <si>
    <t>10/25/2019 10:42:46</t>
  </si>
  <si>
    <t>Cópia de Orçamento20_Completo_v2.xlsb</t>
  </si>
  <si>
    <t>10/25/2019 10:42:49</t>
  </si>
  <si>
    <t>Cópia de GRC_Resultado.xlsb</t>
  </si>
  <si>
    <t>10/25/2019 10:42:50</t>
  </si>
  <si>
    <t>Cópia de 092019_Forecast de Receita Oficial_2019.xlsx</t>
  </si>
  <si>
    <t>10/25/2019 10:43:01</t>
  </si>
  <si>
    <t>10/25/2019 10:49:40</t>
  </si>
  <si>
    <t>10/25/2019 10:43:14</t>
  </si>
  <si>
    <t>Cópia de 072019_SOPRL-19_Aplicações.xlsb</t>
  </si>
  <si>
    <t>10/25/2019 10:50:39</t>
  </si>
  <si>
    <t>10/25/2019 10:43:25</t>
  </si>
  <si>
    <t>10/25/2019 10:43:35</t>
  </si>
  <si>
    <t>Cerrado_Orçamento.xlsx</t>
  </si>
  <si>
    <t>10/25/2019 10:44:09</t>
  </si>
  <si>
    <t>Base_GRC_SET.xlsx</t>
  </si>
  <si>
    <t>10/25/2019 10:44:16</t>
  </si>
  <si>
    <t>10/25/2019 10:45:52</t>
  </si>
  <si>
    <t>Base2017.xlsx</t>
  </si>
  <si>
    <t>10/25/2019 10:46:07</t>
  </si>
  <si>
    <t>Analise_Coordenação.xlsx</t>
  </si>
  <si>
    <t>10/25/2019 10:46:38</t>
  </si>
  <si>
    <t>AnalisePCP_Whirlpool.xlsx</t>
  </si>
  <si>
    <t>10/25/2019 10:47:33</t>
  </si>
  <si>
    <t>10/25/2019 10:56:40</t>
  </si>
  <si>
    <t>2018.xlsb</t>
  </si>
  <si>
    <t>10/25/2019 10:48:47</t>
  </si>
  <si>
    <t>2018 - Copia.xlsx</t>
  </si>
  <si>
    <t>10/25/2019 10:49:46</t>
  </si>
  <si>
    <t>2018 - Copia.xlsb</t>
  </si>
  <si>
    <t>10/25/2019 10:50:58</t>
  </si>
  <si>
    <t>10/25/2019 10:51:18</t>
  </si>
  <si>
    <t>C:\Users\douglassp\OneDrive - Grupo Algar\Desktop Old\Consolidação\</t>
  </si>
  <si>
    <t>C:\Users\douglassp\OneDrive - Grupo Algar\Desktop Old\Consolidação\Cintia Nunes\</t>
  </si>
  <si>
    <t>Wasley.xlsx</t>
  </si>
  <si>
    <t>10/25/2019 10:51:20</t>
  </si>
  <si>
    <t>10/25/2019 10:57:39</t>
  </si>
  <si>
    <t>Tatiane.xlsx</t>
  </si>
  <si>
    <t>10/25/2019 10:51:21</t>
  </si>
  <si>
    <t>Sabrina e Guilherme.xlsx</t>
  </si>
  <si>
    <t>10/25/2019 10:51:22</t>
  </si>
  <si>
    <t>Rodrigo Calixto.xlsx</t>
  </si>
  <si>
    <t>10/25/2019 10:51:23</t>
  </si>
  <si>
    <t>Marilia.xlsx</t>
  </si>
  <si>
    <t>10/25/2019 10:51:25</t>
  </si>
  <si>
    <t>Iris.xlsx</t>
  </si>
  <si>
    <t>10/25/2019 10:53:12</t>
  </si>
  <si>
    <t>mail.google.com/_/upload?authuser=0&amp;dcp=asu-n&amp;upload_id=AEnB2Uqku4o6X7jwk_EJyfrzBWVRrX0inVbuQOh3f5IxG7x3sIHQT0C0AoIarhlGtq-z0glotIajs8nzl2E18yLwGHdjOp0f3VSggYoc9ABiSv5KdKxDSZM&amp;upload_protocol=resumable</t>
  </si>
  <si>
    <t>alinedsdi@algartech.com;brunocss@algartech.com;camilaammm@algartech.com;jackelinegn@algartech.com;patriciama@algartech.com;</t>
  </si>
  <si>
    <t>alinedsdi@algartech.com,brunocss@algartech.com,camilaammm@algartech.com,jackelinegn@algartech.com,patriciama@algartech.com</t>
  </si>
  <si>
    <t>10/25/2019 10:53:13</t>
  </si>
  <si>
    <t>mail.google.com/_/upload?authuser=0&amp;dcp=asu-n&amp;upload_id=AEnB2UrAENHfiuGpFJ4ywwt8iQGjVvOnah5KDaZ0yDZyE5YgNmhE4_Wba8cOSJAiwKgFnrPRflZuOu9VNNkPf6mZSbk1HyiEE32LM3qfqxc24xrJqz8IoBk&amp;upload_protocol=resumable</t>
  </si>
  <si>
    <t>10/25/2019 10:55:56</t>
  </si>
  <si>
    <t>25-10-2019 Atualização Status Ebit</t>
  </si>
  <si>
    <t>25-10-2019 Atualização Status Ebit.xlsx</t>
  </si>
  <si>
    <t>10/25/2019 10:55:35</t>
  </si>
  <si>
    <t>10/25/2019 10:58:39</t>
  </si>
  <si>
    <t>Peça Oficial 2020 - Projetos - Grupo Tech_Retorno 2410 - Cópia.xlsx</t>
  </si>
  <si>
    <t>10/25/2019 10:57:03</t>
  </si>
  <si>
    <t>10/25/2019 11:01:39</t>
  </si>
  <si>
    <t>https://caey.fa.us2.oraclecloud.com/crmui/faces/fuseoverview?_adf.ctrl-state=e5qx2iuzz_5&amp;fnd=;;;;false;256;;;&amp;fndglobalitemnodeid=moo_opptymgmtopportunities_crm_card</t>
  </si>
  <si>
    <t>C:\Users\andressatal\Desktop\RV_ WON- SERVICIO BAJO DEMANDA BARRANQUILLA - ELCA COSMETICOS.msg\s140\</t>
  </si>
  <si>
    <t>Cuadro de the estee lauder companies- SERVICIO BAJO DEMANDA BARRANQUILLA.xlsx</t>
  </si>
  <si>
    <t>Rate SOD.xlsx</t>
  </si>
  <si>
    <t>10/25/2019 11:01:53</t>
  </si>
  <si>
    <t>10/25/2019 11:03:39</t>
  </si>
  <si>
    <t>/o=exchangelabs/ou=exchange administrative group (fydibohf23spdlt)/cn=recipients/cn=5d559e739a9e422da552ffdc9668775c-luiz fernan;/o=exchangelabs/ou=exchange administrative group (fydibohf23spdlt)/cn=recipients/cn=a7d54e15e3a94d53b0b5014d75c8d080-wanessa bor;</t>
  </si>
  <si>
    <t>ENC: Metas Luiz Fernando e Juan Carlos</t>
  </si>
  <si>
    <t>Objetivo_MC_EBIT_1SEM19_GAT.xls</t>
  </si>
  <si>
    <t>/o=exchangelabs/ou=exchange administrative group (fydibohf23spdlt)/cn=recipients/cn=5d559e739a9e422da552ffdc9668775c-luiz fernan,/o=exchangelabs/ou=exchange administrative group (fydibohf23spdlt)/cn=recipients/cn=a7d54e15e3a94d53b0b5014d75c8d080-wanessa bor</t>
  </si>
  <si>
    <t>10/25/2019 11:04:09</t>
  </si>
  <si>
    <t>10/25/2019 11:06:40</t>
  </si>
  <si>
    <t>C:\Users\andressatal\Desktop\WON - RENOVACION SOPORTE EN SITIO KCC T&amp;T.msg\s136\</t>
  </si>
  <si>
    <t>Cuadro de KCC T&amp;T.xlsx</t>
  </si>
  <si>
    <t>FTE.xlsx</t>
  </si>
  <si>
    <t>10/25/2019 11:03:33</t>
  </si>
  <si>
    <t>10/25/2019 11:07:39</t>
  </si>
  <si>
    <t>c:\users\alessandroam\desktop\escopo pas next.docx\</t>
  </si>
  <si>
    <t>Planilha_do_Microsoft_Excel_97-2003.xls</t>
  </si>
  <si>
    <t>10/25/2019 11:03:34</t>
  </si>
  <si>
    <t>10/25/2019 11:06:13</t>
  </si>
  <si>
    <t>10/25/2019 11:04:35</t>
  </si>
  <si>
    <t>10/25/2019 11:08:39</t>
  </si>
  <si>
    <t>Disparo_25.10.csv</t>
  </si>
  <si>
    <t>10/25/2019 11:11:14</t>
  </si>
  <si>
    <t>10/25/2019 11:11:40</t>
  </si>
  <si>
    <t>\\acsfs\DSTI\CIT- Coordenação de Inteligência de Tecnologia\17 - Gerenciamento da Configuração\02 - DO (EXECUTAR)\01 - CONTROLE DE LIC\00 - FORNECEDORES\01 - MICROSOFT\18 - EAS\ELP\</t>
  </si>
  <si>
    <t>MS-Licenciamento-2020-Tech_2.xlsx</t>
  </si>
  <si>
    <t>10/25/2019 11:13:03</t>
  </si>
  <si>
    <t>10/25/2019 11:14:39</t>
  </si>
  <si>
    <t>karendfs@algartech.com;rodrigo.falcetti@cscalgar.com.br;sueleide.silva@cscalgar.com.br;</t>
  </si>
  <si>
    <t>Solicitação contrato toyota recall.xlsx</t>
  </si>
  <si>
    <t>karendfs@algartech.com,rodrigo.falcetti@cscalgar.com.br,sueleide.silva@cscalgar.com.br</t>
  </si>
  <si>
    <t>10/25/2019 11:11:07</t>
  </si>
  <si>
    <t>10/25/2019 11:15:40</t>
  </si>
  <si>
    <t>10/25/2019 11:17:40</t>
  </si>
  <si>
    <t>10/25/2019 11:18:39</t>
  </si>
  <si>
    <t>b2ksupervisoresrafaela@algartech.com;diogolsr@algartech.com;</t>
  </si>
  <si>
    <t>b2ksupervisoresrafaela@algartech.com,diogolsr@algartech.com</t>
  </si>
  <si>
    <t>10/25/2019 11:16:58</t>
  </si>
  <si>
    <t>10/25/2019 11:19:40</t>
  </si>
  <si>
    <t>C:\Users\elainemdlp\OD\_Projetos\Em andamento\Expansao Caixa\PMO\PMO - STATUS DE GOVERNANÇA - Expansao Caixa - 20191021.pptx\</t>
  </si>
  <si>
    <t>10/25/2019 11:20:24</t>
  </si>
  <si>
    <t>10/25/2019 11:24:39</t>
  </si>
  <si>
    <t>10/25/2019 11:21:05</t>
  </si>
  <si>
    <t>10/25/2019 11:21:14</t>
  </si>
  <si>
    <t>10/25/2019 11:21:42</t>
  </si>
  <si>
    <t>10/25/2019 11:22:00</t>
  </si>
  <si>
    <t>10/25/2019 11:23:13</t>
  </si>
  <si>
    <t>10/25/2019 11:24:22</t>
  </si>
  <si>
    <t>10/25/2019 11:28:39</t>
  </si>
  <si>
    <t>/o=exchangelabs/ou=exchange administrative group (fydibohf23spdlt)/cn=recipients/cn=696f712aa5c841708a095699a50884db-luan kevem;/o=exchangelabs/ou=exchange administrative group (fydibohf23spdlt)/cn=recipients/cn=d73974a6e555442cafd74cda95746e86-denia alves;</t>
  </si>
  <si>
    <t>ENC: Novas operações BI TOP</t>
  </si>
  <si>
    <t>Evidência Sicoob e EDP.csv</t>
  </si>
  <si>
    <t>/o=exchangelabs/ou=exchange administrative group (fydibohf23spdlt)/cn=recipients/cn=696f712aa5c841708a095699a50884db-luan kevem,/o=exchangelabs/ou=exchange administrative group (fydibohf23spdlt)/cn=recipients/cn=d73974a6e555442cafd74cda95746e86-denia alves</t>
  </si>
  <si>
    <t>10/25/2019 11:26:09</t>
  </si>
  <si>
    <t>10/25/2019 11:26:08</t>
  </si>
  <si>
    <t>/o=exchangelabs/ou=exchange administrative group (fydibohf23spdlt)/cn=recipients/cn=10c614e1eddb439aa2a8538338cebbc9-victor hugo;/o=exchangelabs/ou=exchange administrative group (fydibohf23spdlt)/cn=recipients/cn=egidio carlos roveda mendonca;</t>
  </si>
  <si>
    <t>/o=exchangelabs/ou=exchange administrative group (fydibohf23spdlt)/cn=recipients/cn=10c614e1eddb439aa2a8538338cebbc9-victor hugo,/o=exchangelabs/ou=exchange administrative group (fydibohf23spdlt)/cn=recipients/cn=egidio carlos roveda mendonca</t>
  </si>
  <si>
    <t>10/25/2019 11:28:22</t>
  </si>
  <si>
    <t>10/25/2019 11:31:39</t>
  </si>
  <si>
    <t>ENC: Flujo de Caja</t>
  </si>
  <si>
    <t>28 Fluxo de Caixa Colômbia 19-10-2019.xlsx</t>
  </si>
  <si>
    <t>10/25/2019 11:28:28</t>
  </si>
  <si>
    <t>C:\Users\andressatal\Desktop\WON - INCREMENTO DISPACH DE LLAMADAS .msg\s137\</t>
  </si>
  <si>
    <t>02 - Rates - Abbott - Direccionamiento de llamadas - 2019326 - V002.xlsx</t>
  </si>
  <si>
    <t>Cuadro de ABBOTT - DISPACH DE LLAMADAS.xlsx</t>
  </si>
  <si>
    <t>C:\Users\andressatal\Desktop\WON - INCREMENTO DISPACH DE LLAMADAS .msg\s317\</t>
  </si>
  <si>
    <t>Horas Variable Julio 2019.xlsx</t>
  </si>
  <si>
    <t>Horas Variable Junio 2019.xlsx</t>
  </si>
  <si>
    <t>10/25/2019 11:30:12</t>
  </si>
  <si>
    <t>C:\Users\andressatal\Desktop\FW PROPUESTA ACTUALIZADA DISPACHER DE LLAMADAS - ALGAR TECH.msg\s121\</t>
  </si>
  <si>
    <t>10/25/2019 11:29:33</t>
  </si>
  <si>
    <t>10/25/2019 11:34:39</t>
  </si>
  <si>
    <t>/o=exchangelabs/ou=exchange administrative group (fydibohf23spdlt)/cn=recipients/cn=1e212ef08dab4f26b88cba944f2ab7cb-pmo.governa;/o=exchangelabs/ou=exchange administrative group (fydibohf23spdlt)/cn=recipients/cn=443a648e2bd247c69659ca2ac6a18582-adriele fer;/o=exchangelabs/ou=exchange administrative group (fydibohf23spdlt)/cn=recipients/cn=56f1ed18d0b4438e8484a989403b0f53-ana paula c;/o=exchangelabs/ou=exchange administrative group (fydibohf23spdlt)/cn=recipients/cn=6fbc44b6d6b549208175d5a27201bd13-cintia nune;</t>
  </si>
  <si>
    <t>RES: Expansão Caixa: Apresentação</t>
  </si>
  <si>
    <t>PMO - STATUS DE GOVERNANÇA - Expansao Caixa - 20191021_new.pptx\</t>
  </si>
  <si>
    <t>/o=exchangelabs/ou=exchange administrative group (fydibohf23spdlt)/cn=recipients/cn=1e212ef08dab4f26b88cba944f2ab7cb-pmo.governa,/o=exchangelabs/ou=exchange administrative group (fydibohf23spdlt)/cn=recipients/cn=443a648e2bd247c69659ca2ac6a18582-adriele fer,/o=exchangelabs/ou=exchange administrative group (fydibohf23spdlt)/cn=recipients/cn=56f1ed18d0b4438e8484a989403b0f53-ana paula c,/o=exchangelabs/ou=exchange administrative group (fydibohf23spdlt)/cn=recipients/cn=6fbc44b6d6b549208175d5a27201bd13-cintia nune</t>
  </si>
  <si>
    <t>10/25/2019 11:31:31</t>
  </si>
  <si>
    <t>10/25/2019 11:36:40</t>
  </si>
  <si>
    <t>C:\Users\andressatal\Desktop\WON - RENOVACION SOPORTE EN SITIO KCC ECUADOR.msg\s136\</t>
  </si>
  <si>
    <t>Cuadro de KCC ECUADOR.xlsx</t>
  </si>
  <si>
    <t>Template Cotizacion Algar Tech Ecuador - V010.xlsx</t>
  </si>
  <si>
    <t>10/25/2019 11:32:38</t>
  </si>
  <si>
    <t>10/25/2019 11:37:39</t>
  </si>
  <si>
    <t>25_10_2019 Ata e Relatório da Reunião Comercial</t>
  </si>
  <si>
    <t>10/25/2019 11:36:54</t>
  </si>
  <si>
    <t>10/25/2019 11:38:40</t>
  </si>
  <si>
    <t>acessodatacenter@algartech.com;secorp@algartech.com;</t>
  </si>
  <si>
    <t>entarda campinas 01-09 a 30-09.xlsx</t>
  </si>
  <si>
    <t>acessodatacenter@algartech.com,secorp@algartech.com</t>
  </si>
  <si>
    <t>10/25/2019 11:36:55</t>
  </si>
  <si>
    <t>mail.google.com/_/upload?authuser=0&amp;dcp=asu-n&amp;upload_id=AEnB2UoK1LhXMK8Bi6IhTKSXn78yM5O4v_Qlcr4gqcfS0xcssWzGV7HXvw7j2FNp-vDtYlYs3GMw5q1U6dWaODjqcMKWvrlvrg&amp;upload_protocol=resumable</t>
  </si>
  <si>
    <t>saida campinas 01-09 a 30-09.xlsx</t>
  </si>
  <si>
    <t>10/25/2019 11:41:26</t>
  </si>
  <si>
    <t>10/25/2019 11:42:39</t>
  </si>
  <si>
    <t>/o=exchangelabs/ou=exchange administrative group (fydibohf23spdlt)/cn=recipients/cn=02b715e2a3c744dbab0f4054efc9d2d2-raquel corr;/o=exchangelabs/ou=exchange administrative group (fydibohf23spdlt)/cn=recipients/cn=1635ed1077024674b65c52767dacde9a-jullian pac;/o=exchangelabs/ou=exchange administrative group (fydibohf23spdlt)/cn=recipients/cn=43a054bacf514a8a9cdcb240b072cd47-cecilia mul;/o=exchangelabs/ou=exchange administrative group (fydibohf23spdlt)/cn=recipients/cn=4adb6e0b3de84bf2bfdb543494159749-leandro lim;/o=exchangelabs/ou=exchange administrative group (fydibohf23spdlt)/cn=recipients/cn=54861e79125f48cc952d00cf8160b9a8-jeferson fe;/o=exchangelabs/ou=exchange administrative group (fydibohf23spdlt)/cn=recipients/cn=b16974d7de334bfabfe3dee1e8e47e59-sherley cri;/o=exchangelabs/ou=exchange administrative group (fydibohf23spdlt)/cn=recipients/cn=cd93dacc38404a95a829585c2e317a9f-dionizio ri;/o=exchangelabs/ou=exchange administrative group (fydibohf23spdlt)/cn=recipients/cn=fe8fdec9c88140d18f5303035fad45f0-rica</t>
  </si>
  <si>
    <t>ENC: Materiais reunião Tatiane - Relação das Oportunidades Selecionadas para a reunião com a Tatiane.</t>
  </si>
  <si>
    <t>Seleção OPP Tati.xlsx</t>
  </si>
  <si>
    <t>/o=exchangelabs/ou=exchange administrative group (fydibohf23spdlt)/cn=recipients/cn=02b715e2a3c744dbab0f4054efc9d2d2-raquel corr,/o=exchangelabs/ou=exchange administrative group (fydibohf23spdlt)/cn=recipients/cn=1635ed1077024674b65c52767dacde9a-jullian pac,/o=exchangelabs/ou=exchange administrative group (fydibohf23spdlt)/cn=recipients/cn=43a054bacf514a8a9cdcb240b072cd47-cecilia mul,/o=exchangelabs/ou=exchange administrative group (fydibohf23spdlt)/cn=recipients/cn=4adb6e0b3de84bf2bfdb543494159749-leandro lim,/o=exchangelabs/ou=exchange administrative group (fydibohf23spdlt)/cn=recipients/cn=54861e79125f48cc952d00cf8160b9a8-jeferson fe,/o=exchangelabs/ou=exchange administrative group (fydibohf23spdlt)/cn=recipients/cn=b16974d7de334bfabfe3dee1e8e47e59-sherley cri,/o=exchangelabs/ou=exchange administrative group (fydibohf23spdlt)/cn=recipients/cn=cd93dacc38404a95a829585c2e317a9f-dionizio ri,/o=exchangelabs/ou=exchange administrative group (fydibohf23spdlt)/cn=recipients/cn=fe8fdec9c88140d18f5303035fad45f0-rica</t>
  </si>
  <si>
    <t>10/25/2019 11:39:15</t>
  </si>
  <si>
    <t>10/25/2019 11:43:39</t>
  </si>
  <si>
    <t>10/25/2019 11:43:18</t>
  </si>
  <si>
    <t>10/25/2019 11:46:39</t>
  </si>
  <si>
    <t>Cuadro de LA FRANCOL -.xlsx</t>
  </si>
  <si>
    <t>10/25/2019 11:42:21</t>
  </si>
  <si>
    <t>10/25/2019 11:47:40</t>
  </si>
  <si>
    <t>fabiolacc@algartech.com;</t>
  </si>
  <si>
    <t>ENC: Planilha-construcao casa splendido Notas 1.xlsx</t>
  </si>
  <si>
    <t>Planilha-construcao casa splendido Notas 1.xlsx</t>
  </si>
  <si>
    <t>fabiolacc@algartech.com</t>
  </si>
  <si>
    <t>10/25/2019 11:44:22</t>
  </si>
  <si>
    <t>10/25/2019 11:48:39</t>
  </si>
  <si>
    <t>RES: Update - Dashboard Financeiro Whirlpool</t>
  </si>
  <si>
    <t>10/25/2019 11:44:00</t>
  </si>
  <si>
    <t>Base_Geral (1).csv</t>
  </si>
  <si>
    <t>10/25/2019 11:51:03</t>
  </si>
  <si>
    <t>10/25/2019 11:53:39</t>
  </si>
  <si>
    <t>/o=exchangelabs/ou=exchange administrative group (fydibohf23spdlt)/cn=recipients/cn=168e05cabbf14ae289464a0c09955b31-sara ferrei;/o=exchangelabs/ou=exchange administrative group (fydibohf23spdlt)/cn=recipients/cn=376dc21df9294b1e98e06de29a805db8-algar tech;</t>
  </si>
  <si>
    <t>RES: Segue</t>
  </si>
  <si>
    <t>102019_Solicitacao Provisao de Receita_341_1ª LEVA_231019_25102019_AJUSTADA.xlsm</t>
  </si>
  <si>
    <t>/o=exchangelabs/ou=exchange administrative group (fydibohf23spdlt)/cn=recipients/cn=168e05cabbf14ae289464a0c09955b31-sara ferrei,/o=exchangelabs/ou=exchange administrative group (fydibohf23spdlt)/cn=recipients/cn=376dc21df9294b1e98e06de29a805db8-algar tech</t>
  </si>
  <si>
    <t>10/25/2019 11:54:48</t>
  </si>
  <si>
    <t>10/25/2019 11:55:39</t>
  </si>
  <si>
    <t>mail.google.com/_/upload?authuser=0&amp;dcp=asu-n&amp;upload_id=AEnB2UqzNF1_ZcZHfcrmqIJ0fFxF-yZbAaGFD5m3JY13_LpwlY-XSy1eupKAs3TORNHovbNdEbF9sbgoY8R1XmHYJde1dUx3Qk-qaodH5vCr7Jye6ifNw1o&amp;upload_protocol=resumable</t>
  </si>
  <si>
    <t>joseasn@algartech.com;senildapdo@algartecnologia.com.br;viniciussg@algartech.com;</t>
  </si>
  <si>
    <t>C:\Projetos\AVON\SUPORTE\41_RA_3003_MAIORES_VOLUMES_DE_CHAMADAS\</t>
  </si>
  <si>
    <t>RA_3003_11SET2019_A_24OUT2019.xlsx</t>
  </si>
  <si>
    <t>joseasn@algartech.com,senildapdo@algartecnologia.com.br,viniciussg@algartech.com</t>
  </si>
  <si>
    <t>10/25/2019 11:54:49</t>
  </si>
  <si>
    <t>10/25/2019 11:56:39</t>
  </si>
  <si>
    <t>Codigo sem Doação Instituto Avon.xlsx</t>
  </si>
  <si>
    <t>10/25/2019 12:02:42</t>
  </si>
  <si>
    <t>10/25/2019 12:06:40</t>
  </si>
  <si>
    <t>samia.perone@itau-unibanco.com.br;</t>
  </si>
  <si>
    <t>&lt;&lt; URGENTE &gt;&gt; RETIFICAÇAO: [ITAU] Portal iNotas | Acesso ao Portal *** INADIMPLENCIA ***</t>
  </si>
  <si>
    <t>samia.perone@itau-unibanco.com.br</t>
  </si>
  <si>
    <t>10/25/2019 12:13:03</t>
  </si>
  <si>
    <t>10/25/2019 12:16:40</t>
  </si>
  <si>
    <t>mail.google.com/_/upload?authuser=0&amp;dcp=asu-n&amp;upload_id=AEnB2UrKAfcjP8UOQK4SkFtvb2JkfBAjRwphIVit7hBGPOmJF4XChLLDKx6UBEOnynoD7augwUgajcGmVLHn3_LIq7pvIfPdYX_1lx_Hcj1N-vglKFepdtc&amp;upload_protocol=resumable</t>
  </si>
  <si>
    <t>adalbertoms@algartech.com;helbertbb@algartech.com;</t>
  </si>
  <si>
    <t>\\acsfs.acs.com.br\dsti\CPE - ITO\04 - Orçamento\4.1 - CAPEX\4.1.2 - Manutenção\Orçamento Manutenção Longo Prazo\Longo Prazo 2024\</t>
  </si>
  <si>
    <t>Resumo Capex Manutenção BPO - Longo Prazo 2024.xlsx</t>
  </si>
  <si>
    <t>adalbertoms@algartech.com,helbertbb@algartech.com</t>
  </si>
  <si>
    <t>10/25/2019 12:27:11</t>
  </si>
  <si>
    <t>10/25/2019 12:31:41</t>
  </si>
  <si>
    <t>10/25/2019 12:30:38</t>
  </si>
  <si>
    <t>10/25/2019 12:33:41</t>
  </si>
  <si>
    <t>marciohpr@algartech.com.br;</t>
  </si>
  <si>
    <t>ENC: Inclusão CRC - Amex e Visa</t>
  </si>
  <si>
    <t>Inclusão CRC - Amex e Visa.msg\s1\</t>
  </si>
  <si>
    <t>24 - CONSOLIDADO INCLUSÃO - 25.10.19.xlsx</t>
  </si>
  <si>
    <t>marciohpr@algartech.com.br</t>
  </si>
  <si>
    <t>10/25/2019 12:37:05</t>
  </si>
  <si>
    <t>10/25/2019 12:40:41</t>
  </si>
  <si>
    <t>/o=exchangelabs/ou=exchange administrative group (fydibohf23spdlt)/cn=recipients/cn=06b756ed7b9b4c61bdbcfb21cdf93e9f-lucas ferna;/o=exchangelabs/ou=exchange administrative group (fydibohf23spdlt)/cn=recipients/cn=48174377d7f445188f464324757ff605-luiz felipe;</t>
  </si>
  <si>
    <t>ENC: Criação de conta Savoy - RITM0100629</t>
  </si>
  <si>
    <t>Template_Importacao(Savoy)_RITM0100629.xlsx</t>
  </si>
  <si>
    <t>/o=exchangelabs/ou=exchange administrative group (fydibohf23spdlt)/cn=recipients/cn=06b756ed7b9b4c61bdbcfb21cdf93e9f-lucas ferna,/o=exchangelabs/ou=exchange administrative group (fydibohf23spdlt)/cn=recipients/cn=48174377d7f445188f464324757ff605-luiz felipe</t>
  </si>
  <si>
    <t>10/25/2019 13:06:51</t>
  </si>
  <si>
    <t>10/25/2019 13:07:40</t>
  </si>
  <si>
    <t>C:\Users\victorsm\OneDrive - Grupo Algar\04 - Trabalhos - Algar\06 - Diogo\01 - Next\Agent State Details Report\</t>
  </si>
  <si>
    <t>10/25/2019 13:06:27</t>
  </si>
  <si>
    <t>10/25/2019 13:10:41</t>
  </si>
  <si>
    <t>/o=exchangelabs/ou=exchange administrative group (fydibohf23spdlt)/cn=recipients/cn=3d85af75e9a44da5bad9ced68d6c53ed-rosana peix;/o=exchangelabs/ou=exchange administrative group (fydibohf23spdlt)/cn=recipients/cn=f71035a74a95411c8b0276261ec8a527-rafael barr;</t>
  </si>
  <si>
    <t>RES: Faturamento INFRA a realizar nov/2019</t>
  </si>
  <si>
    <t>10.TI TEC Faturamento Setembro 19 Consolidado SOLLERO v1.xls</t>
  </si>
  <si>
    <t>/o=exchangelabs/ou=exchange administrative group (fydibohf23spdlt)/cn=recipients/cn=3d85af75e9a44da5bad9ced68d6c53ed-rosana peix,/o=exchangelabs/ou=exchange administrative group (fydibohf23spdlt)/cn=recipients/cn=f71035a74a95411c8b0276261ec8a527-rafael barr</t>
  </si>
  <si>
    <t>10/25/2019 13:31:05</t>
  </si>
  <si>
    <t>10/25/2019 13:33:40</t>
  </si>
  <si>
    <t>Pessoal.xlsx</t>
  </si>
  <si>
    <t>10/25/2019 13:35:49</t>
  </si>
  <si>
    <t>10/25/2019 13:38:41</t>
  </si>
  <si>
    <t>RES: Aquisições Linha Pessoal</t>
  </si>
  <si>
    <t>10/25/2019 13:37:30</t>
  </si>
  <si>
    <t>10/25/2019 13:41:41</t>
  </si>
  <si>
    <t>10/25/2019 13:42:43</t>
  </si>
  <si>
    <t>10/25/2019 13:45:40</t>
  </si>
  <si>
    <t>mail.google.com/_/upload?authuser=0&amp;dcp=asu-n&amp;upload_id=AEnB2UrEMbcEYP65exd61CV5Sl4MLPal3BE2lFnXN7NXIUr_L-BRAWAyg_p9IKWesJUgUnNsbwWgaNEp_9_OB81Tp56lN-SWxxYQv-Em00LQ9Eq5F9qQM7M&amp;upload_protocol=resumable</t>
  </si>
  <si>
    <t>Demandas Whirlpool.xlsx</t>
  </si>
  <si>
    <t>10/25/2019 13:46:41</t>
  </si>
  <si>
    <t>10/25/2019 13:48:41</t>
  </si>
  <si>
    <t>C:\Users\alefl\OneDrive - Grupo Algar\Relatorio\RFP\</t>
  </si>
  <si>
    <t>Questionamentos Algar Tech - BV_Televendas.xlsx</t>
  </si>
  <si>
    <t>10/25/2019 13:46:34</t>
  </si>
  <si>
    <t>C:\Users\marcospr\OneDrive - Grupo Algar\Corporativo\01 - Projetos - Business Inteligence\</t>
  </si>
  <si>
    <t>Gestão de Demandas.xlsx</t>
  </si>
  <si>
    <t>10/25/2019 13:46:42</t>
  </si>
  <si>
    <t>10/25/2019 13:49:40</t>
  </si>
  <si>
    <t>mail.google.com/_/upload?authuser=1&amp;dcp=asu-n&amp;upload_id=AEnB2UpTfIuqPFECECl6fmLHjBrD2Dz9R233UQ7BnOsmiNo7zF6-VtdJLU_JLixhvitjciyniCmqxZ66XdV8_hBTeZhCHYkKng&amp;upload_protocol=resumable</t>
  </si>
  <si>
    <t>Estacionamento SEDE.xlsx</t>
  </si>
  <si>
    <t>10/25/2019 13:46:44</t>
  </si>
  <si>
    <t>mail.google.com/_/upload?authuser=1&amp;dcp=asu-n&amp;upload_id=AEnB2Uq4mJoDLMihNm7EOAn-rt91TzSO7R52oE3kBZF3IoWshAm6qzhdeYIHwC0wDLocCNn6sx5KeadU_Gb3KtkE1Xx534om3dITceRr8CfZZtWxaZ3gu-s&amp;upload_protocol=resumable</t>
  </si>
  <si>
    <t>Estacionamento CAMPINAS.xlsx</t>
  </si>
  <si>
    <t>10/25/2019 13:55:19</t>
  </si>
  <si>
    <t>10/25/2019 13:55:40</t>
  </si>
  <si>
    <t>BASE OPERADORES.xls</t>
  </si>
  <si>
    <t>10/25/2019 14:02:42</t>
  </si>
  <si>
    <t>10/25/2019 14:07:40</t>
  </si>
  <si>
    <t>augustocdam@algartech.com;felipemda@algartech.com;lucasm@algartech.com;pmo@algartech.com;raphaelas@algartech.com;</t>
  </si>
  <si>
    <t>C:\Users\fabriciovs\Desktop\Storage-2019-Fechamento\</t>
  </si>
  <si>
    <t>ALGAR- Quote 4473254-1311799- ESPELHO NFe MANUTENCAO DELL EMC_HW_SW 25.10.2019.xls</t>
  </si>
  <si>
    <t>augustocdam@algartech.com,felipemda@algartech.com,lucasm@algartech.com,pmo@algartech.com,raphaelas@algartech.com</t>
  </si>
  <si>
    <t>10/25/2019 14:06:22</t>
  </si>
  <si>
    <t>10/25/2019 14:10:40</t>
  </si>
  <si>
    <t>10.211.2.90</t>
  </si>
  <si>
    <t>IMPORTANTE - Ocorrências no ponto período de 01 A 24/10</t>
  </si>
  <si>
    <t>Ocorrência0110a24102019.xlsm</t>
  </si>
  <si>
    <t>10/25/2019 14:09:33</t>
  </si>
  <si>
    <t>10/25/2019 14:10:13</t>
  </si>
  <si>
    <t>10/25/2019 14:11:40</t>
  </si>
  <si>
    <t>RES: MASCARA__CONTROLES_CONSOLIDADO.xlsx</t>
  </si>
  <si>
    <t>MASCARA__CONTROLES_CONSOLIDADO_201910_24.xlsx</t>
  </si>
  <si>
    <t>10/25/2019 14:11:43</t>
  </si>
  <si>
    <t>10/25/2019 14:16:40</t>
  </si>
  <si>
    <t>/o=exchangelabs/ou=exchange administrative group (fydibohf23spdlt)/cn=recipients/cn=1e45e12566d4418ba0325de92fea64a4-akassia bez;/o=exchangelabs/ou=exchange administrative group (fydibohf23spdlt)/cn=recipients/cn=9e20ba3b6afd447db98f75fb7bdc7037-francisco e;/o=exchangelabs/ou=exchange administrative group (fydibohf23spdlt)/cn=recipients/cn=e8a8131dc3334dc38d81db3d2a41a3fe-denise viei;</t>
  </si>
  <si>
    <t>/o=exchangelabs/ou=exchange administrative group (fydibohf23spdlt)/cn=recipients/cn=1e45e12566d4418ba0325de92fea64a4-akassia bez,/o=exchangelabs/ou=exchange administrative group (fydibohf23spdlt)/cn=recipients/cn=9e20ba3b6afd447db98f75fb7bdc7037-francisco e,/o=exchangelabs/ou=exchange administrative group (fydibohf23spdlt)/cn=recipients/cn=e8a8131dc3334dc38d81db3d2a41a3fe-denise viei</t>
  </si>
  <si>
    <t>10/25/2019 14:12:39</t>
  </si>
  <si>
    <t>10/25/2019 14:18:37</t>
  </si>
  <si>
    <t>10/25/2019 14:20:40</t>
  </si>
  <si>
    <t>C:\Users\lannatga\Documents\Importante\Mailings\</t>
  </si>
  <si>
    <t>Mailing Staff, TI e Mezanino - Uberlândia.xlsx</t>
  </si>
  <si>
    <t>10/25/2019 14:19:06</t>
  </si>
  <si>
    <t>10/25/2019 14:23:40</t>
  </si>
  <si>
    <t>ENC: Produtividade CRCe 24/10 ***Considerar este</t>
  </si>
  <si>
    <t>10/25/2019 14:20:43</t>
  </si>
  <si>
    <t>10.207.12.92</t>
  </si>
  <si>
    <t>samia.perone@itau-unibanco.com.br;satyro.silva@itau-unibanco.com.br;</t>
  </si>
  <si>
    <t>samia.perone@itau-unibanco.com.br,satyro.silva@itau-unibanco.com.br</t>
  </si>
  <si>
    <t>10/25/2019 14:29:48</t>
  </si>
  <si>
    <t>10/25/2019 14:30:40</t>
  </si>
  <si>
    <t>10/25/2019 14:31:51</t>
  </si>
  <si>
    <t>10/25/2019 14:33:41</t>
  </si>
  <si>
    <t>Tabelação de URA.xlsx</t>
  </si>
  <si>
    <t>10/25/2019 14:35:05</t>
  </si>
  <si>
    <t>10/25/2019 14:37:41</t>
  </si>
  <si>
    <t>10/25/2019 14:34:15</t>
  </si>
  <si>
    <t>10/25/2019 14:38:40</t>
  </si>
  <si>
    <t>Lista Conarec - Belissimo</t>
  </si>
  <si>
    <t>10/25/2019 14:36:32</t>
  </si>
  <si>
    <t>10/25/2019 14:41:41</t>
  </si>
  <si>
    <t>Projeção LP GAT</t>
  </si>
  <si>
    <t>10/25/2019 14:37:00</t>
  </si>
  <si>
    <t>10/25/2019 14:42:40</t>
  </si>
  <si>
    <t>10/25/2019 14:38:13</t>
  </si>
  <si>
    <t>10/25/2019 14:43:34</t>
  </si>
  <si>
    <t>10/25/2019 14:45:40</t>
  </si>
  <si>
    <t>/o=exchangelabs/ou=exchange administrative group (fydibohf23spdlt)/cn=recipients/cn=77d2a15e162941f5b8ad84d928392e5e-dolvane rod;/o=exchangelabs/ou=exchange administrative group (fydibohf23spdlt)/cn=recipients/cn=d5130784dc81436d9511788de4df376c-jeciene gom;igor@terospricing.com.br;</t>
  </si>
  <si>
    <t>Catalogo de produtos GAT.xlsx</t>
  </si>
  <si>
    <t>/o=exchangelabs/ou=exchange administrative group (fydibohf23spdlt)/cn=recipients/cn=77d2a15e162941f5b8ad84d928392e5e-dolvane rod,/o=exchangelabs/ou=exchange administrative group (fydibohf23spdlt)/cn=recipients/cn=d5130784dc81436d9511788de4df376c-jeciene gom,igor@terospricing.com.br</t>
  </si>
  <si>
    <t>10/25/2019 14:45:08</t>
  </si>
  <si>
    <t>10/25/2019 14:47:40</t>
  </si>
  <si>
    <t>Cópia de Previa Outubro validada.xlsm</t>
  </si>
  <si>
    <t>10/25/2019 11:35:14</t>
  </si>
  <si>
    <t>10/25/2019 14:00:11</t>
  </si>
  <si>
    <t>PTH Buzato - 2020 OFICIAL.xlsx</t>
  </si>
  <si>
    <t>10/25/2019 14:52:32</t>
  </si>
  <si>
    <t>10/25/2019 14:53:40</t>
  </si>
  <si>
    <t>10/25/2019 14:54:38</t>
  </si>
  <si>
    <t>10/25/2019 14:58:40</t>
  </si>
  <si>
    <t>/o=exchangelabs/ou=exchange administrative group (fydibohf23spdlt)/cn=recipients/cn=72cf7e0bd1fe499886b9c12b4b5b52b6-inacio anto;/o=exchangelabs/ou=exchange administrative group (fydibohf23spdlt)/cn=recipients/cn=90878932db2a45bb924c0e3aac6d5da2-jonatas lem;juliana.galardo@bradesco.com.br;khadja.sousa@bradesco.com.br;</t>
  </si>
  <si>
    <t>/o=exchangelabs/ou=exchange administrative group (fydibohf23spdlt)/cn=recipients/cn=72cf7e0bd1fe499886b9c12b4b5b52b6-inacio anto,/o=exchangelabs/ou=exchange administrative group (fydibohf23spdlt)/cn=recipients/cn=90878932db2a45bb924c0e3aac6d5da2-jonatas lem,juliana.galardo@bradesco.com.br,khadja.sousa@bradesco.com.br</t>
  </si>
  <si>
    <t>10/25/2019 14:57:50</t>
  </si>
  <si>
    <t>/o=exchangelabs/ou=exchange administrative group (fydibohf23spdlt)/cn=recipients/cn=49457acaa5584c6d8daec8f0ad186be2-carlos maur;/o=exchangelabs/ou=exchange administrative group (fydibohf23spdlt)/cn=recipients/cn=825e22489f504b16aae369306c36d2e0-olivar anto;/o=exchangelabs/ou=exchange administrative group (fydibohf23spdlt)/cn=recipients/cn=8c253c95243a40aa99c9416b7eb70a2a-julio cesar;/o=exchangelabs/ou=exchange administrative group (fydibohf23spdlt)/cn=recipients/cn=9ec15fdf8a374c6f80ea1bf33684216e-roberta alv;/o=exchangelabs/ou=exchange administrative group (fydibohf23spdlt)/cn=recipients/cn=a30d12803de94264a57a0656bab1cc89-jose mario;/o=exchangelabs/ou=exchange administrative group (fydibohf23spdlt)/cn=recipients/cn=c9ea031fea1c4d28a37208d7515cef44-mara rubia;</t>
  </si>
  <si>
    <t>ENC: Estudo PLR - CCT Sindados MG</t>
  </si>
  <si>
    <t>Análise - Sindados MG.xlsx</t>
  </si>
  <si>
    <t>/o=exchangelabs/ou=exchange administrative group (fydibohf23spdlt)/cn=recipients/cn=49457acaa5584c6d8daec8f0ad186be2-carlos maur,/o=exchangelabs/ou=exchange administrative group (fydibohf23spdlt)/cn=recipients/cn=825e22489f504b16aae369306c36d2e0-olivar anto,/o=exchangelabs/ou=exchange administrative group (fydibohf23spdlt)/cn=recipients/cn=8c253c95243a40aa99c9416b7eb70a2a-julio cesar,/o=exchangelabs/ou=exchange administrative group (fydibohf23spdlt)/cn=recipients/cn=9ec15fdf8a374c6f80ea1bf33684216e-roberta alv,/o=exchangelabs/ou=exchange administrative group (fydibohf23spdlt)/cn=recipients/cn=a30d12803de94264a57a0656bab1cc89-jose mario,/o=exchangelabs/ou=exchange administrative group (fydibohf23spdlt)/cn=recipients/cn=c9ea031fea1c4d28a37208d7515cef44-mara rubia</t>
  </si>
  <si>
    <t>10/25/2019 15:03:10</t>
  </si>
  <si>
    <t>10/25/2019 15:08:40</t>
  </si>
  <si>
    <t>mail.google.com/_/upload?authuser=1&amp;dcp=asu-n&amp;upload_id=AEnB2UobYxdyYik6BVjg2Dcbv5owsPfVyw06DHe8l9Hd9CzCzyj4gXOjyGn3AeP0kNRLW1FouHn-LaEKhV59TRrx5Fs6G8su_g&amp;upload_protocol=resumable</t>
  </si>
  <si>
    <t>C:\Users\thiagocso\Desktop\Gente e Gestao\GENTE E GESTAO COMUNICAÇÕES 2 SEMESTRE\</t>
  </si>
  <si>
    <t>Cópia de Mailing Liderança - BRASIL.xlsx</t>
  </si>
  <si>
    <t>10/25/2019 15:11:26</t>
  </si>
  <si>
    <t>10/25/2019 15:13:40</t>
  </si>
  <si>
    <t>financeiro@proaco.ind.br;jordana.borin@bradesco.com.br;</t>
  </si>
  <si>
    <t>Contato - PROACO INDUSTRUA METALURGICA</t>
  </si>
  <si>
    <t>BVK3 ATUAL.xlsx</t>
  </si>
  <si>
    <t>financeiro@proaco.ind.br,jordana.borin@bradesco.com.br</t>
  </si>
  <si>
    <t>10/25/2019 15:09:43</t>
  </si>
  <si>
    <t>/o=exchangelabs/ou=exchange administrative group (fydibohf23spdlt)/cn=recipients/cn=34a28d636a1b4c86b1ec79baed4b846a-marco anton;/o=exchangelabs/ou=exchange administrative group (fydibohf23spdlt)/cn=recipients/cn=704ce6c3da8c45c9a4fbd113173d101c-tatiane sil;</t>
  </si>
  <si>
    <t>ENC: &lt;&lt; URGENTE &gt;&gt; RETIFICAÇAO: [ITAU] Portal iNotas | Acesso ao Portal *** INADIMPLENCIA ***</t>
  </si>
  <si>
    <t>/o=exchangelabs/ou=exchange administrative group (fydibohf23spdlt)/cn=recipients/cn=34a28d636a1b4c86b1ec79baed4b846a-marco anton,/o=exchangelabs/ou=exchange administrative group (fydibohf23spdlt)/cn=recipients/cn=704ce6c3da8c45c9a4fbd113173d101c-tatiane sil</t>
  </si>
  <si>
    <t>10/25/2019 15:12:54</t>
  </si>
  <si>
    <t>Tratativas NFs</t>
  </si>
  <si>
    <t>data - 2019-10-25T101306.755.xlsx</t>
  </si>
  <si>
    <t>10/25/2019 15:13:17</t>
  </si>
  <si>
    <t>C:\Users\mariannacsm\OneDrive - Grupo Algar\0- PMO-POOL\POOL\External NFs\</t>
  </si>
  <si>
    <t>10/25/2019 15:13:48</t>
  </si>
  <si>
    <t>10/25/2019 15:18:40</t>
  </si>
  <si>
    <t>C:\Users\mariannacsm\OneDrive - Grupo Algar\0- PMO-POOL\PMO\CAPEX\CAPEX PROJETOS CSC\Aprovações\Re_ MOVE TO CLOUD.msg\s108\</t>
  </si>
  <si>
    <t>10/25/2019 15:15:07</t>
  </si>
  <si>
    <t>Peça Oficial 2020 - Projetos - Grupo Tech_Retorno 2510.xlsx</t>
  </si>
  <si>
    <t>10/25/2019 15:15:05</t>
  </si>
  <si>
    <t>10/25/2019 15:19:11</t>
  </si>
  <si>
    <t>10/25/2019 15:20:41</t>
  </si>
  <si>
    <t>/o=exchangelabs/ou=exchange administrative group (fydibohf23spdlt)/cn=recipients/cn=e785d55a9a524ee1b83bee4e66aab7b4-marylanne r;</t>
  </si>
  <si>
    <t>RES: CR LEaseplan - Conformação de Férias já solicitadas pelo Portal TH</t>
  </si>
  <si>
    <t>Ferias_MARY.xlsx</t>
  </si>
  <si>
    <t>/o=exchangelabs/ou=exchange administrative group (fydibohf23spdlt)/cn=recipients/cn=e785d55a9a524ee1b83bee4e66aab7b4-marylanne r</t>
  </si>
  <si>
    <t>10/25/2019 15:22:00</t>
  </si>
  <si>
    <t>10/25/2019 15:25:40</t>
  </si>
  <si>
    <t>/o=exchangelabs/ou=exchange administrative group (fydibohf23spdlt)/cn=recipients/cn=61f3e9c700bf4e9a929fa8786482772a-igor vinici;</t>
  </si>
  <si>
    <t>Cadastro Geral 21-10.xlsx</t>
  </si>
  <si>
    <t>/o=exchangelabs/ou=exchange administrative group (fydibohf23spdlt)/cn=recipients/cn=61f3e9c700bf4e9a929fa8786482772a-igor vinici</t>
  </si>
  <si>
    <t>10/25/2019 15:25:32</t>
  </si>
  <si>
    <t>10/25/2019 15:27:41</t>
  </si>
  <si>
    <t>http://shareit.global.avon.com/sites/arrmcm/forca-de-vendas/_layouts/upload.aspx?list={a89cd46c-19fa-458c-809f-d246a5e48452}&amp;rootfolder=/sites/arrmcm/forca-de-vendas/ficaadicatreinamento/alian?0c7a avon&amp;source=http://shareit.global.avon.com/sites/arrmcm/forca-de-vendas/ficaadicatreinamento/forms/allitems.aspx?folderctid=&amp;rootfolder=%2fsites%2farrmcm%2fforca%2dde%2dvendas%2fficaadicatreinamento%2falian%c3%87a%20avon&amp;sortfield=modified&amp;sortdir=desc&amp;view=%7bb9ba0dba%2db197%2d49b7%2d8048%2d506553e03103%7d</t>
  </si>
  <si>
    <t>GS_Apuração_OP1_ Aliança C.16.xls</t>
  </si>
  <si>
    <t>http://shareit.global.avon.com/sites/arrmcm/forca-de-vendas/_layouts/upload.aspx?list={a89cd46c-19fa-458c-809f-d246a5e48452}&amp;rootfolder=/sites/arrmcm/forca-de-vendas/ficaadicatreinamento/alian�0c7a avon&amp;source=http://shareit.global.avon.com/sites/arrmcm/forca-de-vendas/ficaadicatreinamento/forms/allitems.aspx?folderctid=&amp;rootfolder=%2fsites%2farrmcm%2fforca%2dde%2dvendas%2fficaadicatreinamento%2falian%c3%87a%20avon&amp;sortfield=modified&amp;sortdir=desc&amp;view=%7bb9ba0dba%2db197%2d49b7%2d8048%2d506553e03103%7d</t>
  </si>
  <si>
    <t>10/25/2019 15:26:18</t>
  </si>
  <si>
    <t>10/25/2019 15:28:40</t>
  </si>
  <si>
    <t>mail.google.com/_/upload?authuser=0&amp;dcp=asu-n&amp;upload_id=AEnB2UrjNaby2yymtTFktkj3RFLqZlTeAMAStREjVB_ptdtPaGTM3r9GCZ53arK2D2DPjZNUx5BsmFW6VyLfsLTrn1JzLuctATF4J3kO7hRSuIHHI7-9Y9E&amp;upload_protocol=resumable</t>
  </si>
  <si>
    <t>csavino@algartech.com;</t>
  </si>
  <si>
    <t>\\udpimgap01\Base de Conhecimento Data Center\02 - Arquivos Comuns\2.4 - Suporte Backup e Restore\Equipe Backup Restore\2.4.1 - Documentacao\2.5.0 Checklist SAGE\</t>
  </si>
  <si>
    <t>csavino@algartech.com</t>
  </si>
  <si>
    <t>10/25/2019 15:34:34</t>
  </si>
  <si>
    <t>10/25/2019 15:39:41</t>
  </si>
  <si>
    <t>BASE_INDICADOR_ALGAR 25-10.xlsx</t>
  </si>
  <si>
    <t>10/25/2019 15:37:39</t>
  </si>
  <si>
    <t>10/25/2019 15:41:40</t>
  </si>
  <si>
    <t>Classificações PJ.xlsx</t>
  </si>
  <si>
    <t>10/25/2019 15:42:24</t>
  </si>
  <si>
    <t>10/25/2019 15:44:40</t>
  </si>
  <si>
    <t>/o=exchangelabs/ou=exchange administrative group (fydibohf23spdlt)/cn=recipients/cn=545f738e0fe740ba856f4eb6ef0135e0-vinicius si;/o=exchangelabs/ou=exchange administrative group (fydibohf23spdlt)/cn=recipients/cn=746f10dd924a4e7dbfe2f813f74b1f2c-gilmar pres;/o=exchangelabs/ou=exchange administrative group (fydibohf23spdlt)/cn=recipients/cn=d1d015f213f648abbf348b5ccdf8e9d9-senilda per;/o=exchangelabs/ou=exchange administrative group (fydibohf23spdlt)/cn=recipients/cn=f0ff087361a245daa16e71ac77ecc3f0-ivan costa;</t>
  </si>
  <si>
    <t>Levamento 3003</t>
  </si>
  <si>
    <t>Volumetria 3003 - Outubro.xlsx</t>
  </si>
  <si>
    <t>/o=exchangelabs/ou=exchange administrative group (fydibohf23spdlt)/cn=recipients/cn=545f738e0fe740ba856f4eb6ef0135e0-vinicius si,/o=exchangelabs/ou=exchange administrative group (fydibohf23spdlt)/cn=recipients/cn=746f10dd924a4e7dbfe2f813f74b1f2c-gilmar pres,/o=exchangelabs/ou=exchange administrative group (fydibohf23spdlt)/cn=recipients/cn=d1d015f213f648abbf348b5ccdf8e9d9-senilda per,/o=exchangelabs/ou=exchange administrative group (fydibohf23spdlt)/cn=recipients/cn=f0ff087361a245daa16e71ac77ecc3f0-ivan costa</t>
  </si>
  <si>
    <t>10/25/2019 15:41:57</t>
  </si>
  <si>
    <t>10/25/2019 15:45:40</t>
  </si>
  <si>
    <t>/o=exchangelabs/ou=exchange administrative group (fydibohf23spdlt)/cn=recipients/cn=71b1478bf72e4a12b8997150e0223e87-algar tech;</t>
  </si>
  <si>
    <t>EQUIPE GAT</t>
  </si>
  <si>
    <t>/o=exchangelabs/ou=exchange administrative group (fydibohf23spdlt)/cn=recipients/cn=71b1478bf72e4a12b8997150e0223e87-algar tech</t>
  </si>
  <si>
    <t>10/25/2019 15:46:35</t>
  </si>
  <si>
    <t>10/25/2019 15:48:40</t>
  </si>
  <si>
    <t>/o=exchangelabs/ou=exchange administrative group (fydibohf23spdlt)/cn=recipients/cn=anderson pereira chaves;sheila.lopes@youse.com.br;wasleylc@algartech.com;</t>
  </si>
  <si>
    <t>Forecast Novembro</t>
  </si>
  <si>
    <t>Forecast - Novembro.xlsx</t>
  </si>
  <si>
    <t>/o=exchangelabs/ou=exchange administrative group (fydibohf23spdlt)/cn=recipients/cn=anderson pereira chaves,sheila.lopes@youse.com.br,wasleylc@algartech.com</t>
  </si>
  <si>
    <t>10/25/2019 15:46:22</t>
  </si>
  <si>
    <t>10/25/2019 15:49:40</t>
  </si>
  <si>
    <t>Remanejamento.xlsx</t>
  </si>
  <si>
    <t>10/25/2019 15:45:06</t>
  </si>
  <si>
    <t>Relacionamento de Cartões BV: Apresentação - Seção</t>
  </si>
  <si>
    <t>PMO - STATUS DE GOVERNANÇA - Relacionamento de Cartoes BV - 20191016_v1.pptx\</t>
  </si>
  <si>
    <t>10/25/2019 15:47:42</t>
  </si>
  <si>
    <t>10/25/2019 15:51:40</t>
  </si>
  <si>
    <t>10/25/2019 16:01:04</t>
  </si>
  <si>
    <t>10/25/2019 16:03:41</t>
  </si>
  <si>
    <t>alessandroam@algartech.com;denerbb@algartech.com;edilsonrb@algartech.com;gustavorp@algartech.com;helbertbb@algartech.com;julianarcda@algartech.com;lucasm@algartech.com;marcelodds@algartech.com;</t>
  </si>
  <si>
    <t>Dimensionamento_Câmeras externas.xlsx</t>
  </si>
  <si>
    <t>alessandroam@algartech.com,denerbb@algartech.com,edilsonrb@algartech.com,gustavorp@algartech.com,helbertbb@algartech.com,julianarcda@algartech.com,lucasm@algartech.com,marcelodds@algartech.com</t>
  </si>
  <si>
    <t>10/25/2019 16:04:29</t>
  </si>
  <si>
    <t>10/25/2019 16:07:40</t>
  </si>
  <si>
    <t>EVA_ApuraÃ§Ã£o_Extra_C.16.2019_Impactos_Parte II.xls</t>
  </si>
  <si>
    <t>10/25/2019 16:06:13</t>
  </si>
  <si>
    <t>GS_Apuração_ Atividade_C.16.2019_Impactos (2).xls</t>
  </si>
  <si>
    <t>10/25/2019 16:03:16</t>
  </si>
  <si>
    <t>10/25/2019 16:08:40</t>
  </si>
  <si>
    <t>ENC: Produtividade CRCe até 24/10</t>
  </si>
  <si>
    <t>10/25/2019 16:07:23</t>
  </si>
  <si>
    <t>10/25/2019 16:10:45</t>
  </si>
  <si>
    <t>10/25/2019 16:13:40</t>
  </si>
  <si>
    <t>RES: :::EBIT para PLR - Validação de CRs Torre GST + Comunicação Oficial:::</t>
  </si>
  <si>
    <t>GERENTES GST.xlsx</t>
  </si>
  <si>
    <t>10/25/2019 16:12:35</t>
  </si>
  <si>
    <t>10/25/2019 16:17:41</t>
  </si>
  <si>
    <t>Status entrega Brinco Vivara - Incentivo De Maquiagem para Gs C.14 a 162019.xls</t>
  </si>
  <si>
    <t>10/25/2019 16:18:14</t>
  </si>
  <si>
    <t>10/25/2019 16:19:41</t>
  </si>
  <si>
    <t>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f00c439d0d474c0586a503a0209ed1f2-bruno wande;/o=exchangelabs/ou=exchange administrative group (fydibohf23spdlt)/cn=recipients/cn=f167860e3f1940cc81730e5f24d2f0bb-alexandre f;</t>
  </si>
  <si>
    <t>RES: Projeto ChatBot Continental (Electrolux) - Ajuste do Prazo de Depreciação</t>
  </si>
  <si>
    <t>216356 - BOT para Continental_v2.xlsb</t>
  </si>
  <si>
    <t>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f00c439d0d474c0586a503a0209ed1f2-bruno wande,/o=exchangelabs/ou=exchange administrative group (fydibohf23spdlt)/cn=recipients/cn=f167860e3f1940cc81730e5f24d2f0bb-alexandre f</t>
  </si>
  <si>
    <t>10/25/2019 16:21:11</t>
  </si>
  <si>
    <t>10/25/2019 16:25:41</t>
  </si>
  <si>
    <t>fabianacscg@algartech.com;marianagso@algartech.com;</t>
  </si>
  <si>
    <t>C:\Users\danubiacsm\Desktop\Calendário Comportamental Segundo Semestre\</t>
  </si>
  <si>
    <t>Adesão Treinamento ID Único.xls</t>
  </si>
  <si>
    <t>fabianacscg@algartech.com,marianagso@algartech.com</t>
  </si>
  <si>
    <t>10/25/2019 16:23:01</t>
  </si>
  <si>
    <t>10/25/2019 16:28:40</t>
  </si>
  <si>
    <t>marciags@algartech.com.br;rosamhdc@algartech.com.br;</t>
  </si>
  <si>
    <t>ENC: Estorno de taxa ATENTO BRASIL S/A CRM:000280002230</t>
  </si>
  <si>
    <t>ANX_Template_de_encargos_wo_e_stop_06_05_19.xlsx</t>
  </si>
  <si>
    <t>marciags@algartech.com.br,rosamhdc@algartech.com.br</t>
  </si>
  <si>
    <t>10/25/2019 16:33:44</t>
  </si>
  <si>
    <t>10/25/2019 16:37:40</t>
  </si>
  <si>
    <t>10/25/2019 16:37:02</t>
  </si>
  <si>
    <t>10/25/2019 16:40:41</t>
  </si>
  <si>
    <t>10/25/2019 16:38:26</t>
  </si>
  <si>
    <t>10/25/2019 16:40:53</t>
  </si>
  <si>
    <t>10/25/2019 16:42:41</t>
  </si>
  <si>
    <t>C:\Users\alessandroam\OneDrive\OneDrive - Grupo Algar\01 - Historico\02 - Seg Informação\02 - Entregas e Desafios\ENC Macros Bradesco.msg\s138\</t>
  </si>
  <si>
    <t>Macros Ativas - Oficial.xlsx</t>
  </si>
  <si>
    <t>C:\Users\alessandroam\OneDrive\OneDrive - Grupo Algar\01 - Historico\02 - Seg Informação\02 - Entregas e Desafios\ENC Macros Bradesco.msg\s254\</t>
  </si>
  <si>
    <t>04-05-2018 a 04-06-2018.xlsx</t>
  </si>
  <si>
    <t>C:\Users\alessandroam\OneDrive\OneDrive - Grupo Algar\01 - Historico\02 - Seg Informação\02 - Entregas e Desafios\ENC Macros Bradesco.msg\s359\</t>
  </si>
  <si>
    <t>Cópia de Cópia de Macros PJ VME1.xlsx</t>
  </si>
  <si>
    <t>C:\Users\alessandroam\OneDrive\OneDrive - Grupo Algar\01 - Historico\02 - Seg Informação\02 - Entregas e Desafios\ENC Macros Bradesco.msg\s594\</t>
  </si>
  <si>
    <t>10/25/2019 16:42:26</t>
  </si>
  <si>
    <t>10/25/2019 16:44:40</t>
  </si>
  <si>
    <t>/o=exchangelabs/ou=exchange administrative group (fydibohf23spdlt)/cn=recipients/cn=2efe26bca22a43cc89c6ed48ba5e50b4-luciano cor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b194f014572c4c36b52132f9199df1aa-jairo junio;</t>
  </si>
  <si>
    <t>RES: Apresentação Comitê IBM - Aprovada</t>
  </si>
  <si>
    <t>/o=exchangelabs/ou=exchange administrative group (fydibohf23spdlt)/cn=recipients/cn=2efe26bca22a43cc89c6ed48ba5e50b4-luciano cor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b194f014572c4c36b52132f9199df1aa-jairo junio</t>
  </si>
  <si>
    <t>10/25/2019 16:40:25</t>
  </si>
  <si>
    <t>10/25/2019 16:45:40</t>
  </si>
  <si>
    <t>RES: Olha o Ranking aí gente....</t>
  </si>
  <si>
    <t>10/25/2019 16:40:37</t>
  </si>
  <si>
    <t>10/25/2019 16:40:49</t>
  </si>
  <si>
    <t>10/25/2019 16:41:44</t>
  </si>
  <si>
    <t>10/25/2019 16:46:40</t>
  </si>
  <si>
    <t>10.200.61.86</t>
  </si>
  <si>
    <t>Faturamento Antecipacao Outubro/20 - Amazon</t>
  </si>
  <si>
    <t>2019-10_A100 Billing Detail Summary - ANTICIPATION.xlsx</t>
  </si>
  <si>
    <t>10/25/2019 16:44:14</t>
  </si>
  <si>
    <t>RES: Faturamento Antecipacao Outubro/20 - Amazon</t>
  </si>
  <si>
    <t>10/25/2019 16:43:36</t>
  </si>
  <si>
    <t>10/25/2019 16:47:41</t>
  </si>
  <si>
    <t>alefl@algartech.com;josemfs@algartech.com;luizmda@algartech.com;reginaldort@algartech.com;renatobrl@algartech.com;si@algartech.com;</t>
  </si>
  <si>
    <t>alefl@algartech.com,josemfs@algartech.com,luizmda@algartech.com,reginaldort@algartech.com,renatobrl@algartech.com,si@algartech.com</t>
  </si>
  <si>
    <t>10/25/2019 16:45:28</t>
  </si>
  <si>
    <t>10/25/2019 16:48:40</t>
  </si>
  <si>
    <t>RES: Validação de CRs - GRC</t>
  </si>
  <si>
    <t>GERENTES GRC.xlsx</t>
  </si>
  <si>
    <t>10/25/2019 16:49:40</t>
  </si>
  <si>
    <t>rafaelaas@algartech.com</t>
  </si>
  <si>
    <t>b2ksupervisoresrafaela@algartech.com;cristinahe@algartech.com;danilobca@algartech.com;denisemso@algartech.com;eunice.pimenta@algartech.com;leandrolds@algartech.com;liriardi@algartech.com;liriardi@algartech.com.br;lucas.jose@bradesco.com.br;lucieneili@algartech.com;rosemery.silva@bradesco.com.br;trilhas_estilos@algartech.com;</t>
  </si>
  <si>
    <t>b2ksupervisoresrafaela@algartech.com,cristinahe@algartech.com,danilobca@algartech.com,denisemso@algartech.com,eunice.pimenta@algartech.com,leandrolds@algartech.com,liriardi@algartech.com,liriardi@algartech.com.br,lucas.jose@bradesco.com.br,lucieneili@algartech.com,rosemery.silva@bradesco.com.br,trilhas_estilos@algartech.com</t>
  </si>
  <si>
    <t>10/25/2019 16:50:04</t>
  </si>
  <si>
    <t>10/25/2019 16:52:41</t>
  </si>
  <si>
    <t>luanafs@algartech.com;waleskamms@algartech.com;</t>
  </si>
  <si>
    <t>C:\Users\leonardoefo\Grupo Algar\Waleska Maria Miranda Storti - Bradesco\Dossiê Rescisórias e Bloqueios\Bloqueios\</t>
  </si>
  <si>
    <t>Transferênncias_Bloqueios.xlsx</t>
  </si>
  <si>
    <t>luanafs@algartech.com,waleskamms@algartech.com</t>
  </si>
  <si>
    <t>10/25/2019 16:52:42</t>
  </si>
  <si>
    <t>10/25/2019 16:58:40</t>
  </si>
  <si>
    <t>ENC: Faturamento Antecipacao Outubro/20 - Amazon</t>
  </si>
  <si>
    <t>10/25/2019 16:54:53</t>
  </si>
  <si>
    <t>10/25/2019 16:59:40</t>
  </si>
  <si>
    <t>/o=exchangelabs/ou=exchange administrative group (fydibohf23spdlt)/cn=recipients/cn=4b453b7f02914710b3e94bcf7b311ad4-fernando po;/o=exchangelabs/ou=exchange administrative group (fydibohf23spdlt)/cn=recipients/cn=db90dbcc571e4592b95f83004215799e-eduardo san;</t>
  </si>
  <si>
    <t>ENC: **Restrito- Relatório de todas as pessoas que possuem acesso na sala macro</t>
  </si>
  <si>
    <t>ENC Macros Bradesco.msg\s138\</t>
  </si>
  <si>
    <t>/o=exchangelabs/ou=exchange administrative group (fydibohf23spdlt)/cn=recipients/cn=4b453b7f02914710b3e94bcf7b311ad4-fernando po,/o=exchangelabs/ou=exchange administrative group (fydibohf23spdlt)/cn=recipients/cn=db90dbcc571e4592b95f83004215799e-eduardo san</t>
  </si>
  <si>
    <t>10/25/2019 17:00:29</t>
  </si>
  <si>
    <t>10/25/2019 17:02:41</t>
  </si>
  <si>
    <t>camilat@algartech.com;diegoiao@algartech.com;fabianapm@algartech.com;fredericobs@algartecnologia.com.br;hugooc@algartech.com;jullian.faria@algartech.com;laricena@algartech.com;marcotvo@algartech.com;silvio@algartech.com;</t>
  </si>
  <si>
    <t>preços.xlsx</t>
  </si>
  <si>
    <t>camilat@algartech.com,diegoiao@algartech.com,fabianapm@algartech.com,fredericobs@algartecnologia.com.br,hugooc@algartech.com,jullian.faria@algartech.com,laricena@algartech.com,marcotvo@algartech.com,silvio@algartech.com</t>
  </si>
  <si>
    <t>10/25/2019 16:59:48</t>
  </si>
  <si>
    <t>10/25/2019 17:03:40</t>
  </si>
  <si>
    <t>/o=exchangelabs/ou=exchange administrative group (fydibohf23spdlt)/cn=recipients/cn=anderson pereira chaves;</t>
  </si>
  <si>
    <t>De para TTV/QLIKVIEW</t>
  </si>
  <si>
    <t>DE PARA - Copia.xlsx</t>
  </si>
  <si>
    <t>/o=exchangelabs/ou=exchange administrative group (fydibohf23spdlt)/cn=recipients/cn=anderson pereira chaves</t>
  </si>
  <si>
    <t>10/25/2019 17:01:34</t>
  </si>
  <si>
    <t>adrielefc@algartech.com;</t>
  </si>
  <si>
    <t>ENC: ORÇAMENTO 2020 x Incentivos GRC</t>
  </si>
  <si>
    <t>CH542_20191024_165718.xls</t>
  </si>
  <si>
    <t>adrielefc@algartech.com</t>
  </si>
  <si>
    <t>10/25/2019 16:59:03</t>
  </si>
  <si>
    <t>10/25/2019 17:04:40</t>
  </si>
  <si>
    <t>10.200.35.93</t>
  </si>
  <si>
    <t>ENC: Status Report Semanal - Projeto Precificação - 20190716.pptx</t>
  </si>
  <si>
    <t>Status Report Semanal - Projeto Precificação - 20190716.pptx\</t>
  </si>
  <si>
    <t>10/25/2019 17:02:52</t>
  </si>
  <si>
    <t>10/25/2019 17:05:41</t>
  </si>
  <si>
    <t>Base Vendas Champion</t>
  </si>
  <si>
    <t>Base Vendas.xlsx</t>
  </si>
  <si>
    <t>10/25/2019 17:04:51</t>
  </si>
  <si>
    <t>10/25/2019 17:08:40</t>
  </si>
  <si>
    <t>10/25/2019 17:08:02</t>
  </si>
  <si>
    <t>mail.google.com/_/upload?authuser=0&amp;dcp=asu-n&amp;upload_id=AEnB2Up-tOAEqwID0VPrGAinYlMg8Iqh3LlTr_3MpxJ5SqaIuxozopX6LKWK9WeN-B8WJ2TJVjYnE979WwMlZ1JZk2MKUBGKLmm9LvR8sMWpyqzM2vsEkFc&amp;upload_protocol=resumable</t>
  </si>
  <si>
    <t>10/25/2019 17:12:30</t>
  </si>
  <si>
    <t>10/25/2019 17:16:40</t>
  </si>
  <si>
    <t>C:\Users\eduardost\OneDrive - Grupo Algar\2019\BRADESCO\DRC\</t>
  </si>
  <si>
    <t>Cópia de Analitico 2010.csv</t>
  </si>
  <si>
    <t>10/25/2019 17:12:33</t>
  </si>
  <si>
    <t>Analítico 1510.csv</t>
  </si>
  <si>
    <t>10/25/2019 17:12:37</t>
  </si>
  <si>
    <t>Analitico 1710.csv</t>
  </si>
  <si>
    <t>10/25/2019 17:12:44</t>
  </si>
  <si>
    <t>Analítico 1610 (1).csv</t>
  </si>
  <si>
    <t>10/25/2019 17:20:28</t>
  </si>
  <si>
    <t>10/25/2019 17:23:40</t>
  </si>
  <si>
    <t>ENC: GRU2 - Algar A100 Anticipation – January 1 to June 30, 2020 - Invoice</t>
  </si>
  <si>
    <t>10/25/2019 17:25:40</t>
  </si>
  <si>
    <t>10/25/2019 17:26:40</t>
  </si>
  <si>
    <t>denisevca@algartech.com;franciscoebf@algartecnologia.com.br;wayneroa@algartech.com;</t>
  </si>
  <si>
    <t>\\acsfs\engeset\COORDENAÇÃO CENTRO OESTE\01.Financeiro CO_RJ\2019\Receitamento\102019\</t>
  </si>
  <si>
    <t>Padrao Solicitacao Receitamento SG Telecom - 2ª Leva Estornos - TO 505406.xlsm</t>
  </si>
  <si>
    <t>denisevca@algartech.com,franciscoebf@algartecnologia.com.br,wayneroa@algartech.com</t>
  </si>
  <si>
    <t>10/25/2019 17:23:10</t>
  </si>
  <si>
    <t>10/25/2019 17:28:40</t>
  </si>
  <si>
    <t>/o=exchangelabs/ou=exchange administrative group (fydibohf23spdlt)/cn=recipients/cn=168e05cabbf14ae289464a0c09955b31-sara ferrei;/o=exchangelabs/ou=exchange administrative group (fydibohf23spdlt)/cn=recipients/cn=9e7c445894a4474a86a42a5f271a0d12-viviane res;</t>
  </si>
  <si>
    <t>/o=exchangelabs/ou=exchange administrative group (fydibohf23spdlt)/cn=recipients/cn=168e05cabbf14ae289464a0c09955b31-sara ferrei,/o=exchangelabs/ou=exchange administrative group (fydibohf23spdlt)/cn=recipients/cn=9e7c445894a4474a86a42a5f271a0d12-viviane res</t>
  </si>
  <si>
    <t>10/25/2019 17:28:24</t>
  </si>
  <si>
    <t>10/25/2019 17:34:41</t>
  </si>
  <si>
    <t>Planilha modelo</t>
  </si>
  <si>
    <t>Prospecting daily..xlsx</t>
  </si>
  <si>
    <t>10/25/2019 17:31:48</t>
  </si>
  <si>
    <t>10/25/2019 17:35:42</t>
  </si>
  <si>
    <t>10/25/2019 17:33:22</t>
  </si>
  <si>
    <t>10/25/2019 17:37:42</t>
  </si>
  <si>
    <t>ALIANÇA - GS 16-19 - RECARGA.xls</t>
  </si>
  <si>
    <t>10/25/2019 17:36:30</t>
  </si>
  <si>
    <t>http://shareit.global.avon.com/sites/arrmcm/forca-de-vendas/_layouts/upload.aspx?list={a89cd46c-19fa-458c-809f-d246a5e48452}&amp;rootfolder=/sites/arrmcm/forca-de-vendas/ficaadicatreinamento/alian?0c7a avon&amp;source=http://shareit.global.avon.com/sites/arrmcm/forca-de-vendas/ficaadicatreinamento/forms/allitems.aspx?rootfolder=%2fsites%2farrmcm%2fforca%2dde%2dvendas%2fficaadicatreinamento%2falian%c3%87a%20avon</t>
  </si>
  <si>
    <t>BÃ´nus Vale Presente 2019 GS.xls</t>
  </si>
  <si>
    <t>http://shareit.global.avon.com/sites/arrmcm/forca-de-vendas/_layouts/upload.aspx?list={a89cd46c-19fa-458c-809f-d246a5e48452}&amp;rootfolder=/sites/arrmcm/forca-de-vendas/ficaadicatreinamento/alian�0c7a avon&amp;source=http://shareit.global.avon.com/sites/arrmcm/forca-de-vendas/ficaadicatreinamento/forms/allitems.aspx?rootfolder=%2fsites%2farrmcm%2fforca%2dde%2dvendas%2fficaadicatreinamento%2falian%c3%87a%20avon</t>
  </si>
  <si>
    <t>10/25/2019 17:37:15</t>
  </si>
  <si>
    <t>10/25/2019 17:41:41</t>
  </si>
  <si>
    <t>bbbssn@amazon.com;etscheid@amazon.com;sbokhar@amazon.com;</t>
  </si>
  <si>
    <t>bbbssn@amazon.com,etscheid@amazon.com,sbokhar@amazon.com</t>
  </si>
  <si>
    <t>10/25/2019 17:39:12</t>
  </si>
  <si>
    <t>Provisao Amazon - Outubro/2019 - Energia</t>
  </si>
  <si>
    <t>10/25/2019 17:39:24</t>
  </si>
  <si>
    <t>10/25/2019 17:42:42</t>
  </si>
  <si>
    <t>http://shareit.global.avon.com/sites/arrmcm/forca-de-vendas/_layouts/upload.aspx?list={a89cd46c-19fa-458c-809f-d246a5e48452}&amp;rootfolder=/sites/arrmcm/forca-de-vendas/ficaadicatreinamento/novo modelo de neg?0d3cio/new model gs&amp;source=http://shareit.global.avon.com/sites/arrmcm/forca-de-vendas/ficaadicatreinamento/forms/allitems.aspx?rootfolder=%2fsites%2farrmcm%2fforca%2dde%2dvendas%2fficaadicatreinamento%2fnovo%20modelo%20de%20neg%c3%93cio%2fnew%20model%20gs&amp;folderctid=&amp;view=%7bb9ba0dba%2db197%2d49b7%2d8048%2d506553e03103%7d</t>
  </si>
  <si>
    <t>http://shareit.global.avon.com/sites/arrmcm/forca-de-vendas/_layouts/upload.aspx?list={a89cd46c-19fa-458c-809f-d246a5e48452}&amp;rootfolder=/sites/arrmcm/forca-de-vendas/ficaadicatreinamento/novo modelo de neg�0d3cio/new model gs&amp;source=http://shareit.global.avon.com/sites/arrmcm/forca-de-vendas/ficaadicatreinamento/forms/allitems.aspx?rootfolder=%2fsites%2farrmcm%2fforca%2dde%2dvendas%2fficaadicatreinamento%2fnovo%20modelo%20de%20neg%c3%93cio%2fnew%20model%20gs&amp;folderctid=&amp;view=%7bb9ba0dba%2db197%2d49b7%2d8048%2d506553e03103%7d</t>
  </si>
  <si>
    <t>10/25/2019 18:03:15</t>
  </si>
  <si>
    <t>10/25/2019 18:05:42</t>
  </si>
  <si>
    <t>/o=exchangelabs/ou=exchange administrative group (fydibohf23spdlt)/cn=recipients/cn=168e05cabbf14ae289464a0c09955b31-sara ferrei;/o=exchangelabs/ou=exchange administrative group (fydibohf23spdlt)/cn=recipients/cn=d54ee4de981948cf993ae0c9e1a3aecc-andrea regi;</t>
  </si>
  <si>
    <t>2ª Leva Receita GAT</t>
  </si>
  <si>
    <t>Solicitação de cadastro 25102019_ESFERA FIDELIDADE.xlsx</t>
  </si>
  <si>
    <t>/o=exchangelabs/ou=exchange administrative group (fydibohf23spdlt)/cn=recipients/cn=168e05cabbf14ae289464a0c09955b31-sara ferrei,/o=exchangelabs/ou=exchange administrative group (fydibohf23spdlt)/cn=recipients/cn=d54ee4de981948cf993ae0c9e1a3aecc-andrea regi</t>
  </si>
  <si>
    <t>10/25/2019 18:14:51</t>
  </si>
  <si>
    <t>10/25/2019 18:16:42</t>
  </si>
  <si>
    <t>/o=exchangelabs/ou=exchange administrative group (fydibohf23spdlt)/cn=recipients/cn=122c3ad8b401472e84885d44a2466b4c-jair de pau;/o=exchangelabs/ou=exchange administrative group (fydibohf23spdlt)/cn=recipients/cn=54abac0a4fdc4ad1bec39bb51d85eab1-victor hugo;/o=exchangelabs/ou=exchange administrative group (fydibohf23spdlt)/cn=recipients/cn=651324bc204a42f6bbcdf62273ebdc5c-aluisio ant;/o=exchangelabs/ou=exchange administrative group (fydibohf23spdlt)/cn=recipients/cn=b79663656cc44aa3bf06617d1695ae51-carlos faci;/o=exchangelabs/ou=exchange administrative group (fydibohf23spdlt)/cn=recipients/cn=f7a4290a46314a3cbb0d392508a7b5c5-luciana sil;/o=exchangelabs/ou=exchange administrative group (fydibohf23spdlt)/cn=recipients/cn=user78f7a52d;diegorg@algartech.com;</t>
  </si>
  <si>
    <t>RES: Revisão BP GAT - Apresentação Longo Prazo</t>
  </si>
  <si>
    <t>/o=exchangelabs/ou=exchange administrative group (fydibohf23spdlt)/cn=recipients/cn=122c3ad8b401472e84885d44a2466b4c-jair de pau,/o=exchangelabs/ou=exchange administrative group (fydibohf23spdlt)/cn=recipients/cn=54abac0a4fdc4ad1bec39bb51d85eab1-victor hugo,/o=exchangelabs/ou=exchange administrative group (fydibohf23spdlt)/cn=recipients/cn=651324bc204a42f6bbcdf62273ebdc5c-aluisio ant,/o=exchangelabs/ou=exchange administrative group (fydibohf23spdlt)/cn=recipients/cn=b79663656cc44aa3bf06617d1695ae51-carlos faci,/o=exchangelabs/ou=exchange administrative group (fydibohf23spdlt)/cn=recipients/cn=f7a4290a46314a3cbb0d392508a7b5c5-luciana sil,/o=exchangelabs/ou=exchange administrative group (fydibohf23spdlt)/cn=recipients/cn=user78f7a52d,diegorg@algartech.com</t>
  </si>
  <si>
    <t>10/25/2019 18:16:02</t>
  </si>
  <si>
    <t>10/25/2019 18:17:41</t>
  </si>
  <si>
    <t>Evas envolvidas.xls</t>
  </si>
  <si>
    <t>10/25/2019 18:16:54</t>
  </si>
  <si>
    <t>http://shareit.global.avon.com/sites/arrmcm/forca-de-vendas/_layouts/upload.aspx?list={d7183758-c20b-457b-9a14-b83f7824798f}&amp;rootfolder=/sites/arrmcm/forca-de-vendas/executivas/regras e ganhos do programa&amp;source=http://shareit.global.avon.com/sites/arrmcm/forca-de-vendas/executivas/forms/allitems.aspx?folderctid=0x012000239372184a066741ae9c59580c49d41d&amp;rootfolder=http%3a%2f%2fshareit%2eglobal%2eavon%2ecom%2fsites%2farrmcm%2fforca%2dde%2dvendas%2fexecutivas%2fregras%20e%20ganhos%20do%20programa&amp;sortfield=modified&amp;sortdir=desc&amp;view=%7bab5e306d%2d7e49%2d4dc6%2d9e6b%2ddb2cdc033b64%7d</t>
  </si>
  <si>
    <t>Evas envolvidas pagamento de CP 18-2019.xls</t>
  </si>
  <si>
    <t>10/25/2019 18:59:52</t>
  </si>
  <si>
    <t>10/25/2019 19:04:41</t>
  </si>
  <si>
    <t>/o=exchangelabs/ou=exchange administrative group (fydibohf23spdlt)/cn=recipients/cn=34a28d636a1b4c86b1ec79baed4b846a-marco anton;/o=exchangelabs/ou=exchange administrative group (fydibohf23spdlt)/cn=recipients/cn=6cf3921132374286acc7dc7717e7cdc2-renato alan;/o=exchangelabs/ou=exchange administrative group (fydibohf23spdlt)/cn=recipients/cn=f5bb53a4a85c4ce39a65b0374869bdc7-diego vieir;lcsantos@algartech.com;ldambrosopx@br.ibm.com;</t>
  </si>
  <si>
    <t>RES: Fw: BRF: Racional Faturamento OC's Algar - Setembro/19</t>
  </si>
  <si>
    <t>Racional_Faturamento_OC_Descontos_Algar_Setembro.xlsx</t>
  </si>
  <si>
    <t>/o=exchangelabs/ou=exchange administrative group (fydibohf23spdlt)/cn=recipients/cn=34a28d636a1b4c86b1ec79baed4b846a-marco anton,/o=exchangelabs/ou=exchange administrative group (fydibohf23spdlt)/cn=recipients/cn=6cf3921132374286acc7dc7717e7cdc2-renato alan,/o=exchangelabs/ou=exchange administrative group (fydibohf23spdlt)/cn=recipients/cn=f5bb53a4a85c4ce39a65b0374869bdc7-diego vieir,lcsantos@algartech.com,ldambrosopx@br.ibm.com</t>
  </si>
  <si>
    <t>10/25/2019 19:12:01</t>
  </si>
  <si>
    <t>10/25/2019 19:14:41</t>
  </si>
  <si>
    <t>/o=exchangelabs/ou=exchange administrative group (fydibohf23spdlt)/cn=recipients/cn=525b3060f0654996a4c2979efbfaed04-douglas sil;/o=exchangelabs/ou=exchange administrative group (fydibohf23spdlt)/cn=recipients/cn=545f738e0fe740ba856f4eb6ef0135e0-vinicius si;/o=exchangelabs/ou=exchange administrative group (fydibohf23spdlt)/cn=recipients/cn=58ffc1e01a9d4eec8e3d842278cac233-helio reis;/o=exchangelabs/ou=exchange administrative group (fydibohf23spdlt)/cn=recipients/cn=746f10dd924a4e7dbfe2f813f74b1f2c-gilmar pres;</t>
  </si>
  <si>
    <t>RES: S&amp;OP - Setembro 2019</t>
  </si>
  <si>
    <t>/o=exchangelabs/ou=exchange administrative group (fydibohf23spdlt)/cn=recipients/cn=525b3060f0654996a4c2979efbfaed04-douglas sil,/o=exchangelabs/ou=exchange administrative group (fydibohf23spdlt)/cn=recipients/cn=545f738e0fe740ba856f4eb6ef0135e0-vinicius si,/o=exchangelabs/ou=exchange administrative group (fydibohf23spdlt)/cn=recipients/cn=58ffc1e01a9d4eec8e3d842278cac233-helio reis,/o=exchangelabs/ou=exchange administrative group (fydibohf23spdlt)/cn=recipients/cn=746f10dd924a4e7dbfe2f813f74b1f2c-gilmar pres</t>
  </si>
  <si>
    <t>10/25/2019 19:13:09</t>
  </si>
  <si>
    <t>S&amp;OP - Outubro 2019</t>
  </si>
  <si>
    <t>10/26/2019 18:49:20</t>
  </si>
  <si>
    <t>10/26/2019 18:54:58</t>
  </si>
  <si>
    <t>emerson_maia@yahoo.com.br;</t>
  </si>
  <si>
    <t>ENC: COMUNICADO: CAPITALIZAÇÕES DE PESSOAS NOS PROJETOS (DEFINIÇÃO DO FLUXO e CRONOGRAMA)</t>
  </si>
  <si>
    <t>emerson_maia@yahoo.com.br</t>
  </si>
  <si>
    <t>10/26/2019 19:07:41</t>
  </si>
  <si>
    <t>10/26/2019 19:09:58</t>
  </si>
  <si>
    <t>\\acsfs\DEPTOS\PMO Governança\06 - GOVERNANÇA DO CAPEX\CAPEX 2017\</t>
  </si>
  <si>
    <t>Calendário de Governança 2017.xlsx</t>
  </si>
  <si>
    <t>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,displa,displaynam,displayname,domain,editable,emailaddr,emailaddress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imetype,modifiedbymedate,modifieddate,ontainsunsubscribedchildren,organizationdisplayname,owners(kind,parents(id),passivelysubscribed,permissionid,picture,primarydomainname,primarysyncparentid,quotabyte,quotabytesused,recency,recencyreason,restricted,rpermissions,share,shareable,shared,sharedwithmedate,sharinguser(kin</t>
  </si>
  <si>
    <t>10/27/2019 01:05:45</t>
  </si>
  <si>
    <t>10/27/2019 01:08:01</t>
  </si>
  <si>
    <t>/o=exchangelabs/ou=exchange administrative group (fydibohf23spdlt)/cn=recipients/cn=fa4fe69c1dfb4d71beaaa5d64a4e88f8-carlos rodr;</t>
  </si>
  <si>
    <t>RES: Link de dados para monitoramento das câmeras de SP</t>
  </si>
  <si>
    <t>/o=exchangelabs/ou=exchange administrative group (fydibohf23spdlt)/cn=recipients/cn=fa4fe69c1dfb4d71beaaa5d64a4e88f8-carlos rodr</t>
  </si>
  <si>
    <t>10/25/2019 18:00:38</t>
  </si>
  <si>
    <t>10/28/2019 06:44:17</t>
  </si>
  <si>
    <t>\\acsfs\DEPTOS\Controladoria\3. CSC\CONTROLES CSC\7-Orçamento 2020\Revisão Volumes 2020\OTC - Contas a Receber\</t>
  </si>
  <si>
    <t>2020- OTC - Células.xlsx</t>
  </si>
  <si>
    <t>10/25/2019 09:27:08</t>
  </si>
  <si>
    <t>10/28/2019 07:43:18</t>
  </si>
  <si>
    <t>Cópia de OKR's Canais Digitais.xlsx</t>
  </si>
  <si>
    <t>10/25/2019 09:28:36</t>
  </si>
  <si>
    <t>ENC: ERRATA: Mapeamento para RPA</t>
  </si>
  <si>
    <t>Registros CRM Atualizado.docx\</t>
  </si>
  <si>
    <t>10/25/2019 09:28:46</t>
  </si>
  <si>
    <t>ENC: Mapeamento RPA</t>
  </si>
  <si>
    <t>Map RPAs.docx\</t>
  </si>
  <si>
    <t>10/25/2019 10:13:59</t>
  </si>
  <si>
    <t>10/27/2019 10:35:16</t>
  </si>
  <si>
    <t>10/28/2019 07:45:17</t>
  </si>
  <si>
    <t>192.168.1.123</t>
  </si>
  <si>
    <t>Orçamento pendentes faturamento</t>
  </si>
  <si>
    <t>Orçamentos em Análise - Orçamentos - Informações consolidadas.xlsx</t>
  </si>
  <si>
    <t>10/28/2019 07:41:47</t>
  </si>
  <si>
    <t>\\acsfs\DEPTOS\Engenharia\2 - Service Desk\2.19 - Help Desk Corporate\2.19.9 - Outros\SUPERVISORES\Lucas Rabboni\001 - Equipes\1.Implementação\Apresentações\Volumes de implementação Outubro\</t>
  </si>
  <si>
    <t>Empresas em Implementação.xls</t>
  </si>
  <si>
    <t>10/25/2019 17:59:16</t>
  </si>
  <si>
    <t>10/28/2019 08:02:18</t>
  </si>
  <si>
    <t>10/25/2019 18:00:20</t>
  </si>
  <si>
    <t>Projetos</t>
  </si>
  <si>
    <t>10/28/2019 08:07:58</t>
  </si>
  <si>
    <t>10/28/2019 08:10:17</t>
  </si>
  <si>
    <t>ENC: [TJR] Provisão de Faturamento - Referência 10/2019 - Joelson Rosa</t>
  </si>
  <si>
    <t>20191025 - Medição de provisionamento de receita - Joelson Rosa.xlsx</t>
  </si>
  <si>
    <t>10/28/2019 08:08:38</t>
  </si>
  <si>
    <t>10/28/2019 08:12:18</t>
  </si>
  <si>
    <t>Report_CM.xlsx</t>
  </si>
  <si>
    <t>10/28/2019 08:08:51</t>
  </si>
  <si>
    <t>mail.google.com/_/upload?authuser=0&amp;dcp=asu-n&amp;upload_id=AEnB2UoWVedGcJrmEJBL0s9y1ePf8XbZrolpmaUcY838Xm0ftAd5jOQoiE4gUrECCC2GhqRzakvk61CkhhbSv4PkHaYVB4-Qag&amp;upload_protocol=resumable</t>
  </si>
  <si>
    <t>10/25/2019 17:34:22</t>
  </si>
  <si>
    <t>Mitsubishi.xls</t>
  </si>
  <si>
    <t>10/25/2019 17:34:35</t>
  </si>
  <si>
    <t>https://algarnet-my.sharepoint.com/personal/yuriifd_algartech_com/_layouts/15/upload.aspx?isajax=1&amp;list={75bc35a4-6a42-459f-a68b-05df76acab59}&amp;rootfolder=/personal/yuriifd_algartech_com/documents/prática atendimento - squad dc</t>
  </si>
  <si>
    <t>GestÃ£o de Demandas.xlsx</t>
  </si>
  <si>
    <t>10/26/2019 18:30:28</t>
  </si>
  <si>
    <t>containsunsubscribedchildren,displ,displa,displayname,domain,emailaddr,emailaddress,explicitlytrashed,file(kind,fileid,filesize,hasthumbnail,hasvisitorpermissions,id,id),items(deleted,ken,kind,lastmodifyinguser(kind,lastviewedbymedate,mimetype,modifiedbymedate,modifieddate,ontainsunsubscribedchildren,owners(kind,permissionid,picture,quotabytesused,rpermissions,shar,share,shared,sharedwithmedate,thumb,thumbnailversion,title,userpermission(role)</t>
  </si>
  <si>
    <t>10/25/2019 14:34:46</t>
  </si>
  <si>
    <t>10/28/2019 08:15:18</t>
  </si>
  <si>
    <t>Demandas_Old.xlsx</t>
  </si>
  <si>
    <t>10/28/2019 08:12:01</t>
  </si>
  <si>
    <t>10/28/2019 08:14:18</t>
  </si>
  <si>
    <t>10.12.243.96</t>
  </si>
  <si>
    <t>10/28/2019 08:13:10</t>
  </si>
  <si>
    <t>10/28/2019 08:13:24</t>
  </si>
  <si>
    <t>10/28/2019 08:13:36</t>
  </si>
  <si>
    <t>10/28/2019 08:11:09</t>
  </si>
  <si>
    <t>https://caey.fa.us2.oraclecloud.com/crmui/faces/fusewelcome?_adf.ctrl-state=q4q4ui32h_131</t>
  </si>
  <si>
    <t>C:\Users\sherleyce\Desktop\RES RES Iguatemi PR187319 2019 - BID 10305977- Atendimento de Service Desk - Aprovação mergem.msg\s1\</t>
  </si>
  <si>
    <t>187319_Plan Precificacao C017 B017 (Cenário ajustado - PMO) v1.6.xlsb</t>
  </si>
  <si>
    <t>C:\Users\sherleyce\Desktop\RES RES Iguatemi PR187319 2019 - BID 10305977- Atendimento de Service Desk - Aprovação mergem.msg\s1\187319_Plan Precificacao C017 B017 (Cenário ajustado - PMO) v1.6.xlsb\</t>
  </si>
  <si>
    <t>10/28/2019 08:15:01</t>
  </si>
  <si>
    <t>10/28/2019 08:17:18</t>
  </si>
  <si>
    <t>10/28/2019 08:12:03</t>
  </si>
  <si>
    <t>cinthia.guimaraes@algartech.com;csavino@algartech.com;</t>
  </si>
  <si>
    <t>cinthia.guimaraes@algartech.com,csavino@algartech.com</t>
  </si>
  <si>
    <t>10/28/2019 08:16:19</t>
  </si>
  <si>
    <t>10/28/2019 08:20:18</t>
  </si>
  <si>
    <t>10/28/2019 08:15:34</t>
  </si>
  <si>
    <t>10/28/2019 08:18:18</t>
  </si>
  <si>
    <t>mail.google.com/_/upload?authuser=1&amp;dcp=asu-n&amp;upload_id=AEnB2UrH3wHvUnvpanEY7jTzAl9h0hUviOKxv2iAINd0eXINs8SDW0VIFNTCF2AisqwNGsppYUW-hg1fqViYwjK2Rp_KXC0c8EIxrdGedZcqYZbZawhmubc&amp;upload_protocol=resumable</t>
  </si>
  <si>
    <t>10/25/2019 17:09:06</t>
  </si>
  <si>
    <t>10/28/2019 08:22:18</t>
  </si>
  <si>
    <t>10/28/2019 08:17:53</t>
  </si>
  <si>
    <t>10/28/2019 08:23:18</t>
  </si>
  <si>
    <t>10/24/2019 16:40:05</t>
  </si>
  <si>
    <t>10/28/2019 08:29:18</t>
  </si>
  <si>
    <t>/o=exchangelabs/ou=exchange administrative group (fydibohf23spdlt)/cn=recipients/cn=user226a0b68;emersonsouza@cvccorp.com.br;magaly.lemos@temposervicos.com.br;suporte.vmc@bradescocartoes.com.br;</t>
  </si>
  <si>
    <t>RES: Fechamento Cartão Corp Compras</t>
  </si>
  <si>
    <t>CVC BRASIL OPERADORA E AGENCIA DE VIAGEN.xls</t>
  </si>
  <si>
    <t>/o=exchangelabs/ou=exchange administrative group (fydibohf23spdlt)/cn=recipients/cn=user226a0b68,emersonsouza@cvccorp.com.br,magaly.lemos@temposervicos.com.br,suporte.vmc@bradescocartoes.com.br</t>
  </si>
  <si>
    <t>10/25/2019 14:21:29</t>
  </si>
  <si>
    <t>RES: ABERTURA DE RELACIONAMENTO_ARCOS DOURADOS COMERCIO DE ALIMENTOS LTDA CRM:004210001462</t>
  </si>
  <si>
    <t>PLANILHA DE PARAMETRIZAÇÃO Hotel e MCC B2B.xlsm</t>
  </si>
  <si>
    <t>10/25/2019 14:23:45</t>
  </si>
  <si>
    <t>/o=exchangelabs/ou=exchange administrative group (fydibohf23spdlt)/cn=recipients/cn=30f74284082a40308b3cb42ff978db0b-lucas faund;/o=exchangelabs/ou=exchange administrative group (fydibohf23spdlt)/cn=recipients/cn=517c2573d8404a9fb024aa1beeba3f8d-margareth c;paulorsk@algartech.com;</t>
  </si>
  <si>
    <t>ENC: ABERTURA DE RELACIONAMENTO_ARCOS DOURADOS COMERCIO DE ALIMENTOS LTDA CRM:004210001462</t>
  </si>
  <si>
    <t>/o=exchangelabs/ou=exchange administrative group (fydibohf23spdlt)/cn=recipients/cn=30f74284082a40308b3cb42ff978db0b-lucas faund,/o=exchangelabs/ou=exchange administrative group (fydibohf23spdlt)/cn=recipients/cn=517c2573d8404a9fb024aa1beeba3f8d-margareth c,paulorsk@algartech.com</t>
  </si>
  <si>
    <t>10/25/2019 14:30:48</t>
  </si>
  <si>
    <t>cchaves@mapfre.com.br;crce@algartech.com.br;crcevmc@algartech.com.br;eanjos@bbmapfre.com.br;natalia.toma@bradesco.com.br;rosessilva@mapfre.com.br;scorreira@mapfre.com.br;tnemeth@mapfre.com.br;</t>
  </si>
  <si>
    <t>RES: CARTÃO DE CREDITO CORPORATIVO - AMEX - BANCO BRADESCO CRM:000280002196</t>
  </si>
  <si>
    <t>CNPJS EMPRESAS.xlsx</t>
  </si>
  <si>
    <t>cchaves@mapfre.com.br,crce@algartech.com.br,crcevmc@algartech.com.br,eanjos@bbmapfre.com.br,natalia.toma@bradesco.com.br,rosessilva@mapfre.com.br,scorreira@mapfre.com.br,tnemeth@mapfre.com.br</t>
  </si>
  <si>
    <t>10/25/2019 14:31:12</t>
  </si>
  <si>
    <t>ENC: CARTÃO DE CREDITO CORPORATIVO - AMEX - BANCO BRADESCO CRM:000280002196</t>
  </si>
  <si>
    <t>10/25/2019 14:39:04</t>
  </si>
  <si>
    <t>crcevmc@algartech.com.br;vivianess@algartech.com.br;</t>
  </si>
  <si>
    <t>RES: Atualização de MCC - Arcos Dourados</t>
  </si>
  <si>
    <t>crcevmc@algartech.com.br,vivianess@algartech.com.br</t>
  </si>
  <si>
    <t>10/25/2019 14:49:16</t>
  </si>
  <si>
    <t>diegorm@algartech.com.br;emissaogerenciadapj@algartech.com.br;gabrielals@algartech.com.br;hamiltoniof@algartech.com.br;pablonf@algartech.com.br;suporte.vmc@bradescocartoes.com.br;</t>
  </si>
  <si>
    <t>RES: ABERTURA DE RELASCIONAMENTO BTB, CAIXA BENEFICENTE DOS EMPREGADOS DA COMPANHIA SIDERURGICA NACIONAL - CBS. CRM:007080000556</t>
  </si>
  <si>
    <t>diegorm@algartech.com.br,emissaogerenciadapj@algartech.com.br,gabrielals@algartech.com.br,hamiltoniof@algartech.com.br,pablonf@algartech.com.br,suporte.vmc@bradescocartoes.com.br</t>
  </si>
  <si>
    <t>10/25/2019 15:13:44</t>
  </si>
  <si>
    <t>RES: *** CADASTRO DE CHA **** SEGURPRO - PROPOSTA SAPC 324857</t>
  </si>
  <si>
    <t>SEGURPRO SIST DE SEGURANCA LTDA.xlsx</t>
  </si>
  <si>
    <t>10/28/2019 08:23:57</t>
  </si>
  <si>
    <t>C:\Users\rodrigombu\OneDrive - Grupo Algar\Whirlpool\2019\08 - Agosto\Arquivo\NPS\</t>
  </si>
  <si>
    <t>Acompanhamento NPS - Ago-2019 - Fechamento.xlsm</t>
  </si>
  <si>
    <t>10/28/2019 08:26:05</t>
  </si>
  <si>
    <t>10/25/2019 11:59:09</t>
  </si>
  <si>
    <t>10/28/2019 08:31:17</t>
  </si>
  <si>
    <t>rennier@energgeradores.com.br;</t>
  </si>
  <si>
    <t>Parte 1</t>
  </si>
  <si>
    <t>rennier@energgeradores.com.br</t>
  </si>
  <si>
    <t>10/24/2019 08:47:37</t>
  </si>
  <si>
    <t>/o=exchangelabs/ou=exchange administrative group (fydibohf23spdlt)/cn=recipients/cn=5eb8447f1992416c986b6f95f45fc7f7-jose paixao;/o=exchangelabs/ou=exchange administrative group (fydibohf23spdlt)/cn=recipients/cn=65f2464c9a2e4d2981cae7124572133d-cristiane c;/o=exchangelabs/ou=exchange administrative group (fydibohf23spdlt)/cn=recipients/cn=8c01e71056fe4e1a8ecc4e24420bd9ef-fellyp cros;</t>
  </si>
  <si>
    <t>RES: Estoque Manaus</t>
  </si>
  <si>
    <t>102019 - TRANSFERENCIA ESTOQUE MANAUS.xlsx</t>
  </si>
  <si>
    <t>/o=exchangelabs/ou=exchange administrative group (fydibohf23spdlt)/cn=recipients/cn=5eb8447f1992416c986b6f95f45fc7f7-jose paixao,/o=exchangelabs/ou=exchange administrative group (fydibohf23spdlt)/cn=recipients/cn=65f2464c9a2e4d2981cae7124572133d-cristiane c,/o=exchangelabs/ou=exchange administrative group (fydibohf23spdlt)/cn=recipients/cn=8c01e71056fe4e1a8ecc4e24420bd9ef-fellyp cros</t>
  </si>
  <si>
    <t>10/25/2019 10:57:12</t>
  </si>
  <si>
    <t>/o=exchangelabs/ou=exchange administrative group (fydibohf23spdlt)/cn=recipients/cn=54cf668de64942668ba57ef9adce46bc-rafael quin;/o=exchangelabs/ou=exchange administrative group (fydibohf23spdlt)/cn=recipients/cn=55f846c335d7437f892f0b0d49c89e92-celma ribei;/o=exchangelabs/ou=exchange administrative group (fydibohf23spdlt)/cn=recipients/cn=8c253c95243a40aa99c9416b7eb70a2a-julio cesar;/o=exchangelabs/ou=exchange administrative group (fydibohf23spdlt)/cn=recipients/cn=cee041e3afc5419faa2273808d5b57ff-priscila de;</t>
  </si>
  <si>
    <t>/o=exchangelabs/ou=exchange administrative group (fydibohf23spdlt)/cn=recipients/cn=54cf668de64942668ba57ef9adce46bc-rafael quin,/o=exchangelabs/ou=exchange administrative group (fydibohf23spdlt)/cn=recipients/cn=55f846c335d7437f892f0b0d49c89e92-celma ribei,/o=exchangelabs/ou=exchange administrative group (fydibohf23spdlt)/cn=recipients/cn=8c253c95243a40aa99c9416b7eb70a2a-julio cesar,/o=exchangelabs/ou=exchange administrative group (fydibohf23spdlt)/cn=recipients/cn=cee041e3afc5419faa2273808d5b57ff-priscila de</t>
  </si>
  <si>
    <t>10/25/2019 12:48:53</t>
  </si>
  <si>
    <t>/o=exchangelabs/ou=exchange administrative group (fydibohf23spdlt)/cn=recipients/cn=02b715e2a3c744dbab0f4054efc9d2d2-raquel corr;/o=exchangelabs/ou=exchange administrative group (fydibohf23spdlt)/cn=recipients/cn=8c253c95243a40aa99c9416b7eb70a2a-julio cesar;/o=exchangelabs/ou=exchange administrative group (fydibohf23spdlt)/cn=recipients/cn=a111820ea97a440c83191c55259f676f-marcelo rod;/o=exchangelabs/ou=exchange administrative group (fydibohf23spdlt)/cn=recipients/cn=bc07fcc207044a07b8cf90d1abbdc707-luiz claudi;/o=exchangelabs/ou=exchange administrative group (fydibohf23spdlt)/cn=recipients/cn=cd93dacc38404a95a829585c2e317a9f-dionizio ri;/o=exchangelabs/ou=exchange administrative group (fydibohf23spdlt)/cn=recipients/cn=user12c3790d;</t>
  </si>
  <si>
    <t>RES: Postergação contratual Algar ref. Manutenção Fibra Ótica (Fiber e Backbone) - Pedido até Junho/2020</t>
  </si>
  <si>
    <t>Cenário BBN e FIBER Até Jun-2020.xlsx</t>
  </si>
  <si>
    <t>/o=exchangelabs/ou=exchange administrative group (fydibohf23spdlt)/cn=recipients/cn=02b715e2a3c744dbab0f4054efc9d2d2-raquel corr,/o=exchangelabs/ou=exchange administrative group (fydibohf23spdlt)/cn=recipients/cn=8c253c95243a40aa99c9416b7eb70a2a-julio cesar,/o=exchangelabs/ou=exchange administrative group (fydibohf23spdlt)/cn=recipients/cn=a111820ea97a440c83191c55259f676f-marcelo rod,/o=exchangelabs/ou=exchange administrative group (fydibohf23spdlt)/cn=recipients/cn=bc07fcc207044a07b8cf90d1abbdc707-luiz claudi,/o=exchangelabs/ou=exchange administrative group (fydibohf23spdlt)/cn=recipients/cn=cd93dacc38404a95a829585c2e317a9f-dionizio ri,/o=exchangelabs/ou=exchange administrative group (fydibohf23spdlt)/cn=recipients/cn=user12c3790d</t>
  </si>
  <si>
    <t>10/28/2019 08:27:59</t>
  </si>
  <si>
    <t>10/28/2019 08:32:18</t>
  </si>
  <si>
    <t>C:\Users\mariannacsm\OneDrive - Grupo Algar\0- PMO-POOL\POOL\02 - Volumes CCC 2020\Saving\</t>
  </si>
  <si>
    <t>10/28/2019 08:30:19</t>
  </si>
  <si>
    <t>Saving 2020 OPEX c Engeset 2410.xlsx</t>
  </si>
  <si>
    <t>10/25/2019 20:07:36</t>
  </si>
  <si>
    <t>10/28/2019 08:42:17</t>
  </si>
  <si>
    <t>/o=exchangelabs/ou=exchange administrative group (fydibohf23spdlt)/cn=recipients/cn=2efe26bca22a43cc89c6ed48ba5e50b4-luciano cor;/o=exchangelabs/ou=exchange administrative group (fydibohf23spdlt)/cn=recipients/cn=8c89829ad534498fa4c85b5ac11174f1-suelen more;</t>
  </si>
  <si>
    <t>199274_IBM_v6_Bodyshop_MULTI_(C017_B017) - rev7.xlsb</t>
  </si>
  <si>
    <t>/o=exchangelabs/ou=exchange administrative group (fydibohf23spdlt)/cn=recipients/cn=2efe26bca22a43cc89c6ed48ba5e50b4-luciano cor,/o=exchangelabs/ou=exchange administrative group (fydibohf23spdlt)/cn=recipients/cn=8c89829ad534498fa4c85b5ac11174f1-suelen more</t>
  </si>
  <si>
    <t>10/25/2019 17:58:26</t>
  </si>
  <si>
    <t>10/28/2019 08:41:18</t>
  </si>
  <si>
    <t>ENC: Novas Metas GAT</t>
  </si>
  <si>
    <t>10/28/2019 08:39:14</t>
  </si>
  <si>
    <t>10/28/2019 08:40:18</t>
  </si>
  <si>
    <t>10/28/2019 08:38:19</t>
  </si>
  <si>
    <t>mihapasilva@gmail.com;</t>
  </si>
  <si>
    <t>Pontos do dia 28/10</t>
  </si>
  <si>
    <t>Ocorrências 28-10 ponto.xlsx</t>
  </si>
  <si>
    <t>mihapasilva@gmail.com</t>
  </si>
  <si>
    <t>10/26/2019 10:51:25</t>
  </si>
  <si>
    <t>C:\Users\suelenmm\OneDrive - Grupo Algar\Suélen\Investimentos\</t>
  </si>
  <si>
    <t>10/25/2019 17:23:27</t>
  </si>
  <si>
    <t>10/28/2019 08:45:17</t>
  </si>
  <si>
    <t>10.200.58.94</t>
  </si>
  <si>
    <t>D8-9C-67-4D-7C-3D</t>
  </si>
  <si>
    <t>10/27/2019 16:08:58</t>
  </si>
  <si>
    <t>10/27/2019 18:04:35</t>
  </si>
  <si>
    <t>jullian.faria@algartech.com;polati@algartech.com;ricardobm@algartech.com;</t>
  </si>
  <si>
    <t>C:\Users\eduardost\OneDrive - Grupo Algar\2019\BRADESCO\DRC Digital - Linha do Tempo.pptx\</t>
  </si>
  <si>
    <t>jullian.faria@algartech.com,polati@algartech.com,ricardobm@algartech.com</t>
  </si>
  <si>
    <t>10/28/2019 08:45:29</t>
  </si>
  <si>
    <t>10/28/2019 08:49:17</t>
  </si>
  <si>
    <t>10/25/2019 15:28:51</t>
  </si>
  <si>
    <t>10/28/2019 08:50:17</t>
  </si>
  <si>
    <t>/o=exchangelabs/ou=exchange administrative group (fydibohf23spdlt)/cn=recipients/cn=52684aee05874b27a5c249763c2fe008-andre mota;/o=exchangelabs/ou=exchange administrative group (fydibohf23spdlt)/cn=recipients/cn=830ba83a6b9b441ab3f8d8b3a47d0ffe-angelica ma;/o=exchangelabs/ou=exchange administrative group (fydibohf23spdlt)/cn=recipients/cn=f87f494a8d1d405d8a7b42a51dd5ab84-iris eugeni;</t>
  </si>
  <si>
    <t>RES: OCs 44523 e 44524</t>
  </si>
  <si>
    <t>INCENTIVALE - CAIXA CAP 2019.xlsx</t>
  </si>
  <si>
    <t>/o=exchangelabs/ou=exchange administrative group (fydibohf23spdlt)/cn=recipients/cn=52684aee05874b27a5c249763c2fe008-andre mota,/o=exchangelabs/ou=exchange administrative group (fydibohf23spdlt)/cn=recipients/cn=830ba83a6b9b441ab3f8d8b3a47d0ffe-angelica ma,/o=exchangelabs/ou=exchange administrative group (fydibohf23spdlt)/cn=recipients/cn=f87f494a8d1d405d8a7b42a51dd5ab84-iris eugeni</t>
  </si>
  <si>
    <t>10/25/2019 17:33:47</t>
  </si>
  <si>
    <t>/o=exchangelabs/ou=exchange administrative group (fydibohf23spdlt)/cn=recipients/cn=4adb6e0b3de84bf2bfdb543494159749-leandro lim;/o=exchangelabs/ou=exchange administrative group (fydibohf23spdlt)/cn=recipients/cn=5dc660c055e14f5ab5647ab38237cbdc-eduardo aug;/o=exchangelabs/ou=exchange administrative group (fydibohf23spdlt)/cn=recipients/cn=8e4869266a924042a8d9b8e9156c0081-gilson da s;/o=exchangelabs/ou=exchange administrative group (fydibohf23spdlt)/cn=recipients/cn=a72a765de829420582b78941417073ac-karina rodr;/o=exchangelabs/ou=exchange administrative group (fydibohf23spdlt)/cn=recipients/cn=c29ec9dae022497281c840087cccddec-patricia ar;</t>
  </si>
  <si>
    <t>RES: Preços - EH.xlsx</t>
  </si>
  <si>
    <t>ESTRUTURAS EBIT.xlsx</t>
  </si>
  <si>
    <t>/o=exchangelabs/ou=exchange administrative group (fydibohf23spdlt)/cn=recipients/cn=4adb6e0b3de84bf2bfdb543494159749-leandro lim,/o=exchangelabs/ou=exchange administrative group (fydibohf23spdlt)/cn=recipients/cn=5dc660c055e14f5ab5647ab38237cbdc-eduardo aug,/o=exchangelabs/ou=exchange administrative group (fydibohf23spdlt)/cn=recipients/cn=8e4869266a924042a8d9b8e9156c0081-gilson da s,/o=exchangelabs/ou=exchange administrative group (fydibohf23spdlt)/cn=recipients/cn=a72a765de829420582b78941417073ac-karina rodr,/o=exchangelabs/ou=exchange administrative group (fydibohf23spdlt)/cn=recipients/cn=c29ec9dae022497281c840087cccddec-patricia ar</t>
  </si>
  <si>
    <t>10/28/2019 08:59:38</t>
  </si>
  <si>
    <t>10/28/2019 09:01:17</t>
  </si>
  <si>
    <t>/o=exchangelabs/ou=exchange administrative group (fydibohf23spdlt)/cn=recipients/cn=02b715e2a3c744dbab0f4054efc9d2d2-raquel corr;/o=exchangelabs/ou=exchange administrative group (fydibohf23spdlt)/cn=recipients/cn=88c76f56ba274d40bc5ef03a7197e5b9-marcos pere;lcifali@timbrasil.com.br;nimachado@timbrasil.com.br;vcoelho_act@timbrasil.com.br;</t>
  </si>
  <si>
    <t>ENC: Orçamento pendentes faturamento</t>
  </si>
  <si>
    <t>/o=exchangelabs/ou=exchange administrative group (fydibohf23spdlt)/cn=recipients/cn=02b715e2a3c744dbab0f4054efc9d2d2-raquel corr,/o=exchangelabs/ou=exchange administrative group (fydibohf23spdlt)/cn=recipients/cn=88c76f56ba274d40bc5ef03a7197e5b9-marcos pere,lcifali@timbrasil.com.br,nimachado@timbrasil.com.br,vcoelho_act@timbrasil.com.br</t>
  </si>
  <si>
    <t>10/28/2019 08:57:16</t>
  </si>
  <si>
    <t>10/28/2019 09:02:17</t>
  </si>
  <si>
    <t>10.200.32.31</t>
  </si>
  <si>
    <t>/o=exchangelabs/ou=exchange administrative group (fydibohf23spdlt)/cn=recipients/cn=52684aee05874b27a5c249763c2fe008-andre mota;/o=exchangelabs/ou=exchange administrative group (fydibohf23spdlt)/cn=recipients/cn=6fbc44b6d6b549208175d5a27201bd13-cintia nune;/o=exchangelabs/ou=exchange administrative group (fydibohf23spdlt)/cn=recipients/cn=79705c5b9e1e457793f9930bc49e887a-claudia mac;/o=exchangelabs/ou=exchange administrative group (fydibohf23spdlt)/cn=recipients/cn=8c253c95243a40aa99c9416b7eb70a2a-julio cesar;/o=exchangelabs/ou=exchange administrative group (fydibohf23spdlt)/cn=recipients/cn=9c71bc5f5a3648bbbb5f6bedb86e15a6-marcelo buz;/o=exchangelabs/ou=exchange administrative group (fydibohf23spdlt)/cn=recipients/cn=f87f494a8d1d405d8a7b42a51dd5ab84-iris eugeni;</t>
  </si>
  <si>
    <t>ENC: Cenário e entrega de reposições Novas Ações urgente</t>
  </si>
  <si>
    <t>6 - HEAD COUNT.xlsx</t>
  </si>
  <si>
    <t>/o=exchangelabs/ou=exchange administrative group (fydibohf23spdlt)/cn=recipients/cn=52684aee05874b27a5c249763c2fe008-andre mota,/o=exchangelabs/ou=exchange administrative group (fydibohf23spdlt)/cn=recipients/cn=6fbc44b6d6b549208175d5a27201bd13-cintia nune,/o=exchangelabs/ou=exchange administrative group (fydibohf23spdlt)/cn=recipients/cn=79705c5b9e1e457793f9930bc49e887a-claudia mac,/o=exchangelabs/ou=exchange administrative group (fydibohf23spdlt)/cn=recipients/cn=8c253c95243a40aa99c9416b7eb70a2a-julio cesar,/o=exchangelabs/ou=exchange administrative group (fydibohf23spdlt)/cn=recipients/cn=9c71bc5f5a3648bbbb5f6bedb86e15a6-marcelo buz,/o=exchangelabs/ou=exchange administrative group (fydibohf23spdlt)/cn=recipients/cn=f87f494a8d1d405d8a7b42a51dd5ab84-iris eugeni</t>
  </si>
  <si>
    <t>10/28/2019 09:01:24</t>
  </si>
  <si>
    <t>C:\Users\mariannacsm\OneDrive - Grupo Algar\0- PMO-POOL\PMO\Cost Driver.pptx\</t>
  </si>
  <si>
    <t>10/28/2019 09:01:08</t>
  </si>
  <si>
    <t>10/28/2019 09:04:17</t>
  </si>
  <si>
    <t>0ANALYSIS_PATTERN - 2019-10-28T085345.900.csv</t>
  </si>
  <si>
    <t>10/28/2019 09:01:49</t>
  </si>
  <si>
    <t>10/25/2019 20:40:21</t>
  </si>
  <si>
    <t>/o=exchangelabs/ou=exchange administrative group (fydibohf23spdlt)/cn=recipients/cn=287c26b08a0f48578479a15a452f025d-edilson rod;/o=exchangelabs/ou=exchange administrative group (fydibohf23spdlt)/cn=recipients/cn=2af9cbc0e9af4d91b36813b0ff5f73e1-reynaldo pe;/o=exchangelabs/ou=exchange administrative group (fydibohf23spdlt)/cn=recipients/cn=372a4aee70df4061aed129651510b96b-raul montei;/o=exchangelabs/ou=exchange administrative group (fydibohf23spdlt)/cn=recipients/cn=49457acaa5584c6d8daec8f0ad186be2-carlos maur;/o=exchangelabs/ou=exchange administrative group (fydibohf23spdlt)/cn=recipients/cn=55f846c335d7437f892f0b0d49c89e92-celma ribei;/o=exchangelabs/ou=exchange administrative group (fydibohf23spdlt)/cn=recipients/cn=56c2af2d07fd48c0aebfc00ddc006494-alessio rod;/o=exchangelabs/ou=exchange administrative group (fydibohf23spdlt)/cn=recipients/cn=804f4398b96748e7962c1608bfe4071a-hewerson go;/o=exchangelabs/ou=exchange administrative group (fydibohf23spdlt)/cn=recipients/cn=8c253c95243a40aa99c9416b7eb70a2a-juli</t>
  </si>
  <si>
    <t>Status Report Semanal - Projeto Precificação - 20191025.pptx\</t>
  </si>
  <si>
    <t>/o=exchangelabs/ou=exchange administrative group (fydibohf23spdlt)/cn=recipients/cn=287c26b08a0f48578479a15a452f025d-edilson rod,/o=exchangelabs/ou=exchange administrative group (fydibohf23spdlt)/cn=recipients/cn=2af9cbc0e9af4d91b36813b0ff5f73e1-reynaldo pe,/o=exchangelabs/ou=exchange administrative group (fydibohf23spdlt)/cn=recipients/cn=372a4aee70df4061aed129651510b96b-raul montei,/o=exchangelabs/ou=exchange administrative group (fydibohf23spdlt)/cn=recipients/cn=49457acaa5584c6d8daec8f0ad186be2-carlos maur,/o=exchangelabs/ou=exchange administrative group (fydibohf23spdlt)/cn=recipients/cn=55f846c335d7437f892f0b0d49c89e92-celma ribei,/o=exchangelabs/ou=exchange administrative group (fydibohf23spdlt)/cn=recipients/cn=56c2af2d07fd48c0aebfc00ddc006494-alessio rod,/o=exchangelabs/ou=exchange administrative group (fydibohf23spdlt)/cn=recipients/cn=804f4398b96748e7962c1608bfe4071a-hewerson go,/o=exchangelabs/ou=exchange administrative group (fydibohf23spdlt)/cn=recipients/cn=8c253c95243a40aa99c9416b7eb70a2a-juli</t>
  </si>
  <si>
    <t>10/25/2019 19:47:21</t>
  </si>
  <si>
    <t>10/28/2019 09:07:18</t>
  </si>
  <si>
    <t>/o=exchangelabs/ou=exchange administrative group (fydibohf23spdlt)/cn=recipients/cn=0bafe1ed27024338be4e911e19871cd1-william rob;/o=exchangelabs/ou=exchange administrative group (fydibohf23spdlt)/cn=recipients/cn=161c8ab454bb4f4ebde8223bf694a34b-pedro felip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34a28d636a1b4c86b1ec79baed4b846a-marco anton;/o=exchangelabs/ou=exchange administrative group (fydibohf23spdlt)/cn=recipients/cn=5cdc4a7b917a447c993600ca829a0a39-elisangela;/o=exchangelabs/ou=exchange administrative group (fydibohf23spdlt)/cn=recipients/cn=83e5e0f05dcb4510a09e93c7d27271dd-hugo braga;/o=exchangelabs/ou=exchange administrative group (fydibohf23spdlt)/cn=recipients/cn=97bf0b4d6b424f9fbf91192510276150-renata</t>
  </si>
  <si>
    <t>Prévia - Quitação Banco de Horas 01 a 24/10 - FOLHA NOV</t>
  </si>
  <si>
    <t>Consolidado de Custos_01a2410.xlsm</t>
  </si>
  <si>
    <t>/o=exchangelabs/ou=exchange administrative group (fydibohf23spdlt)/cn=recipients/cn=0bafe1ed27024338be4e911e19871cd1-william rob,/o=exchangelabs/ou=exchange administrative group (fydibohf23spdlt)/cn=recipients/cn=161c8ab454bb4f4ebde8223bf694a34b-pedro felip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34a28d636a1b4c86b1ec79baed4b846a-marco anton,/o=exchangelabs/ou=exchange administrative group (fydibohf23spdlt)/cn=recipients/cn=5cdc4a7b917a447c993600ca829a0a39-elisangela,/o=exchangelabs/ou=exchange administrative group (fydibohf23spdlt)/cn=recipients/cn=83e5e0f05dcb4510a09e93c7d27271dd-hugo braga,/o=exchangelabs/ou=exchange administrative group (fydibohf23spdlt)/cn=recipients/cn=97bf0b4d6b424f9fbf91192510276150-renata</t>
  </si>
  <si>
    <t>10/28/2019 09:10:34</t>
  </si>
  <si>
    <t>10/28/2019 09:13:17</t>
  </si>
  <si>
    <t>ACessos 1</t>
  </si>
  <si>
    <t>ENC ACESSO SINERGY RH .msg\s1\</t>
  </si>
  <si>
    <t>SINERGY DASHBOARD.xlsx</t>
  </si>
  <si>
    <t>10/28/2019 09:11:12</t>
  </si>
  <si>
    <t>Reset de senha Portal da Gente.msg\s1\</t>
  </si>
  <si>
    <t>Reset de senha Portal da Gente.xlsx</t>
  </si>
  <si>
    <t>10/28/2019 09:13:58</t>
  </si>
  <si>
    <t>10/28/2019 09:15:17</t>
  </si>
  <si>
    <t>/o=exchangelabs/ou=exchange administrative group (fydibohf23spdlt)/cn=recipients/cn=0b6a994899de4cd3af0f6d1091e97ebf-arones abre;/o=exchangelabs/ou=exchange administrative group (fydibohf23spdlt)/cn=recipients/cn=372a4aee70df4061aed129651510b96b-raul montei;/o=exchangelabs/ou=exchange administrative group (fydibohf23spdlt)/cn=recipients/cn=80a7fcb64979407494064f31427e5974-helder ribe;/o=exchangelabs/ou=exchange administrative group (fydibohf23spdlt)/cn=recipients/cn=8c89829ad534498fa4c85b5ac11174f1-suelen more;/o=exchangelabs/ou=exchange administrative group (fydibohf23spdlt)/cn=recipients/cn=e5dfe65308934e02acfffcb2185133f4-daniel bier;</t>
  </si>
  <si>
    <t>RES: Lead Site</t>
  </si>
  <si>
    <t>RES Lead Site.msg\s1\</t>
  </si>
  <si>
    <t>Volume Tickets.xlsx</t>
  </si>
  <si>
    <t>/o=exchangelabs/ou=exchange administrative group (fydibohf23spdlt)/cn=recipients/cn=0b6a994899de4cd3af0f6d1091e97ebf-arones abre,/o=exchangelabs/ou=exchange administrative group (fydibohf23spdlt)/cn=recipients/cn=372a4aee70df4061aed129651510b96b-raul montei,/o=exchangelabs/ou=exchange administrative group (fydibohf23spdlt)/cn=recipients/cn=80a7fcb64979407494064f31427e5974-helder ribe,/o=exchangelabs/ou=exchange administrative group (fydibohf23spdlt)/cn=recipients/cn=8c89829ad534498fa4c85b5ac11174f1-suelen more,/o=exchangelabs/ou=exchange administrative group (fydibohf23spdlt)/cn=recipients/cn=e5dfe65308934e02acfffcb2185133f4-daniel bier</t>
  </si>
  <si>
    <t>10/28/2019 09:14:36</t>
  </si>
  <si>
    <t>\\acsfs\dsti\CIT- Coordenação de Inteligência de Tecnologia\05 - Gerenciamento Orçamento e Contabilização\5. Contabilidade 2019\10. Outubro\Despesa Antecipada\Dell_OC 44040\</t>
  </si>
  <si>
    <t>10/28/2019 09:14:26</t>
  </si>
  <si>
    <t>10/28/2019 09:15:56</t>
  </si>
  <si>
    <t>10/28/2019 09:17:17</t>
  </si>
  <si>
    <t>Projetos, CCC e External</t>
  </si>
  <si>
    <t>Projetos, CCC e External.pptx\</t>
  </si>
  <si>
    <t>10/28/2019 09:21:41</t>
  </si>
  <si>
    <t>10/28/2019 09:23:17</t>
  </si>
  <si>
    <t>mail.google.com/_/upload?authuser=1&amp;dcp=asu-n&amp;upload_id=AEnB2UquWSSKN5fv4tOuje_zPgoya2-nWv9vb2PuOWTimNCn9-8H_9Im7pFu3UQEyXIweCdf-PA4oZAVpP-bkYxhCGhctQzmaA&amp;upload_protocol=resumable</t>
  </si>
  <si>
    <t>10/28/2019 09:21:42</t>
  </si>
  <si>
    <t>10/28/2019 09:24:17</t>
  </si>
  <si>
    <t>199274_IBM_v6_Bodyshop_C11_BRF_Equipe_rev8.xlsb</t>
  </si>
  <si>
    <t>10/28/2019 09:23:55</t>
  </si>
  <si>
    <t>10/28/2019 09:28:17</t>
  </si>
  <si>
    <t>C:\Users\alessandroam\OneDrive\OneDrive - Grupo Algar\01 - Historico\02 - Seg Informação\03 - RFP's\NEXT\Escopo PAs Next.docx\</t>
  </si>
  <si>
    <t>10/28/2019 09:22:44</t>
  </si>
  <si>
    <t>10/28/2019 09:27:18</t>
  </si>
  <si>
    <t>/o=exchangelabs/ou=exchange administrative group (fydibohf23spdlt)/cn=recipients/cn=65d35bc38c6743d7a55b3ae9726a5893-diego ribei;/o=exchangelabs/ou=exchange administrative group (fydibohf23spdlt)/cn=recipients/cn=7a5ceaeaef9041b49ad4d0d90f19ee70-marianna co;</t>
  </si>
  <si>
    <t>CAPEX 2020 - Ajustes finais com Saving e projetos CSC</t>
  </si>
  <si>
    <t>Base CAPEX 2020 Ajustes Finais - v03.xlsx</t>
  </si>
  <si>
    <t>/o=exchangelabs/ou=exchange administrative group (fydibohf23spdlt)/cn=recipients/cn=65d35bc38c6743d7a55b3ae9726a5893-diego ribei,/o=exchangelabs/ou=exchange administrative group (fydibohf23spdlt)/cn=recipients/cn=7a5ceaeaef9041b49ad4d0d90f19ee70-marianna co</t>
  </si>
  <si>
    <t>10/28/2019 09:27:54</t>
  </si>
  <si>
    <t>10/28/2019 09:30:18</t>
  </si>
  <si>
    <t>RES: 2ª Leva Receita GAT</t>
  </si>
  <si>
    <t>10/28/2019 09:30:37</t>
  </si>
  <si>
    <t>10/28/2019 09:35:17</t>
  </si>
  <si>
    <t>/o=exchangelabs/ou=exchange administrative group (fydibohf23spdlt)/cn=recipients/cn=f4b2ca11f1274dff9b442727f3d982af-lais de sou;lucas.dossantos@cscalgar.com.br;</t>
  </si>
  <si>
    <t>Saldo CRs Novembro</t>
  </si>
  <si>
    <t>Budget Sub Centro de Custo 1.0.0 - Novembro.xls</t>
  </si>
  <si>
    <t>/o=exchangelabs/ou=exchange administrative group (fydibohf23spdlt)/cn=recipients/cn=f4b2ca11f1274dff9b442727f3d982af-lais de sou,lucas.dossantos@cscalgar.com.br</t>
  </si>
  <si>
    <t>10/28/2019 09:34:19</t>
  </si>
  <si>
    <t>PROVISÃO TECH outubro.xlsx</t>
  </si>
  <si>
    <t>10/28/2019 09:33:38</t>
  </si>
  <si>
    <t>10/28/2019 09:36:18</t>
  </si>
  <si>
    <t>/o=exchangelabs/ou=exchange administrative group (fydibohf23spdlt)/cn=recipients/cn=9ec7344ac9ca4c3d93340a066ae57ae1-paula mayum;jordana.borin@bradesco.com.br;lucasfra@algartech.com;</t>
  </si>
  <si>
    <t>RES: IMPLEMENTAÇÃO - PROAÇO</t>
  </si>
  <si>
    <t>Formulário de Implementação - Proaço.xlsx</t>
  </si>
  <si>
    <t>/o=exchangelabs/ou=exchange administrative group (fydibohf23spdlt)/cn=recipients/cn=9ec7344ac9ca4c3d93340a066ae57ae1-paula mayum,jordana.borin@bradesco.com.br,lucasfra@algartech.com</t>
  </si>
  <si>
    <t>10/28/2019 09:36:51</t>
  </si>
  <si>
    <t>10/28/2019 09:38:18</t>
  </si>
  <si>
    <t>mail.google.com/_/upload?authuser=1&amp;dcp=asu-n&amp;upload_id=AEnB2UpbhVsB2UtzR6tP8JgphaKMsJp5xZsG5senI2N3EzTG-T1BCOcP1Y6XYFi_Wn3uvxpphwO6hj28BGpKazL0n_VJ43S-VQ&amp;upload_protocol=resumable</t>
  </si>
  <si>
    <t>\\acsfs\DEPTOS\Controladoria\Planejamento\GFC\03. Provisões de Receita\2019\05.Gestão SG Telecom\09.Setembro 19\Akassia.zip\Akassia\1§ LEVA\</t>
  </si>
  <si>
    <t>AKASSIA 1§ LEVA - 09-2019.xlsm</t>
  </si>
  <si>
    <t>Padrao Solicitacao Receitamento SG Telecom - TCO TLE 1§ Leva.xlsm</t>
  </si>
  <si>
    <t>\\acsfs\DEPTOS\Controladoria\Planejamento\GFC\03. Provisões de Receita\2019\05.Gestão SG Telecom\09.Setembro 19\Akassia.zip\Akassia\2§ LEVA\</t>
  </si>
  <si>
    <t>AKASSIA 2§ LEVA - 09-2019.xlsm</t>
  </si>
  <si>
    <t>Padrao Solicitacao Receitamento SG Telecom - TCO TLE 2¦ leva.xlsm</t>
  </si>
  <si>
    <t>\\acsfs\DEPTOS\Controladoria\Planejamento\GFC\03. Provisões de Receita\2019\05.Gestão SG Telecom\09.Setembro 19\Akassia.zip\Akassia\3§ LEVA\</t>
  </si>
  <si>
    <t>AKASSIA 3§ LEVA - 09-2019.xlsm</t>
  </si>
  <si>
    <t>\\acsfs\DEPTOS\Controladoria\Planejamento\GFC\03. Provisões de Receita\2019\05.Gestão SG Telecom\09.Setembro 19\Akassia.zip\Akassia\4§ LEVA\</t>
  </si>
  <si>
    <t>AKASSIA 4§ LEVA - 09-2019.xlsm</t>
  </si>
  <si>
    <t>10/28/2019 09:37:51</t>
  </si>
  <si>
    <t>10/28/2019 09:39:17</t>
  </si>
  <si>
    <t>10.200.35.97</t>
  </si>
  <si>
    <t>ENC: MC PPE</t>
  </si>
  <si>
    <t>10/28/2019 09:37:15</t>
  </si>
  <si>
    <t>10/28/2019 09:41:18</t>
  </si>
  <si>
    <t>ENC: ERRATA: Consistência de NS ● ALGAR SETEMBRO/2019 ● ALGAR</t>
  </si>
  <si>
    <t>09-CONSISTENCIA_NS_CONSOLIDADO_SET_19 - PGP.xlsx</t>
  </si>
  <si>
    <t>10/28/2019 09:40:18</t>
  </si>
  <si>
    <t>10/28/2019 09:38:09</t>
  </si>
  <si>
    <t>10/28/2019 09:38:25</t>
  </si>
  <si>
    <t>10/28/2019 09:38:44</t>
  </si>
  <si>
    <t>10/28/2019 09:38:46</t>
  </si>
  <si>
    <t>10/28/2019 09:43:18</t>
  </si>
  <si>
    <t>mail.google.com/_/upload?authuser=1&amp;dcp=asu-n&amp;upload_id=AEnB2UrZMLyLiFZkvSnO2QTQqYEtl2mc5v7U5gsOJ0CHTOhhNTnjSZV_BTjHCow3FvSkcYlTzgVUggTZTsZobkkY54GCLmnrnfuFTkz6-V0HrM8YmkZcstg&amp;upload_protocol=resumable</t>
  </si>
  <si>
    <t>10/28/2019 09:40:47</t>
  </si>
  <si>
    <t>mail.google.com/_/upload?authuser=1&amp;dcp=asu-n&amp;upload_id=AEnB2UrhN1KLIzTPtALYf_U6Jc6KFr7Z6B_bGmesSDqjd4aeDmZkuwBhmNxtrrh2gEEBwhzT315Oo31jbOtCDgiIQaPmdvk38Q&amp;upload_protocol=resumable</t>
  </si>
  <si>
    <t>10/28/2019 09:40:48</t>
  </si>
  <si>
    <t>10/28/2019 09:42:11</t>
  </si>
  <si>
    <t>mail.google.com/_/upload?authuser=1&amp;dcp=asu-n&amp;upload_id=AEnB2Uq30tlYkcUIuYlsDydQvKqvne6dJoIxaEPtpDkCrIZzIdI1dxCyxWyxI652b-2Lo_hKfRtDosqFzeVkGsgs9HTbRHRz-jlDMdk6UnBug4BSAiyM1RI&amp;upload_protocol=resumable</t>
  </si>
  <si>
    <t>\\acsfs\DEPTOS\Controladoria\Planejamento\GFC\03. Provisões de Receita\2019\05.Gestão SG Telecom\09.Setembro 19\Akassia\4º LEVA\</t>
  </si>
  <si>
    <t>AKASSIA 4º LEVA - 09-2019.xlsm</t>
  </si>
  <si>
    <t>10/28/2019 09:42:20</t>
  </si>
  <si>
    <t>mail.google.com/_/upload?authuser=1&amp;dcp=asu-n&amp;upload_id=AEnB2UrjLAilE3VImMQqwniUAuh2xWinO0RVfdkokEnD5OEmE2y0gtSG2zN1dlnp_1qR3N4AEKW203Vrd2rNl5v2muLmkFbkjw&amp;upload_protocol=resumable</t>
  </si>
  <si>
    <t>10/28/2019 09:42:27</t>
  </si>
  <si>
    <t>10/28/2019 09:47:18</t>
  </si>
  <si>
    <t>ENC: [TH] Prévia - Quitação Banco de Horas 01 a 24/10 - FOLHA NOV</t>
  </si>
  <si>
    <t>10/28/2019 09:44:28</t>
  </si>
  <si>
    <t>RES: Levantamento Vale</t>
  </si>
  <si>
    <t>6de6a9d209824623b3bfb5cb63398e37.xls</t>
  </si>
  <si>
    <t>10/25/2019 15:51:37</t>
  </si>
  <si>
    <t>10.200.57.211</t>
  </si>
  <si>
    <t>ENC: Orçamento EPO 19 x 20</t>
  </si>
  <si>
    <t>10/28/2019 09:42:39</t>
  </si>
  <si>
    <t>10/28/2019 09:48:18</t>
  </si>
  <si>
    <t>10/28/2019 09:43:13</t>
  </si>
  <si>
    <t>mail.google.com/_/upload?authuser=1&amp;dcp=asu-n&amp;upload_id=AEnB2UqxUE8QF2KxP0hpiLSm5CNi0KaBrjp7wm5UZYbrRC1q5j3kP6R3JR-8fB6mx1k1OcdN8iDH1y5uOcARV3VZXQ2433aGKQ&amp;upload_protocol=resumable</t>
  </si>
  <si>
    <t>\\acsfs\DEPTOS\Controladoria\Planejamento\GFC\03. Provisões de Receita\2019\05.Gestão SG Telecom\09.Setembro 19\Akassia\4º LEVA\4º LEVA.zip\</t>
  </si>
  <si>
    <t>10/28/2019 09:43:30</t>
  </si>
  <si>
    <t>10/28/2019 09:44:02</t>
  </si>
  <si>
    <t>10/28/2019 09:40:51</t>
  </si>
  <si>
    <t>/o=exchangelabs/ou=exchange administrative group (fydibohf23spdlt)/cn=recipients/cn=65f2464c9a2e4d2981cae7124572133d-cristiane c;/o=exchangelabs/ou=exchange administrative group (fydibohf23spdlt)/cn=recipients/cn=6bc6ced03b1b4fafa41bb5c70c178940-antonio per;/o=exchangelabs/ou=exchange administrative group (fydibohf23spdlt)/cn=recipients/cn=8ab5e44d485043d59eb4f21463e63e6a-tays dos sa;/o=exchangelabs/ou=exchange administrative group (fydibohf23spdlt)/cn=recipients/cn=df6ea6cc78a840278b1e7acccac67692-thiago rodr;</t>
  </si>
  <si>
    <t>RES: Cr's bloqueados 2020</t>
  </si>
  <si>
    <t>Ativos Cr Antonio.xlsx</t>
  </si>
  <si>
    <t>/o=exchangelabs/ou=exchange administrative group (fydibohf23spdlt)/cn=recipients/cn=65f2464c9a2e4d2981cae7124572133d-cristiane c,/o=exchangelabs/ou=exchange administrative group (fydibohf23spdlt)/cn=recipients/cn=6bc6ced03b1b4fafa41bb5c70c178940-antonio per,/o=exchangelabs/ou=exchange administrative group (fydibohf23spdlt)/cn=recipients/cn=8ab5e44d485043d59eb4f21463e63e6a-tays dos sa,/o=exchangelabs/ou=exchange administrative group (fydibohf23spdlt)/cn=recipients/cn=df6ea6cc78a840278b1e7acccac67692-thiago rodr</t>
  </si>
  <si>
    <t>10/28/2019 09:49:16</t>
  </si>
  <si>
    <t>10/28/2019 09:50:17</t>
  </si>
  <si>
    <t>/o=exchangelabs/ou=exchange administrative group (fydibohf23spdlt)/cn=recipients/cn=168e05cabbf14ae289464a0c09955b31-sara ferrei;/o=exchangelabs/ou=exchange administrative group (fydibohf23spdlt)/cn=recipients/cn=249f643ba1e044588b45a020c76dadde-daniel de o;camilat@algartech.com;</t>
  </si>
  <si>
    <t>RES: Desvios - Set/19 - 340500033</t>
  </si>
  <si>
    <t>Cópia de PROVISÃO TECH SETEMBRO.xlsx</t>
  </si>
  <si>
    <t>/o=exchangelabs/ou=exchange administrative group (fydibohf23spdlt)/cn=recipients/cn=168e05cabbf14ae289464a0c09955b31-sara ferrei,/o=exchangelabs/ou=exchange administrative group (fydibohf23spdlt)/cn=recipients/cn=249f643ba1e044588b45a020c76dadde-daniel de o,camilat@algartech.com</t>
  </si>
  <si>
    <t>10/28/2019 09:47:00</t>
  </si>
  <si>
    <t>C:\Users\aguinaldoasj\Desktop\lofac\</t>
  </si>
  <si>
    <t>lofac.xlsx</t>
  </si>
  <si>
    <t>containsunsubscribedchildren,displ,display,displaynam,displayname,domain,emailaddr,emailaddress,emailaddress�,explicitlytrashed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d,sharedwithmedate,thumb,thumbnailversion,title,userperm,userpermission(role)</t>
  </si>
  <si>
    <t>10/28/2019 09:54:30</t>
  </si>
  <si>
    <t>10/28/2019 09:58:18</t>
  </si>
  <si>
    <t>/o=exchangelabs/ou=exchange administrative group (fydibohf23spdlt)/cn=recipients/cn=2144abc9537143519f505fcb8550b74c-juliana emi;/o=exchangelabs/ou=exchange administrative group (fydibohf23spdlt)/cn=recipients/cn=a8f05db2744643a38d71c36d72eacc9b-karla steph;</t>
  </si>
  <si>
    <t>/o=exchangelabs/ou=exchange administrative group (fydibohf23spdlt)/cn=recipients/cn=2144abc9537143519f505fcb8550b74c-juliana emi,/o=exchangelabs/ou=exchange administrative group (fydibohf23spdlt)/cn=recipients/cn=a8f05db2744643a38d71c36d72eacc9b-karla steph</t>
  </si>
  <si>
    <t>10/28/2019 09:48:05</t>
  </si>
  <si>
    <t>10/28/2019 09:51:18</t>
  </si>
  <si>
    <t>BAIXA DE MATERIAIS</t>
  </si>
  <si>
    <t>10/28/2019 09:56:14</t>
  </si>
  <si>
    <t>10/28/2019 10:00:18</t>
  </si>
  <si>
    <t>C:\Users\danubiacsm\Desktop\Demandas Whirlpool\ID ÚNICO REPORT\</t>
  </si>
  <si>
    <t>10/28/2019 09:34:11</t>
  </si>
  <si>
    <t>10/28/2019 10:03:18</t>
  </si>
  <si>
    <t>10.200.32.16</t>
  </si>
  <si>
    <t>/o=exchangelabs/ou=exchange administrative group (fydibohf23spdlt)/cn=recipients/cn=4fbcbdfa900b4cb195ac160568115bc2-ericson nog;/o=exchangelabs/ou=exchange administrative group (fydibohf23spdlt)/cn=recipients/cn=b67cad4ecfa344baaa94d716e7554f49-bruno camel;</t>
  </si>
  <si>
    <t>Relação Monitores - Revisão Pães e Café</t>
  </si>
  <si>
    <t>Monitores.xlsx</t>
  </si>
  <si>
    <t>/o=exchangelabs/ou=exchange administrative group (fydibohf23spdlt)/cn=recipients/cn=4fbcbdfa900b4cb195ac160568115bc2-ericson nog,/o=exchangelabs/ou=exchange administrative group (fydibohf23spdlt)/cn=recipients/cn=b67cad4ecfa344baaa94d716e7554f49-bruno camel</t>
  </si>
  <si>
    <t>10/28/2019 10:04:05</t>
  </si>
  <si>
    <t>10/28/2019 10:08:17</t>
  </si>
  <si>
    <t>10/28/2019 10:03:56</t>
  </si>
  <si>
    <t>10/28/2019 10:06:17</t>
  </si>
  <si>
    <t>10.200.68.136</t>
  </si>
  <si>
    <t>/o=exchangelabs/ou=exchange administrative group (fydibohf23spdlt)/cn=recipients/cn=e3778f57d65f4c17a6287602f9eb0cdc-alessandra;pamelatc@algartech.com;</t>
  </si>
  <si>
    <t>Coordenadores GRC.xlsx</t>
  </si>
  <si>
    <t>/o=exchangelabs/ou=exchange administrative group (fydibohf23spdlt)/cn=recipients/cn=e3778f57d65f4c17a6287602f9eb0cdc-alessandra,pamelatc@algartech.com</t>
  </si>
  <si>
    <t>10/28/2019 10:04:08</t>
  </si>
  <si>
    <t>10/28/2019 10:09:17</t>
  </si>
  <si>
    <t>/o=exchangelabs/ou=exchange administrative group (fydibohf23spdlt)/cn=recipients/cn=0ca6cc8d100949a7866a928f62ef5778-rosilene de;/o=exchangelabs/ou=exchange administrative group (fydibohf23spdlt)/cn=recipients/cn=6189712535ea4b50a3625910837af2c9-larissa bra;/o=exchangelabs/ou=exchange administrative group (fydibohf23spdlt)/cn=recipients/cn=7903c13fa0504ff0bc7dd2644020b0e8-mirna prado;hugo_cesar_rodrigues_dos_santos_algar@whirlpool.com;</t>
  </si>
  <si>
    <t>/o=exchangelabs/ou=exchange administrative group (fydibohf23spdlt)/cn=recipients/cn=0ca6cc8d100949a7866a928f62ef5778-rosilene de,/o=exchangelabs/ou=exchange administrative group (fydibohf23spdlt)/cn=recipients/cn=6189712535ea4b50a3625910837af2c9-larissa bra,/o=exchangelabs/ou=exchange administrative group (fydibohf23spdlt)/cn=recipients/cn=7903c13fa0504ff0bc7dd2644020b0e8-mirna prado,hugo_cesar_rodrigues_dos_santos_algar@whirlpool.com</t>
  </si>
  <si>
    <t>10/28/2019 10:09:59</t>
  </si>
  <si>
    <t>10/28/2019 10:11:17</t>
  </si>
  <si>
    <t>Metas 2019 - v2-NB-SUELENMM.xlsx</t>
  </si>
  <si>
    <t>10/28/2019 10:07:46</t>
  </si>
  <si>
    <t>10.203.31.110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5694f7d2b5fa4976af2d1dc576e3b544-louany barb;laralorravm@hotmail.com;</t>
  </si>
  <si>
    <t>ENC: Calendário Monitorias Novembro/2019</t>
  </si>
  <si>
    <t>11 - Cópia de CALENDÁRIO NOVEMBRO - 2019.xlsx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5694f7d2b5fa4976af2d1dc576e3b544-louany barb,laralorravm@hotmail.com</t>
  </si>
  <si>
    <t>10/28/2019 10:11:46</t>
  </si>
  <si>
    <t>10/28/2019 10:14:18</t>
  </si>
  <si>
    <t>/o=exchangelabs/ou=exchange administrative group (fydibohf23spdlt)/cn=recipients/cn=55f846c335d7437f892f0b0d49c89e92-celma ribei;/o=exchangelabs/ou=exchange administrative group (fydibohf23spdlt)/cn=recipients/cn=5cdf7c02d3784fda99b7b159b2a127b2-rudney leme;/o=exchangelabs/ou=exchange administrative group (fydibohf23spdlt)/cn=recipients/cn=a4d4dbc88c434f8ba2bceed730d83878-marcellus r;/o=exchangelabs/ou=exchange administrative group (fydibohf23spdlt)/cn=recipients/cn=f49f514a8ff84d6e9ac50d13bd9846f4-luzmar de a;rogerio@algar.com.br;</t>
  </si>
  <si>
    <t>RES: Fluxo de Caixa Real Setembro/2019</t>
  </si>
  <si>
    <t>Bom_dia.xlsx</t>
  </si>
  <si>
    <t>/o=exchangelabs/ou=exchange administrative group (fydibohf23spdlt)/cn=recipients/cn=55f846c335d7437f892f0b0d49c89e92-celma ribei,/o=exchangelabs/ou=exchange administrative group (fydibohf23spdlt)/cn=recipients/cn=5cdf7c02d3784fda99b7b159b2a127b2-rudney leme,/o=exchangelabs/ou=exchange administrative group (fydibohf23spdlt)/cn=recipients/cn=a4d4dbc88c434f8ba2bceed730d83878-marcellus r,/o=exchangelabs/ou=exchange administrative group (fydibohf23spdlt)/cn=recipients/cn=f49f514a8ff84d6e9ac50d13bd9846f4-luzmar de a,rogerio@algar.com.br</t>
  </si>
  <si>
    <t>10/28/2019 10:09:54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32b8fe8190544464835988f8feefefa4-supervisore;/o=exchangelabs/ou=exchange administrative group (fydibohf23spdlt)/cn=recipients/cn=38bffaaccd0949f9804fcde336e4fb36-emilio sant;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32b8fe8190544464835988f8feefefa4-supervisore,/o=exchangelabs/ou=exchange administrative group (fydibohf23spdlt)/cn=recipients/cn=38bffaaccd0949f9804fcde336e4fb36-emilio sant</t>
  </si>
  <si>
    <t>10/28/2019 10:16:48</t>
  </si>
  <si>
    <t>10/28/2019 10:17:17</t>
  </si>
  <si>
    <t>Liberacao_Ativos_ExpansaoNext_01 - Copia.xlsx</t>
  </si>
  <si>
    <t>10/28/2019 10:17:44</t>
  </si>
  <si>
    <t>10/28/2019 10:20:17</t>
  </si>
  <si>
    <t>10.200.99.116</t>
  </si>
  <si>
    <t>ENC: Levamento 3003</t>
  </si>
  <si>
    <t>10/28/2019 10:15:34</t>
  </si>
  <si>
    <t>antoniojr@algartech.com;cristinahe@algartech.com;eduardost@algartech.com;fabio.ribeiro@algarnet.onmicrosoft.com;fredericobs@algartecnologia.com.br;jullian.faria@algartech.com;leandrolds@algartech.com;marcopaulolr@algartech.com;marcotvo@algartech.com;pamelatc@algartech.com;polati@algartech.com;</t>
  </si>
  <si>
    <t>Provisão Outubro validada.xlsm</t>
  </si>
  <si>
    <t>antoniojr@algartech.com,cristinahe@algartech.com,eduardost@algartech.com,fabio.ribeiro@algarnet.onmicrosoft.com,fredericobs@algartecnologia.com.br,jullian.faria@algartech.com,leandrolds@algartech.com,marcopaulolr@algartech.com,marcotvo@algartech.com,pamelatc@algartech.com,polati@algartech.com</t>
  </si>
  <si>
    <t>10/28/2019 10:21:37</t>
  </si>
  <si>
    <t>10/28/2019 10:24:16</t>
  </si>
  <si>
    <t>/o=exchangelabs/ou=exchange administrative group (fydibohf23spdlt)/cn=recipients/cn=6ff53932294845d0b04d14dd23bb8e8b-ana carla m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c54bebbd63a1403e83787e59fcd1acdc-joao sergio;/o=exchangelabs/ou=exchange administrative group (fydibohf23spdlt)/cn=recipients/cn=de309567271c4871b341e820d0b7364e-luiz carlos;</t>
  </si>
  <si>
    <t>Projetos Whirlpool - Status Report</t>
  </si>
  <si>
    <t>/o=exchangelabs/ou=exchange administrative group (fydibohf23spdlt)/cn=recipients/cn=6ff53932294845d0b04d14dd23bb8e8b-ana carla m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c54bebbd63a1403e83787e59fcd1acdc-joao sergio,/o=exchangelabs/ou=exchange administrative group (fydibohf23spdlt)/cn=recipients/cn=de309567271c4871b341e820d0b7364e-luiz carlos</t>
  </si>
  <si>
    <t>10/28/2019 10:23:44</t>
  </si>
  <si>
    <t>RES: Arquivo de contas VALE</t>
  </si>
  <si>
    <t>Cópia de NOVO MODELO DE IMPORTAÇAO GERENCIADAS AMEX E VMC.xls</t>
  </si>
  <si>
    <t>10/28/2019 10:27:24</t>
  </si>
  <si>
    <t>10/28/2019 10:28:17</t>
  </si>
  <si>
    <t>10/28/2019 10:31:06</t>
  </si>
  <si>
    <t>10/28/2019 10:33:16</t>
  </si>
  <si>
    <t>/o=exchangelabs/ou=exchange administrative group (fydibohf23spdlt)/cn=recipients/cn=545f738e0fe740ba856f4eb6ef0135e0-vinicius si;/o=exchangelabs/ou=exchange administrative group (fydibohf23spdlt)/cn=recipients/cn=8ab5e44d485043d59eb4f21463e63e6a-tays dos sa;/o=exchangelabs/ou=exchange administrative group (fydibohf23spdlt)/cn=recipients/cn=be0b59caa4dc43e39afaa089f44ef778-leonardo al;</t>
  </si>
  <si>
    <t>/o=exchangelabs/ou=exchange administrative group (fydibohf23spdlt)/cn=recipients/cn=545f738e0fe740ba856f4eb6ef0135e0-vinicius si,/o=exchangelabs/ou=exchange administrative group (fydibohf23spdlt)/cn=recipients/cn=8ab5e44d485043d59eb4f21463e63e6a-tays dos sa,/o=exchangelabs/ou=exchange administrative group (fydibohf23spdlt)/cn=recipients/cn=be0b59caa4dc43e39afaa089f44ef778-leonardo al</t>
  </si>
  <si>
    <t>10/28/2019 10:29:05</t>
  </si>
  <si>
    <t>10/28/2019 10:32:17</t>
  </si>
  <si>
    <t>ENC: Jeito Tech de Gestão - Treinamento para os Supervisores na próxima segunda feira - Importante Engajar os associados a participarem</t>
  </si>
  <si>
    <t>Turmas Laboratório - Uberlândia.xlsx</t>
  </si>
  <si>
    <t>10/28/2019 10:36:00</t>
  </si>
  <si>
    <t>10/28/2019 10:38:17</t>
  </si>
  <si>
    <t>RES: Dashboard Formalização PJ VISA/PJ AMEX - Outubro/2019</t>
  </si>
  <si>
    <t>FORMALIZAÇÃO VISA_AMEX_ OUTUBRO - 28-10-2019.xlsm</t>
  </si>
  <si>
    <t>10/28/2019 10:39:44</t>
  </si>
  <si>
    <t>10/28/2019 10:42:17</t>
  </si>
  <si>
    <t>/o=exchangelabs/ou=exchange administrative group (fydibohf23spdlt)/cn=recipients/cn=823ff3c9d5fe49399d544dd8d287e4b4-alexandre m;/o=exchangelabs/ou=exchange administrative group (fydibohf23spdlt)/cn=recipients/cn=b284454839e94314a90d49e7ec00864f-antonio car;/o=exchangelabs/ou=exchange administrative group (fydibohf23spdlt)/cn=recipients/cn=b67cad4ecfa344baaa94d716e7554f49-bruno camel;sabrinadtdmc@algartech.com;tatianedc@algartech.com;</t>
  </si>
  <si>
    <t>ENC: Processo 40137735I [Escopo B]</t>
  </si>
  <si>
    <t>/o=exchangelabs/ou=exchange administrative group (fydibohf23spdlt)/cn=recipients/cn=823ff3c9d5fe49399d544dd8d287e4b4-alexandre m,/o=exchangelabs/ou=exchange administrative group (fydibohf23spdlt)/cn=recipients/cn=b284454839e94314a90d49e7ec00864f-antonio car,/o=exchangelabs/ou=exchange administrative group (fydibohf23spdlt)/cn=recipients/cn=b67cad4ecfa344baaa94d716e7554f49-bruno camel,sabrinadtdmc@algartech.com,tatianedc@algartech.com</t>
  </si>
  <si>
    <t>10/28/2019 10:40:10</t>
  </si>
  <si>
    <t>10/28/2019 10:43:16</t>
  </si>
  <si>
    <t>https://caey.fa.us2.oraclecloud.com/crmui/faces/fusewelcome?_adf.ctrl-state=183v72d3yu_5</t>
  </si>
  <si>
    <t>204274 - Itau - Controle de Acessos - v5 - Plan Precificacao C017 B017.xlsb</t>
  </si>
  <si>
    <t>204274 - Itau - Controle de Acessos - v5 - Plan Precificacao C017 B017.xlsb\</t>
  </si>
  <si>
    <t>10/28/2019 10:38:51</t>
  </si>
  <si>
    <t>10/28/2019 10:44:48</t>
  </si>
  <si>
    <t>10/28/2019 10:45:16</t>
  </si>
  <si>
    <t>Analitico 17.18.19.20.21.2210.csv</t>
  </si>
  <si>
    <t>10/28/2019 10:42:19</t>
  </si>
  <si>
    <t>10/28/2019 10:47:16</t>
  </si>
  <si>
    <t>ENC: Resumo Gerencial Bacen Procedente Amex até 24/10</t>
  </si>
  <si>
    <t>10/28/2019 10:48:08</t>
  </si>
  <si>
    <t>10/28/2019 10:49:16</t>
  </si>
  <si>
    <t>C:\Users\ailtonbs\OneDrive - Grupo Algar\Base Pessoal\Arquivos\Material de Apoio\</t>
  </si>
  <si>
    <t>Modelo BTB.xls</t>
  </si>
  <si>
    <t>10/28/2019 10:48:16</t>
  </si>
  <si>
    <t>CURVA NORMAL - 25/10/2019</t>
  </si>
  <si>
    <t>10/28/2019 10:36:50</t>
  </si>
  <si>
    <t>10/28/2019 10:51:16</t>
  </si>
  <si>
    <t>10/28/2019 10:48:03</t>
  </si>
  <si>
    <t>10/28/2019 10:50:17</t>
  </si>
  <si>
    <t>Empresas abertas.xlsx</t>
  </si>
  <si>
    <t>10/28/2019 10:49:45</t>
  </si>
  <si>
    <t>/o=exchangelabs/ou=exchange administrative group (fydibohf23spdlt)/cn=recipients/cn=835c532cfb2546d29b9ec50eab1593d1-carla betan;/o=exchangelabs/ou=exchange administrative group (fydibohf23spdlt)/cn=recipients/cn=c6f5c50e91244036872327464dc6624a-cinthia mar;</t>
  </si>
  <si>
    <t>Projeto LDC</t>
  </si>
  <si>
    <t>189257 Command Center NOC+PS LDC Precificacao C017 B017_v9 com WIT.xlsb</t>
  </si>
  <si>
    <t>/o=exchangelabs/ou=exchange administrative group (fydibohf23spdlt)/cn=recipients/cn=835c532cfb2546d29b9ec50eab1593d1-carla betan,/o=exchangelabs/ou=exchange administrative group (fydibohf23spdlt)/cn=recipients/cn=c6f5c50e91244036872327464dc6624a-cinthia mar</t>
  </si>
  <si>
    <t>10/28/2019 10:48:18</t>
  </si>
  <si>
    <t>antoniojr@algartech.com;cristinahe@algartech.com;denisemso@algartech.com;eduardost@algartech.com;eunice.pimenta@algartech.com;fabio.ribeiro@algarnet.onmicrosoft.com;fredericobs@algartecnologia.com.br;jullian.faria@algartech.com;leandrolds@algartech.com;marcopaulolr@algartech.com;marcotvo@algartech.com;pamelatc@algartech.com;polati@algartech.com;rafaelaas@algartech.com;</t>
  </si>
  <si>
    <t>Diferença Prévia PF.xlsx</t>
  </si>
  <si>
    <t>antoniojr@algartech.com,cristinahe@algartech.com,denisemso@algartech.com,eduardost@algartech.com,eunice.pimenta@algartech.com,fabio.ribeiro@algarnet.onmicrosoft.com,fredericobs@algartecnologia.com.br,jullian.faria@algartech.com,leandrolds@algartech.com,marcopaulolr@algartech.com,marcotvo@algartech.com,pamelatc@algartech.com,polati@algartech.com,rafaelaas@algartech.com</t>
  </si>
  <si>
    <t>10/28/2019 10:49:17</t>
  </si>
  <si>
    <t>10/28/2019 10:53:16</t>
  </si>
  <si>
    <t>Retidos Compra Certa - Outubr1.xlsm</t>
  </si>
  <si>
    <t>10/28/2019 10:47:49</t>
  </si>
  <si>
    <t>10/28/2019 10:52:17</t>
  </si>
  <si>
    <t>/o=exchangelabs/ou=exchange administrative group (fydibohf23spdlt)/cn=recipients/cn=f2208b22da5b4bf3a5f4a7b9dfa2fd06-danilo marq;</t>
  </si>
  <si>
    <t>Expansão Next: Levantamento de pontos e Instalação de Aparelhos de Telefone</t>
  </si>
  <si>
    <t>Liberacao_Ativos_ExpansaoNext_02.xlsx</t>
  </si>
  <si>
    <t>/o=exchangelabs/ou=exchange administrative group (fydibohf23spdlt)/cn=recipients/cn=f2208b22da5b4bf3a5f4a7b9dfa2fd06-danilo marq</t>
  </si>
  <si>
    <t>10/28/2019 10:50:20</t>
  </si>
  <si>
    <t>10/28/2019 10:54:17</t>
  </si>
  <si>
    <t>/o=exchangelabs/ou=exchange administrative group (fydibohf23spdlt)/cn=recipients/cn=da8b0d0eb1af471c9c028aba05e743fd-guilherme a;gleiciane.carvalho@telefonica.com;henrique.gavioli@telefonica.com;</t>
  </si>
  <si>
    <t>/o=exchangelabs/ou=exchange administrative group (fydibohf23spdlt)/cn=recipients/cn=da8b0d0eb1af471c9c028aba05e743fd-guilherme a,gleiciane.carvalho@telefonica.com,henrique.gavioli@telefonica.com</t>
  </si>
  <si>
    <t>10/28/2019 10:57:24</t>
  </si>
  <si>
    <t>10/28/2019 11:03:17</t>
  </si>
  <si>
    <t>10.203.30.108</t>
  </si>
  <si>
    <t>mail.google.com/_/upload?authuser=0&amp;dcp=asu-n&amp;upload_id=AEnB2UrO_nWdk1uWTVSG7dcuMBXrwMexnFO9Hzq2bYF44Z5joqqSPg-ac4i8LhssrC-nVgDUuNpUG86Z2BNDmCxVIiSirKGbAg&amp;upload_protocol=resumable</t>
  </si>
  <si>
    <t>fernandorsju@algartech.com;luanaed@algartech.com;</t>
  </si>
  <si>
    <t>fernandorsju@algartech.com,luanaed@algartech.com</t>
  </si>
  <si>
    <t>Not available</t>
  </si>
  <si>
    <t>10/28/2019 10:59:39</t>
  </si>
  <si>
    <t>/o=exchangelabs/ou=exchange administrative group (fydibohf23spdlt)/cn=recipients/cn=372a4aee70df4061aed129651510b96b-raul montei;/o=exchangelabs/ou=exchange administrative group (fydibohf23spdlt)/cn=recipients/cn=5676353c001f41558e00d4c7fa4fd023-aprova.vend;</t>
  </si>
  <si>
    <t>ITAU - ADITIVO CONTRATUAL GESTÃO DE ACESSOS - RFP</t>
  </si>
  <si>
    <t>/o=exchangelabs/ou=exchange administrative group (fydibohf23spdlt)/cn=recipients/cn=372a4aee70df4061aed129651510b96b-raul montei,/o=exchangelabs/ou=exchange administrative group (fydibohf23spdlt)/cn=recipients/cn=5676353c001f41558e00d4c7fa4fd023-aprova.vend</t>
  </si>
  <si>
    <t>10/28/2019 11:02:01</t>
  </si>
  <si>
    <t>/o=exchangelabs/ou=exchange administrative group (fydibohf23spdlt)/cn=recipients/cn=372a4aee70df4061aed129651510b96b-raul montei;/o=exchangelabs/ou=exchange administrative group (fydibohf23spdlt)/cn=recipients/cn=78e8c35ad19040c9aaf5ff65743e172b-adenilson b;</t>
  </si>
  <si>
    <t>ENC: Comunicado ITAÚ_Call Center – Complementação RFI 2019</t>
  </si>
  <si>
    <t>RFI_V2.xlsx</t>
  </si>
  <si>
    <t>/o=exchangelabs/ou=exchange administrative group (fydibohf23spdlt)/cn=recipients/cn=372a4aee70df4061aed129651510b96b-raul montei,/o=exchangelabs/ou=exchange administrative group (fydibohf23spdlt)/cn=recipients/cn=78e8c35ad19040c9aaf5ff65743e172b-adenilson b</t>
  </si>
  <si>
    <t>10/28/2019 11:09:52</t>
  </si>
  <si>
    <t>10/28/2019 11:10:36</t>
  </si>
  <si>
    <t>2010.xlsx</t>
  </si>
  <si>
    <t>10/28/2019 11:10:09</t>
  </si>
  <si>
    <t>10/28/2019 11:12:17</t>
  </si>
  <si>
    <t>10/28/2019 11:07:25</t>
  </si>
  <si>
    <t>10/28/2019 11:10:22</t>
  </si>
  <si>
    <t>10/28/2019 11:14:17</t>
  </si>
  <si>
    <t>natalia.toma@bradesco.com.br;viviane.moraes@br.mcd.com;</t>
  </si>
  <si>
    <t>Fatura BTB - LOCAÇÃO</t>
  </si>
  <si>
    <t>FATURA BTB - LOCAÇÃO.xlsx</t>
  </si>
  <si>
    <t>natalia.toma@bradesco.com.br,viviane.moraes@br.mcd.com</t>
  </si>
  <si>
    <t>10/28/2019 11:09:54</t>
  </si>
  <si>
    <t>10/28/2019 11:15:17</t>
  </si>
  <si>
    <t>10/28/2019 11:14:24</t>
  </si>
  <si>
    <t>10/28/2019 11:17:17</t>
  </si>
  <si>
    <t>/o=exchangelabs/ou=exchange administrative group (fydibohf23spdlt)/cn=recipients/cn=39b10ea69c23443aab7ad02aa1a69607-jose afonso;/o=exchangelabs/ou=exchange administrative group (fydibohf23spdlt)/cn=recipients/cn=d1d015f213f648abbf348b5ccdf8e9d9-senilda per;</t>
  </si>
  <si>
    <t>Re 3003 - impactos.msg\s1\</t>
  </si>
  <si>
    <t>/o=exchangelabs/ou=exchange administrative group (fydibohf23spdlt)/cn=recipients/cn=39b10ea69c23443aab7ad02aa1a69607-jose afonso,/o=exchangelabs/ou=exchange administrative group (fydibohf23spdlt)/cn=recipients/cn=d1d015f213f648abbf348b5ccdf8e9d9-senilda per</t>
  </si>
  <si>
    <t>10/28/2019 11:16:00</t>
  </si>
  <si>
    <t>10/28/2019 11:20:18</t>
  </si>
  <si>
    <t>/o=exchangelabs/ou=exchange administrative group (fydibohf23spdlt)/cn=recipients/cn=0a87f2cad91d442c9f093f600a4c5266-vanessa rod;/o=exchangelabs/ou=exchange administrative group (fydibohf23spdlt)/cn=recipients/cn=39b10ea69c23443aab7ad02aa1a69607-jose afonso;</t>
  </si>
  <si>
    <t>ENC: Treinamento New Model</t>
  </si>
  <si>
    <t>Time Mod.xlsx</t>
  </si>
  <si>
    <t>/o=exchangelabs/ou=exchange administrative group (fydibohf23spdlt)/cn=recipients/cn=0a87f2cad91d442c9f093f600a4c5266-vanessa rod,/o=exchangelabs/ou=exchange administrative group (fydibohf23spdlt)/cn=recipients/cn=39b10ea69c23443aab7ad02aa1a69607-jose afonso</t>
  </si>
  <si>
    <t>10/28/2019 11:15:03</t>
  </si>
  <si>
    <t>2210.xlsx</t>
  </si>
  <si>
    <t>10/28/2019 11:18:49</t>
  </si>
  <si>
    <t>/o=exchangelabs/ou=exchange administrative group (fydibohf23spdlt)/cn=recipients/cn=43a054bacf514a8a9cdcb240b072cd47-cecilia mul;</t>
  </si>
  <si>
    <t>BP - Cientista de Dados / Curadoria</t>
  </si>
  <si>
    <t>199285 Plan Precificacao C017 B017_v1 20hs.xlsb</t>
  </si>
  <si>
    <t>/o=exchangelabs/ou=exchange administrative group (fydibohf23spdlt)/cn=recipients/cn=43a054bacf514a8a9cdcb240b072cd47-cecilia mul</t>
  </si>
  <si>
    <t>10/28/2019 11:20:37</t>
  </si>
  <si>
    <t>10/28/2019 11:23:17</t>
  </si>
  <si>
    <t>c:\users\pedrohma\downloads\</t>
  </si>
  <si>
    <t>algar_tech_-_formulario_solicitacoes_de_ferias_irregulares -pedro henrique.xls</t>
  </si>
  <si>
    <t>10/28/2019 11:18:44</t>
  </si>
  <si>
    <t>10/28/2019 11:24:18</t>
  </si>
  <si>
    <t>C:\Users\renatofol\OneDrive - Grupo Algar\ALGAR_-_Transformação Digital\Consultoria CX\Documentações\TIME CX\Clientes\Fornecedores_Atuais\</t>
  </si>
  <si>
    <t>20190814_Speech.xlsx</t>
  </si>
  <si>
    <t>10/28/2019 11:25:42</t>
  </si>
  <si>
    <t>10/28/2019 11:27:17</t>
  </si>
  <si>
    <t>suportemigracao@algartech.com.br;</t>
  </si>
  <si>
    <t>ENC: Status Report - Demandas Pendentes Migração - 11/10</t>
  </si>
  <si>
    <t>Contatos Out - Repescagem.xlsx</t>
  </si>
  <si>
    <t>suportemigracao@algartech.com.br</t>
  </si>
  <si>
    <t>10/28/2019 11:26:28</t>
  </si>
  <si>
    <t>10/28/2019 11:30:17</t>
  </si>
  <si>
    <t>gustavohdsa@algartech.com</t>
  </si>
  <si>
    <t>mail.google.com/_/upload?authuser=0&amp;dcp=asu-n&amp;upload_id=AEnB2UpUDsIKlEUZHsmCbBslU6zBJRoZ774IdHOQ5pXU_Y9HtjH1nxvY8f19f3KBkOOo8YWQYtS3YVWm8CnEkG2QgFlyJUmbbKamBXxZ8b1eXLWyB4QQuiA&amp;upload_protocol=resumable</t>
  </si>
  <si>
    <t>10/28/2019 11:36:16</t>
  </si>
  <si>
    <t>10/28/2019 11:37:18</t>
  </si>
  <si>
    <t>C:\</t>
  </si>
  <si>
    <t>FalhaCadastroFPW.xlsx</t>
  </si>
  <si>
    <t>10/28/2019 11:42:36</t>
  </si>
  <si>
    <t>10/28/2019 11:45:18</t>
  </si>
  <si>
    <t>f;henriqueac@algartech.com;leticiagri@algartech.com;lucianagd@algartech.com;</t>
  </si>
  <si>
    <t>f,henriqueac@algartech.com,leticiagri@algartech.com,lucianagd@algartech.com</t>
  </si>
  <si>
    <t>10/28/2019 11:42:43</t>
  </si>
  <si>
    <t>mail.google.com/_/upload?authuser=0&amp;dcp=asu-n&amp;upload_id=AEnB2UoJNzXAgXK7kntwc8avpou0S-2RR1vCfbGU4bpGMXPd-JPPdLrQlr2dBGIL3zlFNBaSy7DvQdvIsFmas0DVgWAOrRZPvQ&amp;upload_protocol=resumable</t>
  </si>
  <si>
    <t>10/28/2019 11:42:27</t>
  </si>
  <si>
    <t>10/28/2019 11:47:17</t>
  </si>
  <si>
    <t>Lote Único FAT B Outubro 2019.xlsx</t>
  </si>
  <si>
    <t>10/28/2019 11:47:57</t>
  </si>
  <si>
    <t>10/28/2019 11:51:17</t>
  </si>
  <si>
    <t>ENC: Meta Pré-Vendas 3º Tri</t>
  </si>
  <si>
    <t>10/28/2019 11:52:36</t>
  </si>
  <si>
    <t>10/28/2019 11:56:17</t>
  </si>
  <si>
    <t>10/28/2019 11:53:46</t>
  </si>
  <si>
    <t>10/28/2019 11:58:17</t>
  </si>
  <si>
    <t>c:\users\thiagocso\desktop\dia d bmw e elux\</t>
  </si>
  <si>
    <t>cópia de camisetas bmw.xlsx</t>
  </si>
  <si>
    <t>10/28/2019 11:58:07</t>
  </si>
  <si>
    <t>10/28/2019 12:00:17</t>
  </si>
  <si>
    <t>10/28/2019 11:57:49</t>
  </si>
  <si>
    <t>14480;</t>
  </si>
  <si>
    <t>C:\Users\lucianabo\Desktop\2019\10 - Outubro\DESPESA ANTECIPADA - DIGITALNET\</t>
  </si>
  <si>
    <t>Despesa Antecipada DIGITALNET BRASIL.xlsx</t>
  </si>
  <si>
    <t>https://14480</t>
  </si>
  <si>
    <t>10/28/2019 11:59:13</t>
  </si>
  <si>
    <t>10/28/2019 12:02:17</t>
  </si>
  <si>
    <t>/o=exchangelabs/ou=exchange administrative group (fydibohf23spdlt)/cn=recipients/cn=8fc182d8ec964190abd5d149ac41ad8b-fabricio de;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/o=exchangelabs/ou=exchange administrative group (fydibohf23spdlt)/cn=recipients/cn=usere11ed38c;</t>
  </si>
  <si>
    <t>Squad DC - Gestão de Demandas/Entregáveis</t>
  </si>
  <si>
    <t>Squad DC - Demandas.xlsx</t>
  </si>
  <si>
    <t>/o=exchangelabs/ou=exchange administrative group (fydibohf23spdlt)/cn=recipients/cn=8fc182d8ec964190abd5d149ac41ad8b-fabricio de,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,/o=exchangelabs/ou=exchange administrative group (fydibohf23spdlt)/cn=recipients/cn=usere11ed38c</t>
  </si>
  <si>
    <t>10/28/2019 11:55:12</t>
  </si>
  <si>
    <t>10/28/2019 12:04:18</t>
  </si>
  <si>
    <t>10.200.32.53</t>
  </si>
  <si>
    <t>C:\Users\joaobab\OneDrive - Grupo Algar\temp\TI e TELECOM\Aspect\</t>
  </si>
  <si>
    <t>Aspect Corporativo.xlsx</t>
  </si>
  <si>
    <t>10/28/2019 11:55:21</t>
  </si>
  <si>
    <t>ALGAR.xlsx</t>
  </si>
  <si>
    <t>10/28/2019 11:55:23</t>
  </si>
  <si>
    <t>BRADESCO.xlsx</t>
  </si>
  <si>
    <t>10/28/2019 11:57:01</t>
  </si>
  <si>
    <t>10/28/2019 11:57:23</t>
  </si>
  <si>
    <t>mail.google.com/_/upload?authuser=1&amp;dcp=asu-n&amp;upload_id=AEnB2UqkYreP-NKs20T3qef1sa5QvsCJFjwOqjvXY7HlHYRMb3eKsXxT73aYLiuSbO7dT85m0dofmOqKK4jVlmFy-B5zTH53Cg&amp;upload_protocol=resumable</t>
  </si>
  <si>
    <t>10/28/2019 12:01:16</t>
  </si>
  <si>
    <t>leonardoamf@algartech.com.br;ligiagb@algartech.com.br;suzana.bezerra@temposervicos.com.br;</t>
  </si>
  <si>
    <t>Vol. OUT Formalização AMEX_ Acima da Franquia</t>
  </si>
  <si>
    <t>Relatório OUT.xlsx</t>
  </si>
  <si>
    <t>leonardoamf@algartech.com.br,ligiagb@algartech.com.br,suzana.bezerra@temposervicos.com.br</t>
  </si>
  <si>
    <t>10/28/2019 12:02:06</t>
  </si>
  <si>
    <t>https://caey.fa.us2.oraclecloud.com/crmui/faces/fusewelcome?_adf.ctrl-state=lb2oj55aq_131</t>
  </si>
  <si>
    <t>C:\Users\sherleyce\Desktop\ITAU - ADITIVO CONTRATUAL GESTÃO DE ACESSOS - RFP DOCUMENTOS P APROVACAO.msg\s1\</t>
  </si>
  <si>
    <t>C:\Users\sherleyce\Desktop\ITAU - ADITIVO CONTRATUAL GESTÃO DE ACESSOS - RFP DOCUMENTOS P APROVACAO.msg\s1\204274 - Itau - Controle de Acessos - v5 - Plan Precificacao C017 B017.xlsb\</t>
  </si>
  <si>
    <t>10/28/2019 12:06:39</t>
  </si>
  <si>
    <t>10/28/2019 12:08:18</t>
  </si>
  <si>
    <t>/o=exchangelabs/ou=exchange administrative group (fydibohf23spdlt)/cn=recipients/cn=3efbc8c427614158ac5e05d72141135e-thiago guil;/o=exchangelabs/ou=exchange administrative group (fydibohf23spdlt)/cn=recipients/cn=b67cad4ecfa344baaa94d716e7554f49-bruno camel;</t>
  </si>
  <si>
    <t>Remanejamento STAFF</t>
  </si>
  <si>
    <t>Posições Faltantes.xlsx</t>
  </si>
  <si>
    <t>/o=exchangelabs/ou=exchange administrative group (fydibohf23spdlt)/cn=recipients/cn=3efbc8c427614158ac5e05d72141135e-thiago guil,/o=exchangelabs/ou=exchange administrative group (fydibohf23spdlt)/cn=recipients/cn=b67cad4ecfa344baaa94d716e7554f49-bruno camel</t>
  </si>
  <si>
    <t>10/28/2019 12:07:49</t>
  </si>
  <si>
    <t>10/28/2019 12:09:18</t>
  </si>
  <si>
    <t>Produtividade RAF - Out-2019 - Parcial - 27-10-19.xlsm</t>
  </si>
  <si>
    <t>10/28/2019 12:08:12</t>
  </si>
  <si>
    <t>10/28/2019 12:11:18</t>
  </si>
  <si>
    <t>/o=exchangelabs/ou=exchange administrative group (fydibohf23spdlt)/cn=recipients/cn=50eedf76e32e41a79c5edfcd053f994f-diogo luiz;</t>
  </si>
  <si>
    <t>ENC: FAROL PREMIUM CONTESTAÇÃO - OUTUBRO 2019</t>
  </si>
  <si>
    <t>Farol Premium Contestação.xlsx</t>
  </si>
  <si>
    <t>/o=exchangelabs/ou=exchange administrative group (fydibohf23spdlt)/cn=recipients/cn=50eedf76e32e41a79c5edfcd053f994f-diogo luiz</t>
  </si>
  <si>
    <t>10/28/2019 12:12:48</t>
  </si>
  <si>
    <t>10/28/2019 12:16:17</t>
  </si>
  <si>
    <t>/o=exchangelabs/ou=exchange administrative group (fydibohf23spdlt)/cn=recipients/cn=2361e4251bf74fc4a50ab766b8d95847-algar tech;/o=exchangelabs/ou=exchange administrative group (fydibohf23spdlt)/cn=recipients/cn=372a4aee70df4061aed129651510b96b-raul montei;/o=exchangelabs/ou=exchange administrative group (fydibohf23spdlt)/cn=recipients/cn=5d559e739a9e422da552ffdc9668775c-luiz fernan;/o=exchangelabs/ou=exchange administrative group (fydibohf23spdlt)/cn=recipients/cn=89e58c8da071492dbdcb4fee4156b705-gustavo alm;/o=exchangelabs/ou=exchange administrative group (fydibohf23spdlt)/cn=recipients/cn=97028c61ebe04c3ca84c604712943944-fabiano wil;/o=exchangelabs/ou=exchange administrative group (fydibohf23spdlt)/cn=recipients/cn=a67b870d47244fa19f0fe0fbb7458d8d-igo henriqu;</t>
  </si>
  <si>
    <t>RES: URGENT: Fwd: BT Brazil and Colombia - engineer request</t>
  </si>
  <si>
    <t>RES Request 2019 Rate Cards Algar Tech (AJUSTE PREÇOS RATECARD COMPUTACENTER BRASIL - URGENTE!!).msg\s1\</t>
  </si>
  <si>
    <t>/o=exchangelabs/ou=exchange administrative group (fydibohf23spdlt)/cn=recipients/cn=2361e4251bf74fc4a50ab766b8d95847-algar tech,/o=exchangelabs/ou=exchange administrative group (fydibohf23spdlt)/cn=recipients/cn=372a4aee70df4061aed129651510b96b-raul montei,/o=exchangelabs/ou=exchange administrative group (fydibohf23spdlt)/cn=recipients/cn=5d559e739a9e422da552ffdc9668775c-luiz fernan,/o=exchangelabs/ou=exchange administrative group (fydibohf23spdlt)/cn=recipients/cn=89e58c8da071492dbdcb4fee4156b705-gustavo alm,/o=exchangelabs/ou=exchange administrative group (fydibohf23spdlt)/cn=recipients/cn=97028c61ebe04c3ca84c604712943944-fabiano wil,/o=exchangelabs/ou=exchange administrative group (fydibohf23spdlt)/cn=recipients/cn=a67b870d47244fa19f0fe0fbb7458d8d-igo henriqu</t>
  </si>
  <si>
    <t>10/28/2019 12:17:18</t>
  </si>
  <si>
    <t>10/28/2019 12:18:17</t>
  </si>
  <si>
    <t>10/28/2019 12:22:01</t>
  </si>
  <si>
    <t>10/28/2019 12:25:17</t>
  </si>
  <si>
    <t>lponcioni@yahsat.com;taniacs@algartech.com;wanderff@algartech.com;</t>
  </si>
  <si>
    <t>C:\Users\andremg\Desktop\Desktop 02_10_19\</t>
  </si>
  <si>
    <t>MAT v28.xlsx</t>
  </si>
  <si>
    <t>lponcioni@yahsat.com,taniacs@algartech.com,wanderff@algartech.com</t>
  </si>
  <si>
    <t>10/28/2019 12:29:39</t>
  </si>
  <si>
    <t>10/28/2019 12:31:17</t>
  </si>
  <si>
    <t>ENC: Volume Gerenciadas Amex e Visa - 28/10</t>
  </si>
  <si>
    <t>10/28/2019 12:50:29</t>
  </si>
  <si>
    <t>10/28/2019 12:53:17</t>
  </si>
  <si>
    <t>andrezza.souza@genusplc.com;juliana.rosa@genusplc.com;</t>
  </si>
  <si>
    <t>Acompanhamento - Pecplan</t>
  </si>
  <si>
    <t>Base - Pecplan.xlsx</t>
  </si>
  <si>
    <t>andrezza.souza@genusplc.com,juliana.rosa@genusplc.com</t>
  </si>
  <si>
    <t>10/28/2019 12:57:19</t>
  </si>
  <si>
    <t>10/28/2019 13:00:17</t>
  </si>
  <si>
    <t>/o=exchangelabs/ou=exchange administrative group (fydibohf23spdlt)/cn=recipients/cn=c19d455e74364549966295908514d864-raquel do n;</t>
  </si>
  <si>
    <t>ENC: FOLHAS DE PONTO MAIO</t>
  </si>
  <si>
    <t>Entrega Folha de Ponto Maio.xlsx</t>
  </si>
  <si>
    <t>/o=exchangelabs/ou=exchange administrative group (fydibohf23spdlt)/cn=recipients/cn=c19d455e74364549966295908514d864-raquel do n</t>
  </si>
  <si>
    <t>10/28/2019 10:31:51</t>
  </si>
  <si>
    <t>10/28/2019 13:14:18</t>
  </si>
  <si>
    <t>ENC: Novo PTH 2020 - Jurídico</t>
  </si>
  <si>
    <t>10/28/2019 13:18:16</t>
  </si>
  <si>
    <t>10/28/2019 13:21:18</t>
  </si>
  <si>
    <t>10/28/2019 13:20:32</t>
  </si>
  <si>
    <t>10/28/2019 13:24:17</t>
  </si>
  <si>
    <t>acessos (considerar este)</t>
  </si>
  <si>
    <t>ENC Email cadastrado no Portal da Gente.msg\s1\</t>
  </si>
  <si>
    <t>Dados Equipe.xlsx</t>
  </si>
  <si>
    <t>10/28/2019 13:27:23</t>
  </si>
  <si>
    <t>10/28/2019 13:31:18</t>
  </si>
  <si>
    <t>hewertontr@algartech.com;marianesg@algartech.com;</t>
  </si>
  <si>
    <t>CRS BRADESCO ATUAL.xlsx</t>
  </si>
  <si>
    <t>hewertontr@algartech.com,marianesg@algartech.com</t>
  </si>
  <si>
    <t>10/28/2019 13:26:53</t>
  </si>
  <si>
    <t>/o=exchangelabs/ou=exchange administrative group (fydibohf23spdlt)/cn=recipients/cn=376dc21df9294b1e98e06de29a805db8-algar tech;/o=exchangelabs/ou=exchange administrative group (fydibohf23spdlt)/cn=recipients/cn=5cdc4a7b917a447c993600ca829a0a39-elisangela;/o=exchangelabs/ou=exchange administrative group (fydibohf23spdlt)/cn=recipients/cn=996127b02105404abba3fe718e388d35-cleonice de;/o=exchangelabs/ou=exchange administrative group (fydibohf23spdlt)/cn=recipients/cn=cb5adfd7be5d42f39b6c2497336ba9d7-fernando gu;</t>
  </si>
  <si>
    <t>RES: Reajuste Field (ESPM) - 2020</t>
  </si>
  <si>
    <t>148181 - Faculdade ESPM - Bodyshop - C4 - v5 - BP Preço C015 B014_Desonerada.xlsb</t>
  </si>
  <si>
    <t>/o=exchangelabs/ou=exchange administrative group (fydibohf23spdlt)/cn=recipients/cn=376dc21df9294b1e98e06de29a805db8-algar tech,/o=exchangelabs/ou=exchange administrative group (fydibohf23spdlt)/cn=recipients/cn=5cdc4a7b917a447c993600ca829a0a39-elisangela,/o=exchangelabs/ou=exchange administrative group (fydibohf23spdlt)/cn=recipients/cn=996127b02105404abba3fe718e388d35-cleonice de,/o=exchangelabs/ou=exchange administrative group (fydibohf23spdlt)/cn=recipients/cn=cb5adfd7be5d42f39b6c2497336ba9d7-fernando gu</t>
  </si>
  <si>
    <t>10/28/2019 06:38:41</t>
  </si>
  <si>
    <t>10/28/2019 13:33:18</t>
  </si>
  <si>
    <t>/o=exchangelabs/ou=exchange administrative group (fydibohf23spdlt)/cn=recipients/cn=4b453b7f02914710b3e94bcf7b311ad4-fernando po;/o=exchangelabs/ou=exchange administrative group (fydibohf23spdlt)/cn=recipients/cn=bcc9538754d3496ea31a487e560f8214-silvio mart;noemia.almeida@bradesco.com.br;reginaldom.oliveira@bradesco.com.br;</t>
  </si>
  <si>
    <t>Caderno 2 - Proposta Alternativa - 02.c. Planilha da Negociação_Processo40137735I Algar.xlsx</t>
  </si>
  <si>
    <t>/o=exchangelabs/ou=exchange administrative group (fydibohf23spdlt)/cn=recipients/cn=4b453b7f02914710b3e94bcf7b311ad4-fernando po,/o=exchangelabs/ou=exchange administrative group (fydibohf23spdlt)/cn=recipients/cn=bcc9538754d3496ea31a487e560f8214-silvio mart,noemia.almeida@bradesco.com.br,reginaldom.oliveira@bradesco.com.br</t>
  </si>
  <si>
    <t>10/28/2019 13:30:25</t>
  </si>
  <si>
    <t>mail.google.com/_/upload?authuser=1&amp;dcp=asu-n&amp;upload_id=AEnB2UpL8NsEoz5B-ucUnizCgb2StCiedfZpZEmMJ1m-0aayVFTNur_HcOK9JPgaAfi13y5EV1p4-ETon-ZN9Gy9-n1I-XB-wyPiXkQaPOoCuwLPx-Prk7Y&amp;upload_protocol=resumable</t>
  </si>
  <si>
    <t>10/28/2019 13:37:25</t>
  </si>
  <si>
    <t>10/28/2019 13:39:18</t>
  </si>
  <si>
    <t>mail.google.com/_/upload?authuser=1&amp;dcp=asu-n&amp;upload_id=AEnB2UppBdrsPjc3lpla56Yfd8n4CM2wt0Qz9pleL9q0KEvNW6gdoe3baae1tgHh-4eGjPJaFr154koJUg4yvm4qSfTCKdPEDw&amp;upload_protocol=resumable</t>
  </si>
  <si>
    <t>C:\Users\thiagocso\Desktop\Gente e Gestao\</t>
  </si>
  <si>
    <t>PESSOAS SEM ACESSO ULTIMA VERSAO.xlsx</t>
  </si>
  <si>
    <t>10/28/2019 13:44:17</t>
  </si>
  <si>
    <t>10/28/2019 13:49:18</t>
  </si>
  <si>
    <t>ENC: Volume Compras CAPEX e OPEX</t>
  </si>
  <si>
    <t>10/28/2019 13:49:01</t>
  </si>
  <si>
    <t>10/28/2019 13:51:18</t>
  </si>
  <si>
    <t>/o=exchangelabs/ou=exchange administrative group (fydibohf23spdlt)/cn=recipients/cn=3efbc8c427614158ac5e05d72141135e-thiago guil;/o=exchangelabs/ou=exchange administrative group (fydibohf23spdlt)/cn=recipients/cn=9bb376e8b4c74d45963b1165e99fb0ea-fernando ro;/o=exchangelabs/ou=exchange administrative group (fydibohf23spdlt)/cn=recipients/cn=a72fa73d2e1a464ba879e7629d58ef97-luana erlen;/o=exchangelabs/ou=exchange administrative group (fydibohf23spdlt)/cn=recipients/cn=f2208b22da5b4bf3a5f4a7b9dfa2fd06-danilo marq;</t>
  </si>
  <si>
    <t>ENC: Remanejamento STAFF</t>
  </si>
  <si>
    <t>/o=exchangelabs/ou=exchange administrative group (fydibohf23spdlt)/cn=recipients/cn=3efbc8c427614158ac5e05d72141135e-thiago guil,/o=exchangelabs/ou=exchange administrative group (fydibohf23spdlt)/cn=recipients/cn=9bb376e8b4c74d45963b1165e99fb0ea-fernando ro,/o=exchangelabs/ou=exchange administrative group (fydibohf23spdlt)/cn=recipients/cn=a72fa73d2e1a464ba879e7629d58ef97-luana erlen,/o=exchangelabs/ou=exchange administrative group (fydibohf23spdlt)/cn=recipients/cn=f2208b22da5b4bf3a5f4a7b9dfa2fd06-danilo marq</t>
  </si>
  <si>
    <t>10/28/2019 13:52:38</t>
  </si>
  <si>
    <t>10/28/2019 13:54:18</t>
  </si>
  <si>
    <t>/o=exchangelabs/ou=exchange administrative group (fydibohf23spdlt)/cn=recipients/cn=5cff907b7abb465c8dbe10257a462656-diego iure;/o=exchangelabs/ou=exchange administrative group (fydibohf23spdlt)/cn=recipients/cn=822f65115a2046059fff20a916dd90e9-thais marti;/o=exchangelabs/ou=exchange administrative group (fydibohf23spdlt)/cn=recipients/cn=a6ba306bde72439c8d608df7df1957f9-larice nasc;/o=exchangelabs/ou=exchange administrative group (fydibohf23spdlt)/cn=recipients/cn=aff8c3b9538840fe9b9778861292fbea-everton pau;andre.komatsubara@bradesco.com.br;lorrany.bianca@bradesco.com.br;murillo.silva@bradesco.com.br;</t>
  </si>
  <si>
    <t>RES: Inclusão CRC - Amex e Visa</t>
  </si>
  <si>
    <t>Acompanhamento Inclusão.xlsx</t>
  </si>
  <si>
    <t>/o=exchangelabs/ou=exchange administrative group (fydibohf23spdlt)/cn=recipients/cn=5cff907b7abb465c8dbe10257a462656-diego iure,/o=exchangelabs/ou=exchange administrative group (fydibohf23spdlt)/cn=recipients/cn=822f65115a2046059fff20a916dd90e9-thais marti,/o=exchangelabs/ou=exchange administrative group (fydibohf23spdlt)/cn=recipients/cn=a6ba306bde72439c8d608df7df1957f9-larice nasc,/o=exchangelabs/ou=exchange administrative group (fydibohf23spdlt)/cn=recipients/cn=aff8c3b9538840fe9b9778861292fbea-everton pau,andre.komatsubara@bradesco.com.br,lorrany.bianca@bradesco.com.br,murillo.silva@bradesco.com.br</t>
  </si>
  <si>
    <t>10/28/2019 13:52:25</t>
  </si>
  <si>
    <t>10/28/2019 13:57:18</t>
  </si>
  <si>
    <t>C:\Users\elainemdlp\OD\_Projetos\Em andamento\Expansao Next\03 - Execução\Infra\Remanejamento Ativo\Mudança de Layout - Next.msg\s129\</t>
  </si>
  <si>
    <t>Movimentação - Layouts Next.xlsx</t>
  </si>
  <si>
    <t>10/28/2019 13:55:24</t>
  </si>
  <si>
    <t>10/28/2019 13:59:17</t>
  </si>
  <si>
    <t>RES: Vol. OUT Formalização AMEX_ Acima da Franquia</t>
  </si>
  <si>
    <t>10/28/2019 13:57:01</t>
  </si>
  <si>
    <t>Vol. OUT Formalização AMEX.xlsx</t>
  </si>
  <si>
    <t>10/28/2019 14:05:22</t>
  </si>
  <si>
    <t>10/28/2019 14:10:18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5dd127ba1a4c4059892f9a606a9126c7-alef ferrei;</t>
  </si>
  <si>
    <t>CADASTRO SHAREPOINT</t>
  </si>
  <si>
    <t>102019.xlsx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5dd127ba1a4c4059892f9a606a9126c7-alef ferrei</t>
  </si>
  <si>
    <t>10/28/2019 14:10:48</t>
  </si>
  <si>
    <t>10/28/2019 14:12:18</t>
  </si>
  <si>
    <t>C:\Users\lucianafaa\OneDrive - Grupo Algar\2019\PROJETOS\WFM\CONTROLE\STATUS REPORT\2019\OUTUBRO\PMO - STAFF DIGITAL 0111.pptx\</t>
  </si>
  <si>
    <t>10/28/2019 14:13:18</t>
  </si>
  <si>
    <t>10/28/2019 14:11:53</t>
  </si>
  <si>
    <t>10/28/2019 14:14:18</t>
  </si>
  <si>
    <t>Media Core Electrolux e Whirlpool.xlsx</t>
  </si>
  <si>
    <t>10/28/2019 14:10:43</t>
  </si>
  <si>
    <t>RES: Volumes Formalização PJ AMEX 25/10/2019</t>
  </si>
  <si>
    <t>Cópia de Desenvolvimento-Report Intradiário Formalização PJ AMEX V2.2 -D3.xlsb</t>
  </si>
  <si>
    <t>10/28/2019 14:13:04</t>
  </si>
  <si>
    <t>10/28/2019 14:16:18</t>
  </si>
  <si>
    <t>/o=exchangelabs/ou=exchange administrative group (fydibohf23spdlt)/cn=recipients/cn=3604eabf59564dc8baa49b62a099a560-tatielly sa;/o=exchangelabs/ou=exchange administrative group (fydibohf23spdlt)/cn=recipients/cn=545f738e0fe740ba856f4eb6ef0135e0-vinicius si;/o=exchangelabs/ou=exchange administrative group (fydibohf23spdlt)/cn=recipients/cn=603ada399f684d8cbb7c2653efa30e6a-andre luiz;/o=exchangelabs/ou=exchange administrative group (fydibohf23spdlt)/cn=recipients/cn=66892ec7505c4d138347b8eda5fa01e7-tassiana ap;/o=exchangelabs/ou=exchange administrative group (fydibohf23spdlt)/cn=recipients/cn=98e18f75c1d448d18c2b385d101db11f-luiz alfred;/o=exchangelabs/ou=exchange administrative group (fydibohf23spdlt)/cn=recipients/cn=becbf63a159f4bfb8b84af5031d7e03a-ludicele al;/o=exchangelabs/ou=exchange administrative group (fydibohf23spdlt)/cn=recipients/cn=c21a296f15b34260b849c0ae1e7b942d-suelaine fe;/o=exchangelabs/ou=exchange administrative group (fydibohf23spdlt)/cn=recipients/cn=cd9a537135134b65a0d7151c4bba7129-brend</t>
  </si>
  <si>
    <t>WFM TTV - Atualização de Aderência_Novembro/2019</t>
  </si>
  <si>
    <t>OPERAÇÕES LÍVIA.zip\</t>
  </si>
  <si>
    <t>22002 - UDI - WHIRLPOOL -ÿPREVENCAO COMPRA CERTA.xlsx</t>
  </si>
  <si>
    <t>/o=exchangelabs/ou=exchange administrative group (fydibohf23spdlt)/cn=recipients/cn=3604eabf59564dc8baa49b62a099a560-tatielly sa,/o=exchangelabs/ou=exchange administrative group (fydibohf23spdlt)/cn=recipients/cn=545f738e0fe740ba856f4eb6ef0135e0-vinicius si,/o=exchangelabs/ou=exchange administrative group (fydibohf23spdlt)/cn=recipients/cn=603ada399f684d8cbb7c2653efa30e6a-andre luiz,/o=exchangelabs/ou=exchange administrative group (fydibohf23spdlt)/cn=recipients/cn=66892ec7505c4d138347b8eda5fa01e7-tassiana ap,/o=exchangelabs/ou=exchange administrative group (fydibohf23spdlt)/cn=recipients/cn=98e18f75c1d448d18c2b385d101db11f-luiz alfred,/o=exchangelabs/ou=exchange administrative group (fydibohf23spdlt)/cn=recipients/cn=becbf63a159f4bfb8b84af5031d7e03a-ludicele al,/o=exchangelabs/ou=exchange administrative group (fydibohf23spdlt)/cn=recipients/cn=c21a296f15b34260b849c0ae1e7b942d-suelaine fe,/o=exchangelabs/ou=exchange administrative group (fydibohf23spdlt)/cn=recipients/cn=cd9a537135134b65a0d7151c4bba7129-brend</t>
  </si>
  <si>
    <t>10/28/2019 14:18:40</t>
  </si>
  <si>
    <t>10/28/2019 14:20:18</t>
  </si>
  <si>
    <t>Microanálise - 27 - 10.xlsm</t>
  </si>
  <si>
    <t>10/28/2019 14:19:14</t>
  </si>
  <si>
    <t>10/28/2019 14:22:03</t>
  </si>
  <si>
    <t>10/28/2019 14:23:18</t>
  </si>
  <si>
    <t>mail.google.com/_/upload?authuser=1&amp;dcp=asu-n&amp;upload_id=AEnB2Ur5yVBlPzXuBjIVecvS-A-ianExJFIVl0jNiGCQxRj_mqih5yzxA53dX-99H5NB5f_5a_pQX7Ylgwhf2DGCmMC1-4IfoA&amp;upload_protocol=resumable</t>
  </si>
  <si>
    <t>Faturamentos_Aceitação.xlsx</t>
  </si>
  <si>
    <t>10/28/2019 14:20:44</t>
  </si>
  <si>
    <t>10/28/2019 14:26:17</t>
  </si>
  <si>
    <t>marianesg@algartech.com;</t>
  </si>
  <si>
    <t>marianesg@algartech.com</t>
  </si>
  <si>
    <t>10/28/2019 14:24:40</t>
  </si>
  <si>
    <t>10/28/2019 14:29:18</t>
  </si>
  <si>
    <t>action itensv12-28-10v1.xlsx</t>
  </si>
  <si>
    <t>10/28/2019 14:37:17</t>
  </si>
  <si>
    <t>10/28/2019 14:38:18</t>
  </si>
  <si>
    <t>/o=exchangelabs/ou=exchange administrative group (fydibohf23spdlt)/cn=recipients/cn=546d63420d554c4d858776a48a93ef0f-gustavo de;/o=exchangelabs/ou=exchange administrative group (fydibohf23spdlt)/cn=recipients/cn=5dd03a66f797451390d7113259343399-aline da si;</t>
  </si>
  <si>
    <t>ENC: BP - TVL Digital</t>
  </si>
  <si>
    <t>/o=exchangelabs/ou=exchange administrative group (fydibohf23spdlt)/cn=recipients/cn=546d63420d554c4d858776a48a93ef0f-gustavo de,/o=exchangelabs/ou=exchange administrative group (fydibohf23spdlt)/cn=recipients/cn=5dd03a66f797451390d7113259343399-aline da si</t>
  </si>
  <si>
    <t>10/28/2019 14:33:22</t>
  </si>
  <si>
    <t>Entrega Fácil 28-10 (1) (1).xlsx</t>
  </si>
  <si>
    <t>10/28/2019 14:36:44</t>
  </si>
  <si>
    <t>10/28/2019 14:40:18</t>
  </si>
  <si>
    <t>C:\Users\tullyols\Desktop\CRIAÇÕES\PEDIDOS DENER\</t>
  </si>
  <si>
    <t>10/28/2019 14:39:29</t>
  </si>
  <si>
    <t>10/28/2019 14:42:18</t>
  </si>
  <si>
    <t>Outubro - 28.10.xlsx</t>
  </si>
  <si>
    <t>10/28/2019 14:42:05</t>
  </si>
  <si>
    <t>10/28/2019 14:44:17</t>
  </si>
  <si>
    <t>abilenerdm@algartech.com.br;diegorm@algartech.com.br;emissaogerenciadapj@algartech.com.br;gabrielals@algartech.com.br;mariains@algartech.com.br;pablo.faria@temposervicos.com.br;poliane.mendes@bradesco.com.br;tiago.g.freitas@bradesco.com.br;</t>
  </si>
  <si>
    <t>RES: EMISSÃO BTB_BRASIL PLURAL EMPREENDIMENTOS E PARTICIPACOES LTDA. CRM:004210001471</t>
  </si>
  <si>
    <t>BRASIL PLURAL EMPREENDIMENTOS E PARTICIPACOES LTDA.xlsx</t>
  </si>
  <si>
    <t>abilenerdm@algartech.com.br,diegorm@algartech.com.br,emissaogerenciadapj@algartech.com.br,gabrielals@algartech.com.br,mariains@algartech.com.br,pablo.faria@temposervicos.com.br,poliane.mendes@bradesco.com.br,tiago.g.freitas@bradesco.com.br</t>
  </si>
  <si>
    <t>10/28/2019 14:39:58</t>
  </si>
  <si>
    <t>10/28/2019 14:45:18</t>
  </si>
  <si>
    <t>RES: CADASTRO SHAREPOINT</t>
  </si>
  <si>
    <t>10/28/2019 14:42:20</t>
  </si>
  <si>
    <t>10/28/2019 14:46:17</t>
  </si>
  <si>
    <t>/o=exchangelabs/ou=exchange administrative group (fydibohf23spdlt)/cn=recipients/cn=453b61456320491dad510b65b310018f-kelen crist;/o=exchangelabs/ou=exchange administrative group (fydibohf23spdlt)/cn=recipients/cn=88e4fcbd3ea14730a81286cc0683fb42-manoel eloy;/o=exchangelabs/ou=exchange administrative group (fydibohf23spdlt)/cn=recipients/cn=a78f7dae304e472e9f75bd537683f6e5-hugo de oli;/o=exchangelabs/ou=exchange administrative group (fydibohf23spdlt)/cn=recipients/cn=b712c36eebee42428d3790abe2696417-romario gom;/o=exchangelabs/ou=exchange administrative group (fydibohf23spdlt)/cn=recipients/cn=c54bebbd63a1403e83787e59fcd1acdc-joao sergio;diogo@quilleconsultoria.com.br;</t>
  </si>
  <si>
    <t>Queue Summary Report.7z\Queue Summary Report\</t>
  </si>
  <si>
    <t>Queue_Summary_Report_algar 01.10.xlsx</t>
  </si>
  <si>
    <t>/o=exchangelabs/ou=exchange administrative group (fydibohf23spdlt)/cn=recipients/cn=453b61456320491dad510b65b310018f-kelen crist,/o=exchangelabs/ou=exchange administrative group (fydibohf23spdlt)/cn=recipients/cn=88e4fcbd3ea14730a81286cc0683fb42-manoel eloy,/o=exchangelabs/ou=exchange administrative group (fydibohf23spdlt)/cn=recipients/cn=a78f7dae304e472e9f75bd537683f6e5-hugo de oli,/o=exchangelabs/ou=exchange administrative group (fydibohf23spdlt)/cn=recipients/cn=b712c36eebee42428d3790abe2696417-romario gom,/o=exchangelabs/ou=exchange administrative group (fydibohf23spdlt)/cn=recipients/cn=c54bebbd63a1403e83787e59fcd1acdc-joao sergio,diogo@quilleconsultoria.com.br</t>
  </si>
  <si>
    <t>10/28/2019 14:43:16</t>
  </si>
  <si>
    <t>10/28/2019 14:48:18</t>
  </si>
  <si>
    <t>ENC: Agenda - Fórum Algar Outubro 2019</t>
  </si>
  <si>
    <t>Agenda_V3.xlsx</t>
  </si>
  <si>
    <t>10/28/2019 14:43:59</t>
  </si>
  <si>
    <t>10/28/2019 14:49:17</t>
  </si>
  <si>
    <t>Base BW % Conversão - Out-2019 - Parcial - 27-10-2019.xlsm</t>
  </si>
  <si>
    <t>10/28/2019 14:44:07</t>
  </si>
  <si>
    <t>10/28/2019 14:47:16</t>
  </si>
  <si>
    <t>10/28/2019 14:51:18</t>
  </si>
  <si>
    <t>/o=exchangelabs/ou=exchange administrative group (fydibohf23spdlt)/cn=recipients/cn=00dbcea0702d4358b7c66d1d0dd7b863-juliana tei;/o=exchangelabs/ou=exchange administrative group (fydibohf23spdlt)/cn=recipients/cn=32fe8a14424941da83c2bf35a8a5709e-fabiana car;/o=exchangelabs/ou=exchange administrative group (fydibohf23spdlt)/cn=recipients/cn=363af2e6e56746febce0b409a64e9677-anne caroli;/o=exchangelabs/ou=exchange administrative group (fydibohf23spdlt)/cn=recipients/cn=7d8ac9bc7bbc4c14a4465df244f19041-lauane cris;/o=exchangelabs/ou=exchange administrative group (fydibohf23spdlt)/cn=recipients/cn=8fd99aed0dcd4cc881e5e5966c425c41-gabriel bor;/o=exchangelabs/ou=exchange administrative group (fydibohf23spdlt)/cn=recipients/cn=95d6b80d0c3d44d6aee9bc955f10af3e-aparecida m;/o=exchangelabs/ou=exchange administrative group (fydibohf23spdlt)/cn=recipients/cn=9bb376e8b4c74d45963b1165e99fb0ea-fernando ro;/o=exchangelabs/ou=exchange administrative group (fydibohf23spdlt)/cn=recipients/cn=a4725b7c782941fda1d1c00ae0ff9e26-cami</t>
  </si>
  <si>
    <t>Pendências de Conclusão #soualgar</t>
  </si>
  <si>
    <t>#soualgar.xlsx</t>
  </si>
  <si>
    <t>/o=exchangelabs/ou=exchange administrative group (fydibohf23spdlt)/cn=recipients/cn=00dbcea0702d4358b7c66d1d0dd7b863-juliana tei,/o=exchangelabs/ou=exchange administrative group (fydibohf23spdlt)/cn=recipients/cn=32fe8a14424941da83c2bf35a8a5709e-fabiana car,/o=exchangelabs/ou=exchange administrative group (fydibohf23spdlt)/cn=recipients/cn=363af2e6e56746febce0b409a64e9677-anne caroli,/o=exchangelabs/ou=exchange administrative group (fydibohf23spdlt)/cn=recipients/cn=7d8ac9bc7bbc4c14a4465df244f19041-lauane cris,/o=exchangelabs/ou=exchange administrative group (fydibohf23spdlt)/cn=recipients/cn=8fd99aed0dcd4cc881e5e5966c425c41-gabriel bor,/o=exchangelabs/ou=exchange administrative group (fydibohf23spdlt)/cn=recipients/cn=95d6b80d0c3d44d6aee9bc955f10af3e-aparecida m,/o=exchangelabs/ou=exchange administrative group (fydibohf23spdlt)/cn=recipients/cn=9bb376e8b4c74d45963b1165e99fb0ea-fernando ro,/o=exchangelabs/ou=exchange administrative group (fydibohf23spdlt)/cn=recipients/cn=a4725b7c782941fda1d1c00ae0ff9e26-cami</t>
  </si>
  <si>
    <t>10/28/2019 14:48:23</t>
  </si>
  <si>
    <t>10/28/2019 14:53:18</t>
  </si>
  <si>
    <t>C:\Users\guilhermeaso\OneDrive - Grupo Algar\INFORMAÇÕES CLIENTES SOLLERO - Copia\</t>
  </si>
  <si>
    <t>Cópia de Clientes X SDM.XLSX</t>
  </si>
  <si>
    <t>Cópia de BASE DE CLIENTES_DC JARAGUA.xlsx</t>
  </si>
  <si>
    <t>Cópia de BASE DE CLIENTES_.xlsx</t>
  </si>
  <si>
    <t>10/28/2019 14:48:31</t>
  </si>
  <si>
    <t>SLA DE CLIENTES.xlsx</t>
  </si>
  <si>
    <t>Cópia de 4-Auto report SPLA_Contratos.xlsx</t>
  </si>
  <si>
    <t>10/28/2019 14:48:32</t>
  </si>
  <si>
    <t>CLIENTES SOLLERO.xlsx</t>
  </si>
  <si>
    <t>CLIENTES SOLLERO Telecom.xlsx</t>
  </si>
  <si>
    <t>10/28/2019 14:54:48</t>
  </si>
  <si>
    <t>10/28/2019 14:56:17</t>
  </si>
  <si>
    <t>/o=exchangelabs/ou=exchange administrative group (fydibohf23spdlt)/cn=recipients/cn=06d628e3f48b48f491437fe6311215ae-claudiane a;/o=exchangelabs/ou=exchange administrative group (fydibohf23spdlt)/cn=recipients/cn=0ca6cc8d100949a7866a928f62ef5778-rosilene de;/o=exchangelabs/ou=exchange administrative group (fydibohf23spdlt)/cn=recipients/cn=5a5fc377bc0c4180aca2ca987c79538c-diego vinic;/o=exchangelabs/ou=exchange administrative group (fydibohf23spdlt)/cn=recipients/cn=5f1d2da41c984f398563499c2f17e040-jeann ferre;/o=exchangelabs/ou=exchange administrative group (fydibohf23spdlt)/cn=recipients/cn=852acbd029e94333978f192f279faa37-carolina ap;/o=exchangelabs/ou=exchange administrative group (fydibohf23spdlt)/cn=recipients/cn=a9a1fe1d51ef4ee29617a1c11aa10050-marinalva i;/o=exchangelabs/ou=exchange administrative group (fydibohf23spdlt)/cn=recipients/cn=cbea44aca4fb41a1aba289a0475041a1-daiane cris;/o=exchangelabs/ou=exchange administrative group (fydibohf23spdlt)/cn=recipients/cn=e174366906884bd1b4d4c5ddfc8c9433-rodr</t>
  </si>
  <si>
    <t>OPERAÇÕES ROSI.zip\</t>
  </si>
  <si>
    <t>22004 - UDI - WHIRLPOOL - ATIVO ECOHOUSE.xlsx</t>
  </si>
  <si>
    <t>/o=exchangelabs/ou=exchange administrative group (fydibohf23spdlt)/cn=recipients/cn=06d628e3f48b48f491437fe6311215ae-claudiane a,/o=exchangelabs/ou=exchange administrative group (fydibohf23spdlt)/cn=recipients/cn=0ca6cc8d100949a7866a928f62ef5778-rosilene de,/o=exchangelabs/ou=exchange administrative group (fydibohf23spdlt)/cn=recipients/cn=5a5fc377bc0c4180aca2ca987c79538c-diego vinic,/o=exchangelabs/ou=exchange administrative group (fydibohf23spdlt)/cn=recipients/cn=5f1d2da41c984f398563499c2f17e040-jeann ferre,/o=exchangelabs/ou=exchange administrative group (fydibohf23spdlt)/cn=recipients/cn=852acbd029e94333978f192f279faa37-carolina ap,/o=exchangelabs/ou=exchange administrative group (fydibohf23spdlt)/cn=recipients/cn=a9a1fe1d51ef4ee29617a1c11aa10050-marinalva i,/o=exchangelabs/ou=exchange administrative group (fydibohf23spdlt)/cn=recipients/cn=cbea44aca4fb41a1aba289a0475041a1-daiane cris,/o=exchangelabs/ou=exchange administrative group (fydibohf23spdlt)/cn=recipients/cn=e174366906884bd1b4d4c5ddfc8c9433-rodr</t>
  </si>
  <si>
    <t>10/28/2019 14:56:05</t>
  </si>
  <si>
    <t>10/28/2019 14:58:17</t>
  </si>
  <si>
    <t>Clientes Campinas.xlsx</t>
  </si>
  <si>
    <t>Clientes PEDRO.xls</t>
  </si>
  <si>
    <t>10/28/2019 14:56:06</t>
  </si>
  <si>
    <t>C:\Users\guilhermeaso\OneDrive - Grupo Algar\INFORMAÇÕES CLIENTES SOLLERO - Copia\00 FATURAMENTO\</t>
  </si>
  <si>
    <t>Faturamento 2019 Sollero.xlsx</t>
  </si>
  <si>
    <t>10/28/2019 14:56:07</t>
  </si>
  <si>
    <t>Faturamento 2019 Pedro.xlsx</t>
  </si>
  <si>
    <t>10/28/2019 14:56:08</t>
  </si>
  <si>
    <t>10/28/2019 14:56:09</t>
  </si>
  <si>
    <t>10/28/2019 14:56:15</t>
  </si>
  <si>
    <t>C:\Users\guilhermeaso\OneDrive - Grupo Algar\INFORMAÇÕES CLIENTES SOLLERO - Copia\BRASIF\</t>
  </si>
  <si>
    <t>Cópia de Brasif_Relatorio.xlsx</t>
  </si>
  <si>
    <t>10/28/2019 14:56:19</t>
  </si>
  <si>
    <t>C:\Users\guilhermeaso\OneDrive - Grupo Algar\INFORMAÇÕES CLIENTES SOLLERO - Copia\CNEC\</t>
  </si>
  <si>
    <t>Faturamento 11 2018ant.xlsx</t>
  </si>
  <si>
    <t>Cópia de Dados_SDM_CNEC.xlsx</t>
  </si>
  <si>
    <t>10/28/2019 14:56:20</t>
  </si>
  <si>
    <t>C:\Users\guilhermeaso\OneDrive - Grupo Algar\INFORMAÇÕES CLIENTES SOLLERO - Copia\CONCREPAV\</t>
  </si>
  <si>
    <t>Formulário servidores PAV MIX Revisado.xls</t>
  </si>
  <si>
    <t>10/28/2019 14:56:24</t>
  </si>
  <si>
    <t>AF_AAYA-9XGHSW_Hosting_v42 -Versão Vendida.xlsb</t>
  </si>
  <si>
    <t>10/28/2019 14:56:25</t>
  </si>
  <si>
    <t>C:\Users\guilhermeaso\OneDrive - Grupo Algar\INFORMAÇÕES CLIENTES SOLLERO - Copia\COTY_SAVOY\</t>
  </si>
  <si>
    <t>05. COTY- SAVOY ( FATURAMENTO AGOSTO 19) v1.xlsx</t>
  </si>
  <si>
    <t>10/28/2019 14:55:45</t>
  </si>
  <si>
    <t>10/28/2019 15:00:18</t>
  </si>
  <si>
    <t xml:space="preserve">/o=exchangelabs/ou=exchange administrative group (fydibohf23spdlt)/cn=recipients/cn=0ad67812a921472ea75457aad47f39a8-kallil vice;/o=exchangelabs/ou=exchange administrative group (fydibohf23spdlt)/cn=recipients/cn=372a4aee70df4061aed129651510b96b-raul montei;/o=exchangelabs/ou=exchange administrative group (fydibohf23spdlt)/cn=recipients/cn=5d559e739a9e422da552ffdc9668775c-luiz fernan;/o=exchangelabs/ou=exchange administrative group (fydibohf23spdlt)/cn=recipients/cn=7b70aa18debb49fb8da0f7282594e513-ricardo ale;/o=exchangelabs/ou=exchange administrative group (fydibohf23spdlt)/cn=recipients/cn=891c08f4f04f4527be9bc1b3d75f6378-luiz fernan;/o=exchangelabs/ou=exchange administrative group (fydibohf23spdlt)/cn=recipients/cn=89e58c8da071492dbdcb4fee4156b705-gustavo alm;/o=exchangelabs/ou=exchange administrative group (fydibohf23spdlt)/cn=recipients/cn=8c89829ad534498fa4c85b5ac11174f1-suelen more;/o=exchangelabs/ou=exchange administrative group (fydibohf23spdlt)/cn=recipients/cn=a67b870d47244fa19f0fe0fbb7458d8d-igo </t>
  </si>
  <si>
    <t xml:space="preserve">/o=exchangelabs/ou=exchange administrative group (fydibohf23spdlt)/cn=recipients/cn=0ad67812a921472ea75457aad47f39a8-kallil vice,/o=exchangelabs/ou=exchange administrative group (fydibohf23spdlt)/cn=recipients/cn=372a4aee70df4061aed129651510b96b-raul montei,/o=exchangelabs/ou=exchange administrative group (fydibohf23spdlt)/cn=recipients/cn=5d559e739a9e422da552ffdc9668775c-luiz fernan,/o=exchangelabs/ou=exchange administrative group (fydibohf23spdlt)/cn=recipients/cn=7b70aa18debb49fb8da0f7282594e513-ricardo ale,/o=exchangelabs/ou=exchange administrative group (fydibohf23spdlt)/cn=recipients/cn=891c08f4f04f4527be9bc1b3d75f6378-luiz fernan,/o=exchangelabs/ou=exchange administrative group (fydibohf23spdlt)/cn=recipients/cn=89e58c8da071492dbdcb4fee4156b705-gustavo alm,/o=exchangelabs/ou=exchange administrative group (fydibohf23spdlt)/cn=recipients/cn=8c89829ad534498fa4c85b5ac11174f1-suelen more,/o=exchangelabs/ou=exchange administrative group (fydibohf23spdlt)/cn=recipients/cn=a67b870d47244fa19f0fe0fbb7458d8d-igo </t>
  </si>
  <si>
    <t>10/28/2019 14:56:02</t>
  </si>
  <si>
    <t>10.200.200.69</t>
  </si>
  <si>
    <t>https://sac-tribancoac.ascbrazil.com.br/atendimento-classificacao/upload-arquivo</t>
  </si>
  <si>
    <t>10/28/2019 14:57:13</t>
  </si>
  <si>
    <t>ENC: ACEITAÇÃO DE SITES- ABRIL 2019</t>
  </si>
  <si>
    <t>Planilha-aceitação-sites Abril CONSOLIDADO_rev Leitao.xlsx</t>
  </si>
  <si>
    <t>10/28/2019 15:00:58</t>
  </si>
  <si>
    <t>10/28/2019 15:03:17</t>
  </si>
  <si>
    <t>/o=exchangelabs/ou=exchange administrative group (fydibohf23spdlt)/cn=recipients/cn=35869a39927a432c8d0daeede3b9e512-joyce virgi;/o=exchangelabs/ou=exchange administrative group (fydibohf23spdlt)/cn=recipients/cn=b4c27a00523743509c2a8673c01acf8b-emanuella g;/o=exchangelabs/ou=exchange administrative group (fydibohf23spdlt)/cn=recipients/cn=ba307e7ec0fc4bdbb07006aa828c05f7-carina ferr;/o=exchangelabs/ou=exchange administrative group (fydibohf23spdlt)/cn=recipients/cn=fbbb462fed0b402bbe147770ea84cf9e-adriana cae;</t>
  </si>
  <si>
    <t>/o=exchangelabs/ou=exchange administrative group (fydibohf23spdlt)/cn=recipients/cn=35869a39927a432c8d0daeede3b9e512-joyce virgi,/o=exchangelabs/ou=exchange administrative group (fydibohf23spdlt)/cn=recipients/cn=b4c27a00523743509c2a8673c01acf8b-emanuella g,/o=exchangelabs/ou=exchange administrative group (fydibohf23spdlt)/cn=recipients/cn=ba307e7ec0fc4bdbb07006aa828c05f7-carina ferr,/o=exchangelabs/ou=exchange administrative group (fydibohf23spdlt)/cn=recipients/cn=fbbb462fed0b402bbe147770ea84cf9e-adriana cae</t>
  </si>
  <si>
    <t>10/28/2019 14:58:07</t>
  </si>
  <si>
    <t>C:\Users\guilhermeaso\OneDrive - Grupo Algar\INFORMAÇÕES CLIENTES SOLLERO\COMFRIO SOLUÇÕES LOGISTICAS SA\FATURAMENTO\072019\</t>
  </si>
  <si>
    <t>Cópia de Faturamento Agosto.19.xlsx</t>
  </si>
  <si>
    <t>10/28/2019 14:59:30</t>
  </si>
  <si>
    <t>BFF 102019.xlsx</t>
  </si>
  <si>
    <t>10/28/2019 14:59:11</t>
  </si>
  <si>
    <t>10/28/2019 14:57:42</t>
  </si>
  <si>
    <t>10/28/2019 15:05:17</t>
  </si>
  <si>
    <t>https://sac-tribancopf.ascbrazil.com.br/atendimento-classificacao/upload-arquivo</t>
  </si>
  <si>
    <t>10/28/2019 15:02:07</t>
  </si>
  <si>
    <t>ENC: ACEITAÇÕES DE SITES REALIZADOS EM FEVEREIRO 2019</t>
  </si>
  <si>
    <t>Aceitações-Sites FEV 2019 CONSOLIDADO.xlsx</t>
  </si>
  <si>
    <t>10/28/2019 15:03:05</t>
  </si>
  <si>
    <t>10.200.99.66</t>
  </si>
  <si>
    <t>Acessos Beedoo.xls</t>
  </si>
  <si>
    <t>10/28/2019 15:02:53</t>
  </si>
  <si>
    <t>10/28/2019 15:06:18</t>
  </si>
  <si>
    <t>10.200.57.111</t>
  </si>
  <si>
    <t>/o=exchangelabs/ou=exchange administrative group (fydibohf23spdlt)/cn=recipients/cn=0000e41d3b304fb0a51f49e536cd1703-marina dos;/o=exchangelabs/ou=exchange administrative group (fydibohf23spdlt)/cn=recipients/cn=4b6cf19daf2c458d8b05f18feeee95c3-vanessa cri;/o=exchangelabs/ou=exchange administrative group (fydibohf23spdlt)/cn=recipients/cn=a2a95176ec8b4e558f3d0f3c2d9d370b-pablo dos s;/o=exchangelabs/ou=exchange administrative group (fydibohf23spdlt)/cn=recipients/cn=a5f3c22313d74f5cbd68347bb02489b8-lilian lima;/o=exchangelabs/ou=exchange administrative group (fydibohf23spdlt)/cn=recipients/cn=efd108a07c6b499884a452ff50b3477b-isabella va;</t>
  </si>
  <si>
    <t>ENC: NPS- Analise de detratores Chat</t>
  </si>
  <si>
    <t>NPS - Detratores Chat (1).xlsx</t>
  </si>
  <si>
    <t>/o=exchangelabs/ou=exchange administrative group (fydibohf23spdlt)/cn=recipients/cn=0000e41d3b304fb0a51f49e536cd1703-marina dos,/o=exchangelabs/ou=exchange administrative group (fydibohf23spdlt)/cn=recipients/cn=4b6cf19daf2c458d8b05f18feeee95c3-vanessa cri,/o=exchangelabs/ou=exchange administrative group (fydibohf23spdlt)/cn=recipients/cn=a2a95176ec8b4e558f3d0f3c2d9d370b-pablo dos s,/o=exchangelabs/ou=exchange administrative group (fydibohf23spdlt)/cn=recipients/cn=a5f3c22313d74f5cbd68347bb02489b8-lilian lima,/o=exchangelabs/ou=exchange administrative group (fydibohf23spdlt)/cn=recipients/cn=efd108a07c6b499884a452ff50b3477b-isabella va</t>
  </si>
  <si>
    <t>10/28/2019 15:03:00</t>
  </si>
  <si>
    <t>10/28/2019 15:07:17</t>
  </si>
  <si>
    <t>ENC: Produtividade CRCe até 27/10</t>
  </si>
  <si>
    <t>10/28/2019 15:03:54</t>
  </si>
  <si>
    <t>10/28/2019 15:03:06</t>
  </si>
  <si>
    <t>10/28/2019 15:08:17</t>
  </si>
  <si>
    <t>/o=exchangelabs/ou=exchange administrative group (fydibohf23spdlt)/cn=recipients/cn=a72fa73d2e1a464ba879e7629d58ef97-luana erlen;/o=exchangelabs/ou=exchange administrative group (fydibohf23spdlt)/cn=recipients/cn=b67cad4ecfa344baaa94d716e7554f49-bruno camel;/o=exchangelabs/ou=exchange administrative group (fydibohf23spdlt)/cn=recipients/cn=f2208b22da5b4bf3a5f4a7b9dfa2fd06-danilo marq;thiagog@algartech.com;</t>
  </si>
  <si>
    <t>RES: Remanejamento STAFF</t>
  </si>
  <si>
    <t>/o=exchangelabs/ou=exchange administrative group (fydibohf23spdlt)/cn=recipients/cn=a72fa73d2e1a464ba879e7629d58ef97-luana erlen,/o=exchangelabs/ou=exchange administrative group (fydibohf23spdlt)/cn=recipients/cn=b67cad4ecfa344baaa94d716e7554f49-bruno camel,/o=exchangelabs/ou=exchange administrative group (fydibohf23spdlt)/cn=recipients/cn=f2208b22da5b4bf3a5f4a7b9dfa2fd06-danilo marq,thiagog@algartech.com</t>
  </si>
  <si>
    <t>10/28/2019 15:03:18</t>
  </si>
  <si>
    <t>C:\Users\alessandroam\OneDrive\OneDrive - Grupo Algar\</t>
  </si>
  <si>
    <t>CRS e Operações BRADESCO 28102019.xlsx</t>
  </si>
  <si>
    <t>10/28/2019 15:04:09</t>
  </si>
  <si>
    <t>adalbertoms@algartech.com;amandacdr@algartech.com;daniel.paschoal@next.b.br;daniela.apoifis@next.b.br;denerbb@algartech.com;eder.nascimento@next.b.br;fabiorb@algartech.com;igorpc@algartech.com;jullian.faria@algartech.com;marceloat@algartech.com;marcoabm@algartech.com;mauricio@algartech.com;norma.vidal@next.b.br;polati@algartech.com;rafaelg@algartech.com;reginaldort@algartech.com;renatobrl@algartech.com;si@algartech.com;</t>
  </si>
  <si>
    <t>adalbertoms@algartech.com,amandacdr@algartech.com,daniel.paschoal@next.b.br,daniela.apoifis@next.b.br,denerbb@algartech.com,eder.nascimento@next.b.br,fabiorb@algartech.com,igorpc@algartech.com,jullian.faria@algartech.com,marceloat@algartech.com,marcoabm@algartech.com,mauricio@algartech.com,norma.vidal@next.b.br,polati@algartech.com,rafaelg@algartech.com,reginaldort@algartech.com,renatobrl@algartech.com,si@algartech.com</t>
  </si>
  <si>
    <t>10/28/2019 15:04:11</t>
  </si>
  <si>
    <t>10/28/2019 15:09:17</t>
  </si>
  <si>
    <t>/o=exchangelabs/ou=exchange administrative group (fydibohf23spdlt)/cn=recipients/cn=33eadc062e4e444685992c7de4b20cbb-ana carolin;iramildass@algartech.com;kellycb@algartech.com;</t>
  </si>
  <si>
    <t>Pessoas que ainda não acessaram Portal</t>
  </si>
  <si>
    <t>/o=exchangelabs/ou=exchange administrative group (fydibohf23spdlt)/cn=recipients/cn=33eadc062e4e444685992c7de4b20cbb-ana carolin,iramildass@algartech.com,kellycb@algartech.com</t>
  </si>
  <si>
    <t>10/28/2019 15:04:52</t>
  </si>
  <si>
    <t>10/28/2019 15:10:17</t>
  </si>
  <si>
    <t>ENC: RES: APRESENTAÇÃO - ALGAR TECH 15/10</t>
  </si>
  <si>
    <t>BR20191028 - UNIMEDRIO - Service Desk - RFQ Final.zip\</t>
  </si>
  <si>
    <t>Unimed Rio_ ConcorrÃªncia Service Desk_Planilha de CotaÃ§Ã£o - Final - Off Site.xlsx</t>
  </si>
  <si>
    <t>10/28/2019 15:10:46</t>
  </si>
  <si>
    <t>10/28/2019 15:13:17</t>
  </si>
  <si>
    <t>/o=exchangelabs/ou=exchange administrative group (fydibohf23spdlt)/cn=recipients/cn=083204b1bd464d0fbbd2451a3a305923-katia gonca;/o=exchangelabs/ou=exchange administrative group (fydibohf23spdlt)/cn=recipients/cn=363af2e6e56746febce0b409a64e9677-anne caroli;/o=exchangelabs/ou=exchange administrative group (fydibohf23spdlt)/cn=recipients/cn=57d9ef16239c4192ba69b608182c3c4f-betiza silv;/o=exchangelabs/ou=exchange administrative group (fydibohf23spdlt)/cn=recipients/cn=9b52022a6e624c30a92f50cf4538a4bf-talmaia rod;/o=exchangelabs/ou=exchange administrative group (fydibohf23spdlt)/cn=recipients/cn=a72fa73d2e1a464ba879e7629d58ef97-luana erlen;/o=exchangelabs/ou=exchange administrative group (fydibohf23spdlt)/cn=recipients/cn=b0dffb7bae8b4669bf2555c821ef7035-daniela vie;/o=exchangelabs/ou=exchange administrative group (fydibohf23spdlt)/cn=recipients/cn=b67cad4ecfa344baaa94d716e7554f49-bruno camel;/o=exchangelabs/ou=exchange administrative group (fydibohf23spdlt)/cn=recipients/cn=f0ff087361a245daa16e71ac77ecc3f0-ivan</t>
  </si>
  <si>
    <t>/o=exchangelabs/ou=exchange administrative group (fydibohf23spdlt)/cn=recipients/cn=083204b1bd464d0fbbd2451a3a305923-katia gonca,/o=exchangelabs/ou=exchange administrative group (fydibohf23spdlt)/cn=recipients/cn=363af2e6e56746febce0b409a64e9677-anne caroli,/o=exchangelabs/ou=exchange administrative group (fydibohf23spdlt)/cn=recipients/cn=57d9ef16239c4192ba69b608182c3c4f-betiza silv,/o=exchangelabs/ou=exchange administrative group (fydibohf23spdlt)/cn=recipients/cn=9b52022a6e624c30a92f50cf4538a4bf-talmaia rod,/o=exchangelabs/ou=exchange administrative group (fydibohf23spdlt)/cn=recipients/cn=a72fa73d2e1a464ba879e7629d58ef97-luana erlen,/o=exchangelabs/ou=exchange administrative group (fydibohf23spdlt)/cn=recipients/cn=b0dffb7bae8b4669bf2555c821ef7035-daniela vie,/o=exchangelabs/ou=exchange administrative group (fydibohf23spdlt)/cn=recipients/cn=b67cad4ecfa344baaa94d716e7554f49-bruno camel,/o=exchangelabs/ou=exchange administrative group (fydibohf23spdlt)/cn=recipients/cn=f0ff087361a245daa16e71ac77ecc3f0-ivan</t>
  </si>
  <si>
    <t>10/28/2019 15:12:45</t>
  </si>
  <si>
    <t>10/28/2019 15:17:17</t>
  </si>
  <si>
    <t>10/28/2019 15:17:48</t>
  </si>
  <si>
    <t>10/28/2019 15:19:17</t>
  </si>
  <si>
    <t>MC PPE v2.xlsb</t>
  </si>
  <si>
    <t>10/28/2019 15:24:23</t>
  </si>
  <si>
    <t>10/28/2019 15:26:17</t>
  </si>
  <si>
    <t>10/28/2019 15:26:51</t>
  </si>
  <si>
    <t>10/28/2019 15:29:18</t>
  </si>
  <si>
    <t>10/28/2019 15:27:59</t>
  </si>
  <si>
    <t>Peça de Projetos CSC - CAPEX e OPEX</t>
  </si>
  <si>
    <t>10/28/2019 15:26:49</t>
  </si>
  <si>
    <t>ENC: RES: RES: Escala para treinamento CPB - Urgente!</t>
  </si>
  <si>
    <t>10/28/2019 15:34:41</t>
  </si>
  <si>
    <t>10/28/2019 15:36:19</t>
  </si>
  <si>
    <t>ENC: Projeto Opex de Projetos TECH: Validação dos Relatórios Customizados</t>
  </si>
  <si>
    <t>Analise Relatorio de Compromissos.xlsx</t>
  </si>
  <si>
    <t>10/28/2019 15:35:29</t>
  </si>
  <si>
    <t>ENC: Projeto Precificação - Abertura de Metas GAT</t>
  </si>
  <si>
    <t>10/28/2019 15:40:15</t>
  </si>
  <si>
    <t>10/28/2019 15:42:19</t>
  </si>
  <si>
    <t>199274_IBM_v6_Bodyshop_C11_BRF_Equipe_rev1.xlsb</t>
  </si>
  <si>
    <t>10/28/2019 15:40:14</t>
  </si>
  <si>
    <t>10/28/2019 15:43:19</t>
  </si>
  <si>
    <t>10/28/2019 15:42:26</t>
  </si>
  <si>
    <t>10/28/2019 15:47:19</t>
  </si>
  <si>
    <t>/o=exchangelabs/ou=exchange administrative group (fydibohf23spdlt)/cn=recipients/cn=1a68fd0c71d242d89abd9f9904b69653-lidianne sa;helidafp@algartech.com.br;</t>
  </si>
  <si>
    <t>ENC: Report Intradiário - Atendimento Cerrado - 28/10/2019 - Acumulado até 15 hrs</t>
  </si>
  <si>
    <t>/o=exchangelabs/ou=exchange administrative group (fydibohf23spdlt)/cn=recipients/cn=1a68fd0c71d242d89abd9f9904b69653-lidianne sa,helidafp@algartech.com.br</t>
  </si>
  <si>
    <t>10/28/2019 15:46:21</t>
  </si>
  <si>
    <t>10/28/2019 15:48:19</t>
  </si>
  <si>
    <t>mail.google.com/_/upload?authuser=0&amp;dcp=asu-n&amp;upload_id=AEnB2UqrvgAlSUXi6PzehHuLQ0bn90OlYtNpyAaQZ-oBrf3i-kcFxoAfL5BbCiEeWoBvlbpfmU6WMvQ-EyvBpWbGxeMfsW2ITQ&amp;upload_protocol=resumable</t>
  </si>
  <si>
    <t>TRANSF DE RECEITA TIM FMM TCO Cód.1401 - 102019 - TO 505892.xls</t>
  </si>
  <si>
    <t>10/28/2019 15:48:27</t>
  </si>
  <si>
    <t>10/28/2019 15:50:19</t>
  </si>
  <si>
    <t>Faturamento TI Infra Novembro 2019</t>
  </si>
  <si>
    <t>Rafael Barra.xls</t>
  </si>
  <si>
    <t>10/28/2019 15:45:41</t>
  </si>
  <si>
    <t>10/28/2019 15:51:18</t>
  </si>
  <si>
    <t>ENC: URGENTE: Problema no relatório de COMPROMISSOS</t>
  </si>
  <si>
    <t>Analise - RVC.xlsx</t>
  </si>
  <si>
    <t>10/28/2019 15:48:47</t>
  </si>
  <si>
    <t>ENC: Treinamento - Novo modelo de Lote de Dispêndio</t>
  </si>
  <si>
    <t>Relatorio Ativos por Projeto.xlsb</t>
  </si>
  <si>
    <t>10/28/2019 15:47:46</t>
  </si>
  <si>
    <t>10/28/2019 15:52:19</t>
  </si>
  <si>
    <t>199274_IBM_v6_Bodyshop_MULTI_(C017_B017) - rev1.xlsb</t>
  </si>
  <si>
    <t>10/28/2019 15:50:57</t>
  </si>
  <si>
    <t>10/28/2019 15:53:18</t>
  </si>
  <si>
    <t>/o=exchangelabs/ou=exchange administrative group (fydibohf23spdlt)/cn=recipients/cn=1e45e12566d4418ba0325de92fea64a4-akassia bez;/o=exchangelabs/ou=exchange administrative group (fydibohf23spdlt)/cn=recipients/cn=2b69c7de1a3641269a7eed0596e1ddc2-wayner oliv;/o=exchangelabs/ou=exchange administrative group (fydibohf23spdlt)/cn=recipients/cn=376dc21df9294b1e98e06de29a805db8-algar tech;/o=exchangelabs/ou=exchange administrative group (fydibohf23spdlt)/cn=recipients/cn=57b3e0724b2344fcbd88f738d223dd7a-leticia bor;/o=exchangelabs/ou=exchange administrative group (fydibohf23spdlt)/cn=recipients/cn=9e20ba3b6afd447db98f75fb7bdc7037-francisco e;</t>
  </si>
  <si>
    <t>RECEITAMENTO FAT B OUTUBRO</t>
  </si>
  <si>
    <t>Padrao Solicitacao Receitamento SG Telecom FAT B LOTE UNICO OUTUBRO.xlsm</t>
  </si>
  <si>
    <t>/o=exchangelabs/ou=exchange administrative group (fydibohf23spdlt)/cn=recipients/cn=1e45e12566d4418ba0325de92fea64a4-akassia bez,/o=exchangelabs/ou=exchange administrative group (fydibohf23spdlt)/cn=recipients/cn=2b69c7de1a3641269a7eed0596e1ddc2-wayner oliv,/o=exchangelabs/ou=exchange administrative group (fydibohf23spdlt)/cn=recipients/cn=376dc21df9294b1e98e06de29a805db8-algar tech,/o=exchangelabs/ou=exchange administrative group (fydibohf23spdlt)/cn=recipients/cn=57b3e0724b2344fcbd88f738d223dd7a-leticia bor,/o=exchangelabs/ou=exchange administrative group (fydibohf23spdlt)/cn=recipients/cn=9e20ba3b6afd447db98f75fb7bdc7037-francisco e</t>
  </si>
  <si>
    <t>10/28/2019 15:50:36</t>
  </si>
  <si>
    <t>10/28/2019 15:54:19</t>
  </si>
  <si>
    <t>Excel apresentação</t>
  </si>
  <si>
    <t>10/28/2019 15:58:18</t>
  </si>
  <si>
    <t>10/28/2019 16:00:18</t>
  </si>
  <si>
    <t>/o=exchangelabs/ou=exchange administrative group (fydibohf23spdlt)/cn=recipients/cn=6bc6ced03b1b4fafa41bb5c70c178940-antonio per;/o=exchangelabs/ou=exchange administrative group (fydibohf23spdlt)/cn=recipients/cn=ba64882ecdca4e529551bc93e56e2f41-helbert bec;/o=exchangelabs/ou=exchange administrative group (fydibohf23spdlt)/cn=recipients/cn=f45617401bdf436baf70c45766699413-frederico b;/o=exchangelabs/ou=exchange administrative group (fydibohf23spdlt)/cn=recipients/cn=user9334192a;/o=exchangelabs/ou=exchange administrative group (fydibohf23spdlt)/cn=recipients/cn=user9f44a979;</t>
  </si>
  <si>
    <t>/o=exchangelabs/ou=exchange administrative group (fydibohf23spdlt)/cn=recipients/cn=6bc6ced03b1b4fafa41bb5c70c178940-antonio per,/o=exchangelabs/ou=exchange administrative group (fydibohf23spdlt)/cn=recipients/cn=ba64882ecdca4e529551bc93e56e2f41-helbert bec,/o=exchangelabs/ou=exchange administrative group (fydibohf23spdlt)/cn=recipients/cn=f45617401bdf436baf70c45766699413-frederico b,/o=exchangelabs/ou=exchange administrative group (fydibohf23spdlt)/cn=recipients/cn=user9334192a,/o=exchangelabs/ou=exchange administrative group (fydibohf23spdlt)/cn=recipients/cn=user9f44a979</t>
  </si>
  <si>
    <t>10/28/2019 15:58:29</t>
  </si>
  <si>
    <t>10/28/2019 16:03:19</t>
  </si>
  <si>
    <t>Consolidado_251019.xls</t>
  </si>
  <si>
    <t>10/28/2019 16:05:59</t>
  </si>
  <si>
    <t>10/28/2019 16:08:20</t>
  </si>
  <si>
    <t>C:\Users\guilhermeaso\OneDrive - Grupo Algar\INFORMAÇÕES CLIENTES SOLLERO\SAVIS TECNOLOGIA E SISTEMAS SA\ENTREGAS\</t>
  </si>
  <si>
    <t>10/28/2019 16:13:19</t>
  </si>
  <si>
    <t>10/28/2019 16:15:20</t>
  </si>
  <si>
    <t>mail.google.com/_/upload?authuser=1&amp;dcp=asu-n&amp;upload_id=AEnB2Uo8dp1sHkp1U8-ykfDnVhe_aXaqcaElo9QajYxU8CyJyO4CXWvJ6ZetKXv0CvZ9B3gvGsBxNoXIeI0Ffrx3_Md_WYXiHw&amp;upload_protocol=resumable</t>
  </si>
  <si>
    <t>Férias 2020.xlsx</t>
  </si>
  <si>
    <t>10/28/2019 16:18:22</t>
  </si>
  <si>
    <t>10/28/2019 16:19:20</t>
  </si>
  <si>
    <t>/o=exchangelabs/ou=exchange administrative group (fydibohf23spdlt)/cn=recipients/cn=0a343ab60c904ee9b25c54f941bc50a2-elincon pis;/o=exchangelabs/ou=exchange administrative group (fydibohf23spdlt)/cn=recipients/cn=1698f5af44b14116ad2d0b751d584c7d-danilo rafa;/o=exchangelabs/ou=exchange administrative group (fydibohf23spdlt)/cn=recipients/cn=19563ef64edf42e7841a8719ae7bfe65-ythia karla;/o=exchangelabs/ou=exchange administrative group (fydibohf23spdlt)/cn=recipients/cn=3bff4ffb267e4ea2a4a3347f6a4c5cf8-tatiane mag;ersantana@timbrasil.com.br;lcifali@timbrasil.com.br;rbertassoli@timbrasil.com.br;rjdreis@timbrasil.com.br;smatsuda@timbrasil.com.br;</t>
  </si>
  <si>
    <t>Planilha de Levantamento_Prestadores de serviço_Integração_2019_ENGESET.xlsx</t>
  </si>
  <si>
    <t>/o=exchangelabs/ou=exchange administrative group (fydibohf23spdlt)/cn=recipients/cn=0a343ab60c904ee9b25c54f941bc50a2-elincon pis,/o=exchangelabs/ou=exchange administrative group (fydibohf23spdlt)/cn=recipients/cn=1698f5af44b14116ad2d0b751d584c7d-danilo rafa,/o=exchangelabs/ou=exchange administrative group (fydibohf23spdlt)/cn=recipients/cn=19563ef64edf42e7841a8719ae7bfe65-ythia karla,/o=exchangelabs/ou=exchange administrative group (fydibohf23spdlt)/cn=recipients/cn=3bff4ffb267e4ea2a4a3347f6a4c5cf8-tatiane mag,ersantana@timbrasil.com.br,lcifali@timbrasil.com.br,rbertassoli@timbrasil.com.br,rjdreis@timbrasil.com.br,smatsuda@timbrasil.com.br</t>
  </si>
  <si>
    <t>10/28/2019 16:15:49</t>
  </si>
  <si>
    <t>10/28/2019 16:20:20</t>
  </si>
  <si>
    <t>\\acsfs\DEPTOS\Engenharia\2 - Service Desk\2.19 - Help Desk Corporate\2.19.9 - Outros\SUPERVISORES\Lucas Rabboni\001 - Equipes\1.Implementação\Apresentações\Volumes de implementação Outubro\Implementação v2 - Implementação.pptx\</t>
  </si>
  <si>
    <t>10/28/2019 16:22:01</t>
  </si>
  <si>
    <t>10/28/2019 16:23:20</t>
  </si>
  <si>
    <t>C:\Users\guilhermeaso\OneDrive - Grupo Algar\INFORMAÇÕES CLIENTES SOLLERO\COMFRIO SOLUÇÕES LOGISTICAS SA\FATURAMENTO\102019\</t>
  </si>
  <si>
    <t>RDS_COMFRIO_24_09.xlsx</t>
  </si>
  <si>
    <t>10/28/2019 16:27:43</t>
  </si>
  <si>
    <t>10/28/2019 16:31:20</t>
  </si>
  <si>
    <t>moisesqp@algartech.com;</t>
  </si>
  <si>
    <t>RES: Ultima versão da BP</t>
  </si>
  <si>
    <t>BP - 204254 - Esfera - GIAT FULL - Monitoração Operação Expert Team v5 draft.xlsb</t>
  </si>
  <si>
    <t>moisesqp@algartech.com</t>
  </si>
  <si>
    <t>10/28/2019 16:33:15</t>
  </si>
  <si>
    <t>10/28/2019 16:34:20</t>
  </si>
  <si>
    <t>/o=exchangelabs/ou=exchange administrative group (fydibohf23spdlt)/cn=recipients/cn=8c89829ad534498fa4c85b5ac11174f1-suelen more;/o=exchangelabs/ou=exchange administrative group (fydibohf23spdlt)/cn=recipients/cn=9590810d44524cf49acee6103c18936a-denys guidi;</t>
  </si>
  <si>
    <t>RES: URGENTE - RENOVAÇÃO BASIF LOCADORA</t>
  </si>
  <si>
    <t>RES Renovação cliente Brasif.msg\s1\</t>
  </si>
  <si>
    <t>/o=exchangelabs/ou=exchange administrative group (fydibohf23spdlt)/cn=recipients/cn=8c89829ad534498fa4c85b5ac11174f1-suelen more,/o=exchangelabs/ou=exchange administrative group (fydibohf23spdlt)/cn=recipients/cn=9590810d44524cf49acee6103c18936a-denys guidi</t>
  </si>
  <si>
    <t>10/28/2019 16:37:19</t>
  </si>
  <si>
    <t>10/28/2019 16:38:20</t>
  </si>
  <si>
    <t>Indicadores Contratuais Compra Certa - Parcial Outubro</t>
  </si>
  <si>
    <t>Indicadores Contratuais - 20191028.xlsx</t>
  </si>
  <si>
    <t>10/28/2019 16:42:21</t>
  </si>
  <si>
    <t>10/28/2019 16:44:21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3231d815809d4256b0da40dff50c3bbc-thiago sora;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5f818969ff3f4716af75e27647ee664b-kaio henriq;/o=exchangelabs/ou=exchange administrative group (fydibohf23spdlt)/cn=recipients/cn=7903c13fa0504ff0bc7dd2644020b0e8-mirna prado;/o=exchangelabs/ou=exchange administrative group (fydibohf23spdlt)/cn=recipients/cn=81f72ed6e9d042e3bed0cec08d488854-vini</t>
  </si>
  <si>
    <t>Farol Churn - Parcial - Out/2019 - 27/10/19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3231d815809d4256b0da40dff50c3bbc-thiago sora,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5f818969ff3f4716af75e27647ee664b-kaio henriq,/o=exchangelabs/ou=exchange administrative group (fydibohf23spdlt)/cn=recipients/cn=7903c13fa0504ff0bc7dd2644020b0e8-mirna prado,/o=exchangelabs/ou=exchange administrative group (fydibohf23spdlt)/cn=recipients/cn=81f72ed6e9d042e3bed0cec08d488854-vini</t>
  </si>
  <si>
    <t>10/28/2019 16:44:36</t>
  </si>
  <si>
    <t>10/28/2019 16:45:21</t>
  </si>
  <si>
    <t>\\acsfs\DEPTOS\Engenharia\2 - Service Desk\2.19 - Help Desk Corporate\2.19.9 - Outros\SUPERVISORES\Lucas Rabboni\001 - Equipes\1.Implementação\Apresentações\Volumes de implementação Outubro\Implementação v2 - Implementação.zip\Implementa‡Æo v2 - Implementa</t>
  </si>
  <si>
    <t>10/28/2019 16:45:30</t>
  </si>
  <si>
    <t>10/28/2019 16:48:21</t>
  </si>
  <si>
    <t>C:\Users\guilhermeaso\OneDrive - Grupo Algar\INFORMAÇÕES CLIENTES SOLLERO\COTY_SAVOY\FATURAMENTO\092019\</t>
  </si>
  <si>
    <t>05. COTY- SAVOY ( FATURAMENTO SETEMBRO)v0.xlsx</t>
  </si>
  <si>
    <t>C:\Users\guilhermeaso\OneDrive - Grupo Algar\INFORMAÇÕES CLIENTES SOLLERO\COTY_SAVOY\FATURAMENTO\102019\</t>
  </si>
  <si>
    <t>10. Rateio_Coty_Savoy.xlsx</t>
  </si>
  <si>
    <t>10/28/2019 16:44:12</t>
  </si>
  <si>
    <t>10/28/2019 16:49:20</t>
  </si>
  <si>
    <t>10/28/2019 16:47:01</t>
  </si>
  <si>
    <t>10/28/2019 16:52:21</t>
  </si>
  <si>
    <t>Primeiros Resultados Bia Algar V2.xlsx</t>
  </si>
  <si>
    <t>10/28/2019 16:52:55</t>
  </si>
  <si>
    <t>10/28/2019 16:54:20</t>
  </si>
  <si>
    <t>10/28/2019 16:53:06</t>
  </si>
  <si>
    <t>10/28/2019 16:55:21</t>
  </si>
  <si>
    <t>anapaula.beleli@temposervicos.com.br;mariajcb@algartech.com;micheless@algartech.com;</t>
  </si>
  <si>
    <t>Máscara_Produtividade_para_Ponderador</t>
  </si>
  <si>
    <t>Máscara_Produtividade_para_Ponderador.xlsx</t>
  </si>
  <si>
    <t>anapaula.beleli@temposervicos.com.br,mariajcb@algartech.com,micheless@algartech.com</t>
  </si>
  <si>
    <t>10/28/2019 16:53:08</t>
  </si>
  <si>
    <t>10/28/2019 16:58:20</t>
  </si>
  <si>
    <t>10/28/2019 16:57:39</t>
  </si>
  <si>
    <t>10/28/2019 17:00:20</t>
  </si>
  <si>
    <t>10/28/2019 16:59:12</t>
  </si>
  <si>
    <t>10/28/2019 17:02:21</t>
  </si>
  <si>
    <t>TB01_20191028_163803.csv</t>
  </si>
  <si>
    <t>10/28/2019 17:01:58</t>
  </si>
  <si>
    <t>10/28/2019 17:05:21</t>
  </si>
  <si>
    <t>jussaragp@algartech.com;micheless@algartech.com;patriciaa.lima@temposervicos.com.br;</t>
  </si>
  <si>
    <t>Mascara</t>
  </si>
  <si>
    <t>jussaragp@algartech.com,micheless@algartech.com,patriciaa.lima@temposervicos.com.br</t>
  </si>
  <si>
    <t>10/28/2019 17:02:11</t>
  </si>
  <si>
    <t>10/28/2019 17:07:20</t>
  </si>
  <si>
    <t>ENC: [Penalidade/Bonificação] Aditivo FMM - Algar Set.19</t>
  </si>
  <si>
    <t>Penalidade Algar - FMM Adit Set19.xlsx</t>
  </si>
  <si>
    <t>10/28/2019 17:05:26</t>
  </si>
  <si>
    <t>10/28/2019 17:07:29</t>
  </si>
  <si>
    <t>10/28/2019 17:10:21</t>
  </si>
  <si>
    <t>mail.google.com/_/upload?authuser=0&amp;dcp=asu-n&amp;upload_id=AEnB2UrWrDW59gxXE7ky5VKhmUmJSCws1IKGspSu5nzVtt2SVzVFIJAZ2MNi8VUO7kul-5itCOR8dEiKJ286Y14_T0mbX59yeQ&amp;upload_protocol=resumable</t>
  </si>
  <si>
    <t>10/28/2019 17:10:34</t>
  </si>
  <si>
    <t>10/28/2019 17:11:20</t>
  </si>
  <si>
    <t>10/28/2019 17:07:19</t>
  </si>
  <si>
    <t>/o=exchangelabs/ou=exchange administrative group (fydibohf23spdlt)/cn=recipients/cn=402535980e9d4d4788d63e3c9587e129-melissa fer;/o=exchangelabs/ou=exchange administrative group (fydibohf23spdlt)/cn=recipients/cn=4e42be0c35fe437c89a815dbb8f1ffeb-faturamento;/o=exchangelabs/ou=exchange administrative group (fydibohf23spdlt)/cn=recipients/cn=509f93c55ee04a2db0c238b7a3e5d9a0-edval jose;/o=exchangelabs/ou=exchange administrative group (fydibohf23spdlt)/cn=recipients/cn=c82d742f5f1e4122a86db0495b71e095-nilton j. g;/o=exchangelabs/ou=exchange administrative group (fydibohf23spdlt)/cn=recipients/cn=userd5d32f69;ingrid.marcella.silva@ibm.com;</t>
  </si>
  <si>
    <t>FAT - NF'S IBM/PROXXI *** Problema: Ausência do Item *** Lote 4</t>
  </si>
  <si>
    <t>Erro Input_Lista_Falta Item_Lote 4.xlsx</t>
  </si>
  <si>
    <t>/o=exchangelabs/ou=exchange administrative group (fydibohf23spdlt)/cn=recipients/cn=402535980e9d4d4788d63e3c9587e129-melissa fer,/o=exchangelabs/ou=exchange administrative group (fydibohf23spdlt)/cn=recipients/cn=4e42be0c35fe437c89a815dbb8f1ffeb-faturamento,/o=exchangelabs/ou=exchange administrative group (fydibohf23spdlt)/cn=recipients/cn=509f93c55ee04a2db0c238b7a3e5d9a0-edval jose,/o=exchangelabs/ou=exchange administrative group (fydibohf23spdlt)/cn=recipients/cn=c82d742f5f1e4122a86db0495b71e095-nilton j. g,/o=exchangelabs/ou=exchange administrative group (fydibohf23spdlt)/cn=recipients/cn=userd5d32f69,ingrid.marcella.silva@ibm.com</t>
  </si>
  <si>
    <t>10/28/2019 17:11:40</t>
  </si>
  <si>
    <t>10/28/2019 17:12:21</t>
  </si>
  <si>
    <t>10/28/2019 17:12:04</t>
  </si>
  <si>
    <t>10/28/2019 17:15:20</t>
  </si>
  <si>
    <t>mail.google.com/_/upload?authuser=0&amp;dcp=asu-n&amp;upload_id=AEnB2UrWT-YSX6jvysvybuuSzwJCFNrp6YAW_tJMiXPE2y-oBFfHXAqX-1r3xWHTWZOMD5lTMVYR1BCpmrnVUOzxX-vFxXOr3Q&amp;upload_protocol=resumable</t>
  </si>
  <si>
    <t>CUSTOS 09-2019.xlsx</t>
  </si>
  <si>
    <t>10/28/2019 17:10:49</t>
  </si>
  <si>
    <t>10.200.60.210</t>
  </si>
  <si>
    <t>/o=exchangelabs/ou=exchange administrative group (fydibohf23spdlt)/cn=recipients/cn=1698f5af44b14116ad2d0b751d584c7d-danilo rafa;/o=exchangelabs/ou=exchange administrative group (fydibohf23spdlt)/cn=recipients/cn=1867d5fca12044e08946537995369baf-diego rodri;/o=exchangelabs/ou=exchange administrative group (fydibohf23spdlt)/cn=recipients/cn=8c253c95243a40aa99c9416b7eb70a2a-julio cesar;/o=exchangelabs/ou=exchange administrative group (fydibohf23spdlt)/cn=recipients/cn=b60c7f02b7944b639da5c2f90b0fe2f5-diogo soare;/o=exchangelabs/ou=exchange administrative group (fydibohf23spdlt)/cn=recipients/cn=b63d7f09ae264ee197cf923a77c993b6-dgrc - gere;/o=exchangelabs/ou=exchange administrative group (fydibohf23spdlt)/cn=recipients/cn=groupad2112f5;/o=exchangelabs/ou=exchange administrative group (fydibohf23spdlt)/cn=recipients/cn=groupef329f5e;</t>
  </si>
  <si>
    <t>## TREINAMENTO DE BRIGADA DE EMERGENCIA ##</t>
  </si>
  <si>
    <t>Escala de brigada 2019 - 2º ETAPA.xlsx</t>
  </si>
  <si>
    <t>/o=exchangelabs/ou=exchange administrative group (fydibohf23spdlt)/cn=recipients/cn=1698f5af44b14116ad2d0b751d584c7d-danilo rafa,/o=exchangelabs/ou=exchange administrative group (fydibohf23spdlt)/cn=recipients/cn=1867d5fca12044e08946537995369baf-diego rodri,/o=exchangelabs/ou=exchange administrative group (fydibohf23spdlt)/cn=recipients/cn=8c253c95243a40aa99c9416b7eb70a2a-julio cesar,/o=exchangelabs/ou=exchange administrative group (fydibohf23spdlt)/cn=recipients/cn=b60c7f02b7944b639da5c2f90b0fe2f5-diogo soare,/o=exchangelabs/ou=exchange administrative group (fydibohf23spdlt)/cn=recipients/cn=b63d7f09ae264ee197cf923a77c993b6-dgrc - gere,/o=exchangelabs/ou=exchange administrative group (fydibohf23spdlt)/cn=recipients/cn=groupad2112f5,/o=exchangelabs/ou=exchange administrative group (fydibohf23spdlt)/cn=recipients/cn=groupef329f5e</t>
  </si>
  <si>
    <t>10/28/2019 17:16:21</t>
  </si>
  <si>
    <t>10/28/2019 17:14:07</t>
  </si>
  <si>
    <t>10/28/2019 17:13:11</t>
  </si>
  <si>
    <t>10/28/2019 17:17:20</t>
  </si>
  <si>
    <t>10/28/2019 17:12:58</t>
  </si>
  <si>
    <t>10/28/2019 17:17:45</t>
  </si>
  <si>
    <t>10/28/2019 17:19:21</t>
  </si>
  <si>
    <t>RES: Volumes Formalização PJ AMEX 28/10/2019</t>
  </si>
  <si>
    <t>Cópia de Report Intradiário Formalização PJ AMEX _ v2.3 -D3.xlsb</t>
  </si>
  <si>
    <t>10/28/2019 17:17:39</t>
  </si>
  <si>
    <t>10/28/2019 17:21:20</t>
  </si>
  <si>
    <t>10/28/2019 17:20:47</t>
  </si>
  <si>
    <t>10/28/2019 17:22:20</t>
  </si>
  <si>
    <t>Mapeamento de Telas e Campos (Atualizado).xlsx</t>
  </si>
  <si>
    <t>10/28/2019 17:17:42</t>
  </si>
  <si>
    <t>10/28/2019 17:20:41</t>
  </si>
  <si>
    <t>10.200.61.214</t>
  </si>
  <si>
    <t>FC-01-7C-B3-D1-BB</t>
  </si>
  <si>
    <t>mail.google.com/_/upload?authuser=0&amp;dcp=asu-n&amp;upload_id=AEnB2Uqec3QyBo3LF6zPM2TzEtz8bS2Ljuwq2Lx89iUmpcrqe5dELvj3m7rFGzSNRVuaaiVHhuTPzweJw4lXof1_7QQ-Fldz_p5IGbNP40JJw2Ll4hXebTU&amp;upload_protocol=resumable</t>
  </si>
  <si>
    <t>C:\Users\alefl\Desktop\</t>
  </si>
  <si>
    <t>Generico.xlsx</t>
  </si>
  <si>
    <t>10/28/2019 17:21:51</t>
  </si>
  <si>
    <t>10/28/2019 17:23:20</t>
  </si>
  <si>
    <t>/o=exchangelabs/ou=exchange administrative group (fydibohf23spdlt)/cn=recipients/cn=0ca6cc8d100949a7866a928f62ef5778-rosilene de;/o=exchangelabs/ou=exchange administrative group (fydibohf23spdlt)/cn=recipients/cn=d1d015f213f648abbf348b5ccdf8e9d9-senilda per;/o=exchangelabs/ou=exchange administrative group (fydibohf23spdlt)/cn=recipients/cn=e39e329fc16a43329eb2766bae675122-mariana gon;/o=exchangelabs/ou=exchange administrative group (fydibohf23spdlt)/cn=recipients/cn=e70cc16764ef4e4fac6e4581f29c2881-valeria bet;/o=exchangelabs/ou=exchange administrative group (fydibohf23spdlt)/cn=recipients/cn=userd3ef8196;</t>
  </si>
  <si>
    <t>ENC: ## TREINAMENTO DE BRIGADA DE EMERGENCIA ##</t>
  </si>
  <si>
    <t>/o=exchangelabs/ou=exchange administrative group (fydibohf23spdlt)/cn=recipients/cn=0ca6cc8d100949a7866a928f62ef5778-rosilene de,/o=exchangelabs/ou=exchange administrative group (fydibohf23spdlt)/cn=recipients/cn=d1d015f213f648abbf348b5ccdf8e9d9-senilda per,/o=exchangelabs/ou=exchange administrative group (fydibohf23spdlt)/cn=recipients/cn=e39e329fc16a43329eb2766bae675122-mariana gon,/o=exchangelabs/ou=exchange administrative group (fydibohf23spdlt)/cn=recipients/cn=e70cc16764ef4e4fac6e4581f29c2881-valeria bet,/o=exchangelabs/ou=exchange administrative group (fydibohf23spdlt)/cn=recipients/cn=userd3ef8196</t>
  </si>
  <si>
    <t>10/28/2019 17:24:36</t>
  </si>
  <si>
    <t>10/28/2019 17:25:20</t>
  </si>
  <si>
    <t>Precificação PCP - BV Televendas.xlsx</t>
  </si>
  <si>
    <t>10/28/2019 17:24:39</t>
  </si>
  <si>
    <t>10/28/2019 17:27:21</t>
  </si>
  <si>
    <t>10/28/2019 17:28:20</t>
  </si>
  <si>
    <t>10/28/2019 17:29:21</t>
  </si>
  <si>
    <t>10/28/2019 17:31:13</t>
  </si>
  <si>
    <t>10/28/2019 17:32:20</t>
  </si>
  <si>
    <t>FORECAST 2110_v2.xlsx</t>
  </si>
  <si>
    <t>10/28/2019 17:31:23</t>
  </si>
  <si>
    <t>10/28/2019 17:28:58</t>
  </si>
  <si>
    <t>10/28/2019 17:34:20</t>
  </si>
  <si>
    <t>10/28/2019 17:30:30</t>
  </si>
  <si>
    <t>10/28/2019 17:35:21</t>
  </si>
  <si>
    <t>10/28/2019 17:32:06</t>
  </si>
  <si>
    <t>10/28/2019 17:36:21</t>
  </si>
  <si>
    <t>/o=exchangelabs/ou=exchange administrative group (fydibohf23spdlt)/cn=recipients/cn=1ea7b8de5b534a759fb6d47ad8408bd4-projetos_fc;</t>
  </si>
  <si>
    <t>Home Office Novembro.</t>
  </si>
  <si>
    <t>Home Office PROJETOS - Novembro.xlsx</t>
  </si>
  <si>
    <t>/o=exchangelabs/ou=exchange administrative group (fydibohf23spdlt)/cn=recipients/cn=1ea7b8de5b534a759fb6d47ad8408bd4-projetos_fc</t>
  </si>
  <si>
    <t>10/28/2019 17:31:43</t>
  </si>
  <si>
    <t>/o=exchangelabs/ou=exchange administrative group (fydibohf23spdlt)/cn=recipients/cn=35ffd1cb41f447bba08aa383640b93e2-marlon reze;/o=exchangelabs/ou=exchange administrative group (fydibohf23spdlt)/cn=recipients/cn=9bb376e8b4c74d45963b1165e99fb0ea-fernando ro;/o=exchangelabs/ou=exchange administrative group (fydibohf23spdlt)/cn=recipients/cn=a72fa73d2e1a464ba879e7629d58ef97-luana erlen;</t>
  </si>
  <si>
    <t>Próximos passos - centralização dos monitores</t>
  </si>
  <si>
    <t>Projeto Centralização - Qualidade.xlsx</t>
  </si>
  <si>
    <t>/o=exchangelabs/ou=exchange administrative group (fydibohf23spdlt)/cn=recipients/cn=35ffd1cb41f447bba08aa383640b93e2-marlon reze,/o=exchangelabs/ou=exchange administrative group (fydibohf23spdlt)/cn=recipients/cn=9bb376e8b4c74d45963b1165e99fb0ea-fernando ro,/o=exchangelabs/ou=exchange administrative group (fydibohf23spdlt)/cn=recipients/cn=a72fa73d2e1a464ba879e7629d58ef97-luana erlen</t>
  </si>
  <si>
    <t>10/28/2019 17:35:50</t>
  </si>
  <si>
    <t>10/28/2019 17:38:21</t>
  </si>
  <si>
    <t>Padrao Solicitacao Receitamento SG Telecom - Tim 3ª Remessa - TO 506720.xlsm</t>
  </si>
  <si>
    <t>10/28/2019 17:40:10</t>
  </si>
  <si>
    <t>10/28/2019 17:42:21</t>
  </si>
  <si>
    <t>C:\Users\elainemdlp\OD\_Projetos\Em andamento\Relacionamento Cartoes BV\02 - Planejamento\Compras\Infra\</t>
  </si>
  <si>
    <t>Formulario de compra.xls</t>
  </si>
  <si>
    <t>10/28/2019 17:40:26</t>
  </si>
  <si>
    <t>10/28/2019 17:38:01</t>
  </si>
  <si>
    <t>10/28/2019 17:43:21</t>
  </si>
  <si>
    <t>/o=exchangelabs/ou=exchange administrative group (fydibohf23spdlt)/cn=recipients/cn=user7c077f95;thaisat@algartech.com;</t>
  </si>
  <si>
    <t>RES: CR 341500060</t>
  </si>
  <si>
    <t>0060.xls</t>
  </si>
  <si>
    <t>/o=exchangelabs/ou=exchange administrative group (fydibohf23spdlt)/cn=recipients/cn=user7c077f95,thaisat@algartech.com</t>
  </si>
  <si>
    <t>10/28/2019 17:49:47</t>
  </si>
  <si>
    <t>10/28/2019 17:53:22</t>
  </si>
  <si>
    <t>10/28/2019 18:00:00</t>
  </si>
  <si>
    <t>10/28/2019 18:01:21</t>
  </si>
  <si>
    <t>/o=exchangelabs/ou=exchange administrative group (fydibohf23spdlt)/cn=recipients/cn=5cff907b7abb465c8dbe10257a462656-diego iure;/o=exchangelabs/ou=exchange administrative group (fydibohf23spdlt)/cn=recipients/cn=a78f7dae304e472e9f75bd537683f6e5-hugo de oli;/o=exchangelabs/ou=exchange administrative group (fydibohf23spdlt)/cn=recipients/cn=b712c36eebee42428d3790abe2696417-romario gom;</t>
  </si>
  <si>
    <t>Reestruturação Sala staff NEXT</t>
  </si>
  <si>
    <t>/o=exchangelabs/ou=exchange administrative group (fydibohf23spdlt)/cn=recipients/cn=5cff907b7abb465c8dbe10257a462656-diego iure,/o=exchangelabs/ou=exchange administrative group (fydibohf23spdlt)/cn=recipients/cn=a78f7dae304e472e9f75bd537683f6e5-hugo de oli,/o=exchangelabs/ou=exchange administrative group (fydibohf23spdlt)/cn=recipients/cn=b712c36eebee42428d3790abe2696417-romario gom</t>
  </si>
  <si>
    <t>10/28/2019 17:56:11</t>
  </si>
  <si>
    <t>/o=exchangelabs/ou=exchange administrative group (fydibohf23spdlt)/cn=recipients/cn=696f712aa5c841708a095699a50884db-luan kevem;/o=exchangelabs/ou=exchange administrative group (fydibohf23spdlt)/cn=recipients/cn=d1ca1bbb859d4bb997649640237ba7cd-paulla rena;/o=exchangelabs/ou=exchange administrative group (fydibohf23spdlt)/cn=recipients/cn=d73974a6e555442cafd74cda95746e86-denia alves;lucasarfer@gmail.com;</t>
  </si>
  <si>
    <t>ENC: [Projeto SICOOB] - Alinhamentos e Próximos Passos</t>
  </si>
  <si>
    <t>Hierarquia_Cooperativas.xlsx</t>
  </si>
  <si>
    <t>/o=exchangelabs/ou=exchange administrative group (fydibohf23spdlt)/cn=recipients/cn=696f712aa5c841708a095699a50884db-luan kevem,/o=exchangelabs/ou=exchange administrative group (fydibohf23spdlt)/cn=recipients/cn=d1ca1bbb859d4bb997649640237ba7cd-paulla rena,/o=exchangelabs/ou=exchange administrative group (fydibohf23spdlt)/cn=recipients/cn=d73974a6e555442cafd74cda95746e86-denia alves,lucasarfer@gmail.com</t>
  </si>
  <si>
    <t>10/28/2019 18:00:59</t>
  </si>
  <si>
    <t>10/28/2019 18:06:21</t>
  </si>
  <si>
    <t>C:\Users\ederleirdr\Desktop\CAPEX 2020\</t>
  </si>
  <si>
    <t>Cópia de Planilha NF Espelho - LPU PC's - Tech - To Area.xlsx</t>
  </si>
  <si>
    <t>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,displayname,domain,editable,emailadd,emailaddr,emailaddress,explicitlytrashed,file(kind,fileextension,fileid,filesize,flaggedforabuse,foldercolor,folderfeatures,hasaugmentedpermissions,haschildfolders,hasthumbnail,hasvisitorpermissions,hidden,id,id),items(deleted,ken,kind,labels(starred,lastmodifyinguser(kind,lastviewedbymedate,mimetype,modifiedbymedate,modifieddate,ontainsunsubscribedchildren,organizationdisplayname,owners(kind,parents(id),passivelysubscribed,permissionid,picture,primarydomainname,primarysyncparentid,quotabytesused,recency,recencyreason,restricted,rpermissions,share,shareable,shared,sharedwithmedate,sharinguser(kind,shortcutdetails(targetid,s</t>
  </si>
  <si>
    <t>10/28/2019 18:15:55</t>
  </si>
  <si>
    <t>10/28/2019 18:18:22</t>
  </si>
  <si>
    <t>10.200.35.85</t>
  </si>
  <si>
    <t>54-BF-64-F5-7F-46</t>
  </si>
  <si>
    <t>NB-IGORTFC</t>
  </si>
  <si>
    <t>igortfc</t>
  </si>
  <si>
    <t>C:\Users\igortfc\Desktop\</t>
  </si>
  <si>
    <t>Levantamento-COMFRIO-28-10-2019.xlsx</t>
  </si>
  <si>
    <t>10/28/2019 18:29:29</t>
  </si>
  <si>
    <t>10/28/2019 18:33:22</t>
  </si>
  <si>
    <t>C:\Users\guilhermeaso\OneDrive - Grupo Algar\INFORMAÇÕES CLIENTES SOLLERO\COMFRIO SOLUÇÕES LOGISTICAS SA\FATURAMENTO\092019\</t>
  </si>
  <si>
    <t>RDS_COMFRIO_30_08.xlsx</t>
  </si>
  <si>
    <t>10/28/2019 18:29:35</t>
  </si>
  <si>
    <t>05. COTY- SAVOY ( FATURAMENTO SETEMBRO)v1.xlsx</t>
  </si>
  <si>
    <t>10/28/2019 18:31:32</t>
  </si>
  <si>
    <t>10/28/2019 18:36:21</t>
  </si>
  <si>
    <t>PLANILHA LNS PARA FATURAMENTO NO SAF ATUALIZADO.xlsx</t>
  </si>
  <si>
    <t>10/28/2019 18:51:22</t>
  </si>
  <si>
    <t>10/28/2019 18:53:22</t>
  </si>
  <si>
    <t>\\acsfs\DEPTOS\Controladoria\3. CSC\CONTROLES CSC\3-Pre closing 2018 e orçamento 2019\</t>
  </si>
  <si>
    <t>Repasse Baseline CSC por empresa 2019 e 2020 Grupo Tech.xlsx</t>
  </si>
  <si>
    <t>10/28/2019 19:24:10</t>
  </si>
  <si>
    <t>10/28/2019 19:25:22</t>
  </si>
  <si>
    <t>/o=exchangelabs/ou=exchange administrative group (fydibohf23spdlt)/cn=recipients/cn=0795838d79a14bcaabfa98fc69aaefbb-business pe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e5dfe65308934e02acfffcb2185133f4-daniel bier;</t>
  </si>
  <si>
    <t>199274_IBM_v6_Bodyshop_MULTI_(C017_B017) - rev8.xlsb</t>
  </si>
  <si>
    <t>/o=exchangelabs/ou=exchange administrative group (fydibohf23spdlt)/cn=recipients/cn=0795838d79a14bcaabfa98fc69aaefbb-business pe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e5dfe65308934e02acfffcb2185133f4-daniel bier</t>
  </si>
  <si>
    <t>10/28/2019 16:35:08</t>
  </si>
  <si>
    <t>10/28/2019 19:37:23</t>
  </si>
  <si>
    <t>/o=exchangelabs/ou=exchange administrative group (fydibohf23spdlt)/cn=recipients/cn=97028c61ebe04c3ca84c604712943944-fabiano wil;/o=exchangelabs/ou=exchange administrative group (fydibohf23spdlt)/cn=recipients/cn=f172568fd9a141528c27c17aa405939f-tiago de al;</t>
  </si>
  <si>
    <t>URGENTE - Renovação cliente Brasif</t>
  </si>
  <si>
    <t>/o=exchangelabs/ou=exchange administrative group (fydibohf23spdlt)/cn=recipients/cn=97028c61ebe04c3ca84c604712943944-fabiano wil,/o=exchangelabs/ou=exchange administrative group (fydibohf23spdlt)/cn=recipients/cn=f172568fd9a141528c27c17aa405939f-tiago de al</t>
  </si>
  <si>
    <t>10/28/2019 19:16:25</t>
  </si>
  <si>
    <t>/o=exchangelabs/ou=exchange administrative group (fydibohf23spdlt)/cn=recipients/cn=835c532cfb2546d29b9ec50eab1593d1-carla betan;/o=exchangelabs/ou=exchange administrative group (fydibohf23spdlt)/cn=recipients/cn=97028c61ebe04c3ca84c604712943944-fabiano wil;/o=exchangelabs/ou=exchange administrative group (fydibohf23spdlt)/cn=recipients/cn=c6f5c50e91244036872327464dc6624a-cinthia mar;/o=exchangelabs/ou=exchange administrative group (fydibohf23spdlt)/cn=recipients/cn=user78f7a52d;</t>
  </si>
  <si>
    <t>Projeto LDC - ALTERAÇÕES COM EQUIPE DE PRODUTOS</t>
  </si>
  <si>
    <t>189257 Command Center NOC+PS LDC Precificacao C017 B017_v10 com WIT.xlsb</t>
  </si>
  <si>
    <t>/o=exchangelabs/ou=exchange administrative group (fydibohf23spdlt)/cn=recipients/cn=835c532cfb2546d29b9ec50eab1593d1-carla betan,/o=exchangelabs/ou=exchange administrative group (fydibohf23spdlt)/cn=recipients/cn=97028c61ebe04c3ca84c604712943944-fabiano wil,/o=exchangelabs/ou=exchange administrative group (fydibohf23spdlt)/cn=recipients/cn=c6f5c50e91244036872327464dc6624a-cinthia mar,/o=exchangelabs/ou=exchange administrative group (fydibohf23spdlt)/cn=recipients/cn=user78f7a52d</t>
  </si>
  <si>
    <t>10/28/2019 14:39:06</t>
  </si>
  <si>
    <t>10/29/2019 07:55:30</t>
  </si>
  <si>
    <t>/o=exchangelabs/ou=exchange administrative group (fydibohf23spdlt)/cn=recipients/cn=39c9ded1dddd4d8c8eea5cf9eae5a630-carlos edua;aleal@timbrasil.com.br;atsousa@timbrasil.com.br;clafdsilva@timbrasil.com.br;esantana@timbrasil.com.br;ghsilva@timbrasil.com.br;jenunes@timbrasil.com.br;mbfilho@timbrasil.com.br;ppaternina@timbrasil.com.br;qgouveia@timbrasil.com.br;</t>
  </si>
  <si>
    <t>RES: Transferencia de Spare DUW 3001 - Origem: TMG - Destino: TCO - ALGAR TECH - BRASILIA e GOIÂNIA</t>
  </si>
  <si>
    <t>Formulário para Acionamento de Transferencias - Operação TCO_GO_DUW.xlsx</t>
  </si>
  <si>
    <t>/o=exchangelabs/ou=exchange administrative group (fydibohf23spdlt)/cn=recipients/cn=39c9ded1dddd4d8c8eea5cf9eae5a630-carlos edua,aleal@timbrasil.com.br,atsousa@timbrasil.com.br,clafdsilva@timbrasil.com.br,esantana@timbrasil.com.br,ghsilva@timbrasil.com.br,jenunes@timbrasil.com.br,mbfilho@timbrasil.com.br,ppaternina@timbrasil.com.br,qgouveia@timbrasil.com.br</t>
  </si>
  <si>
    <t>10/24/2019 15:43:27</t>
  </si>
  <si>
    <t>10/29/2019 07:58:29</t>
  </si>
  <si>
    <t>Formulário RETIRADA DE ATIVO YASAT FILEMON 02MAQ.xlsx</t>
  </si>
  <si>
    <t>10/24/2019 16:24:41</t>
  </si>
  <si>
    <t>10/24/2019 16:28:57</t>
  </si>
  <si>
    <t>mail.google.com/_/upload?authuser=0&amp;dcp=asu-n&amp;upload_id=AEnB2UooskYOUmCZBf-FapDtU7lGZ4L4pteMwxXRS4JRoRM9oH1ztObBKUa3aE4Ym4MnIm5nzUvV9kkVK6-79ULnzGaLixu7cA&amp;upload_protocol=resumable</t>
  </si>
  <si>
    <t>carladt@algartech.com;suelibm@algartech.com;valeriase@algartech.com;</t>
  </si>
  <si>
    <t>carladt@algartech.com,suelibm@algartech.com,valeriase@algartech.com</t>
  </si>
  <si>
    <t>10/24/2019 16:30:23</t>
  </si>
  <si>
    <t>10/24/2019 16:30:25</t>
  </si>
  <si>
    <t>C:\Users\filemoncmj\OneDrive - Grupo Algar\01. Algar Tech\01. Projetos de Clientes\13. Yahsat\2019\04. Aquisições\Troca dos 7 Computadores Yahsat - Ticket 803506.eml\</t>
  </si>
  <si>
    <t>10/25/2019 10:13:10</t>
  </si>
  <si>
    <t>C:\Users\filemoncmj\OneDrive - Grupo Algar\01. Algar Tech\02. Projetos Corporativos\06. PPE\Intuitive Service Desk\03. Aquisições\2019\ASC\07. Marista\</t>
  </si>
  <si>
    <t>10/25/2019 10:23:42</t>
  </si>
  <si>
    <t>c:\users\filemoncmj\downloads\</t>
  </si>
  <si>
    <t>formulário.xls</t>
  </si>
  <si>
    <t>10/28/2019 16:58:23</t>
  </si>
  <si>
    <t>10/29/2019 08:02:29</t>
  </si>
  <si>
    <t>suelepw@algartech.com;</t>
  </si>
  <si>
    <t>C:\Users\lauanedjs\Desktop\Lauane Cristina\Periódico\Algar Tech\</t>
  </si>
  <si>
    <t>Relatório Exames Periódicos - 31ª Parcial 2019.xlsb</t>
  </si>
  <si>
    <t>suelepw@algartech.com</t>
  </si>
  <si>
    <t>10/29/2019 08:00:40</t>
  </si>
  <si>
    <t>10/29/2019 08:04:29</t>
  </si>
  <si>
    <t>10/29/2019 08:05:28</t>
  </si>
  <si>
    <t>10/29/2019 08:08:30</t>
  </si>
  <si>
    <t>10/29/2019 08:07:48</t>
  </si>
  <si>
    <t>10/29/2019 08:12:30</t>
  </si>
  <si>
    <t>10/29/2019 08:13:21</t>
  </si>
  <si>
    <t>10/29/2019 08:17:30</t>
  </si>
  <si>
    <t>C:\Users\mariannacsm\OneDrive - Grupo Algar\0- PMO-POOL\POOL\02 - Volumes CCC 2020\Volumes\Enviado 2410 - Cópia\</t>
  </si>
  <si>
    <t>10/29/2019 08:13:36</t>
  </si>
  <si>
    <t>C:\Users\mariannacsm\OneDrive - Grupo Algar\0- PMO-POOL\POOL\02 - Volumes CCC 2020\Volumes\Enviado 2410 - Cópia\Volume Compras CAPEX e OPEX.msg\s98\</t>
  </si>
  <si>
    <t>10/29/2019 08:13:50</t>
  </si>
  <si>
    <t>C:\Users\mariannacsm\OneDrive - Grupo Algar\0- PMO-POOL\POOL\02 - Volumes CCC 2020\Volumes\Enviado 2910\</t>
  </si>
  <si>
    <t>10/29/2019 08:14:07</t>
  </si>
  <si>
    <t>C:\Users\mariannacsm\OneDrive - Grupo Algar\0- PMO-POOL\POOL\02 - Volumes CCC 2020\Volumes\Enviado 2910\Volume Compras CAPEX e OPEX.msg\s98\</t>
  </si>
  <si>
    <t>10/29/2019 08:14:11</t>
  </si>
  <si>
    <t>10/29/2019 08:17:14</t>
  </si>
  <si>
    <t>10/29/2019 08:22:30</t>
  </si>
  <si>
    <t>10/29/2019 08:24:00</t>
  </si>
  <si>
    <t>10/29/2019 08:24:30</t>
  </si>
  <si>
    <t>0ANALYSIS_PATTERN - 2019-10-29T082242.549.csv</t>
  </si>
  <si>
    <t>10/29/2019 08:22:48</t>
  </si>
  <si>
    <t>10/29/2019 08:26:30</t>
  </si>
  <si>
    <t>10.200.67.186</t>
  </si>
  <si>
    <t>claudiamp@algartech.com;flaviaff@algartech.com;</t>
  </si>
  <si>
    <t>C:\Users\fabianacscg\Desktop\RES_ CLASSIFICAÇÃO_ RESTRITO – MANIFESTAÇÃO OUVIDORIA ALGAR – PROTOCOLO – _#25347_.msg\s253\</t>
  </si>
  <si>
    <t>Admitidos 14-06.xlsx</t>
  </si>
  <si>
    <t>claudiamp@algartech.com,flaviaff@algartech.com</t>
  </si>
  <si>
    <t>10/29/2019 08:28:45</t>
  </si>
  <si>
    <t>10/29/2019 08:29:31</t>
  </si>
  <si>
    <t>0ANALYSIS_PATTERN - 2019-10-29T082810.939.csv</t>
  </si>
  <si>
    <t>10/29/2019 08:27:55</t>
  </si>
  <si>
    <t>https://caey.fa.us2.oraclecloud.com/crmui/faces/fusewelcome?_adf.ctrl-state=183s4dgyeg_5</t>
  </si>
  <si>
    <t>204274 - Itau - Controle de Acessos - v5 - Plan Precificacao C017 B017 MARGEM APROVADA GAT.xlsb</t>
  </si>
  <si>
    <t>10/29/2019 08:27:56</t>
  </si>
  <si>
    <t>C:\Users\sherleyce\Desktop\204274 - Itau - Controle de Acessos - v5 - Plan Precificacao C017 B017 MARGEM APROVADA GAT.xlsb\</t>
  </si>
  <si>
    <t>10/29/2019 08:30:40</t>
  </si>
  <si>
    <t>10/29/2019 08:33:31</t>
  </si>
  <si>
    <t>10/29/2019 08:38:25</t>
  </si>
  <si>
    <t>10/29/2019 08:42:31</t>
  </si>
  <si>
    <t>C:\Users\ederleirdr\Desktop\CAPEX LONGO PRAZO\CAPEX LP - REVISÃO_A18_M08\</t>
  </si>
  <si>
    <t>SANTAREM - CAPEX 2019 - Novas Receitas - Consolidado_v1.xlsx</t>
  </si>
  <si>
    <t>containsunsubscribedchildren,displa,displayname,domain,emailaddress,explicitlytrashed,file(kind,fileid,filesize,hasthumbnail,hasvisitorpermissions,id,id),items(deleted,ken,kind,lastmodifyinguser(kind,lastviewedbymedate,mimetype,modifiedbymedate,modifieddate,ontainsunsubscribedchildren,owners(kind,permissionid,picture,quotabytesused,share,shared,sharedwithmedate,thumbnailversion,title,userpermission(role)</t>
  </si>
  <si>
    <t>10/29/2019 08:38:43</t>
  </si>
  <si>
    <t>SANTAREM - CAPEX 2019 - Novas Receitas - Consolidado_v2.xlsx</t>
  </si>
  <si>
    <t>1487718154,1572291333693,68,[],[]]],false]",k58larnmda_mln2z4nz3cpsbbwa3hizzkbj1vou8w2ozdml04nrghk7owbtboccbg0ygqhlltgalh_e09gjctmmpkeusyywg1ddciczswwfaojcqjvvobgxz0xa-a0y11rkaadoka\",null</t>
  </si>
  <si>
    <t>10/29/2019 08:39:22</t>
  </si>
  <si>
    <t>PMO - Capex_Longo Prazo_rev_AGO_2018 - M09D06_v1.xlsx</t>
  </si>
  <si>
    <t>/5qikfioultcwntg3nzqxmtu1mje5nzk5mtykbwiaqdqb4s0wpue0kjubiiohogw5ndczmtg5odk4mdmri5ckzexktmgycw==",/5qikfioulte2mti1nja1mtyxnjk2ndi3nzakbwjqsdub4s0wpue0kjubiiohogw5ndczmtg5odk4mdmrokc3pqkpn7sycw==",/5qikfioultg0mdgznje3odcznde4otqzmzikbwins9ub4s0wpue0kjubiiohogw5ndczmtg5odk4mdmrsq9ddcdzzs8ycw==",/5qikfioultg3ntaynty2mzmymjqyotuynzgkbwjyun6b4s0wpue0kjubiiohogw5ndczmtg5odk4mdmrml236btdcngycw==",/5qikfioultgxnza5ndg5ntc0nzcznja0ntakbwirodqb4s0wpue0kjubiiohogw5ndczmtg5odk4mdmrm7n81dpy2ioycw==",/5qikfioulti2mdc5otywmjm3ndgymjg5otmkbwj49nyb4s0wpue0kjubiiohogw5ndczmtg5odk4mdmrh6wu6rfariaycw==",/5qikfioultmyndy1mzq3mdu5njuyndyymdakbwir8d6b4s0wpue0kjubiiohogw5ndczmtg5odk4mdmreiqjz9ydtncycw==",/5qikfioultqwotu1mjizntc0mtk1nze0mtekbwix8d2b4s0wpue0kjubiiohogw5ndczmtg5odk4mdmrvw7e33s94ioycw==",/5qikfioultuzody2mdcwmdaymtyymtu4ntekbwjy/ kb4s0wpue0kjubiiohogw5ndczmtg5odk4mdmrbr/27foawmcycw==",/5qikfioulty2mdy0mdg5nja5mtgxotmwmzekbwio4tmb4s0wpue0kjubiiohogw5ndczmtg5odk4mdmrf8e8xpq1m4yycw==",/5qikfioulty2mdy0mdg5nja5mtgxotmwm</t>
  </si>
  <si>
    <t>10/29/2019 08:42:26</t>
  </si>
  <si>
    <t>10/29/2019 08:45:32</t>
  </si>
  <si>
    <t>10/29/2019 08:42:27</t>
  </si>
  <si>
    <t>10/29/2019 08:42:28</t>
  </si>
  <si>
    <t>10_2019_Template Recuperação de Custos_Mesa Digital.xlsx</t>
  </si>
  <si>
    <t>10/29/2019 08:42:30</t>
  </si>
  <si>
    <t>10/29/2019 08:43:44</t>
  </si>
  <si>
    <t>10/28/2019 15:55:33</t>
  </si>
  <si>
    <t>RES: BFF 102019</t>
  </si>
  <si>
    <t>BFF Marina - Outubro.xlsx</t>
  </si>
  <si>
    <t>10/29/2019 08:42:57</t>
  </si>
  <si>
    <t>10/29/2019 08:47:32</t>
  </si>
  <si>
    <t>TI 2018 p Volume 2910.xlsx</t>
  </si>
  <si>
    <t>10/29/2019 08:49:57</t>
  </si>
  <si>
    <t>10/29/2019 08:50:32</t>
  </si>
  <si>
    <t>/o=exchangelabs/ou=exchange administrative group (fydibohf23spdlt)/cn=recipients/cn=b284454839e94314a90d49e7ec00864f-antonio car;/o=exchangelabs/ou=exchange administrative group (fydibohf23spdlt)/cn=recipients/cn=ddbbc013641646d08f8ffec122e83ef5-sandy yumi;</t>
  </si>
  <si>
    <t>ENC: Oportunidade 144911 - TELEVENDAS BV</t>
  </si>
  <si>
    <t>/o=exchangelabs/ou=exchange administrative group (fydibohf23spdlt)/cn=recipients/cn=b284454839e94314a90d49e7ec00864f-antonio car,/o=exchangelabs/ou=exchange administrative group (fydibohf23spdlt)/cn=recipients/cn=ddbbc013641646d08f8ffec122e83ef5-sandy yumi</t>
  </si>
  <si>
    <t>10/28/2019 21:37:39</t>
  </si>
  <si>
    <t>10/29/2019 08:58:31</t>
  </si>
  <si>
    <t>/o=exchangelabs/ou=exchange administrative group (fydibohf23spdlt)/cn=recipients/cn=4b453b7f02914710b3e94bcf7b311ad4-fernando po;/o=exchangelabs/ou=exchange administrative group (fydibohf23spdlt)/cn=recipients/cn=8c253c95243a40aa99c9416b7eb70a2a-julio cesar;/o=exchangelabs/ou=exchange administrative group (fydibohf23spdlt)/cn=recipients/cn=d86d4bf5f67548aa92acef38267ca44b-leandro jos;</t>
  </si>
  <si>
    <t>RES: ## TREINAMENTO DE BRIGADA DE EMERGENCIA ##</t>
  </si>
  <si>
    <t>Pendência Brigada.xlsx</t>
  </si>
  <si>
    <t>/o=exchangelabs/ou=exchange administrative group (fydibohf23spdlt)/cn=recipients/cn=4b453b7f02914710b3e94bcf7b311ad4-fernando po,/o=exchangelabs/ou=exchange administrative group (fydibohf23spdlt)/cn=recipients/cn=8c253c95243a40aa99c9416b7eb70a2a-julio cesar,/o=exchangelabs/ou=exchange administrative group (fydibohf23spdlt)/cn=recipients/cn=d86d4bf5f67548aa92acef38267ca44b-leandro jos</t>
  </si>
  <si>
    <t>10/29/2019 08:57:43</t>
  </si>
  <si>
    <t>10/29/2019 09:00:32</t>
  </si>
  <si>
    <t>10/29/2019 08:58:10</t>
  </si>
  <si>
    <t>10/29/2019 09:02:31</t>
  </si>
  <si>
    <t>CURVA NORMAL - 28/10/2019</t>
  </si>
  <si>
    <t>10/29/2019 09:00:37</t>
  </si>
  <si>
    <t>10/29/2019 09:04:32</t>
  </si>
  <si>
    <t>sara.carneiro@temposervicos.com.br;</t>
  </si>
  <si>
    <t>ENC: Fechamento Cartão Corp Compras</t>
  </si>
  <si>
    <t>sara.carneiro@temposervicos.com.br</t>
  </si>
  <si>
    <t>10/28/2019 17:37:28</t>
  </si>
  <si>
    <t>10/29/2019 09:06:31</t>
  </si>
  <si>
    <t>mail.google.com/_/upload?authuser=0&amp;dcp=asu-n&amp;upload_id=AEnB2UozMygL1DEMp-dl2-DrwA2vCntaGV__JV42g2lh648d-G5KrteRRU1qwmMFELmeyjQ2dj6Zl8bdTIE392Z9jv3UR1ptFB2Mc_02NE_5mzEfygCYXZs&amp;upload_protocol=resumable</t>
  </si>
  <si>
    <t>lista_com_mails.csv</t>
  </si>
  <si>
    <t>10/29/2019 09:01:30</t>
  </si>
  <si>
    <t>C:\Users\marcelodsd\documents\OneDrive - Grupo Algar\Projetos\ISD\Documentacao\</t>
  </si>
  <si>
    <t>Dashboard_ISD_Mesa_Digital.xlsx</t>
  </si>
  <si>
    <t>10/29/2019 09:06:38</t>
  </si>
  <si>
    <t>10/29/2019 09:07:31</t>
  </si>
  <si>
    <t>/o=exchangelabs/ou=exchange administrative group (fydibohf23spdlt)/cn=recipients/cn=78e8c35ad19040c9aaf5ff65743e172b-adenilson b;/o=exchangelabs/ou=exchange administrative group (fydibohf23spdlt)/cn=recipients/cn=b16974d7de334bfabfe3dee1e8e47e59-sherley cri;/o=exchangelabs/ou=exchange administrative group (fydibohf23spdlt)/cn=recipients/cn=b5ef1f826e364d2aa99a0df5d1906feb-liliane apa;/o=exchangelabs/ou=exchange administrative group (fydibohf23spdlt)/cn=recipients/cn=user3949317b;</t>
  </si>
  <si>
    <t>RES: ITAÚ_Call Center – RFI 2019 - Estratégia</t>
  </si>
  <si>
    <t>Cópia de RFI_Estratégia.xlsx</t>
  </si>
  <si>
    <t>/o=exchangelabs/ou=exchange administrative group (fydibohf23spdlt)/cn=recipients/cn=78e8c35ad19040c9aaf5ff65743e172b-adenilson b,/o=exchangelabs/ou=exchange administrative group (fydibohf23spdlt)/cn=recipients/cn=b16974d7de334bfabfe3dee1e8e47e59-sherley cri,/o=exchangelabs/ou=exchange administrative group (fydibohf23spdlt)/cn=recipients/cn=b5ef1f826e364d2aa99a0df5d1906feb-liliane apa,/o=exchangelabs/ou=exchange administrative group (fydibohf23spdlt)/cn=recipients/cn=user3949317b</t>
  </si>
  <si>
    <t>10/28/2019 23:03:42</t>
  </si>
  <si>
    <t>10/29/2019 09:09:31</t>
  </si>
  <si>
    <t>/o=exchangelabs/ou=exchange administrative group (fydibohf23spdlt)/cn=recipients/cn=545f738e0fe740ba856f4eb6ef0135e0-vinicius si;/o=exchangelabs/ou=exchange administrative group (fydibohf23spdlt)/cn=recipients/cn=78e530b5e3244cc1a89eba7f7b0af42f-marco tulio;/o=exchangelabs/ou=exchange administrative group (fydibohf23spdlt)/cn=recipients/cn=9c71bc5f5a3648bbbb5f6bedb86e15a6-marcelo buz;/o=exchangelabs/ou=exchange administrative group (fydibohf23spdlt)/cn=recipients/cn=a35622ae1b534401a6dd99bd801d1f97-marcos paul;/o=exchangelabs/ou=exchange administrative group (fydibohf23spdlt)/cn=recipients/cn=b1d771656e5d46709d93295f07966125-pedro henri;</t>
  </si>
  <si>
    <t>Planejador de projetos URA TELECOM.xlsx</t>
  </si>
  <si>
    <t>/o=exchangelabs/ou=exchange administrative group (fydibohf23spdlt)/cn=recipients/cn=545f738e0fe740ba856f4eb6ef0135e0-vinicius si,/o=exchangelabs/ou=exchange administrative group (fydibohf23spdlt)/cn=recipients/cn=78e530b5e3244cc1a89eba7f7b0af42f-marco tulio,/o=exchangelabs/ou=exchange administrative group (fydibohf23spdlt)/cn=recipients/cn=9c71bc5f5a3648bbbb5f6bedb86e15a6-marcelo buz,/o=exchangelabs/ou=exchange administrative group (fydibohf23spdlt)/cn=recipients/cn=a35622ae1b534401a6dd99bd801d1f97-marcos paul,/o=exchangelabs/ou=exchange administrative group (fydibohf23spdlt)/cn=recipients/cn=b1d771656e5d46709d93295f07966125-pedro henri</t>
  </si>
  <si>
    <t>10/29/2019 09:09:14</t>
  </si>
  <si>
    <t>10/29/2019 09:10:31</t>
  </si>
  <si>
    <t>10/29/2019 09:08:24</t>
  </si>
  <si>
    <t>10/29/2019 09:13:31</t>
  </si>
  <si>
    <t>/o=exchangelabs/ou=exchange administrative group (fydibohf23spdlt)/cn=recipients/cn=4adb6e0b3de84bf2bfdb543494159749-leandro lim;/o=exchangelabs/ou=exchange administrative group (fydibohf23spdlt)/cn=recipients/cn=b194f014572c4c36b52132f9199df1aa-jairo junio;/o=exchangelabs/ou=exchange administrative group (fydibohf23spdlt)/cn=recipients/cn=c29ec9dae022497281c840087cccddec-patricia ar;/o=exchangelabs/ou=exchange administrative group (fydibohf23spdlt)/cn=recipients/cn=f00c439d0d474c0586a503a0209ed1f2-bruno wande;/o=exchangelabs/ou=exchange administrative group (fydibohf23spdlt)/cn=recipients/cn=userd3ef8196;</t>
  </si>
  <si>
    <t>RES: Previsão Volume Ligações Bblend - Dezembro (Black Friday)</t>
  </si>
  <si>
    <t>Compra Certa - Black Friday v6.1.xlsb</t>
  </si>
  <si>
    <t>/o=exchangelabs/ou=exchange administrative group (fydibohf23spdlt)/cn=recipients/cn=4adb6e0b3de84bf2bfdb543494159749-leandro lim,/o=exchangelabs/ou=exchange administrative group (fydibohf23spdlt)/cn=recipients/cn=b194f014572c4c36b52132f9199df1aa-jairo junio,/o=exchangelabs/ou=exchange administrative group (fydibohf23spdlt)/cn=recipients/cn=c29ec9dae022497281c840087cccddec-patricia ar,/o=exchangelabs/ou=exchange administrative group (fydibohf23spdlt)/cn=recipients/cn=f00c439d0d474c0586a503a0209ed1f2-bruno wande,/o=exchangelabs/ou=exchange administrative group (fydibohf23spdlt)/cn=recipients/cn=userd3ef8196</t>
  </si>
  <si>
    <t>10/28/2019 17:42:09</t>
  </si>
  <si>
    <t>10/29/2019 09:14:31</t>
  </si>
  <si>
    <t>10/28/2019 17:43:26</t>
  </si>
  <si>
    <t>10/29/2019 09:13:49</t>
  </si>
  <si>
    <t>10/29/2019 09:15:31</t>
  </si>
  <si>
    <t>adrianoms@algartech.com;jullian.faria@algartech.com;karendfs@algartech.com;leandrolds@algartech.com;rodrigormc@algartech.com;sabrinadtdmc@algartech.com;silvio@algartech.com;tatianedc@algartech.com;</t>
  </si>
  <si>
    <t>\\acsfs\ACS\Suporte à Operações\09 - Provisões\2019\10 - Outubro\ROBERTA\</t>
  </si>
  <si>
    <t>Transferencias Bradesco OUT Engeset.xlsb</t>
  </si>
  <si>
    <t>adrianoms@algartech.com,jullian.faria@algartech.com,karendfs@algartech.com,leandrolds@algartech.com,rodrigormc@algartech.com,sabrinadtdmc@algartech.com,silvio@algartech.com,tatianedc@algartech.com</t>
  </si>
  <si>
    <t>10/29/2019 09:15:11</t>
  </si>
  <si>
    <t>10/29/2019 09:16:32</t>
  </si>
  <si>
    <t>ENC: Planejador de projetos URA TELECOM.xlsx</t>
  </si>
  <si>
    <t>10/29/2019 09:16:52</t>
  </si>
  <si>
    <t>10/29/2019 09:17:31</t>
  </si>
  <si>
    <t>/o=exchangelabs/ou=exchange administrative group (fydibohf23spdlt)/cn=recipients/cn=b5ef1f826e364d2aa99a0df5d1906feb-liliane apa;/o=exchangelabs/ou=exchange administrative group (fydibohf23spdlt)/cn=recipients/cn=ddbbc013641646d08f8ffec122e83ef5-sandy yumi;/o=exchangelabs/ou=exchange administrative group (fydibohf23spdlt)/cn=recipients/cn=f7a4290a46314a3cbb0d392508a7b5c5-luciana sil;/o=exchangelabs/ou=exchange administrative group (fydibohf23spdlt)/cn=recipients/cn=f9fe932422d84c28aad0bc6079f59209-daniele dos;/o=exchangelabs/ou=exchange administrative group (fydibohf23spdlt)/cn=recipients/cn=user3949317b;</t>
  </si>
  <si>
    <t>ENC: ITAÚ_Call Center – RFI 2019 - Estratégia</t>
  </si>
  <si>
    <t>/o=exchangelabs/ou=exchange administrative group (fydibohf23spdlt)/cn=recipients/cn=b5ef1f826e364d2aa99a0df5d1906feb-liliane apa,/o=exchangelabs/ou=exchange administrative group (fydibohf23spdlt)/cn=recipients/cn=ddbbc013641646d08f8ffec122e83ef5-sandy yumi,/o=exchangelabs/ou=exchange administrative group (fydibohf23spdlt)/cn=recipients/cn=f7a4290a46314a3cbb0d392508a7b5c5-luciana sil,/o=exchangelabs/ou=exchange administrative group (fydibohf23spdlt)/cn=recipients/cn=f9fe932422d84c28aad0bc6079f59209-daniele dos,/o=exchangelabs/ou=exchange administrative group (fydibohf23spdlt)/cn=recipients/cn=user3949317b</t>
  </si>
  <si>
    <t>10/29/2019 09:14:59</t>
  </si>
  <si>
    <t>10/29/2019 09:18:31</t>
  </si>
  <si>
    <t>10/29/2019 09:16:23</t>
  </si>
  <si>
    <t>10/29/2019 09:21:32</t>
  </si>
  <si>
    <t>CAPEX_1ªREV_2019 - Informação_Caixa_v5.xlsx</t>
  </si>
  <si>
    <t>10/29/2019 09:20:40</t>
  </si>
  <si>
    <t>10/29/2019 09:22:32</t>
  </si>
  <si>
    <t>Y:\financeiro_ula\FATURAMENTO\05.NFF MERCANTIL\NFSe 2019\10.2019\</t>
  </si>
  <si>
    <t>Cadastro Oebs (2).xlsx</t>
  </si>
  <si>
    <t>10/29/2019 09:23:17</t>
  </si>
  <si>
    <t>10/29/2019 09:24:31</t>
  </si>
  <si>
    <t>Century Link - Receitamento Outubro.xlsx</t>
  </si>
  <si>
    <t>10/29/2019 09:12:36</t>
  </si>
  <si>
    <t>10/29/2019 09:27:31</t>
  </si>
  <si>
    <t>https://caey.fa.us2.oraclecloud.com/crmui/faces/fusewelcome?_adf.ctrl-state=w2ostf0n8_5</t>
  </si>
  <si>
    <t>C:\Users\denysgds\Documents\Backup Denys\Denys Guidio Backup\Backup\Weg\Weg Recurso Temporário\Atuação Remota e Presencial\</t>
  </si>
  <si>
    <t>209377 Weg Atuação Remota Plan Precificacao C017 B017_v2.xlsb</t>
  </si>
  <si>
    <t>C:\Users\denysgds\Documents\Backup Denys\Denys Guidio Backup\Backup\Weg\Weg Recurso Temporário\Atuação Remota e Presencial\209377 Weg Atuação Remota Plan Precificacao C017 B017_v2.xlsb\</t>
  </si>
  <si>
    <t>10/29/2019 09:15:43</t>
  </si>
  <si>
    <t>C:\Users\denysgds\Documents\Backup Denys\Denys Guidio Backup\Backup\Epson\</t>
  </si>
  <si>
    <t>192320 Plan Precificacao C017 B017_v1.xlsb</t>
  </si>
  <si>
    <t>C:\Users\denysgds\Documents\Backup Denys\Denys Guidio Backup\Backup\Epson\192320 Plan Precificacao C017 B017_v1.xlsb\</t>
  </si>
  <si>
    <t>10/29/2019 09:17:46</t>
  </si>
  <si>
    <t>C:\Users\denysgds\Documents\Backup Denys\Denys Guidio Backup\Backup\Weg\Proposta Weg\GIAT FULL\</t>
  </si>
  <si>
    <t>C:\Users\denysgds\Documents\Backup Denys\Denys Guidio Backup\Backup\Weg\Proposta Weg\GIAT FULL\209379 Weg GIAT C017 B017_v2 Mudança BP Ganho.xlsb\</t>
  </si>
  <si>
    <t>10/29/2019 09:22:19</t>
  </si>
  <si>
    <t>10/29/2019 09:23:28</t>
  </si>
  <si>
    <t>C:\Users\denysgds\Documents\Backup Denys\Denys Guidio Backup\Backup\Weg\AMS\AMS BH\</t>
  </si>
  <si>
    <t>C:\Users\denysgds\Documents\Backup Denys\Denys Guidio Backup\Backup\Weg\AMS\AMS BH\204294 Weg Plan Precificacao C017 B017_v1 190 Tickets Chamados 3 Turnos 6hs BH.xlsb\</t>
  </si>
  <si>
    <t>10/29/2019 09:25:26</t>
  </si>
  <si>
    <t>10/29/2019 09:30:31</t>
  </si>
  <si>
    <t>10/29/2019 09:26:03</t>
  </si>
  <si>
    <t>10/28/2019 17:22:10</t>
  </si>
  <si>
    <t>10/29/2019 09:31:31</t>
  </si>
  <si>
    <t>10/29/2019 09:33:32</t>
  </si>
  <si>
    <t>/o=exchangelabs/ou=exchange administrative group (fydibohf23spdlt)/cn=recipients/cn=004fbe04a76042fda28a404cff30f61b-vinicius ma;cs_gener@caixaseguradora.com.br;marilia.araujo@caixaseguradora.com.br;nayara.barroso@caixaseguradora.com.br;</t>
  </si>
  <si>
    <t>Planejamento Venda PM - nov/19</t>
  </si>
  <si>
    <t>Planejamento_Novembro_Venda PM.xlsx</t>
  </si>
  <si>
    <t>/o=exchangelabs/ou=exchange administrative group (fydibohf23spdlt)/cn=recipients/cn=004fbe04a76042fda28a404cff30f61b-vinicius ma,cs_gener@caixaseguradora.com.br,marilia.araujo@caixaseguradora.com.br,nayara.barroso@caixaseguradora.com.br</t>
  </si>
  <si>
    <t>10/29/2019 09:33:47</t>
  </si>
  <si>
    <t>10/29/2019 09:35:32</t>
  </si>
  <si>
    <t>10/29/2019 09:34:46</t>
  </si>
  <si>
    <t>10/29/2019 09:36:31</t>
  </si>
  <si>
    <t>ENC: Preenchimento do campo TOMADOR na STH - Importante</t>
  </si>
  <si>
    <t>10/28/2019 21:48:55</t>
  </si>
  <si>
    <t>10/29/2019 09:40:31</t>
  </si>
  <si>
    <t>Amostragem RCOM x Acionamento</t>
  </si>
  <si>
    <t>Auditoria de Acionamneto RCOMxTentativaDiscador.xlsx</t>
  </si>
  <si>
    <t>10/29/2019 09:38:10</t>
  </si>
  <si>
    <t>10/29/2019 09:41:32</t>
  </si>
  <si>
    <t>Status MMA - Micro-ondas 28.10.19.xls</t>
  </si>
  <si>
    <t>10/29/2019 09:38:24</t>
  </si>
  <si>
    <t>Status MMA - Smartphones MultiLaser e J2 28.10.19.xls</t>
  </si>
  <si>
    <t>10/29/2019 09:37:08</t>
  </si>
  <si>
    <t>10/29/2019 09:42:31</t>
  </si>
  <si>
    <t>Monitorias Online - Outubro</t>
  </si>
  <si>
    <t>10/29/2019 09:37:40</t>
  </si>
  <si>
    <t>RES: Monitorias Online - Outubro</t>
  </si>
  <si>
    <t>10/29/2019 09:40:39</t>
  </si>
  <si>
    <t>CAPEX_1ªREV_2019 - Informação_Caixa_v5 - PROJETOS E CCC.xlsx</t>
  </si>
  <si>
    <t>10/29/2019 09:38:27</t>
  </si>
  <si>
    <t>mail.google.com/_/upload?authuser=1&amp;dcp=asu-n&amp;upload_id=AEnB2Ur9Vs-HRBtGmq4ATUveFMDzh1LlpCe61HrNT89io5fPXEI9YSGIrCzTBv8Wl1Cz5nerpi4Nz97rmGlptSBa7KHRp1xQnNJvuwI9fgUO9lwJ537brg4&amp;upload_protocol=resumable</t>
  </si>
  <si>
    <t>10/29/2019 09:39:05</t>
  </si>
  <si>
    <t>10/29/2019 09:43:31</t>
  </si>
  <si>
    <t>10/29/2019 09:43:05</t>
  </si>
  <si>
    <t>10/29/2019 09:45:32</t>
  </si>
  <si>
    <t>/o=exchangelabs/ou=exchange administrative group (fydibohf23spdlt)/cn=recipients/cn=453b61456320491dad510b65b310018f-kelen crist;/o=exchangelabs/ou=exchange administrative group (fydibohf23spdlt)/cn=recipients/cn=88e4fcbd3ea14730a81286cc0683fb42-manoel eloy;/o=exchangelabs/ou=exchange administrative group (fydibohf23spdlt)/cn=recipients/cn=90bbd36f936b4bc78e1fbd0a7eb4aa7d-samantha du;/o=exchangelabs/ou=exchange administrative group (fydibohf23spdlt)/cn=recipients/cn=b712c36eebee42428d3790abe2696417-romario gom;/o=exchangelabs/ou=exchange administrative group (fydibohf23spdlt)/cn=recipients/cn=e4dbda4121b54299b4a719c6aa694894-algar tech;/o=exchangelabs/ou=exchange administrative group (fydibohf23spdlt)/cn=recipients/cn=groupf56ef55a;daniel.cabeceira@bradesco.com.br;daniel.paschoal@next.b.br;lucas.c.santana@next.b.br;</t>
  </si>
  <si>
    <t>Troca de Device - Next</t>
  </si>
  <si>
    <t>TRN DEVICE - AGENTES CAPACITADOS.xlsx</t>
  </si>
  <si>
    <t>/o=exchangelabs/ou=exchange administrative group (fydibohf23spdlt)/cn=recipients/cn=453b61456320491dad510b65b310018f-kelen crist,/o=exchangelabs/ou=exchange administrative group (fydibohf23spdlt)/cn=recipients/cn=88e4fcbd3ea14730a81286cc0683fb42-manoel eloy,/o=exchangelabs/ou=exchange administrative group (fydibohf23spdlt)/cn=recipients/cn=90bbd36f936b4bc78e1fbd0a7eb4aa7d-samantha du,/o=exchangelabs/ou=exchange administrative group (fydibohf23spdlt)/cn=recipients/cn=b712c36eebee42428d3790abe2696417-romario gom,/o=exchangelabs/ou=exchange administrative group (fydibohf23spdlt)/cn=recipients/cn=e4dbda4121b54299b4a719c6aa694894-algar tech,/o=exchangelabs/ou=exchange administrative group (fydibohf23spdlt)/cn=recipients/cn=groupf56ef55a,daniel.cabeceira@bradesco.com.br,daniel.paschoal@next.b.br,lucas.c.santana@next.b.br</t>
  </si>
  <si>
    <t>10/28/2019 22:33:36</t>
  </si>
  <si>
    <t>10/29/2019 09:51:31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/o=exchangelabs/ou=exchange administrative group (fydibohf23spdlt)/cn=recipients/cn=f0ff087361a245daa16e71ac77ecc3f0-ivan costa;</t>
  </si>
  <si>
    <t>RES: Fórum</t>
  </si>
  <si>
    <t>JOB_.rar\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,/o=exchangelabs/ou=exchange administrative group (fydibohf23spdlt)/cn=recipients/cn=f0ff087361a245daa16e71ac77ecc3f0-ivan costa</t>
  </si>
  <si>
    <t>10/29/2019 09:51:40</t>
  </si>
  <si>
    <t>10/29/2019 09:53:31</t>
  </si>
  <si>
    <t>mail.google.com/_/upload?authuser=0&amp;dcp=asu-n&amp;upload_id=AEnB2UqFh-uAw9lEWBTjoMFxJ_CqK13MLt8oQIf9uPVWZ_cGq51s2nHvaE0_zfE3cIA_iy9Qs6fASJEImrqF-8FRPsq0lX9TDw&amp;upload_protocol=resumable</t>
  </si>
  <si>
    <t>C:\Users\filemoncmj\OneDrive - Grupo Algar\01. Algar Tech\02. Projetos Corporativos\06. PPE\GIAT\08. Status Report\2019\05. Maio\PMO - Status PPE's - GIAT - 31.05.2019.pptx\</t>
  </si>
  <si>
    <t>10/29/2019 09:49:21</t>
  </si>
  <si>
    <t>10/29/2019 09:54:31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6189712535ea4b50a3625910837af2c9-larissa bra;hugo_cesar_rodrigues_dos_santos_algar@whirlpool.com;</t>
  </si>
  <si>
    <t>Lista de Demandas Buso.xlsx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6189712535ea4b50a3625910837af2c9-larissa bra,hugo_cesar_rodrigues_dos_santos_algar@whirlpool.com</t>
  </si>
  <si>
    <t>10/29/2019 09:51:58</t>
  </si>
  <si>
    <t>10/29/2019 09:55:32</t>
  </si>
  <si>
    <t>10/29/2019 09:51:30</t>
  </si>
  <si>
    <t>10/29/2019 09:56:32</t>
  </si>
  <si>
    <t>/o=exchangelabs/ou=exchange administrative group (fydibohf23spdlt)/cn=recipients/cn=8ab5e44d485043d59eb4f21463e63e6a-tays dos sa;/o=exchangelabs/ou=exchange administrative group (fydibohf23spdlt)/cn=recipients/cn=b1a72fc2d0234efca84c7771ea70c7ee-roberta cri;/o=exchangelabs/ou=exchange administrative group (fydibohf23spdlt)/cn=recipients/cn=be0b59caa4dc43e39afaa089f44ef778-leonardo al;/o=exchangelabs/ou=exchange administrative group (fydibohf23spdlt)/cn=recipients/cn=user8e89d2d7;rafaelggs@algartech.com;</t>
  </si>
  <si>
    <t>ENC: Alterar carga horária - 5:08 para 7:12</t>
  </si>
  <si>
    <t>Simul BV.xlsx</t>
  </si>
  <si>
    <t>/o=exchangelabs/ou=exchange administrative group (fydibohf23spdlt)/cn=recipients/cn=8ab5e44d485043d59eb4f21463e63e6a-tays dos sa,/o=exchangelabs/ou=exchange administrative group (fydibohf23spdlt)/cn=recipients/cn=b1a72fc2d0234efca84c7771ea70c7ee-roberta cri,/o=exchangelabs/ou=exchange administrative group (fydibohf23spdlt)/cn=recipients/cn=be0b59caa4dc43e39afaa089f44ef778-leonardo al,/o=exchangelabs/ou=exchange administrative group (fydibohf23spdlt)/cn=recipients/cn=user8e89d2d7,rafaelggs@algartech.com</t>
  </si>
  <si>
    <t>10/29/2019 09:55:18</t>
  </si>
  <si>
    <t>10/29/2019 09:58:32</t>
  </si>
  <si>
    <t>10/29/2019 09:57:17</t>
  </si>
  <si>
    <t>10/29/2019 10:02:31</t>
  </si>
  <si>
    <t>10/29/2019 10:01:02</t>
  </si>
  <si>
    <t>10/29/2019 10:04:31</t>
  </si>
  <si>
    <t>10/29/2019 10:00:01</t>
  </si>
  <si>
    <t>10/29/2019 10:05:32</t>
  </si>
  <si>
    <t>10/29/2019 10:00:40</t>
  </si>
  <si>
    <t>10/29/2019 10:04:22</t>
  </si>
  <si>
    <t>10/29/2019 10:03:58</t>
  </si>
  <si>
    <t>10/29/2019 10:06:31</t>
  </si>
  <si>
    <t>ENC: ORC_2020_Daniel</t>
  </si>
  <si>
    <t>ORC_2020_Daniel.xlsx</t>
  </si>
  <si>
    <t>10/29/2019 10:05:31</t>
  </si>
  <si>
    <t>http://shareit.global.avon.com/sites/arrmcm/forca-de-vendas/_layouts/upload.aspx?list={bfd161db-750f-4cbd-9e74-a6fb6ee0a6de}&amp;rootfolder=/sites/arrmcm/forca-de-vendas/revendedora/incentivos/meu mundo avon&amp;source=http://shareit.global.avon.com/sites/arrmcm/forca-de-vendas/revendedora/forms/allitems.aspx?rootfolder=%2fsites%2farrmcm%2fforca%2dde%2dvendas%2frevendedora%2fincentivos%2fmeu%20mundo%20avon&amp;sortfield=modified&amp;sortdir=desc&amp;view=%7b993eba10%2d8cf7%2d4fbc%2dbe91%2de4ca00ce3956%7d</t>
  </si>
  <si>
    <t>Status MMA - Impressoras.xls</t>
  </si>
  <si>
    <t>10/29/2019 10:05:29</t>
  </si>
  <si>
    <t>10/29/2019 10:09:31</t>
  </si>
  <si>
    <t>216356 - BOT para Continental_v2 (Setup).xlsb</t>
  </si>
  <si>
    <t>10/29/2019 10:03:46</t>
  </si>
  <si>
    <t>10/29/2019 10:07:53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hugo_cesar_rodrigues_dos_santos_algar@whirlpool.com;larissabdi@algartech.com;</t>
  </si>
  <si>
    <t>RES: Acompanhamento NPS - TRACK SALES e 5 STAR - Out/2019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hugo_cesar_rodrigues_dos_santos_algar@whirlpool.com,larissabdi@algartech.com</t>
  </si>
  <si>
    <t>10/29/2019 10:08:58</t>
  </si>
  <si>
    <t>Produtividade RAF - Out-2019 - Parcial - 28-10-19.xlsm</t>
  </si>
  <si>
    <t>10/29/2019 00:07:48</t>
  </si>
  <si>
    <t>10/29/2019 10:12:32</t>
  </si>
  <si>
    <t>/o=exchangelabs/ou=exchange administrative group (fydibohf23spdlt)/cn=recipients/cn=49457acaa5584c6d8daec8f0ad186be2-carlos maur;/o=exchangelabs/ou=exchange administrative group (fydibohf23spdlt)/cn=recipients/cn=651324bc204a42f6bbcdf62273ebdc5c-aluisio ant;/o=exchangelabs/ou=exchange administrative group (fydibohf23spdlt)/cn=recipients/cn=user78f7a52d;</t>
  </si>
  <si>
    <t>Apresentação BP LP GAT - Para diretoria (sem a Tatiane)</t>
  </si>
  <si>
    <t>Evolução de Portifólio - PPE GAT - Outubro 2019_v6.pptx\</t>
  </si>
  <si>
    <t>/o=exchangelabs/ou=exchange administrative group (fydibohf23spdlt)/cn=recipients/cn=49457acaa5584c6d8daec8f0ad186be2-carlos maur,/o=exchangelabs/ou=exchange administrative group (fydibohf23spdlt)/cn=recipients/cn=651324bc204a42f6bbcdf62273ebdc5c-aluisio ant,/o=exchangelabs/ou=exchange administrative group (fydibohf23spdlt)/cn=recipients/cn=user78f7a52d</t>
  </si>
  <si>
    <t>10/29/2019 10:14:00</t>
  </si>
  <si>
    <t>10/29/2019 10:16:32</t>
  </si>
  <si>
    <t>/o=exchangelabs/ou=exchange administrative group (fydibohf23spdlt)/cn=recipients/cn=004fbe04a76042fda28a404cff30f61b-vinicius ma;/o=exchangelabs/ou=exchange administrative group (fydibohf23spdlt)/cn=recipients/cn=52684aee05874b27a5c249763c2fe008-andre mota;/o=exchangelabs/ou=exchange administrative group (fydibohf23spdlt)/cn=recipients/cn=6fbc44b6d6b549208175d5a27201bd13-cintia nune;/o=exchangelabs/ou=exchange administrative group (fydibohf23spdlt)/cn=recipients/cn=fe134ce6f7124ebfa00395a14326bd71-luciana ber;marilia.araujo@caixaseguradora.com.br;</t>
  </si>
  <si>
    <t>ENC: Validação - Faturamento - VIDA 2019</t>
  </si>
  <si>
    <t>Arquivo validador VIDA 2019.xlsx</t>
  </si>
  <si>
    <t>/o=exchangelabs/ou=exchange administrative group (fydibohf23spdlt)/cn=recipients/cn=004fbe04a76042fda28a404cff30f61b-vinicius ma,/o=exchangelabs/ou=exchange administrative group (fydibohf23spdlt)/cn=recipients/cn=52684aee05874b27a5c249763c2fe008-andre mota,/o=exchangelabs/ou=exchange administrative group (fydibohf23spdlt)/cn=recipients/cn=6fbc44b6d6b549208175d5a27201bd13-cintia nune,/o=exchangelabs/ou=exchange administrative group (fydibohf23spdlt)/cn=recipients/cn=fe134ce6f7124ebfa00395a14326bd71-luciana ber,marilia.araujo@caixaseguradora.com.br</t>
  </si>
  <si>
    <t>10/29/2019 10:20:58</t>
  </si>
  <si>
    <t>10/29/2019 10:25:33</t>
  </si>
  <si>
    <t>Analitico 2310.csv</t>
  </si>
  <si>
    <t>10/29/2019 10:24:20</t>
  </si>
  <si>
    <t>10/29/2019 10:27:32</t>
  </si>
  <si>
    <t>Padrao Solicitacao Receitamento SG Telecom FAT B LOTE Complementar Outubro.xlsm</t>
  </si>
  <si>
    <t>10/29/2019 10:26:19</t>
  </si>
  <si>
    <t>10/29/2019 10:28:32</t>
  </si>
  <si>
    <t>fellypcsj@algartech.com;marciorct@algartech.com;</t>
  </si>
  <si>
    <t>\\acsfs\engeset\COORDENAÇÃO CENTRO OESTE\Marcio\Fatura B\Akassia\</t>
  </si>
  <si>
    <t>Controle FatB 2019 Fellyp..xlsx</t>
  </si>
  <si>
    <t>fellypcsj@algartech.com,marciorct@algartech.com</t>
  </si>
  <si>
    <t>10/29/2019 10:25:55</t>
  </si>
  <si>
    <t>10/29/2019 10:30:32</t>
  </si>
  <si>
    <t>10/29/2019 10:29:01</t>
  </si>
  <si>
    <t>10/29/2019 10:31:32</t>
  </si>
  <si>
    <t>/o=exchangelabs/ou=exchange administrative group (fydibohf23spdlt)/cn=recipients/cn=004fbe04a76042fda28a404cff30f61b-vinicius ma;/o=exchangelabs/ou=exchange administrative group (fydibohf23spdlt)/cn=recipients/cn=2f4bb3276da2464096fd9ebe23e1d908-marla jorda;/o=exchangelabs/ou=exchange administrative group (fydibohf23spdlt)/cn=recipients/cn=363af2e6e56746febce0b409a64e9677-anne caroli;/o=exchangelabs/ou=exchange administrative group (fydibohf23spdlt)/cn=recipients/cn=8448bc0d964c4200bf3bd8bd54310da1-kesley isai;/o=exchangelabs/ou=exchange administrative group (fydibohf23spdlt)/cn=recipients/cn=856a40c11c264d9e82bdecf4c7271e0c-andrea carv;/o=exchangelabs/ou=exchange administrative group (fydibohf23spdlt)/cn=recipients/cn=f0e6b231679d41b89fbbc682e6e3a6ca-daiane barb;juliana.seixas@caixaseguradora.com.br;</t>
  </si>
  <si>
    <t>ENC: Resultado Residencial + Plano de Ação</t>
  </si>
  <si>
    <t>RD HABITACIONAL_Análise por semana.xlsb</t>
  </si>
  <si>
    <t>/o=exchangelabs/ou=exchange administrative group (fydibohf23spdlt)/cn=recipients/cn=004fbe04a76042fda28a404cff30f61b-vinicius ma,/o=exchangelabs/ou=exchange administrative group (fydibohf23spdlt)/cn=recipients/cn=2f4bb3276da2464096fd9ebe23e1d908-marla jorda,/o=exchangelabs/ou=exchange administrative group (fydibohf23spdlt)/cn=recipients/cn=363af2e6e56746febce0b409a64e9677-anne caroli,/o=exchangelabs/ou=exchange administrative group (fydibohf23spdlt)/cn=recipients/cn=8448bc0d964c4200bf3bd8bd54310da1-kesley isai,/o=exchangelabs/ou=exchange administrative group (fydibohf23spdlt)/cn=recipients/cn=856a40c11c264d9e82bdecf4c7271e0c-andrea carv,/o=exchangelabs/ou=exchange administrative group (fydibohf23spdlt)/cn=recipients/cn=f0e6b231679d41b89fbbc682e6e3a6ca-daiane barb,juliana.seixas@caixaseguradora.com.br</t>
  </si>
  <si>
    <t>10/29/2019 10:27:28</t>
  </si>
  <si>
    <t>10/29/2019 10:32:32</t>
  </si>
  <si>
    <t>c:\users\denisevca\appdata\local\microsoft\windows\inetcache\content.outlook\xxfhubj4\</t>
  </si>
  <si>
    <t>protocolo para imprimir - dhl express.xlsx</t>
  </si>
  <si>
    <t>10/29/2019 10:31:55</t>
  </si>
  <si>
    <t>protocolo para envio de correspondências_ dhl express.xlsx</t>
  </si>
  <si>
    <t>10/29/2019 10:33:24</t>
  </si>
  <si>
    <t>10/29/2019 10:34:33</t>
  </si>
  <si>
    <t>8Anexo VIII Sistemas Servidores e BD - atualizado.xlsx</t>
  </si>
  <si>
    <t>10/29/2019 10:32:51</t>
  </si>
  <si>
    <t>10/29/2019 10:35:32</t>
  </si>
  <si>
    <t>Informações Sharepoint Server.xlsx</t>
  </si>
  <si>
    <t>10/29/2019 10:33:11</t>
  </si>
  <si>
    <t>daniloasb@algartech.com;guilhermeaso@algartech.com;luizfsm@algartech.com;</t>
  </si>
  <si>
    <t>daniloasb@algartech.com,guilhermeaso@algartech.com,luizfsm@algartech.com</t>
  </si>
  <si>
    <t>10/29/2019 10:32:22</t>
  </si>
  <si>
    <t>10/29/2019 10:36:32</t>
  </si>
  <si>
    <t>Acompanhamento The Oscar - Parcial - 4 Trimestre</t>
  </si>
  <si>
    <t>ACOMPANHAMENTO TO_4Tri.xlsx</t>
  </si>
  <si>
    <t>10/29/2019 10:36:31</t>
  </si>
  <si>
    <t>10/29/2019 10:37:32</t>
  </si>
  <si>
    <t>10/29/2019 10:36:21</t>
  </si>
  <si>
    <t>10/29/2019 10:39:32</t>
  </si>
  <si>
    <t>/o=exchangelabs/ou=exchange administrative group (fydibohf23spdlt)/cn=recipients/cn=32b20a28d31f440a8435af323365cdb0-wesley doug;/o=exchangelabs/ou=exchange administrative group (fydibohf23spdlt)/cn=recipients/cn=34a28d636a1b4c86b1ec79baed4b846a-marco anton;/o=exchangelabs/ou=exchange administrative group (fydibohf23spdlt)/cn=recipients/cn=54abac0a4fdc4ad1bec39bb51d85eab1-victor hugo;/o=exchangelabs/ou=exchange administrative group (fydibohf23spdlt)/cn=recipients/cn=83e5e0f05dcb4510a09e93c7d27271dd-hugo braga;/o=exchangelabs/ou=exchange administrative group (fydibohf23spdlt)/cn=recipients/cn=f9f7ff8c593c4c869b053771ddd5846a-simone eloi;/o=exchangelabs/ou=exchange administrative group (fydibohf23spdlt)/cn=recipients/cn=userdc05fc7c;</t>
  </si>
  <si>
    <t>ENC: Orçamento Seguro Garantia</t>
  </si>
  <si>
    <t>Relatórios_Fianças_Empresas Algar Tech_Seguros.xlsx</t>
  </si>
  <si>
    <t>/o=exchangelabs/ou=exchange administrative group (fydibohf23spdlt)/cn=recipients/cn=32b20a28d31f440a8435af323365cdb0-wesley doug,/o=exchangelabs/ou=exchange administrative group (fydibohf23spdlt)/cn=recipients/cn=34a28d636a1b4c86b1ec79baed4b846a-marco anton,/o=exchangelabs/ou=exchange administrative group (fydibohf23spdlt)/cn=recipients/cn=54abac0a4fdc4ad1bec39bb51d85eab1-victor hugo,/o=exchangelabs/ou=exchange administrative group (fydibohf23spdlt)/cn=recipients/cn=83e5e0f05dcb4510a09e93c7d27271dd-hugo braga,/o=exchangelabs/ou=exchange administrative group (fydibohf23spdlt)/cn=recipients/cn=f9f7ff8c593c4c869b053771ddd5846a-simone eloi,/o=exchangelabs/ou=exchange administrative group (fydibohf23spdlt)/cn=recipients/cn=userdc05fc7c</t>
  </si>
  <si>
    <t>10/29/2019 10:40:21</t>
  </si>
  <si>
    <t>10/29/2019 10:41:33</t>
  </si>
  <si>
    <t>/o=exchangelabs/ou=exchange administrative group (fydibohf23spdlt)/cn=recipients/cn=f12a8a47728048b0a734508ea6226c04-michele dos;</t>
  </si>
  <si>
    <t>Acompanhamento The Oscar - Parcial - 3 Trimestre</t>
  </si>
  <si>
    <t>ACOMPANHAMENTO TO_3Tri.xlsx</t>
  </si>
  <si>
    <t>/o=exchangelabs/ou=exchange administrative group (fydibohf23spdlt)/cn=recipients/cn=f12a8a47728048b0a734508ea6226c04-michele dos</t>
  </si>
  <si>
    <t>10/29/2019 10:43:30</t>
  </si>
  <si>
    <t>10/29/2019 10:44:32</t>
  </si>
  <si>
    <t>ENC: volumetria orçamento 2020</t>
  </si>
  <si>
    <t>VOLUMETRIA_HELIEL.xlsx</t>
  </si>
  <si>
    <t>10/29/2019 10:41:17</t>
  </si>
  <si>
    <t>10/29/2019 10:46:32</t>
  </si>
  <si>
    <t>ENC: Gastos Uber Outubro</t>
  </si>
  <si>
    <t>GASTOS UBER OUTUBRO.xlsx</t>
  </si>
  <si>
    <t>10/29/2019 10:45:45</t>
  </si>
  <si>
    <t>10/29/2019 10:47:32</t>
  </si>
  <si>
    <t>10.200.58.72</t>
  </si>
  <si>
    <t>FC-01-7C-B3-5B-B5</t>
  </si>
  <si>
    <t>marcoabm@algartech.com;</t>
  </si>
  <si>
    <t>\\acsfs\deptos\DME\CME - Coordenacao de Marketing e Estrategia\Assessoria de Comunicação\1. Clientes\Régua de Relacionamento\2019\Dia D\ELECTROLUX 31 outubro\</t>
  </si>
  <si>
    <t>Agenda Dia D Eletrolux - final.xls</t>
  </si>
  <si>
    <t>marcoabm@algartech.com</t>
  </si>
  <si>
    <t>10/29/2019 10:45:50</t>
  </si>
  <si>
    <t>10/29/2019 10:45:58</t>
  </si>
  <si>
    <t>10/29/2019 10:46:03</t>
  </si>
  <si>
    <t>ceciliame@algartech.com;marcoabm@algartech.com;priscilacy@algartech.com;</t>
  </si>
  <si>
    <t>\\acsfs\deptos\DME\CME - Coordenacao de Marketing e Estrategia\Assessoria de Comunicação\1. Clientes\Régua de Relacionamento\2019\Dia D\BMW - 30 outubro\</t>
  </si>
  <si>
    <t>Agenda Dia D BMW - final.xls</t>
  </si>
  <si>
    <t>ceciliame@algartech.com,marcoabm@algartech.com,priscilacy@algartech.com</t>
  </si>
  <si>
    <t>10/29/2019 10:44:48</t>
  </si>
  <si>
    <t>10/29/2019 10:50:32</t>
  </si>
  <si>
    <t>/o=exchangelabs/ou=exchange administrative group (fydibohf23spdlt)/cn=recipients/cn=372a4aee70df4061aed129651510b96b-raul montei;/o=exchangelabs/ou=exchange administrative group (fydibohf23spdlt)/cn=recipients/cn=f67f0409c7ae4580b53b07ea98cce4c6-talita pele;</t>
  </si>
  <si>
    <t>RES: Opp - Weg</t>
  </si>
  <si>
    <t>141417 - WEG - Operação v4 - BP Preço C015 B014 Desonerada_RV PL SL. Mín.xlsb</t>
  </si>
  <si>
    <t>/o=exchangelabs/ou=exchange administrative group (fydibohf23spdlt)/cn=recipients/cn=372a4aee70df4061aed129651510b96b-raul montei,/o=exchangelabs/ou=exchange administrative group (fydibohf23spdlt)/cn=recipients/cn=f67f0409c7ae4580b53b07ea98cce4c6-talita pele</t>
  </si>
  <si>
    <t>10/29/2019 10:50:44</t>
  </si>
  <si>
    <t>10/29/2019 10:51:33</t>
  </si>
  <si>
    <t>Faturamento Novas ações Caixa Capitalização</t>
  </si>
  <si>
    <t>RESUMO FATURAMENTO NOVAS AÇÕES setembro retroativo.xlsx</t>
  </si>
  <si>
    <t>10/29/2019 10:50:18</t>
  </si>
  <si>
    <t>Acessos Beedoo 29-10.xls</t>
  </si>
  <si>
    <t>10/29/2019 10:47:23</t>
  </si>
  <si>
    <t>10/29/2019 10:52:33</t>
  </si>
  <si>
    <t>10/29/2019 10:47:26</t>
  </si>
  <si>
    <t>10/29/2019 10:47:42</t>
  </si>
  <si>
    <t>10/29/2019 10:53:38</t>
  </si>
  <si>
    <t>10/29/2019 10:54:34</t>
  </si>
  <si>
    <t>ENC: Forecast Nov - S&amp;OP .</t>
  </si>
  <si>
    <t>112019_Forecast de Receita Oficial_2019.xlsx</t>
  </si>
  <si>
    <t>10/29/2019 10:53:49</t>
  </si>
  <si>
    <t>10/29/2019 10:55:33</t>
  </si>
  <si>
    <t>lucianaas@algartech.com.br;</t>
  </si>
  <si>
    <t>ENC: Turmas de treinamento Overlap</t>
  </si>
  <si>
    <t>MIGRAÇÃO PJ - Overlap TRN (690 KB).msg\s1\</t>
  </si>
  <si>
    <t>2019 10 22 - Onda Full Necessidade.xlsx</t>
  </si>
  <si>
    <t>lucianaas@algartech.com.br</t>
  </si>
  <si>
    <t>10/29/2019 10:54:58</t>
  </si>
  <si>
    <t>10/29/2019 10:57:33</t>
  </si>
  <si>
    <t>10.200.72.17</t>
  </si>
  <si>
    <t>C:\Users\danubiacsm\Desktop\Modelo de Raio X Turma_29.10.pptx\</t>
  </si>
  <si>
    <t>10/29/2019 10:52:53</t>
  </si>
  <si>
    <t>/o=exchangelabs/ou=exchange administrative group (fydibohf23spdlt)/cn=recipients/cn=9bb376e8b4c74d45963b1165e99fb0ea-fernando ro;/o=exchangelabs/ou=exchange administrative group (fydibohf23spdlt)/cn=recipients/cn=a72fa73d2e1a464ba879e7629d58ef97-luana erlen;/o=exchangelabs/ou=exchange administrative group (fydibohf23spdlt)/cn=recipients/cn=d86d4bf5f67548aa92acef38267ca44b-leandro jos;/o=exchangelabs/ou=exchange administrative group (fydibohf23spdlt)/cn=recipients/cn=group418fdb81;</t>
  </si>
  <si>
    <t>/o=exchangelabs/ou=exchange administrative group (fydibohf23spdlt)/cn=recipients/cn=9bb376e8b4c74d45963b1165e99fb0ea-fernando ro,/o=exchangelabs/ou=exchange administrative group (fydibohf23spdlt)/cn=recipients/cn=a72fa73d2e1a464ba879e7629d58ef97-luana erlen,/o=exchangelabs/ou=exchange administrative group (fydibohf23spdlt)/cn=recipients/cn=d86d4bf5f67548aa92acef38267ca44b-leandro jos,/o=exchangelabs/ou=exchange administrative group (fydibohf23spdlt)/cn=recipients/cn=group418fdb81</t>
  </si>
  <si>
    <t>10/29/2019 11:05:10</t>
  </si>
  <si>
    <t>10/29/2019 11:07:33</t>
  </si>
  <si>
    <t>outlook.office365.com/mail/search/id/AAQkADgzZDFmMDE1LTYzNzUtNDllOS04MWM4LWNlNGEyZGM2MTFhZQAQALnQYHLtaUvaocyacsHpgWE%3D</t>
  </si>
  <si>
    <t>H:\PMO Governança\06 - GOVERNANÇA DO CAPEX\CAPEX LONGO PRAZO\CAPEX LP - REVISÃO_A19_M10\GRC\CAPEX LP - GRC_v1 - 19.20.29.pptx\</t>
  </si>
  <si>
    <t>10/29/2019 11:05:12</t>
  </si>
  <si>
    <t>H:\PMO Governança\06 - GOVERNANÇA DO CAPEX\CAPEX LONGO PRAZO\CAPEX LP - REVISÃO_A19_M10\GRC\</t>
  </si>
  <si>
    <t>Capex LP 2020_v2.xlsx</t>
  </si>
  <si>
    <t>10/29/2019 11:05:13</t>
  </si>
  <si>
    <t>\\acsfs\DEPTOS\PMO Governança\06 - GOVERNANÇA DO CAPEX\CAPEX LONGO PRAZO\CAPEX LP - REVISÃO_A19_M10\GRC\CAPEX LP - GRC_v1 - 19.20.29.pptx\</t>
  </si>
  <si>
    <t>10/29/2019 11:05:15</t>
  </si>
  <si>
    <t>\\acsfs\DEPTOS\PMO Governança\06 - GOVERNANÇA DO CAPEX\CAPEX LONGO PRAZO\CAPEX LP - REVISÃO_A19_M10\GRC\</t>
  </si>
  <si>
    <t>Capex LP 2020_v2 (editado).xlsx</t>
  </si>
  <si>
    <t>10/29/2019 11:05:16</t>
  </si>
  <si>
    <t>10/29/2019 11:10:15</t>
  </si>
  <si>
    <t>10/29/2019 11:11:33</t>
  </si>
  <si>
    <t>/o=exchangelabs/ou=exchange administrative group (fydibohf23spdlt)/cn=recipients/cn=2946605dcf554cb389220dec598b84fa-adriano mon;/o=exchangelabs/ou=exchange administrative group (fydibohf23spdlt)/cn=recipients/cn=3f81420aa09a45308e82efb501d64cad-rafaela alv;/o=exchangelabs/ou=exchange administrative group (fydibohf23spdlt)/cn=recipients/cn=47bcba0edfbb48d39e9b215eae1400b2-ana paula s;/o=exchangelabs/ou=exchange administrative group (fydibohf23spdlt)/cn=recipients/cn=49df841081c647dfa3c968230c8e613c-sabrina gon;/o=exchangelabs/ou=exchange administrative group (fydibohf23spdlt)/cn=recipients/cn=4b453b7f02914710b3e94bcf7b311ad4-fernando po;/o=exchangelabs/ou=exchange administrative group (fydibohf23spdlt)/cn=recipients/cn=5c0e0b883c0f4ccbb2cf13db05a00b36-luciene ivo;/o=exchangelabs/ou=exchange administrative group (fydibohf23spdlt)/cn=recipients/cn=68e6aa2e3fef4ccaba997d98294c9ed5-cristina he;/o=exchangelabs/ou=exchange administrative group (fydibohf23spdlt)/cn=recipients/cn=8ab5e44d485043d59eb4f21463e63e6a-tays</t>
  </si>
  <si>
    <t>Indicadores de Contrato</t>
  </si>
  <si>
    <t>Novo Painel Indicadores de Contrato.xlsm</t>
  </si>
  <si>
    <t>/o=exchangelabs/ou=exchange administrative group (fydibohf23spdlt)/cn=recipients/cn=2946605dcf554cb389220dec598b84fa-adriano mon,/o=exchangelabs/ou=exchange administrative group (fydibohf23spdlt)/cn=recipients/cn=3f81420aa09a45308e82efb501d64cad-rafaela alv,/o=exchangelabs/ou=exchange administrative group (fydibohf23spdlt)/cn=recipients/cn=47bcba0edfbb48d39e9b215eae1400b2-ana paula s,/o=exchangelabs/ou=exchange administrative group (fydibohf23spdlt)/cn=recipients/cn=49df841081c647dfa3c968230c8e613c-sabrina gon,/o=exchangelabs/ou=exchange administrative group (fydibohf23spdlt)/cn=recipients/cn=4b453b7f02914710b3e94bcf7b311ad4-fernando po,/o=exchangelabs/ou=exchange administrative group (fydibohf23spdlt)/cn=recipients/cn=5c0e0b883c0f4ccbb2cf13db05a00b36-luciene ivo,/o=exchangelabs/ou=exchange administrative group (fydibohf23spdlt)/cn=recipients/cn=68e6aa2e3fef4ccaba997d98294c9ed5-cristina he,/o=exchangelabs/ou=exchange administrative group (fydibohf23spdlt)/cn=recipients/cn=8ab5e44d485043d59eb4f21463e63e6a-tays</t>
  </si>
  <si>
    <t>10/29/2019 11:18:27</t>
  </si>
  <si>
    <t>10/29/2019 11:19:33</t>
  </si>
  <si>
    <t>BP's Vale</t>
  </si>
  <si>
    <t>Vale_Plan Precificacao C017 B017 17_10_2019 NOC In Side r3 rev1.xlsb</t>
  </si>
  <si>
    <t>10/29/2019 11:22:54</t>
  </si>
  <si>
    <t>10/29/2019 11:24:33</t>
  </si>
  <si>
    <t>Base BW % Conversão - Out-2019 - Parcial - 28-10-2019.xlsm</t>
  </si>
  <si>
    <t>10/29/2019 11:22:59</t>
  </si>
  <si>
    <t>10/29/2019 11:23:20</t>
  </si>
  <si>
    <t>Farol Churn - Parcial - Out/2019 - 28/10/19</t>
  </si>
  <si>
    <t>10/29/2019 11:24:28</t>
  </si>
  <si>
    <t>10/29/2019 11:25:33</t>
  </si>
  <si>
    <t>C:\Users\nadiagds\OneDrive - Grupo Algar\Mesa Digital\ISD_Gerência de Projetos\ISD_TIME_SHEET\ALBINO\</t>
  </si>
  <si>
    <t>ALBINO_MESA DIGITAL_TIME SHEET_ABR_2019.xlsx</t>
  </si>
  <si>
    <t>10/29/2019 11:25:27</t>
  </si>
  <si>
    <t>10/29/2019 11:28:33</t>
  </si>
  <si>
    <t>deivisson.goncalves@voetur.com.br;erica.chaves@bradesco.com.br;fernando.beyer@benner.com.br;</t>
  </si>
  <si>
    <t>deivisson.goncalves@voetur.com.br,erica.chaves@bradesco.com.br,fernando.beyer@benner.com.br</t>
  </si>
  <si>
    <t>10/29/2019 11:30:33</t>
  </si>
  <si>
    <t>10/29/2019 11:29:05</t>
  </si>
  <si>
    <t>10/29/2019 11:25:51</t>
  </si>
  <si>
    <t>fabiohs@algartech.com;jeffersonsc@algartech.com;rafaelbdt@algartech.com;</t>
  </si>
  <si>
    <t>Desativacao_MCloud.xlsx</t>
  </si>
  <si>
    <t>fabiohs@algartech.com,jeffersonsc@algartech.com,rafaelbdt@algartech.com</t>
  </si>
  <si>
    <t>10/29/2019 11:31:53</t>
  </si>
  <si>
    <t>10/29/2019 11:35:33</t>
  </si>
  <si>
    <t>10/29/2019 11:32:22</t>
  </si>
  <si>
    <t>10/29/2019 11:32:59</t>
  </si>
  <si>
    <t>10/29/2019 11:33:28</t>
  </si>
  <si>
    <t>10/29/2019 11:35:03</t>
  </si>
  <si>
    <t>10/29/2019 11:40:33</t>
  </si>
  <si>
    <t>10/29/2019 11:35:05</t>
  </si>
  <si>
    <t>10/29/2019 11:35:38</t>
  </si>
  <si>
    <t>10/29/2019 11:35:39</t>
  </si>
  <si>
    <t>10/29/2019 11:36:21</t>
  </si>
  <si>
    <t>10/29/2019 11:37:29</t>
  </si>
  <si>
    <t>10/29/2019 11:38:31</t>
  </si>
  <si>
    <t>10/29/2019 11:39:03</t>
  </si>
  <si>
    <t>10/29/2019 11:39:11</t>
  </si>
  <si>
    <t>RES: Oportunidades Hunter 2020_v2.xlsx</t>
  </si>
  <si>
    <t>Oportunidades Hunter 2020_v3.xlsx</t>
  </si>
  <si>
    <t>10/29/2019 11:38:22</t>
  </si>
  <si>
    <t>10/29/2019 11:42:33</t>
  </si>
  <si>
    <t>cibeleag@algartech.com;natassia@rbweb.com.br;</t>
  </si>
  <si>
    <t>cibeleag@algartech.com,natassia@rbweb.com.br</t>
  </si>
  <si>
    <t>10/29/2019 11:39:29</t>
  </si>
  <si>
    <t>10/29/2019 11:40:58</t>
  </si>
  <si>
    <t>CHAMADOS SUSPENSOS EM 29.10.19.xlsx</t>
  </si>
  <si>
    <t>10/29/2019 11:38:40</t>
  </si>
  <si>
    <t>10/29/2019 11:44:33</t>
  </si>
  <si>
    <t>Cópia de Aceitação de Site - Agosto_setembro_outubro 2019- CONSOLIDADO.xlsx</t>
  </si>
  <si>
    <t>10/29/2019 11:40:07</t>
  </si>
  <si>
    <t>10/29/2019 11:45:33</t>
  </si>
  <si>
    <t>10/29/2019 11:40:39</t>
  </si>
  <si>
    <t>10/29/2019 11:41:16</t>
  </si>
  <si>
    <t>10/29/2019 11:41:45</t>
  </si>
  <si>
    <t>10/29/2019 11:42:17</t>
  </si>
  <si>
    <t>10/29/2019 11:42:59</t>
  </si>
  <si>
    <t>10/29/2019 11:43:26</t>
  </si>
  <si>
    <t>10/29/2019 11:43:59</t>
  </si>
  <si>
    <t>10/29/2019 11:44:30</t>
  </si>
  <si>
    <t>10/29/2019 11:41:47</t>
  </si>
  <si>
    <t>10/29/2019 11:47:32</t>
  </si>
  <si>
    <t>/o=exchangelabs/ou=exchange administrative group (fydibohf23spdlt)/cn=recipients/cn=122c3ad8b401472e84885d44a2466b4c-jair de pau;/o=exchangelabs/ou=exchange administrative group (fydibohf23spdlt)/cn=recipients/cn=443a648e2bd247c69659ca2ac6a18582-adriele fer;/o=exchangelabs/ou=exchange administrative group (fydibohf23spdlt)/cn=recipients/cn=651324bc204a42f6bbcdf62273ebdc5c-aluisio ant;/o=exchangelabs/ou=exchange administrative group (fydibohf23spdlt)/cn=recipients/cn=fedd0b8e2dbf442f837981a40559d630-viviane bar;/o=exchangelabs/ou=exchange administrative group (fydibohf23spdlt)/cn=recipients/cn=user78f7a52d;</t>
  </si>
  <si>
    <t>Evolução de Portifólio - PPE GAT - Outubro 2019_v1.pptx\</t>
  </si>
  <si>
    <t>/o=exchangelabs/ou=exchange administrative group (fydibohf23spdlt)/cn=recipients/cn=122c3ad8b401472e84885d44a2466b4c-jair de pau,/o=exchangelabs/ou=exchange administrative group (fydibohf23spdlt)/cn=recipients/cn=443a648e2bd247c69659ca2ac6a18582-adriele fer,/o=exchangelabs/ou=exchange administrative group (fydibohf23spdlt)/cn=recipients/cn=651324bc204a42f6bbcdf62273ebdc5c-aluisio ant,/o=exchangelabs/ou=exchange administrative group (fydibohf23spdlt)/cn=recipients/cn=fedd0b8e2dbf442f837981a40559d630-viviane bar,/o=exchangelabs/ou=exchange administrative group (fydibohf23spdlt)/cn=recipients/cn=user78f7a52d</t>
  </si>
  <si>
    <t>10/29/2019 11:47:16</t>
  </si>
  <si>
    <t>10/29/2019 11:49:33</t>
  </si>
  <si>
    <t>/o=exchangelabs/ou=exchange administrative group (fydibohf23spdlt)/cn=recipients/cn=a27fa8e27f784e18b4732301ab7a6457-luciana sil;</t>
  </si>
  <si>
    <t>ENC: Pipeline</t>
  </si>
  <si>
    <t>19_10_29_ Pipeline Luciana S.xlsx</t>
  </si>
  <si>
    <t>/o=exchangelabs/ou=exchange administrative group (fydibohf23spdlt)/cn=recipients/cn=a27fa8e27f784e18b4732301ab7a6457-luciana sil</t>
  </si>
  <si>
    <t>10/29/2019 11:45:35</t>
  </si>
  <si>
    <t>10/29/2019 11:50:33</t>
  </si>
  <si>
    <t>10/29/2019 11:46:13</t>
  </si>
  <si>
    <t>10/29/2019 11:48:02</t>
  </si>
  <si>
    <t>10/29/2019 11:48:43</t>
  </si>
  <si>
    <t>10/29/2019 11:48:52</t>
  </si>
  <si>
    <t>10/29/2019 11:49:18</t>
  </si>
  <si>
    <t>10/29/2019 11:49:21</t>
  </si>
  <si>
    <t>10/29/2019 11:50:26</t>
  </si>
  <si>
    <t>10/29/2019 11:55:33</t>
  </si>
  <si>
    <t>10/29/2019 11:50:59</t>
  </si>
  <si>
    <t>10/29/2019 11:51:38</t>
  </si>
  <si>
    <t>10/29/2019 11:53:46</t>
  </si>
  <si>
    <t>C:\Users\maurojmdo\Downloads\</t>
  </si>
  <si>
    <t>Formulario_Ferias_Irregulares.xlsm</t>
  </si>
  <si>
    <t>10/29/2019 11:53:32</t>
  </si>
  <si>
    <t>10/29/2019 11:57:33</t>
  </si>
  <si>
    <t>ivancj@algartech.com;senildapdo@algartecnologia.com.br;</t>
  </si>
  <si>
    <t>ACESSOS 28-10.xls</t>
  </si>
  <si>
    <t>ivancj@algartech.com,senildapdo@algartecnologia.com.br</t>
  </si>
  <si>
    <t>10/29/2019 11:57:21</t>
  </si>
  <si>
    <t>10/29/2019 11:58:33</t>
  </si>
  <si>
    <t>/o=exchangelabs/ou=exchange administrative group (fydibohf23spdlt)/cn=recipients/cn=376dc21df9294b1e98e06de29a805db8-algar tech;/o=exchangelabs/ou=exchange administrative group (fydibohf23spdlt)/cn=recipients/cn=4e42be0c35fe437c89a815dbb8f1ffeb-faturamento;/o=exchangelabs/ou=exchange administrative group (fydibohf23spdlt)/cn=recipients/cn=79b149cf7a984ca686e3b0e40b3bc8cf-danilo cesa;</t>
  </si>
  <si>
    <t>RES: Provisão Facebook</t>
  </si>
  <si>
    <t>Formulário Antec Receita Facebook - Out.19.xlsx</t>
  </si>
  <si>
    <t>/o=exchangelabs/ou=exchange administrative group (fydibohf23spdlt)/cn=recipients/cn=376dc21df9294b1e98e06de29a805db8-algar tech,/o=exchangelabs/ou=exchange administrative group (fydibohf23spdlt)/cn=recipients/cn=4e42be0c35fe437c89a815dbb8f1ffeb-faturamento,/o=exchangelabs/ou=exchange administrative group (fydibohf23spdlt)/cn=recipients/cn=79b149cf7a984ca686e3b0e40b3bc8cf-danilo cesa</t>
  </si>
  <si>
    <t>10/29/2019 11:57:24</t>
  </si>
  <si>
    <t>10/29/2019 11:59:33</t>
  </si>
  <si>
    <t>/o=exchangelabs/ou=exchange administrative group (fydibohf23spdlt)/cn=recipients/cn=4097402e2d3e4073b597d33928140586-paulo sergi;/o=exchangelabs/ou=exchange administrative group (fydibohf23spdlt)/cn=recipients/cn=54cf668de64942668ba57ef9adce46bc-rafael quin;/o=exchangelabs/ou=exchange administrative group (fydibohf23spdlt)/cn=recipients/cn=8c253c95243a40aa99c9416b7eb70a2a-julio cesar;</t>
  </si>
  <si>
    <t>Coordenadores GST.xlsx</t>
  </si>
  <si>
    <t>/o=exchangelabs/ou=exchange administrative group (fydibohf23spdlt)/cn=recipients/cn=4097402e2d3e4073b597d33928140586-paulo sergi,/o=exchangelabs/ou=exchange administrative group (fydibohf23spdlt)/cn=recipients/cn=54cf668de64942668ba57ef9adce46bc-rafael quin,/o=exchangelabs/ou=exchange administrative group (fydibohf23spdlt)/cn=recipients/cn=8c253c95243a40aa99c9416b7eb70a2a-julio cesar</t>
  </si>
  <si>
    <t>10/29/2019 11:56:41</t>
  </si>
  <si>
    <t>/o=exchangelabs/ou=exchange administrative group (fydibohf23spdlt)/cn=recipients/cn=22f2a579a06e409a9da375a7e8c4759d-raissa andr;</t>
  </si>
  <si>
    <t>ENC: Reestruturação - Avon Reativação</t>
  </si>
  <si>
    <t>Mapa de Performance (Target, Conversão, Ticket Médio e Improdutividade).xlsx</t>
  </si>
  <si>
    <t>/o=exchangelabs/ou=exchange administrative group (fydibohf23spdlt)/cn=recipients/cn=22f2a579a06e409a9da375a7e8c4759d-raissa andr</t>
  </si>
  <si>
    <t>10/29/2019 11:55:47</t>
  </si>
  <si>
    <t>10/29/2019 12:00:33</t>
  </si>
  <si>
    <t>mail.google.com/_/upload?authuser=0&amp;dcp=asu-n&amp;upload_id=AEnB2Uo5L7P7cDYeYO9F9xCecHe9go75YQnj7gFSVc7OjYI3NXnBIKDvr460LGS20Mh4vhnpqXF75hOK5ct3qowWxPv1B8lh1_Be0pOEuniOsYGpVb9xGDE&amp;upload_protocol=resumable</t>
  </si>
  <si>
    <t>2019_10_29_Não_Possui_Veículo.xlsx</t>
  </si>
  <si>
    <t>10/29/2019 11:55:52</t>
  </si>
  <si>
    <t>10/29/2019 11:56:42</t>
  </si>
  <si>
    <t>10/29/2019 11:56:52</t>
  </si>
  <si>
    <t>10/29/2019 11:57:15</t>
  </si>
  <si>
    <t>10/29/2019 11:57:25</t>
  </si>
  <si>
    <t>10/29/2019 11:58:18</t>
  </si>
  <si>
    <t>10/29/2019 12:01:19</t>
  </si>
  <si>
    <t>10/29/2019 12:02:33</t>
  </si>
  <si>
    <t>CAPEX Estruturante LP GAT</t>
  </si>
  <si>
    <t>Detalhamento CAPEX Estruturante LP GAT.xlsx</t>
  </si>
  <si>
    <t>10/29/2019 12:02:48</t>
  </si>
  <si>
    <t>10/29/2019 12:05:33</t>
  </si>
  <si>
    <t>10/29/2019 12:03:36</t>
  </si>
  <si>
    <t>10/29/2019 12:04:04</t>
  </si>
  <si>
    <t>10/29/2019 12:04:37</t>
  </si>
  <si>
    <t>10/29/2019 12:06:33</t>
  </si>
  <si>
    <t>lucianagd@algartech.com;</t>
  </si>
  <si>
    <t>lucianagd@algartech.com</t>
  </si>
  <si>
    <t>10/29/2019 12:11:10</t>
  </si>
  <si>
    <t>10/29/2019 12:14:33</t>
  </si>
  <si>
    <t>mail.google.com/_/upload?authuser=1&amp;dcp=asu-n&amp;upload_id=AEnB2UoWQexfoeedqDUBm5X5KPookclI32zREocY73CxIPFpH81orYahNRb-sPMCmf-sTJTnKddOajEWOgGmfBvtATsif7kOwNZRZIjAOvJ2RoGrVNECpu8&amp;upload_protocol=resumable</t>
  </si>
  <si>
    <t>CENTURYLINK.xlsx</t>
  </si>
  <si>
    <t>10/29/2019 12:15:17</t>
  </si>
  <si>
    <t>10/29/2019 12:18:33</t>
  </si>
  <si>
    <t>/o=exchangelabs/ou=exchange administrative group (fydibohf23spdlt)/cn=recipients/cn=24e9a045d8f54be4b10091040f36aa67-cristiane f;/o=exchangelabs/ou=exchange administrative group (fydibohf23spdlt)/cn=recipients/cn=6ff53932294845d0b04d14dd23bb8e8b-ana carla m;/o=exchangelabs/ou=exchange administrative group (fydibohf23spdlt)/cn=recipients/cn=804f4398b96748e7962c1608bfe4071a-hewerson go;/o=exchangelabs/ou=exchange administrative group (fydibohf23spdlt)/cn=recipients/cn=a35622ae1b534401a6dd99bd801d1f97-marcos paul;/o=exchangelabs/ou=exchange administrative group (fydibohf23spdlt)/cn=recipients/cn=c54bebbd63a1403e83787e59fcd1acdc-joao sergio;</t>
  </si>
  <si>
    <t>01 - Controle de Frentes de Relatórios.xlsx</t>
  </si>
  <si>
    <t>/o=exchangelabs/ou=exchange administrative group (fydibohf23spdlt)/cn=recipients/cn=24e9a045d8f54be4b10091040f36aa67-cristiane f,/o=exchangelabs/ou=exchange administrative group (fydibohf23spdlt)/cn=recipients/cn=6ff53932294845d0b04d14dd23bb8e8b-ana carla m,/o=exchangelabs/ou=exchange administrative group (fydibohf23spdlt)/cn=recipients/cn=804f4398b96748e7962c1608bfe4071a-hewerson go,/o=exchangelabs/ou=exchange administrative group (fydibohf23spdlt)/cn=recipients/cn=a35622ae1b534401a6dd99bd801d1f97-marcos paul,/o=exchangelabs/ou=exchange administrative group (fydibohf23spdlt)/cn=recipients/cn=c54bebbd63a1403e83787e59fcd1acdc-joao sergio</t>
  </si>
  <si>
    <t>10/29/2019 12:18:03</t>
  </si>
  <si>
    <t>10/29/2019 12:20:34</t>
  </si>
  <si>
    <t>10/29/2019 12:19:47</t>
  </si>
  <si>
    <t>10/29/2019 12:20:15</t>
  </si>
  <si>
    <t>10/29/2019 12:25:33</t>
  </si>
  <si>
    <t>10/29/2019 12:20:56</t>
  </si>
  <si>
    <t>10/29/2019 12:21:48</t>
  </si>
  <si>
    <t>ENC: Volume Gerenciadas Amex e Visa - 25/10</t>
  </si>
  <si>
    <t>10/29/2019 12:25:24</t>
  </si>
  <si>
    <t>10/29/2019 12:27:33</t>
  </si>
  <si>
    <t>/o=exchangelabs/ou=exchange administrative group (fydibohf23spdlt)/cn=recipients/cn=3a012bf056ef4500b23c2ae377fc3536-laura agost;/o=exchangelabs/ou=exchange administrative group (fydibohf23spdlt)/cn=recipients/cn=651324bc204a42f6bbcdf62273ebdc5c-aluisio ant;/o=exchangelabs/ou=exchange administrative group (fydibohf23spdlt)/cn=recipients/cn=user78f7a52d;</t>
  </si>
  <si>
    <t>ENC: Consolidação - Levantamento Dados operações GIAT</t>
  </si>
  <si>
    <t>Consolidacao.xlsx</t>
  </si>
  <si>
    <t>/o=exchangelabs/ou=exchange administrative group (fydibohf23spdlt)/cn=recipients/cn=3a012bf056ef4500b23c2ae377fc3536-laura agost,/o=exchangelabs/ou=exchange administrative group (fydibohf23spdlt)/cn=recipients/cn=651324bc204a42f6bbcdf62273ebdc5c-aluisio ant,/o=exchangelabs/ou=exchange administrative group (fydibohf23spdlt)/cn=recipients/cn=user78f7a52d</t>
  </si>
  <si>
    <t>10/29/2019 12:27:24</t>
  </si>
  <si>
    <t>10/29/2019 12:29:33</t>
  </si>
  <si>
    <t>Razão Outubro.xls</t>
  </si>
  <si>
    <t>10/29/2019 12:30:19</t>
  </si>
  <si>
    <t>10/29/2019 12:31:33</t>
  </si>
  <si>
    <t>/o=exchangelabs/ou=exchange administrative group (fydibohf23spdlt)/cn=recipients/cn=01aeb64eff0d4de086089df15fb8ab85-lidiana fer;/o=exchangelabs/ou=exchange administrative group (fydibohf23spdlt)/cn=recipients/cn=022f9be39d034221ac81aa3656cce40a-ana paula s;/o=exchangelabs/ou=exchange administrative group (fydibohf23spdlt)/cn=recipients/cn=404b1a0a31e34e40b03df5be0bc55bb1-emily arant;/o=exchangelabs/ou=exchange administrative group (fydibohf23spdlt)/cn=recipients/cn=42643eda9677459eac30c8565878f9dd-michel edua;/o=exchangelabs/ou=exchange administrative group (fydibohf23spdlt)/cn=recipients/cn=4ff8a4edc6c24c2e963a5d9b305ec2c4-andreza ias;/o=exchangelabs/ou=exchange administrative group (fydibohf23spdlt)/cn=recipients/cn=57a6c743c2954c5589b332ad419122d6-rosilene fe;/o=exchangelabs/ou=exchange administrative group (fydibohf23spdlt)/cn=recipients/cn=76c34bd58dd94042afd37422faf691a0-stephani go;/o=exchangelabs/ou=exchange administrative group (fydibohf23spdlt)/cn=recipients/cn=7e21bb1da95449a6b898358c0d2c626c-elia</t>
  </si>
  <si>
    <t>OPERAÇÕES MARIANA.zip\</t>
  </si>
  <si>
    <t>22044 - UDI - WHIRLPOOL - SERV CONSUMIDOR DA GENTE.xlsx</t>
  </si>
  <si>
    <t>/o=exchangelabs/ou=exchange administrative group (fydibohf23spdlt)/cn=recipients/cn=01aeb64eff0d4de086089df15fb8ab85-lidiana fer,/o=exchangelabs/ou=exchange administrative group (fydibohf23spdlt)/cn=recipients/cn=022f9be39d034221ac81aa3656cce40a-ana paula s,/o=exchangelabs/ou=exchange administrative group (fydibohf23spdlt)/cn=recipients/cn=404b1a0a31e34e40b03df5be0bc55bb1-emily arant,/o=exchangelabs/ou=exchange administrative group (fydibohf23spdlt)/cn=recipients/cn=42643eda9677459eac30c8565878f9dd-michel edua,/o=exchangelabs/ou=exchange administrative group (fydibohf23spdlt)/cn=recipients/cn=4ff8a4edc6c24c2e963a5d9b305ec2c4-andreza ias,/o=exchangelabs/ou=exchange administrative group (fydibohf23spdlt)/cn=recipients/cn=57a6c743c2954c5589b332ad419122d6-rosilene fe,/o=exchangelabs/ou=exchange administrative group (fydibohf23spdlt)/cn=recipients/cn=76c34bd58dd94042afd37422faf691a0-stephani go,/o=exchangelabs/ou=exchange administrative group (fydibohf23spdlt)/cn=recipients/cn=7e21bb1da95449a6b898358c0d2c626c-elia</t>
  </si>
  <si>
    <t>10/29/2019 12:29:47</t>
  </si>
  <si>
    <t>10/29/2019 12:32:33</t>
  </si>
  <si>
    <t>Volume 2020 OPEX c Engeset 2910.xlsx</t>
  </si>
  <si>
    <t>10/29/2019 12:29:53</t>
  </si>
  <si>
    <t>10/29/2019 12:34:22</t>
  </si>
  <si>
    <t>10/29/2019 12:35:33</t>
  </si>
  <si>
    <t>10/29/2019 12:43:17</t>
  </si>
  <si>
    <t>10/29/2019 12:48:33</t>
  </si>
  <si>
    <t>TRANSF DE RECEITA TIM FMM TLE Cód. 3101 102019 - TO 507214.xls</t>
  </si>
  <si>
    <t>10/29/2019 13:04:05</t>
  </si>
  <si>
    <t>10/29/2019 13:05:33</t>
  </si>
  <si>
    <t>10/29/2019 13:05:21</t>
  </si>
  <si>
    <t>10/29/2019 13:07:33</t>
  </si>
  <si>
    <t>Projetos TI 2021-2024 - Longo Prazo V3.xlsx</t>
  </si>
  <si>
    <t>10/29/2019 13:14:58</t>
  </si>
  <si>
    <t>10/29/2019 13:17:34</t>
  </si>
  <si>
    <t>/o=exchangelabs/ou=exchange administrative group (fydibohf23spdlt)/cn=recipients/cn=06b756ed7b9b4c61bdbcfb21cdf93e9f-lucas ferna;/o=exchangelabs/ou=exchange administrative group (fydibohf23spdlt)/cn=recipients/cn=0ae9da151ba7444f9601ef3ec5b6fbe1-danilo atai;/o=exchangelabs/ou=exchange administrative group (fydibohf23spdlt)/cn=recipients/cn=48174377d7f445188f464324757ff605-luiz felipe;murilo.escobar@savisdefesa.com.br;ricardo.romano@savisdefesa.com.br;</t>
  </si>
  <si>
    <t>RES: *URGENTE* - Atualização das licenças VMWARE</t>
  </si>
  <si>
    <t>Verificação de licenciamento - Sharepoint.msg\s1\</t>
  </si>
  <si>
    <t>/o=exchangelabs/ou=exchange administrative group (fydibohf23spdlt)/cn=recipients/cn=06b756ed7b9b4c61bdbcfb21cdf93e9f-lucas ferna,/o=exchangelabs/ou=exchange administrative group (fydibohf23spdlt)/cn=recipients/cn=0ae9da151ba7444f9601ef3ec5b6fbe1-danilo atai,/o=exchangelabs/ou=exchange administrative group (fydibohf23spdlt)/cn=recipients/cn=48174377d7f445188f464324757ff605-luiz felipe,murilo.escobar@savisdefesa.com.br,ricardo.romano@savisdefesa.com.br</t>
  </si>
  <si>
    <t>10/29/2019 13:22:22</t>
  </si>
  <si>
    <t>10/29/2019 13:26:33</t>
  </si>
  <si>
    <t>5561;6555;</t>
  </si>
  <si>
    <t>22002 - UDI - WHIRLPOOL - PREVENCAO COMPRA CERTA Nov 2019.xlsx</t>
  </si>
  <si>
    <t>http://5561,6555</t>
  </si>
  <si>
    <t>10/29/2019 13:29:02</t>
  </si>
  <si>
    <t>10/29/2019 13:30:35</t>
  </si>
  <si>
    <t>RES: Resumo das oportunidades - Reunião Executiva</t>
  </si>
  <si>
    <t>Resumo das oportunidades reuniao Dionizio.xlsx</t>
  </si>
  <si>
    <t>10/29/2019 13:32:25</t>
  </si>
  <si>
    <t>10/29/2019 13:34:35</t>
  </si>
  <si>
    <t>/o=exchangelabs/ou=exchange administrative group (fydibohf23spdlt)/cn=recipients/cn=0e77e0b4028e44e3926a461e54e7b999-ediene luzi;/o=exchangelabs/ou=exchange administrative group (fydibohf23spdlt)/cn=recipients/cn=e70cc16764ef4e4fac6e4581f29c2881-valeria bet;</t>
  </si>
  <si>
    <t>RES: BASE REPARO - 28/10/2019</t>
  </si>
  <si>
    <t>Categorizações SAC POS 28-10.xls</t>
  </si>
  <si>
    <t>/o=exchangelabs/ou=exchange administrative group (fydibohf23spdlt)/cn=recipients/cn=0e77e0b4028e44e3926a461e54e7b999-ediene luzi,/o=exchangelabs/ou=exchange administrative group (fydibohf23spdlt)/cn=recipients/cn=e70cc16764ef4e4fac6e4581f29c2881-valeria bet</t>
  </si>
  <si>
    <t>10/29/2019 13:33:56</t>
  </si>
  <si>
    <t>10/29/2019 13:35:34</t>
  </si>
  <si>
    <t>Layout - Pipe reunião Tati.xlsx</t>
  </si>
  <si>
    <t>10/29/2019 13:34:50</t>
  </si>
  <si>
    <t>10/29/2019 13:38:35</t>
  </si>
  <si>
    <t>/o=exchangelabs/ou=exchange administrative group (fydibohf23spdlt)/cn=recipients/cn=35ffd1cb41f447bba08aa383640b93e2-marlon reze;/o=exchangelabs/ou=exchange administrative group (fydibohf23spdlt)/cn=recipients/cn=a72fa73d2e1a464ba879e7629d58ef97-luana erlen;/o=exchangelabs/ou=exchange administrative group (fydibohf23spdlt)/cn=recipients/cn=b67cad4ecfa344baaa94d716e7554f49-bruno camel;</t>
  </si>
  <si>
    <t>BD Temporário</t>
  </si>
  <si>
    <t>BD Temporário.xlsx</t>
  </si>
  <si>
    <t>/o=exchangelabs/ou=exchange administrative group (fydibohf23spdlt)/cn=recipients/cn=35ffd1cb41f447bba08aa383640b93e2-marlon reze,/o=exchangelabs/ou=exchange administrative group (fydibohf23spdlt)/cn=recipients/cn=a72fa73d2e1a464ba879e7629d58ef97-luana erlen,/o=exchangelabs/ou=exchange administrative group (fydibohf23spdlt)/cn=recipients/cn=b67cad4ecfa344baaa94d716e7554f49-bruno camel</t>
  </si>
  <si>
    <t>10/29/2019 13:44:32</t>
  </si>
  <si>
    <t>10/29/2019 13:49:34</t>
  </si>
  <si>
    <t>ENC: PTH ORÇAMENTO</t>
  </si>
  <si>
    <t>PTH_ORC_2910.xlsx</t>
  </si>
  <si>
    <t>10/29/2019 13:46:07</t>
  </si>
  <si>
    <t>10/29/2019 13:50:34</t>
  </si>
  <si>
    <t>c:\users\maurojmdo\documents\</t>
  </si>
  <si>
    <t>formulario_ferias_irregulares_breno_canyggia_mat_1578.xlsm</t>
  </si>
  <si>
    <t>10/29/2019 13:46:28</t>
  </si>
  <si>
    <t>10/29/2019 13:47:57</t>
  </si>
  <si>
    <t>10/29/2019 13:51:35</t>
  </si>
  <si>
    <t>/o=exchangelabs/ou=exchange administrative group (fydibohf23spdlt)/cn=recipients/cn=4ff8a4edc6c24c2e963a5d9b305ec2c4-andreza ias;/o=exchangelabs/ou=exchange administrative group (fydibohf23spdlt)/cn=recipients/cn=81f72ed6e9d042e3bed0cec08d488854-vinicius go;/o=exchangelabs/ou=exchange administrative group (fydibohf23spdlt)/cn=recipients/cn=ce186ebd54cf4e36a650e19d85ffc819-virginia ca;</t>
  </si>
  <si>
    <t>Aderência Novembro 2019</t>
  </si>
  <si>
    <t>22042 - UDI - WHIRLPOOL - SAR N1.xlsx</t>
  </si>
  <si>
    <t>/o=exchangelabs/ou=exchange administrative group (fydibohf23spdlt)/cn=recipients/cn=4ff8a4edc6c24c2e963a5d9b305ec2c4-andreza ias,/o=exchangelabs/ou=exchange administrative group (fydibohf23spdlt)/cn=recipients/cn=81f72ed6e9d042e3bed0cec08d488854-vinicius go,/o=exchangelabs/ou=exchange administrative group (fydibohf23spdlt)/cn=recipients/cn=ce186ebd54cf4e36a650e19d85ffc819-virginia ca</t>
  </si>
  <si>
    <t>10/29/2019 13:50:26</t>
  </si>
  <si>
    <t>10/29/2019 13:53:35</t>
  </si>
  <si>
    <t>RECEITAMENTO - TERCEIROS OUT.19 - FACEBOOK.xlsm</t>
  </si>
  <si>
    <t>10/29/2019 13:51:48</t>
  </si>
  <si>
    <t>10/29/2019 13:55:34</t>
  </si>
  <si>
    <t>10/29/2019 13:53:30</t>
  </si>
  <si>
    <t>10/29/2019 13:54:42</t>
  </si>
  <si>
    <t>10/29/2019 13:53:34</t>
  </si>
  <si>
    <t>/o=exchangelabs/ou=exchange administrative group (fydibohf23spdlt)/cn=recipients/cn=6e13ab1bfd33477d87427f29c4f7ef60-joao victor;/o=exchangelabs/ou=exchange administrative group (fydibohf23spdlt)/cn=recipients/cn=8c01e71056fe4e1a8ecc4e24420bd9ef-fellyp cros;logisticatimopm@grupotpc.com;</t>
  </si>
  <si>
    <t>BAIXA DE MATERIAL PLAYER MONTES CLAROS</t>
  </si>
  <si>
    <t>/o=exchangelabs/ou=exchange administrative group (fydibohf23spdlt)/cn=recipients/cn=6e13ab1bfd33477d87427f29c4f7ef60-joao victor,/o=exchangelabs/ou=exchange administrative group (fydibohf23spdlt)/cn=recipients/cn=8c01e71056fe4e1a8ecc4e24420bd9ef-fellyp cros,logisticatimopm@grupotpc.com</t>
  </si>
  <si>
    <t>10/29/2019 13:52:10</t>
  </si>
  <si>
    <t>mail.google.com/_/upload?authuser=1&amp;dcp=asu-n&amp;upload_id=AEnB2Upd6Fz7t17ViIaZvSOJ1VAaLB1SC_cEjpOjqpryjKmr5tHF1zADpsovbEBuMpFCh1vhhmwnzjFKLk2kmN-i1FqdOt6Y6AODNOqPXwkFmV_kisSdG9I&amp;upload_protocol=resumable</t>
  </si>
  <si>
    <t>10/29/2019 13:39:05</t>
  </si>
  <si>
    <t>10/29/2019 13:58:35</t>
  </si>
  <si>
    <t>cRS Leandro Lopes</t>
  </si>
  <si>
    <t>10/28/2019 18:07:47</t>
  </si>
  <si>
    <t>10/29/2019 14:00:35</t>
  </si>
  <si>
    <t>/o=exchangelabs/ou=exchange administrative group (fydibohf23spdlt)/cn=recipients/cn=cee041e3afc5419faa2273808d5b57ff-priscila de;/o=exchangelabs/ou=exchange administrative group (fydibohf23spdlt)/cn=recipients/cn=e3778f57d65f4c17a6287602f9eb0cdc-alessandra;</t>
  </si>
  <si>
    <t>Consolidado Cr.xlsx</t>
  </si>
  <si>
    <t>/o=exchangelabs/ou=exchange administrative group (fydibohf23spdlt)/cn=recipients/cn=cee041e3afc5419faa2273808d5b57ff-priscila de,/o=exchangelabs/ou=exchange administrative group (fydibohf23spdlt)/cn=recipients/cn=e3778f57d65f4c17a6287602f9eb0cdc-alessandra</t>
  </si>
  <si>
    <t>10/29/2019 13:58:43</t>
  </si>
  <si>
    <t>10/29/2019 14:01:35</t>
  </si>
  <si>
    <t>22005 - UDI - WHIRLPOOL - BACKOFFICE COMPRA CERTA Nov 2019.xlsx</t>
  </si>
  <si>
    <t>10/29/2019 14:00:49</t>
  </si>
  <si>
    <t>10/29/2019 14:01:19</t>
  </si>
  <si>
    <t>10/29/2019 14:05:35</t>
  </si>
  <si>
    <t>10/29/2019 14:02:48</t>
  </si>
  <si>
    <t>RES: Meta e Real 3º Tri v2_pre vendas.xlsx</t>
  </si>
  <si>
    <t>10/29/2019 14:02:30</t>
  </si>
  <si>
    <t>10/29/2019 14:06:35</t>
  </si>
  <si>
    <t>22007 - UDI - WHIRLPOOL - CHAT COMPRA CERTA Nov 2019.xlsx</t>
  </si>
  <si>
    <t>10/29/2019 14:03:50</t>
  </si>
  <si>
    <t>10/29/2019 14:04:36</t>
  </si>
  <si>
    <t>22009 - UDI - WHIRLPOOL - FALE CONOSCO COMPRA CERTA Nov 2019.xlsx</t>
  </si>
  <si>
    <t>10/29/2019 14:08:58</t>
  </si>
  <si>
    <t>10/29/2019 14:10:34</t>
  </si>
  <si>
    <t>10/29/2019 14:09:28</t>
  </si>
  <si>
    <t>10/29/2019 14:15:34</t>
  </si>
  <si>
    <t>10/29/2019 14:11:06</t>
  </si>
  <si>
    <t>10/29/2019 14:12:15</t>
  </si>
  <si>
    <t>10/29/2019 14:12:27</t>
  </si>
  <si>
    <t>10/29/2019 14:12:49</t>
  </si>
  <si>
    <t>10/29/2019 14:13:23</t>
  </si>
  <si>
    <t>10/29/2019 14:13:35</t>
  </si>
  <si>
    <t>10/29/2019 14:16:35</t>
  </si>
  <si>
    <t>22013 - WHP - PVEN - UDI - SAC KITCHENAID.xlsx</t>
  </si>
  <si>
    <t>10/29/2019 14:13:37</t>
  </si>
  <si>
    <t>10/29/2019 14:17:35</t>
  </si>
  <si>
    <t>10/29/2019 14:17:22</t>
  </si>
  <si>
    <t>10/29/2019 14:19:34</t>
  </si>
  <si>
    <t>10/29/2019 14:18:52</t>
  </si>
  <si>
    <t>\\acsfs\DEPTOS\Governança da Estratégia\Analise de Mercado\Análise de Cenário\Megatendências e Ecossistema\Megatendências\2018-07\Megatendências - Atualização 09-19\</t>
  </si>
  <si>
    <t>Cópia de Ficha do Risco - Ruptura do Negócio - out19.xlsx</t>
  </si>
  <si>
    <t>10/29/2019 14:17:11</t>
  </si>
  <si>
    <t>10/29/2019 14:20:35</t>
  </si>
  <si>
    <t>10/29/2019 14:18:19</t>
  </si>
  <si>
    <t>10/29/2019 14:19:55</t>
  </si>
  <si>
    <t>10/29/2019 14:18:55</t>
  </si>
  <si>
    <t>10/29/2019 14:21:35</t>
  </si>
  <si>
    <t>adeniltonddsj@algartech.com;alexandremdo@algartech.com;antoniocoj@algartech.com;sabrinadtdmc@algartech.com;</t>
  </si>
  <si>
    <t>Estudo Recuperação IBI - Maio a Setembro 2019.xlsx</t>
  </si>
  <si>
    <t>adeniltonddsj@algartech.com,alexandremdo@algartech.com,antoniocoj@algartech.com,sabrinadtdmc@algartech.com</t>
  </si>
  <si>
    <t>10/29/2019 14:19:45</t>
  </si>
  <si>
    <t>10/29/2019 14:20:36</t>
  </si>
  <si>
    <t>10/29/2019 14:20:19</t>
  </si>
  <si>
    <t>10/29/2019 14:22:34</t>
  </si>
  <si>
    <t>10/29/2019 14:19:50</t>
  </si>
  <si>
    <t>10/29/2019 14:25:35</t>
  </si>
  <si>
    <t>mail.google.com/_/upload?authuser=0&amp;dcp=asu-n&amp;upload_id=AEnB2Upu95K7v_IE7am7iG8n1ESt9SU3dnynJQ-FARm-ew3AyYxZ5HREV3KtOhVbRsG3_cj7SLnbrXu9efePEz7WgWGKQwJbEA&amp;upload_protocol=resumable</t>
  </si>
  <si>
    <t>camilaammm@algartech.com;fernandorsju@algartech.com;luanaed@algartech.com;</t>
  </si>
  <si>
    <t>Parecer_Cliente.xlsx</t>
  </si>
  <si>
    <t>camilaammm@algartech.com,fernandorsju@algartech.com,luanaed@algartech.com</t>
  </si>
  <si>
    <t>10/29/2019 14:20:25</t>
  </si>
  <si>
    <t>ENC: Volume Gerenciadas Amex e Visa - 29/10</t>
  </si>
  <si>
    <t>10/29/2019 14:21:08</t>
  </si>
  <si>
    <t>10/29/2019 14:26:35</t>
  </si>
  <si>
    <t>10/29/2019 14:21:42</t>
  </si>
  <si>
    <t>10/29/2019 14:21:58</t>
  </si>
  <si>
    <t>10/29/2019 14:22:15</t>
  </si>
  <si>
    <t>10/29/2019 14:22:33</t>
  </si>
  <si>
    <t>10/29/2019 14:22:59</t>
  </si>
  <si>
    <t>10/29/2019 14:25:45</t>
  </si>
  <si>
    <t>10/29/2019 14:27:34</t>
  </si>
  <si>
    <t>10/29/2019 14:27:56</t>
  </si>
  <si>
    <t>10/29/2019 14:31:34</t>
  </si>
  <si>
    <t>22038 - UDI - WHIRLPOOL - SERV KITCHENAID N1.xlsx</t>
  </si>
  <si>
    <t>10/29/2019 14:28:12</t>
  </si>
  <si>
    <t>10/29/2019 14:29:32</t>
  </si>
  <si>
    <t>22039 - UDI - WHIRLPOOL - SERV KITCHENAID N2.xlsx</t>
  </si>
  <si>
    <t>10/29/2019 14:29:48</t>
  </si>
  <si>
    <t>10/29/2019 14:28:24</t>
  </si>
  <si>
    <t>10/29/2019 14:34:34</t>
  </si>
  <si>
    <t>10/29/2019 14:31:47</t>
  </si>
  <si>
    <t>10/29/2019 14:35:35</t>
  </si>
  <si>
    <t>mail.google.com/_/upload?authuser=0&amp;dcp=asu-n&amp;upload_id=AEnB2UpI_8Nh5vqz0ZZfmOXk8e2lEp4eeb5-a7oyC8ePkP20MCY4_k4gssYrAClVrJ4dlUudtu7Ic1URfqPid0l67T7NdJgjHZ33I5ZvwBHRan3kKQ8-ycw&amp;upload_protocol=resumable</t>
  </si>
  <si>
    <t>2019_10_29_Não_Possui_Veículo(1).xlsx</t>
  </si>
  <si>
    <t>10/29/2019 14:30:19</t>
  </si>
  <si>
    <t>10/29/2019 14:31:27</t>
  </si>
  <si>
    <t>10/29/2019 14:33:05</t>
  </si>
  <si>
    <t>10/29/2019 14:34:13</t>
  </si>
  <si>
    <t>10/29/2019 14:35:12</t>
  </si>
  <si>
    <t>BAIXA DE MATERIAL PLAYER BELO HORIZONTE</t>
  </si>
  <si>
    <t>10/29/2019 14:34:39</t>
  </si>
  <si>
    <t>adriana.bitencourt@bradesco.com.br;carlos.p.lima@bradesco.com.br;lucasfra@algartech.com;</t>
  </si>
  <si>
    <t>RES: Implementação AOC</t>
  </si>
  <si>
    <t>Cópia de Formulário de Solicitação de Implementação_AOC.xlsx</t>
  </si>
  <si>
    <t>adriana.bitencourt@bradesco.com.br,carlos.p.lima@bradesco.com.br,lucasfra@algartech.com</t>
  </si>
  <si>
    <t>10/29/2019 14:31:05</t>
  </si>
  <si>
    <t>10/29/2019 14:36:34</t>
  </si>
  <si>
    <t>22040 - UDI - WHIRLPOOL - SERV TLV CC ATIVO.xlsx</t>
  </si>
  <si>
    <t>10/29/2019 14:31:25</t>
  </si>
  <si>
    <t>10/29/2019 14:35:46</t>
  </si>
  <si>
    <t>10/29/2019 14:39:34</t>
  </si>
  <si>
    <t>mail.google.com/_/upload?authuser=1&amp;dcp=asu-n&amp;upload_id=AEnB2UrCiNmDH5nWH4sAdIbM-JcpH3rQkJd1e0Vw-g4tG3di3Lk60iFGFuYkWJlw9fagQbhmdNBzT1ZSRB9D1DVhp0CrboJKnA&amp;upload_protocol=resumable</t>
  </si>
  <si>
    <t>10_19- Acompanhamento Faturamento.v5.xlsb</t>
  </si>
  <si>
    <t>10/29/2019 14:35:22</t>
  </si>
  <si>
    <t>10/29/2019 14:40:35</t>
  </si>
  <si>
    <t>10/29/2019 14:38:10</t>
  </si>
  <si>
    <t>10/29/2019 14:38:14</t>
  </si>
  <si>
    <t>10/29/2019 14:39:02</t>
  </si>
  <si>
    <t>10/29/2019 14:39:35</t>
  </si>
  <si>
    <t>10/29/2019 14:41:35</t>
  </si>
  <si>
    <t>19_10_29 _ Relatório Pipeline Comentado e Fora de Pipe.</t>
  </si>
  <si>
    <t>19_10_29_ Pipeline Comentado_ Dionizio.xlsx</t>
  </si>
  <si>
    <t>10/29/2019 14:40:22</t>
  </si>
  <si>
    <t>10/29/2019 14:42:34</t>
  </si>
  <si>
    <t>/o=exchangelabs/ou=exchange administrative group (fydibohf23spdlt)/cn=recipients/cn=122c3ad8b401472e84885d44a2466b4c-jair de pau;/o=exchangelabs/ou=exchange administrative group (fydibohf23spdlt)/cn=recipients/cn=1e212ef08dab4f26b88cba944f2ab7cb-pmo.governa;/o=exchangelabs/ou=exchange administrative group (fydibohf23spdlt)/cn=recipients/cn=651324bc204a42f6bbcdf62273ebdc5c-aluisio ant;/o=exchangelabs/ou=exchange administrative group (fydibohf23spdlt)/cn=recipients/cn=fedd0b8e2dbf442f837981a40559d630-viviane bar;/o=exchangelabs/ou=exchange administrative group (fydibohf23spdlt)/cn=recipients/cn=user78f7a52d;adrielefc@algartech.com;</t>
  </si>
  <si>
    <t>Evolução de Portifólio - PPE GAT - Outubro 2019_v2.pptx\</t>
  </si>
  <si>
    <t>/o=exchangelabs/ou=exchange administrative group (fydibohf23spdlt)/cn=recipients/cn=122c3ad8b401472e84885d44a2466b4c-jair de pau,/o=exchangelabs/ou=exchange administrative group (fydibohf23spdlt)/cn=recipients/cn=1e212ef08dab4f26b88cba944f2ab7cb-pmo.governa,/o=exchangelabs/ou=exchange administrative group (fydibohf23spdlt)/cn=recipients/cn=651324bc204a42f6bbcdf62273ebdc5c-aluisio ant,/o=exchangelabs/ou=exchange administrative group (fydibohf23spdlt)/cn=recipients/cn=fedd0b8e2dbf442f837981a40559d630-viviane bar,/o=exchangelabs/ou=exchange administrative group (fydibohf23spdlt)/cn=recipients/cn=user78f7a52d,adrielefc@algartech.com</t>
  </si>
  <si>
    <t>10/29/2019 14:39:03</t>
  </si>
  <si>
    <t>mail.google.com/_/upload?authuser=0&amp;dcp=asu-n&amp;upload_id=AEnB2Uo8U0zJP52ZTZetEm4iYi7XKX3Xii1lRfOTTAe3UyK_2FmMbSJQKpv-lk5PIPvjbew84WXkK7cKQoftdsCQ9QcPAc7eDDaPite38h25Y318fWRVmNw&amp;upload_protocol=resumable</t>
  </si>
  <si>
    <t>10/29/2019 14:40:52</t>
  </si>
  <si>
    <t>\\udpimgap01\Base de Conhecimento Data Center\02 - Arquivos Comuns\2.4 - Suporte Backup e Restore\Equipe Backup Restore\2.4.1 - Documentacao\2.5.0 Checklist SAGE\bkp\</t>
  </si>
  <si>
    <t>Cheklist todos cliente.xlsx</t>
  </si>
  <si>
    <t>mail.google.com/_/upload?authuser=0&amp;dcp=asu-n&amp;upload_id=AEnB2Ur9B80ghro2Op4-PYtuOIBghiueTlqJtp25qAsecz7UPW7odTtMK9MV2CvamA256vHWlmHSMdDjavXep-LOFyO8k01B8gNln3K7u6xpT6bQ4R86GG4&amp;upload_protocol=resumable</t>
  </si>
  <si>
    <t>10/29/2019 14:42:25</t>
  </si>
  <si>
    <t>10/29/2019 14:45:35</t>
  </si>
  <si>
    <t>\\acsfs\deptos\operacao\pcp\5 - comum\planejamento next\08 - estudos diversos\2019\10 - outubro\trn device\</t>
  </si>
  <si>
    <t>trn device - agentes capacitados.xlsx</t>
  </si>
  <si>
    <t>10/29/2019 14:43:54</t>
  </si>
  <si>
    <t>10.200.39.125</t>
  </si>
  <si>
    <t>24-B6-FD-28-3D-CD</t>
  </si>
  <si>
    <t>NB-ADEVILSONFA</t>
  </si>
  <si>
    <t>adevilsonfa</t>
  </si>
  <si>
    <t>C:\Users\adevilsonfa.ACS\Desktop\SAGE\</t>
  </si>
  <si>
    <t>HistoricoBackupTransacionalSAGE.xlsx</t>
  </si>
  <si>
    <t>10/29/2019 14:41:51</t>
  </si>
  <si>
    <t>10/29/2019 14:43:05</t>
  </si>
  <si>
    <t>10/29/2019 14:44:50</t>
  </si>
  <si>
    <t>10/29/2019 14:44:20</t>
  </si>
  <si>
    <t>10/29/2019 14:46:35</t>
  </si>
  <si>
    <t>19_10_29_ Pipeline Comentado_ Afonso.xlsx</t>
  </si>
  <si>
    <t>10/29/2019 14:44:39</t>
  </si>
  <si>
    <t>ENC: Urgente - Redução 2020 - CRs sem associados</t>
  </si>
  <si>
    <t>Analise do Pacote 2020.xlsx</t>
  </si>
  <si>
    <t>10/29/2019 14:42:32</t>
  </si>
  <si>
    <t>22041 - UDI - WHIRLPOOL - SERV TLV CC CHAT.xlsx</t>
  </si>
  <si>
    <t>10/29/2019 14:46:34</t>
  </si>
  <si>
    <t>10/29/2019 14:47:34</t>
  </si>
  <si>
    <t>10/29/2019 14:45:26</t>
  </si>
  <si>
    <t>10/29/2019 14:50:34</t>
  </si>
  <si>
    <t>10/29/2019 14:45:58</t>
  </si>
  <si>
    <t>10/29/2019 14:46:59</t>
  </si>
  <si>
    <t>10/29/2019 14:48:15</t>
  </si>
  <si>
    <t>10/29/2019 14:48:43</t>
  </si>
  <si>
    <t>RES: Saneamento de usuários SGS - Algar</t>
  </si>
  <si>
    <t>10/29/2019 14:48:48</t>
  </si>
  <si>
    <t>10/29/2019 14:51:34</t>
  </si>
  <si>
    <t>19_10_29_ Pipeline Comentado_ Raul.xlsx</t>
  </si>
  <si>
    <t>10/29/2019 14:49:07</t>
  </si>
  <si>
    <t>10/29/2019 14:47:00</t>
  </si>
  <si>
    <t>22051 - UDI - WHIRLPOOL - SERV BBLEND N1 Novembro.xlsx</t>
  </si>
  <si>
    <t>10/29/2019 14:47:15</t>
  </si>
  <si>
    <t>10/29/2019 14:48:37</t>
  </si>
  <si>
    <t>22052 - UDI - WHIRLPOOL - SERV BBLEND N2 Novembro.xlsx</t>
  </si>
  <si>
    <t>10/29/2019 14:49:19</t>
  </si>
  <si>
    <t>10/29/2019 14:47:37</t>
  </si>
  <si>
    <t>10/29/2019 14:52:34</t>
  </si>
  <si>
    <t>mail.google.com/_/upload?authuser=0&amp;dcp=asu-n&amp;upload_id=AEnB2UqWdPu3xRlABTJU1U97yoCZG1p3wbvY0zkVaSygaT5MF3q1Ir2Q62N5NlTjCXemRk0W6QyGZRclc9LjH23mLK0BrCefyw&amp;upload_protocol=resumable</t>
  </si>
  <si>
    <t>10/29/2019 14:50:08</t>
  </si>
  <si>
    <t>10/29/2019 14:55:34</t>
  </si>
  <si>
    <t>C:\Users\nadiagds\OneDrive - Grupo Algar\Mesa Digital\ISD_Análise\Projeto ISD - Assai\01. Fluxos\</t>
  </si>
  <si>
    <t>Projeto_ISD_ASSAI.xlsx</t>
  </si>
  <si>
    <t>10/29/2019 14:52:07</t>
  </si>
  <si>
    <t>10/29/2019 14:53:13</t>
  </si>
  <si>
    <t>10/29/2019 14:55:19</t>
  </si>
  <si>
    <t>10/29/2019 14:56:34</t>
  </si>
  <si>
    <t>ENC: Arquivos IBI</t>
  </si>
  <si>
    <t>Estudo PRCV x Faturamento x SLA.xlsx</t>
  </si>
  <si>
    <t>10/29/2019 14:53:51</t>
  </si>
  <si>
    <t>10/29/2019 14:57:34</t>
  </si>
  <si>
    <t>10/29/2019 14:54:41</t>
  </si>
  <si>
    <t>10/29/2019 14:58:34</t>
  </si>
  <si>
    <t>10/29/2019 14:55:50</t>
  </si>
  <si>
    <t>10/29/2019 15:00:34</t>
  </si>
  <si>
    <t>Padrao Solicitacao Receitamento SG Telecom -Tim TCO 29.10 - TO 507373.xlsm</t>
  </si>
  <si>
    <t>10/29/2019 14:58:12</t>
  </si>
  <si>
    <t>ENC: Produtividade CRCe 28/10</t>
  </si>
  <si>
    <t>D-1 Produtividade CRC Amex e CRC VMC - Outubro - Copia.xlsb</t>
  </si>
  <si>
    <t>10/29/2019 14:58:52</t>
  </si>
  <si>
    <t>10/29/2019 14:59:25</t>
  </si>
  <si>
    <t>10/29/2019 14:58:22</t>
  </si>
  <si>
    <t>10/29/2019 15:01:34</t>
  </si>
  <si>
    <t>19_10_29_ Pipeline Comentado_ Latam.xlsx</t>
  </si>
  <si>
    <t>10/29/2019 15:02:02</t>
  </si>
  <si>
    <t>10/29/2019 15:05:34</t>
  </si>
  <si>
    <t>C:\Users\gustavohdsa\Desktop\Desligados\</t>
  </si>
  <si>
    <t>Desligados AGO2017_AGO2019.xlsx</t>
  </si>
  <si>
    <t>10/29/2019 15:03:28</t>
  </si>
  <si>
    <t>10/29/2019 15:00:48</t>
  </si>
  <si>
    <t>10/29/2019 15:04:26</t>
  </si>
  <si>
    <t>10/29/2019 15:03:00</t>
  </si>
  <si>
    <t>10/29/2019 15:06:34</t>
  </si>
  <si>
    <t>\\acsfs\DEPTOS\Operacao\PCP\5 - Comum\PLANEJAMENTO WHIRLPOOL\17 - PLANEJAMENTO REVISADO\ticket_526283\17 - PLANEJAMENTO REVISADO\TOTALVIEW\ADERÊNCIA TTV\2019\11- NOVEMBRO\OPERAÇÕES MARIANA\RECEBIDOS\</t>
  </si>
  <si>
    <t>22043 - UDI - WHIRLPOOL - SAR N2.xlsx</t>
  </si>
  <si>
    <t>10/29/2019 15:03:27</t>
  </si>
  <si>
    <t>10/29/2019 15:04:32</t>
  </si>
  <si>
    <t>22046 - UDI - WHIRLPOOL - SERV SAOR N1.xlsx</t>
  </si>
  <si>
    <t>10/29/2019 15:04:50</t>
  </si>
  <si>
    <t>10/29/2019 15:05:47</t>
  </si>
  <si>
    <t>22047 - UDI - WHIRLPOOL - SERV SAOR N2.xlsx</t>
  </si>
  <si>
    <t>10/29/2019 15:06:12</t>
  </si>
  <si>
    <t>10/29/2019 15:08:34</t>
  </si>
  <si>
    <t>/o=exchangelabs/ou=exchange administrative group (fydibohf23spdlt)/cn=recipients/cn=54861e79125f48cc952d00cf8160b9a8-jeferson fe;/o=exchangelabs/ou=exchange administrative group (fydibohf23spdlt)/cn=recipients/cn=8f4e3aa524514f919832da77d1e13730-giselle nar;/o=exchangelabs/ou=exchange administrative group (fydibohf23spdlt)/cn=recipients/cn=a168406db08e4b3e86de955164a60cd5-robson henr;/o=exchangelabs/ou=exchange administrative group (fydibohf23spdlt)/cn=recipients/cn=d6cce5a70d504cc2ad89cee834cd59a9-luciana rib;/o=exchangelabs/ou=exchange administrative group (fydibohf23spdlt)/cn=recipients/cn=usere11ed38c;</t>
  </si>
  <si>
    <t>ENC: Estudo Mídias AVON</t>
  </si>
  <si>
    <t>/o=exchangelabs/ou=exchange administrative group (fydibohf23spdlt)/cn=recipients/cn=54861e79125f48cc952d00cf8160b9a8-jeferson fe,/o=exchangelabs/ou=exchange administrative group (fydibohf23spdlt)/cn=recipients/cn=8f4e3aa524514f919832da77d1e13730-giselle nar,/o=exchangelabs/ou=exchange administrative group (fydibohf23spdlt)/cn=recipients/cn=a168406db08e4b3e86de955164a60cd5-robson henr,/o=exchangelabs/ou=exchange administrative group (fydibohf23spdlt)/cn=recipients/cn=d6cce5a70d504cc2ad89cee834cd59a9-luciana rib,/o=exchangelabs/ou=exchange administrative group (fydibohf23spdlt)/cn=recipients/cn=usere11ed38c</t>
  </si>
  <si>
    <t>10/29/2019 15:10:34</t>
  </si>
  <si>
    <t>10/29/2019 15:10:09</t>
  </si>
  <si>
    <t>10/29/2019 15:11:34</t>
  </si>
  <si>
    <t>/o=exchangelabs/ou=exchange administrative group (fydibohf23spdlt)/cn=recipients/cn=3188323005a04a70962871b2b980355d-humberto pi;/o=exchangelabs/ou=exchange administrative group (fydibohf23spdlt)/cn=recipients/cn=c29ec9dae022497281c840087cccddec-patricia ar;/o=exchangelabs/ou=exchange administrative group (fydibohf23spdlt)/cn=recipients/cn=d88a7a6edf3c4cd1adfe6fb303685120-renato frei;/o=exchangelabs/ou=exchange administrative group (fydibohf23spdlt)/cn=recipients/cn=usere11ed38c;</t>
  </si>
  <si>
    <t>Prática Atendimento - Clientes da Prática Atendimento</t>
  </si>
  <si>
    <t>DREs de Clientes.zip\</t>
  </si>
  <si>
    <t>/o=exchangelabs/ou=exchange administrative group (fydibohf23spdlt)/cn=recipients/cn=3188323005a04a70962871b2b980355d-humberto pi,/o=exchangelabs/ou=exchange administrative group (fydibohf23spdlt)/cn=recipients/cn=c29ec9dae022497281c840087cccddec-patricia ar,/o=exchangelabs/ou=exchange administrative group (fydibohf23spdlt)/cn=recipients/cn=d88a7a6edf3c4cd1adfe6fb303685120-renato frei,/o=exchangelabs/ou=exchange administrative group (fydibohf23spdlt)/cn=recipients/cn=usere11ed38c</t>
  </si>
  <si>
    <t>10/29/2019 15:07:07</t>
  </si>
  <si>
    <t>C:\Users\marcelodsd\documents\OneDrive - Grupo Algar\Projetos\ISD\Base\</t>
  </si>
  <si>
    <t>ISD_XGBOOST_RESULTS_201910.xlsx</t>
  </si>
  <si>
    <t>10/29/2019 15:06:29</t>
  </si>
  <si>
    <t>10/29/2019 15:10:22</t>
  </si>
  <si>
    <t>22042 - UDI - WHIRLPOOL - SAR N1 .xlsx</t>
  </si>
  <si>
    <t>10/29/2019 15:10:55</t>
  </si>
  <si>
    <t>10/29/2019 15:11:14</t>
  </si>
  <si>
    <t>10/29/2019 15:13:34</t>
  </si>
  <si>
    <t>https://caey.fa.us2.oraclecloud.com/crmui/faces/fusewelcome?_adf.ctrl-state=jiabifwrg_5</t>
  </si>
  <si>
    <t>\\acsfs\deptos\CAS - Coordenação de Arquitetura de Soluções\Projetos\2019\Algar Telecom\180255 - Algar Telecom MPE Expansão\Preço\</t>
  </si>
  <si>
    <t>180255 - MPE Expansão Plan Precificacao C017 B017 2.0 Final 6.xlsb</t>
  </si>
  <si>
    <t>\\acsfs\deptos\CAS - Coordenação de Arquitetura de Soluções\Projetos\2019\Algar Telecom\180255 - Algar Telecom MPE Expansão\Preço\180255 - MPE Expansão Plan Precificacao C017 B017 2.0 Final 6.xlsb\</t>
  </si>
  <si>
    <t>10/29/2019 15:13:16</t>
  </si>
  <si>
    <t>10/29/2019 15:14:34</t>
  </si>
  <si>
    <t>10/29/2019 15:11:07</t>
  </si>
  <si>
    <t>10/29/2019 15:16:34</t>
  </si>
  <si>
    <t>https://algarnet-my.sharepoint.com/personal/yuriifd_algartech_com/_layouts/15/upload.aspx?isajax=1&amp;list={75bc35a4-6a42-459f-a68b-05df76acab59}&amp;rootfolder=/personal/yuriifd_algartech_com/documents/pr%u00e1tica atendimento - squad dc/dres</t>
  </si>
  <si>
    <t>10/29/2019 15:11:10</t>
  </si>
  <si>
    <t>Boticario.xls</t>
  </si>
  <si>
    <t>10/29/2019 15:11:18</t>
  </si>
  <si>
    <t>10/29/2019 15:11:27</t>
  </si>
  <si>
    <t>10/29/2019 15:11:47</t>
  </si>
  <si>
    <t>Brasil Pré Pago.xls</t>
  </si>
  <si>
    <t>10/29/2019 15:11:50</t>
  </si>
  <si>
    <t>Brightstar.xls</t>
  </si>
  <si>
    <t>10/29/2019 15:11:51</t>
  </si>
  <si>
    <t>BV Financeira.xls</t>
  </si>
  <si>
    <t>10/29/2019 15:11:55</t>
  </si>
  <si>
    <t>Caixa Seguradora.xls</t>
  </si>
  <si>
    <t>10/29/2019 15:12:00</t>
  </si>
  <si>
    <t>CSC Algar.xls</t>
  </si>
  <si>
    <t>10/29/2019 15:12:05</t>
  </si>
  <si>
    <t>Electrolux.xls</t>
  </si>
  <si>
    <t>10/29/2019 15:12:13</t>
  </si>
  <si>
    <t>Germed.xls</t>
  </si>
  <si>
    <t>10/29/2019 15:12:15</t>
  </si>
  <si>
    <t>GEXP.xls</t>
  </si>
  <si>
    <t>10/29/2019 15:12:18</t>
  </si>
  <si>
    <t>GM.xls</t>
  </si>
  <si>
    <t>10/29/2019 15:12:19</t>
  </si>
  <si>
    <t>Goodyear.xls</t>
  </si>
  <si>
    <t>10/29/2019 15:12:24</t>
  </si>
  <si>
    <t>Madrecor.xls</t>
  </si>
  <si>
    <t>10/29/2019 15:12:28</t>
  </si>
  <si>
    <t>Mercedes.xls</t>
  </si>
  <si>
    <t>10/29/2019 15:12:38</t>
  </si>
  <si>
    <t>10/29/2019 15:12:40</t>
  </si>
  <si>
    <t>Moto Honda.xls</t>
  </si>
  <si>
    <t>10/29/2019 15:12:44</t>
  </si>
  <si>
    <t>Nespresso.xls</t>
  </si>
  <si>
    <t>10/29/2019 15:12:50</t>
  </si>
  <si>
    <t>Nestle.xls</t>
  </si>
  <si>
    <t>10/29/2019 15:12:51</t>
  </si>
  <si>
    <t>Next.xls</t>
  </si>
  <si>
    <t>10/29/2019 15:12:53</t>
  </si>
  <si>
    <t>Quinnstreet.xls</t>
  </si>
  <si>
    <t>10/29/2019 15:12:57</t>
  </si>
  <si>
    <t>Saúde Pool ACS.xls</t>
  </si>
  <si>
    <t>10/29/2019 15:13:00</t>
  </si>
  <si>
    <t>Sindag.xls</t>
  </si>
  <si>
    <t>10/29/2019 15:13:03</t>
  </si>
  <si>
    <t>Sodexo.xls</t>
  </si>
  <si>
    <t>10/29/2019 15:13:04</t>
  </si>
  <si>
    <t>Sotreq.xls</t>
  </si>
  <si>
    <t>10/29/2019 15:13:08</t>
  </si>
  <si>
    <t>Toyota.xls</t>
  </si>
  <si>
    <t>10/29/2019 15:13:09</t>
  </si>
  <si>
    <t>Tricard.xls</t>
  </si>
  <si>
    <t>10/29/2019 15:13:13</t>
  </si>
  <si>
    <t>Whirlpool.xls</t>
  </si>
  <si>
    <t>10/29/2019 15:13:18</t>
  </si>
  <si>
    <t>Yahsat.xls</t>
  </si>
  <si>
    <t>10/29/2019 15:13:20</t>
  </si>
  <si>
    <t>Youse.xls</t>
  </si>
  <si>
    <t>10/29/2019 15:13:24</t>
  </si>
  <si>
    <t>10/29/2019 15:15:59</t>
  </si>
  <si>
    <t>10/29/2019 15:18:33</t>
  </si>
  <si>
    <t>/o=exchangelabs/ou=exchange administrative group (fydibohf23spdlt)/cn=recipients/cn=1e212ef08dab4f26b88cba944f2ab7cb-pmo.governa;/o=exchangelabs/ou=exchange administrative group (fydibohf23spdlt)/cn=recipients/cn=5676353c001f41558e00d4c7fa4fd023-aprova.vend;/o=exchangelabs/ou=exchange administrative group (fydibohf23spdlt)/cn=recipients/cn=5dd03a66f797451390d7113259343399-aline da si;/o=exchangelabs/ou=exchange administrative group (fydibohf23spdlt)/cn=recipients/cn=b16974d7de334bfabfe3dee1e8e47e59-sherley cri;/o=exchangelabs/ou=exchange administrative group (fydibohf23spdlt)/cn=recipients/cn=d73c2a72ee8e45cfac0a50efc708425b-marissa amo;/o=exchangelabs/ou=exchange administrative group (fydibohf23spdlt)/cn=recipients/cn=fe8fdec9c88140d18f5303035fad45f0-ricardo bor;</t>
  </si>
  <si>
    <t>RES: 180255 - Algar Telecom - Consultiva. Atualizar BP</t>
  </si>
  <si>
    <t>/o=exchangelabs/ou=exchange administrative group (fydibohf23spdlt)/cn=recipients/cn=1e212ef08dab4f26b88cba944f2ab7cb-pmo.governa,/o=exchangelabs/ou=exchange administrative group (fydibohf23spdlt)/cn=recipients/cn=5676353c001f41558e00d4c7fa4fd023-aprova.vend,/o=exchangelabs/ou=exchange administrative group (fydibohf23spdlt)/cn=recipients/cn=5dd03a66f797451390d7113259343399-aline da si,/o=exchangelabs/ou=exchange administrative group (fydibohf23spdlt)/cn=recipients/cn=b16974d7de334bfabfe3dee1e8e47e59-sherley cri,/o=exchangelabs/ou=exchange administrative group (fydibohf23spdlt)/cn=recipients/cn=d73c2a72ee8e45cfac0a50efc708425b-marissa amo,/o=exchangelabs/ou=exchange administrative group (fydibohf23spdlt)/cn=recipients/cn=fe8fdec9c88140d18f5303035fad45f0-ricardo bor</t>
  </si>
  <si>
    <t>10/29/2019 15:16:51</t>
  </si>
  <si>
    <t>10/29/2019 15:19:34</t>
  </si>
  <si>
    <t>RES: Tech Day</t>
  </si>
  <si>
    <t>Planejamento Jairo.xlsx</t>
  </si>
  <si>
    <t>10/29/2019 15:17:44</t>
  </si>
  <si>
    <t>10/29/2019 15:16:33</t>
  </si>
  <si>
    <t>10/29/2019 15:20:33</t>
  </si>
  <si>
    <t>10/29/2019 15:17:05</t>
  </si>
  <si>
    <t>10/29/2019 15:19:46</t>
  </si>
  <si>
    <t>10/29/2019 15:24:34</t>
  </si>
  <si>
    <t>ENC: Estorno de Captura NF(POSITIVO) CRM:003690002366</t>
  </si>
  <si>
    <t>Estorno de Captura NF(POSITIVO) CRM003690002366.msg\s1\</t>
  </si>
  <si>
    <t>Tamplete de encargos wo e stop (2).xls</t>
  </si>
  <si>
    <t>10/29/2019 15:23:42</t>
  </si>
  <si>
    <t>10/29/2019 15:25:33</t>
  </si>
  <si>
    <t>10/29/2019 15:24:09</t>
  </si>
  <si>
    <t>10/29/2019 15:24:46</t>
  </si>
  <si>
    <t>ENC: Conciliação FAT B - OUT 2019</t>
  </si>
  <si>
    <t>10/29/2019 15:25:20</t>
  </si>
  <si>
    <t>10/29/2019 15:28:33</t>
  </si>
  <si>
    <t>ENC: Fluxo de caixa setembro 2019 | Mexico</t>
  </si>
  <si>
    <t>Fluxo de Caixa Mexico 2019.xlsx</t>
  </si>
  <si>
    <t>10/29/2019 15:25:53</t>
  </si>
  <si>
    <t>10/29/2019 15:29:33</t>
  </si>
  <si>
    <t>/o=exchangelabs/ou=exchange administrative group (fydibohf23spdlt)/cn=recipients/cn=4b453b7f02914710b3e94bcf7b311ad4-fernando po;/o=exchangelabs/ou=exchange administrative group (fydibohf23spdlt)/cn=recipients/cn=525b3060f0654996a4c2979efbfaed04-douglas sil;/o=exchangelabs/ou=exchange administrative group (fydibohf23spdlt)/cn=recipients/cn=5ab64dc5178e4d66aadc5f660807b2c3-andre gomes;/o=exchangelabs/ou=exchange administrative group (fydibohf23spdlt)/cn=recipients/cn=68e6aa2e3fef4ccaba997d98294c9ed5-cristina he;/o=exchangelabs/ou=exchange administrative group (fydibohf23spdlt)/cn=recipients/cn=6fbc44b6d6b549208175d5a27201bd13-cintia nune;/o=exchangelabs/ou=exchange administrative group (fydibohf23spdlt)/cn=recipients/cn=78e530b5e3244cc1a89eba7f7b0af42f-marco tulio;/o=exchangelabs/ou=exchange administrative group (fydibohf23spdlt)/cn=recipients/cn=8ab5e44d485043d59eb4f21463e63e6a-tays dos sa;/o=exchangelabs/ou=exchange administrative group (fydibohf23spdlt)/cn=recipients/cn=9c71bc5f5a3648bbbb5f6bedb86e15a6-marc</t>
  </si>
  <si>
    <t>RES: Indicadores TOP - Urgente</t>
  </si>
  <si>
    <t>Assiduidade Rosi.xls</t>
  </si>
  <si>
    <t>/o=exchangelabs/ou=exchange administrative group (fydibohf23spdlt)/cn=recipients/cn=4b453b7f02914710b3e94bcf7b311ad4-fernando po,/o=exchangelabs/ou=exchange administrative group (fydibohf23spdlt)/cn=recipients/cn=525b3060f0654996a4c2979efbfaed04-douglas sil,/o=exchangelabs/ou=exchange administrative group (fydibohf23spdlt)/cn=recipients/cn=5ab64dc5178e4d66aadc5f660807b2c3-andre gomes,/o=exchangelabs/ou=exchange administrative group (fydibohf23spdlt)/cn=recipients/cn=68e6aa2e3fef4ccaba997d98294c9ed5-cristina he,/o=exchangelabs/ou=exchange administrative group (fydibohf23spdlt)/cn=recipients/cn=6fbc44b6d6b549208175d5a27201bd13-cintia nune,/o=exchangelabs/ou=exchange administrative group (fydibohf23spdlt)/cn=recipients/cn=78e530b5e3244cc1a89eba7f7b0af42f-marco tulio,/o=exchangelabs/ou=exchange administrative group (fydibohf23spdlt)/cn=recipients/cn=8ab5e44d485043d59eb4f21463e63e6a-tays dos sa,/o=exchangelabs/ou=exchange administrative group (fydibohf23spdlt)/cn=recipients/cn=9c71bc5f5a3648bbbb5f6bedb86e15a6-marc</t>
  </si>
  <si>
    <t>10/29/2019 15:28:53</t>
  </si>
  <si>
    <t>10/29/2019 15:32:23</t>
  </si>
  <si>
    <t>10/29/2019 15:35:33</t>
  </si>
  <si>
    <t>10/29/2019 15:33:33</t>
  </si>
  <si>
    <t>10/29/2019 15:36:34</t>
  </si>
  <si>
    <t>10.200.99.147</t>
  </si>
  <si>
    <t>Estudo Porta de URA.xlsx</t>
  </si>
  <si>
    <t>10/29/2019 15:35:02</t>
  </si>
  <si>
    <t>10/29/2019 15:38:34</t>
  </si>
  <si>
    <t>10.207.12.101</t>
  </si>
  <si>
    <t>10/29/2019 15:37:18</t>
  </si>
  <si>
    <t>10/29/2019 15:39:33</t>
  </si>
  <si>
    <t>Template_-_Gestao_de_Titulos (33).xlsx</t>
  </si>
  <si>
    <t>10/29/2019 15:38:54</t>
  </si>
  <si>
    <t>10/29/2019 15:41:35</t>
  </si>
  <si>
    <t>fabio.veras@tracksale.co;</t>
  </si>
  <si>
    <t>Cadastro de usuário em massa</t>
  </si>
  <si>
    <t>Usuários Tracksale_Supervisores.xlsx</t>
  </si>
  <si>
    <t>fabio.veras@tracksale.co</t>
  </si>
  <si>
    <t>10/29/2019 15:44:11</t>
  </si>
  <si>
    <t>10/29/2019 15:45:35</t>
  </si>
  <si>
    <t>10/29/2019 15:44:07</t>
  </si>
  <si>
    <t>10/29/2019 15:46:34</t>
  </si>
  <si>
    <t>/o=exchangelabs/ou=exchange administrative group (fydibohf23spdlt)/cn=recipients/cn=f1c8caa674294f9caec7e6e3bb3fabdd-francisca m;</t>
  </si>
  <si>
    <t>Folgas 163</t>
  </si>
  <si>
    <t>folgas 163.xlsx</t>
  </si>
  <si>
    <t>/o=exchangelabs/ou=exchange administrative group (fydibohf23spdlt)/cn=recipients/cn=f1c8caa674294f9caec7e6e3bb3fabdd-francisca m</t>
  </si>
  <si>
    <t>10/29/2019 15:48:57</t>
  </si>
  <si>
    <t>10/29/2019 15:50:34</t>
  </si>
  <si>
    <t>10/29/2019 15:47:37</t>
  </si>
  <si>
    <t>10/29/2019 15:49:01</t>
  </si>
  <si>
    <t>10/29/2019 15:49:38</t>
  </si>
  <si>
    <t>10/29/2019 15:48:22</t>
  </si>
  <si>
    <t>10/29/2019 15:51:35</t>
  </si>
  <si>
    <t>10/29/2019 15:50:43</t>
  </si>
  <si>
    <t>10/29/2019 15:55:35</t>
  </si>
  <si>
    <t>10/29/2019 15:53:57</t>
  </si>
  <si>
    <t>/o=exchangelabs/ou=exchange administrative group (fydibohf23spdlt)/cn=recipients/cn=002ec1cd4de64cd68f3e33ca3518cc0b-fernando ro;/o=exchangelabs/ou=exchange administrative group (fydibohf23spdlt)/cn=recipients/cn=25d3f620e7064ed5956d079ad387a6bf-cassio jose;/o=exchangelabs/ou=exchange administrative group (fydibohf23spdlt)/cn=recipients/cn=435be7f7fc8c4dcfb9b8cfee6270553e-vinicius jo;/o=exchangelabs/ou=exchange administrative group (fydibohf23spdlt)/cn=recipients/cn=518109802f95454588121e2ff09bd792-marcio roge;/o=exchangelabs/ou=exchange administrative group (fydibohf23spdlt)/cn=recipients/cn=704a091cd37d4107b348985fafa39a4f-shirlei san;/o=exchangelabs/ou=exchange administrative group (fydibohf23spdlt)/cn=recipients/cn=789dec4dad7d44908ec466b75359c302-amanda robe;/o=exchangelabs/ou=exchange administrative group (fydibohf23spdlt)/cn=recipients/cn=7f0583df7d3e4c2bb8108b334f4257df-marcelo fla;/o=exchangelabs/ou=exchange administrative group (fydibohf23spdlt)/cn=recipients/cn=8c01e71056fe4e1a8ecc4e24420bd9ef-fell</t>
  </si>
  <si>
    <t>RES: Conciliação FAT B - OUT 2019</t>
  </si>
  <si>
    <t>Controle FatB 2019 Fellyp_Outubro.xlsx</t>
  </si>
  <si>
    <t>/o=exchangelabs/ou=exchange administrative group (fydibohf23spdlt)/cn=recipients/cn=002ec1cd4de64cd68f3e33ca3518cc0b-fernando ro,/o=exchangelabs/ou=exchange administrative group (fydibohf23spdlt)/cn=recipients/cn=25d3f620e7064ed5956d079ad387a6bf-cassio jose,/o=exchangelabs/ou=exchange administrative group (fydibohf23spdlt)/cn=recipients/cn=435be7f7fc8c4dcfb9b8cfee6270553e-vinicius jo,/o=exchangelabs/ou=exchange administrative group (fydibohf23spdlt)/cn=recipients/cn=518109802f95454588121e2ff09bd792-marcio roge,/o=exchangelabs/ou=exchange administrative group (fydibohf23spdlt)/cn=recipients/cn=704a091cd37d4107b348985fafa39a4f-shirlei san,/o=exchangelabs/ou=exchange administrative group (fydibohf23spdlt)/cn=recipients/cn=789dec4dad7d44908ec466b75359c302-amanda robe,/o=exchangelabs/ou=exchange administrative group (fydibohf23spdlt)/cn=recipients/cn=7f0583df7d3e4c2bb8108b334f4257df-marcelo fla,/o=exchangelabs/ou=exchange administrative group (fydibohf23spdlt)/cn=recipients/cn=8c01e71056fe4e1a8ecc4e24420bd9ef-fell</t>
  </si>
  <si>
    <t>10/29/2019 15:58:42</t>
  </si>
  <si>
    <t>10/29/2019 15:59:36</t>
  </si>
  <si>
    <t>/o=exchangelabs/ou=exchange administrative group (fydibohf23spdlt)/cn=recipients/cn=0bafe1ed27024338be4e911e19871cd1-william rob;/o=exchangelabs/ou=exchange administrative group (fydibohf23spdlt)/cn=recipients/cn=34a28d636a1b4c86b1ec79baed4b846a-marco anton;/o=exchangelabs/ou=exchange administrative group (fydibohf23spdlt)/cn=recipients/cn=43a054bacf514a8a9cdcb240b072cd47-cecilia mul;/o=exchangelabs/ou=exchange administrative group (fydibohf23spdlt)/cn=recipients/cn=97bf0b4d6b424f9fbf91192510276150-renata de o;/o=exchangelabs/ou=exchange administrative group (fydibohf23spdlt)/cn=recipients/cn=d34862636b3f4dd788a4b79302af038e-simone ribe;</t>
  </si>
  <si>
    <t>RES: [GMAC] Diminuição de escopo e alteração no horário de trabalho. - Ratificando</t>
  </si>
  <si>
    <t>SIMULAÇÃO.xlsx</t>
  </si>
  <si>
    <t>/o=exchangelabs/ou=exchange administrative group (fydibohf23spdlt)/cn=recipients/cn=0bafe1ed27024338be4e911e19871cd1-william rob,/o=exchangelabs/ou=exchange administrative group (fydibohf23spdlt)/cn=recipients/cn=34a28d636a1b4c86b1ec79baed4b846a-marco anton,/o=exchangelabs/ou=exchange administrative group (fydibohf23spdlt)/cn=recipients/cn=43a054bacf514a8a9cdcb240b072cd47-cecilia mul,/o=exchangelabs/ou=exchange administrative group (fydibohf23spdlt)/cn=recipients/cn=97bf0b4d6b424f9fbf91192510276150-renata de o,/o=exchangelabs/ou=exchange administrative group (fydibohf23spdlt)/cn=recipients/cn=d34862636b3f4dd788a4b79302af038e-simone ribe</t>
  </si>
  <si>
    <t>10/29/2019 15:55:40</t>
  </si>
  <si>
    <t>10/29/2019 16:00:36</t>
  </si>
  <si>
    <t>10/29/2019 15:56:11</t>
  </si>
  <si>
    <t>10/29/2019 15:59:14</t>
  </si>
  <si>
    <t>10/29/2019 16:02:35</t>
  </si>
  <si>
    <t>10/29/2019 16:02:56</t>
  </si>
  <si>
    <t>10/29/2019 16:03:36</t>
  </si>
  <si>
    <t>ENC: Elogios Setembro</t>
  </si>
  <si>
    <t>10/29/2019 15:59:13</t>
  </si>
  <si>
    <t>10/29/2019 16:01:22</t>
  </si>
  <si>
    <t>10/29/2019 16:05:36</t>
  </si>
  <si>
    <t>10/29/2019 16:01:57</t>
  </si>
  <si>
    <t>10/29/2019 16:02:30</t>
  </si>
  <si>
    <t>10/29/2019 16:03:03</t>
  </si>
  <si>
    <t>10/29/2019 16:04:09</t>
  </si>
  <si>
    <t>10/29/2019 16:06:38</t>
  </si>
  <si>
    <t>10/29/2019 16:07:36</t>
  </si>
  <si>
    <t>/o=exchangelabs/ou=exchange administrative group (fydibohf23spdlt)/cn=recipients/cn=62d5fd1199c1484e8dbf2f7195b77da2-suporte so;/o=exchangelabs/ou=exchange administrative group (fydibohf23spdlt)/cn=recipients/cn=d340ee7455b04eb9a8446c04a763795a-service des;</t>
  </si>
  <si>
    <t>ENC: Polimix - aumento storage</t>
  </si>
  <si>
    <t>216436-Polimix-mes-10.xls</t>
  </si>
  <si>
    <t>/o=exchangelabs/ou=exchange administrative group (fydibohf23spdlt)/cn=recipients/cn=62d5fd1199c1484e8dbf2f7195b77da2-suporte so,/o=exchangelabs/ou=exchange administrative group (fydibohf23spdlt)/cn=recipients/cn=d340ee7455b04eb9a8446c04a763795a-service des</t>
  </si>
  <si>
    <t>10/29/2019 16:07:29</t>
  </si>
  <si>
    <t>10/29/2019 16:09:36</t>
  </si>
  <si>
    <t>agenda dia d bmw - final.xls</t>
  </si>
  <si>
    <t>10/29/2019 16:08:01</t>
  </si>
  <si>
    <t>agenda dia d eletrolux - final.xls</t>
  </si>
  <si>
    <t>10/29/2019 16:06:21</t>
  </si>
  <si>
    <t>10/29/2019 16:10:36</t>
  </si>
  <si>
    <t>10/29/2019 16:07:10</t>
  </si>
  <si>
    <t>10/29/2019 16:08:09</t>
  </si>
  <si>
    <t>192.168.1.109</t>
  </si>
  <si>
    <t>ENC: Troca de horário de sobre aviso</t>
  </si>
  <si>
    <t>10/29/2019 16:11:45</t>
  </si>
  <si>
    <t>10/29/2019 16:15:36</t>
  </si>
  <si>
    <t>10/29/2019 16:14:40</t>
  </si>
  <si>
    <t>10/29/2019 16:13:36</t>
  </si>
  <si>
    <t>10/29/2019 16:17:36</t>
  </si>
  <si>
    <t>10/29/2019 16:16:40</t>
  </si>
  <si>
    <t>10/29/2019 16:14:25</t>
  </si>
  <si>
    <t>10/29/2019 16:18:37</t>
  </si>
  <si>
    <t>10/29/2019 16:18:32</t>
  </si>
  <si>
    <t>10/29/2019 16:19:36</t>
  </si>
  <si>
    <t>10/29/2019 16:15:13</t>
  </si>
  <si>
    <t>10/29/2019 16:20:37</t>
  </si>
  <si>
    <t>10/29/2019 16:18:57</t>
  </si>
  <si>
    <t>10/29/2019 16:23:37</t>
  </si>
  <si>
    <t>/o=exchangelabs/ou=exchange administrative group (fydibohf23spdlt)/cn=recipients/cn=6bc6ced03b1b4fafa41bb5c70c178940-antonio per;/o=exchangelabs/ou=exchange administrative group (fydibohf23spdlt)/cn=recipients/cn=78e530b5e3244cc1a89eba7f7b0af42f-marco tulio;/o=exchangelabs/ou=exchange administrative group (fydibohf23spdlt)/cn=recipients/cn=b144f37bc5a4455085d413d0b7993628-daniela de;/o=exchangelabs/ou=exchange administrative group (fydibohf23spdlt)/cn=recipients/cn=d0093b7063a942388b31a7ba794f9061-dener benic;</t>
  </si>
  <si>
    <t>/o=exchangelabs/ou=exchange administrative group (fydibohf23spdlt)/cn=recipients/cn=6bc6ced03b1b4fafa41bb5c70c178940-antonio per,/o=exchangelabs/ou=exchange administrative group (fydibohf23spdlt)/cn=recipients/cn=78e530b5e3244cc1a89eba7f7b0af42f-marco tulio,/o=exchangelabs/ou=exchange administrative group (fydibohf23spdlt)/cn=recipients/cn=b144f37bc5a4455085d413d0b7993628-daniela de,/o=exchangelabs/ou=exchange administrative group (fydibohf23spdlt)/cn=recipients/cn=d0093b7063a942388b31a7ba794f9061-dener benic</t>
  </si>
  <si>
    <t>10/29/2019 16:21:30</t>
  </si>
  <si>
    <t>RECEITAMENTO - TERCEIROS OUT.19 - Estorno Caixa</t>
  </si>
  <si>
    <t>RECEITAMENTO - TERCEIROS OUT.19 - Estorno Caixa.xlsm</t>
  </si>
  <si>
    <t>10/29/2019 16:22:42</t>
  </si>
  <si>
    <t>gabrielaog@algartech.com.br;ideniraa@algartech.com.br;</t>
  </si>
  <si>
    <t>gabrielaog@algartech.com.br,ideniraa@algartech.com.br</t>
  </si>
  <si>
    <t>10/29/2019 16:24:27</t>
  </si>
  <si>
    <t>10/29/2019 16:28:36</t>
  </si>
  <si>
    <t>C:\Leandro\Pessoal\Birrrl\</t>
  </si>
  <si>
    <t>BF percentual de gordura - Masculina - Copia.xlsx</t>
  </si>
  <si>
    <t>10/29/2019 16:26:57</t>
  </si>
  <si>
    <t>10/29/2019 16:30:36</t>
  </si>
  <si>
    <t>10/29/2019 16:28:03</t>
  </si>
  <si>
    <t>10/29/2019 16:29:23</t>
  </si>
  <si>
    <t>10/29/2019 16:29:20</t>
  </si>
  <si>
    <t>10/29/2019 16:32:36</t>
  </si>
  <si>
    <t>Base Distribuição 2019 Setembro 2910 s Engeset - teste.xlsx</t>
  </si>
  <si>
    <t>10/29/2019 16:30:07</t>
  </si>
  <si>
    <t>C:\Users\mariannacsm\OneDrive - Grupo Algar\0- PMO-POOL\POOL\02 - Volumes CCC 2020\Saving\Old\</t>
  </si>
  <si>
    <t>10/29/2019 16:29:17</t>
  </si>
  <si>
    <t>10/29/2019 16:33:36</t>
  </si>
  <si>
    <t>eversonmc@algartech.com.br;lorrainepmdf@algartech.com.br;</t>
  </si>
  <si>
    <t>Resultado parcial de Outubro</t>
  </si>
  <si>
    <t>eversonmc@algartech.com.br,lorrainepmdf@algartech.com.br</t>
  </si>
  <si>
    <t>10/29/2019 16:30:16</t>
  </si>
  <si>
    <t>10/29/2019 16:34:37</t>
  </si>
  <si>
    <t>mail.google.com/_/upload?authuser=0&amp;dcp=asu-n&amp;upload_id=AEnB2Uropa-nH-ZUZkkGbnq2q6nc6QZzPWvUvHCislYlzXjSXpTAy047EQDzmbQvn_dq8H5EDkyLHhhDYpbbZwRBwm9YeQ13gsHy-2iUF6cuPIbPQTsMpLk&amp;upload_protocol=resumable</t>
  </si>
  <si>
    <t>Planilha horas extras .xlsx</t>
  </si>
  <si>
    <t>10/29/2019 16:32:11</t>
  </si>
  <si>
    <t>10/29/2019 16:35:36</t>
  </si>
  <si>
    <t>10/29/2019 16:32:35</t>
  </si>
  <si>
    <t>10/29/2019 16:33:06</t>
  </si>
  <si>
    <t>10/29/2019 16:33:43</t>
  </si>
  <si>
    <t>10/29/2019 16:33:58</t>
  </si>
  <si>
    <t>10/29/2019 16:34:27</t>
  </si>
  <si>
    <t>10/29/2019 16:34:49</t>
  </si>
  <si>
    <t>10/29/2019 16:33:40</t>
  </si>
  <si>
    <t>10/29/2019 16:36:37</t>
  </si>
  <si>
    <t>ENC: Indicadores TOP - Urgente</t>
  </si>
  <si>
    <t>Diário de Bordo - RCV-HD (1).xlsx</t>
  </si>
  <si>
    <t>10/29/2019 16:35:39</t>
  </si>
  <si>
    <t>10/29/2019 16:40:36</t>
  </si>
  <si>
    <t>10/29/2019 16:36:11</t>
  </si>
  <si>
    <t>10/29/2019 16:36:58</t>
  </si>
  <si>
    <t>10/29/2019 16:37:19</t>
  </si>
  <si>
    <t>10/29/2019 16:38:17</t>
  </si>
  <si>
    <t>10/29/2019 16:38:37</t>
  </si>
  <si>
    <t>10/29/2019 16:38:42</t>
  </si>
  <si>
    <t>10/29/2019 16:35:59</t>
  </si>
  <si>
    <t>10/29/2019 16:43:26</t>
  </si>
  <si>
    <t>10/29/2019 16:44:36</t>
  </si>
  <si>
    <t>/o=exchangelabs/ou=exchange administrative group (fydibohf23spdlt)/cn=recipients/cn=d05b086490f84e1380a430afb1101aa7-giofrerdane;/o=exchangelabs/ou=exchange administrative group (fydibohf23spdlt)/cn=recipients/cn=d73974a6e555442cafd74cda95746e86-denia alves;rogerio.nascimento@sicoob.com.br;</t>
  </si>
  <si>
    <t>Cobrança avalista - Scripts</t>
  </si>
  <si>
    <t>Cobrança Avalista - Scripts.xlsx</t>
  </si>
  <si>
    <t>/o=exchangelabs/ou=exchange administrative group (fydibohf23spdlt)/cn=recipients/cn=d05b086490f84e1380a430afb1101aa7-giofrerdane,/o=exchangelabs/ou=exchange administrative group (fydibohf23spdlt)/cn=recipients/cn=d73974a6e555442cafd74cda95746e86-denia alves,rogerio.nascimento@sicoob.com.br</t>
  </si>
  <si>
    <t>10/29/2019 16:44:14</t>
  </si>
  <si>
    <t>10/29/2019 16:45:37</t>
  </si>
  <si>
    <t>/o=exchangelabs/ou=exchange administrative group (fydibohf23spdlt)/cn=recipients/cn=249f643ba1e044588b45a020c76dadde-daniel de o;/o=exchangelabs/ou=exchange administrative group (fydibohf23spdlt)/cn=recipients/cn=43a054bacf514a8a9cdcb240b072cd47-cecilia mul;/o=exchangelabs/ou=exchange administrative group (fydibohf23spdlt)/cn=recipients/cn=45f281eb2c55454da382ae61cb22aff4-fabiano mus;/o=exchangelabs/ou=exchange administrative group (fydibohf23spdlt)/cn=recipients/cn=9590810d44524cf49acee6103c18936a-denys guidi;/o=exchangelabs/ou=exchange administrative group (fydibohf23spdlt)/cn=recipients/cn=97d172c8919b4efe9c4a5cda6727a6c7-walter robe;tiago.paula@sap.com;</t>
  </si>
  <si>
    <t>/o=exchangelabs/ou=exchange administrative group (fydibohf23spdlt)/cn=recipients/cn=249f643ba1e044588b45a020c76dadde-daniel de o,/o=exchangelabs/ou=exchange administrative group (fydibohf23spdlt)/cn=recipients/cn=43a054bacf514a8a9cdcb240b072cd47-cecilia mul,/o=exchangelabs/ou=exchange administrative group (fydibohf23spdlt)/cn=recipients/cn=45f281eb2c55454da382ae61cb22aff4-fabiano mus,/o=exchangelabs/ou=exchange administrative group (fydibohf23spdlt)/cn=recipients/cn=9590810d44524cf49acee6103c18936a-denys guidi,/o=exchangelabs/ou=exchange administrative group (fydibohf23spdlt)/cn=recipients/cn=97d172c8919b4efe9c4a5cda6727a6c7-walter robe,tiago.paula@sap.com</t>
  </si>
  <si>
    <t>10/29/2019 16:43:25</t>
  </si>
  <si>
    <t>10/29/2019 16:44:28</t>
  </si>
  <si>
    <t>10/29/2019 16:44:07</t>
  </si>
  <si>
    <t>10/29/2019 16:46:36</t>
  </si>
  <si>
    <t>/o=exchangelabs/ou=exchange administrative group (fydibohf23spdlt)/cn=recipients/cn=2f4bb3276da2464096fd9ebe23e1d908-marla jorda;/o=exchangelabs/ou=exchange administrative group (fydibohf23spdlt)/cn=recipients/cn=3a354b5804b342fe8b535455ff89c941-mariana fre;/o=exchangelabs/ou=exchange administrative group (fydibohf23spdlt)/cn=recipients/cn=8448bc0d964c4200bf3bd8bd54310da1-kesley isai;/o=exchangelabs/ou=exchange administrative group (fydibohf23spdlt)/cn=recipients/cn=b00eb05119d14bbeac53a3bf5979e6c2-elena crist;/o=exchangelabs/ou=exchange administrative group (fydibohf23spdlt)/cn=recipients/cn=f0e6b231679d41b89fbbc682e6e3a6ca-daiane barb;</t>
  </si>
  <si>
    <t>Definição Meta Novembro novas ações</t>
  </si>
  <si>
    <t>Meta plan x Real Novas Ações.xlsb</t>
  </si>
  <si>
    <t>/o=exchangelabs/ou=exchange administrative group (fydibohf23spdlt)/cn=recipients/cn=2f4bb3276da2464096fd9ebe23e1d908-marla jorda,/o=exchangelabs/ou=exchange administrative group (fydibohf23spdlt)/cn=recipients/cn=3a354b5804b342fe8b535455ff89c941-mariana fre,/o=exchangelabs/ou=exchange administrative group (fydibohf23spdlt)/cn=recipients/cn=8448bc0d964c4200bf3bd8bd54310da1-kesley isai,/o=exchangelabs/ou=exchange administrative group (fydibohf23spdlt)/cn=recipients/cn=b00eb05119d14bbeac53a3bf5979e6c2-elena crist,/o=exchangelabs/ou=exchange administrative group (fydibohf23spdlt)/cn=recipients/cn=f0e6b231679d41b89fbbc682e6e3a6ca-daiane barb</t>
  </si>
  <si>
    <t>10/29/2019 16:46:16</t>
  </si>
  <si>
    <t>10/29/2019 16:47:37</t>
  </si>
  <si>
    <t>10/29/2019 16:45:31</t>
  </si>
  <si>
    <t>10/29/2019 16:49:36</t>
  </si>
  <si>
    <t>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81f72ed6e9d042e3bed0cec08d488854-vinicius go;/o=exchangelabs/ou=exchange administrative group (fydibohf23spdlt)/cn=recipients/cn=a75579a499254c2291e852b70c4d70d1-eunice apar;/o=exchangelabs/ou=exchange administrative group (fydibohf23spdlt)/cn=recipients/cn=e39e329fc16a43329eb2766bae675122-mariana gon;</t>
  </si>
  <si>
    <t>ENC: Calculo de ganhos - Canais Digitais Whirlpool</t>
  </si>
  <si>
    <t>Ganhos Whirlpool.xlsb</t>
  </si>
  <si>
    <t>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81f72ed6e9d042e3bed0cec08d488854-vinicius go,/o=exchangelabs/ou=exchange administrative group (fydibohf23spdlt)/cn=recipients/cn=a75579a499254c2291e852b70c4d70d1-eunice apar,/o=exchangelabs/ou=exchange administrative group (fydibohf23spdlt)/cn=recipients/cn=e39e329fc16a43329eb2766bae675122-mariana gon</t>
  </si>
  <si>
    <t>10/29/2019 11:39:00</t>
  </si>
  <si>
    <t>10/29/2019 16:52:37</t>
  </si>
  <si>
    <t>/o=exchangelabs/ou=exchange administrative group (fydibohf23spdlt)/cn=recipients/cn=3d559cad8a6b4c9ba2e512604e1484a2-marcelo mal;/o=exchangelabs/ou=exchange administrative group (fydibohf23spdlt)/cn=recipients/cn=b194f014572c4c36b52132f9199df1aa-jairo junio;</t>
  </si>
  <si>
    <t>ENC: BP's Vale</t>
  </si>
  <si>
    <t>/o=exchangelabs/ou=exchange administrative group (fydibohf23spdlt)/cn=recipients/cn=3d559cad8a6b4c9ba2e512604e1484a2-marcelo mal,/o=exchangelabs/ou=exchange administrative group (fydibohf23spdlt)/cn=recipients/cn=b194f014572c4c36b52132f9199df1aa-jairo junio</t>
  </si>
  <si>
    <t>10/29/2019 16:52:48</t>
  </si>
  <si>
    <t>10/29/2019 16:55:36</t>
  </si>
  <si>
    <t>/o=exchangelabs/ou=exchange administrative group (fydibohf23spdlt)/cn=recipients/cn=094e5194d5c94cdf9d444ee50a911800-thalles hen;/o=exchangelabs/ou=exchange administrative group (fydibohf23spdlt)/cn=recipients/cn=5037aa398cdf4d9cae5ff1914ad4e4b1-joao paulo;</t>
  </si>
  <si>
    <t>Relatórios DT Algar Telecom</t>
  </si>
  <si>
    <t>Relatório AgentBot e Algar Telecom - Maio 2017 .xlsb</t>
  </si>
  <si>
    <t>/o=exchangelabs/ou=exchange administrative group (fydibohf23spdlt)/cn=recipients/cn=094e5194d5c94cdf9d444ee50a911800-thalles hen,/o=exchangelabs/ou=exchange administrative group (fydibohf23spdlt)/cn=recipients/cn=5037aa398cdf4d9cae5ff1914ad4e4b1-joao paulo</t>
  </si>
  <si>
    <t>10/29/2019 16:50:54</t>
  </si>
  <si>
    <t>10/29/2019 16:51:02</t>
  </si>
  <si>
    <t>10/29/2019 16:51:09</t>
  </si>
  <si>
    <t>10/29/2019 16:52:39</t>
  </si>
  <si>
    <t>10/29/2019 16:57:36</t>
  </si>
  <si>
    <t>/o=exchangelabs/ou=exchange administrative group (fydibohf23spdlt)/cn=recipients/cn=453253b247e84735a37b453eeacdb5fe-bruno palud;</t>
  </si>
  <si>
    <t>/o=exchangelabs/ou=exchange administrative group (fydibohf23spdlt)/cn=recipients/cn=453253b247e84735a37b453eeacdb5fe-bruno palud</t>
  </si>
  <si>
    <t>10/29/2019 16:55:02</t>
  </si>
  <si>
    <t>10/29/2019 16:58:36</t>
  </si>
  <si>
    <t>10.211.2.159</t>
  </si>
  <si>
    <t>D8-9C-67-6F-31-4D</t>
  </si>
  <si>
    <t>SPTI-340009450</t>
  </si>
  <si>
    <t>leonardo.caetano</t>
  </si>
  <si>
    <t>C:\Users\leonardo.caetano\OneDrive - Grupo Algar\Mesa Digital - GAT\_ISD\Componetizações Operações\BANCO BMG\</t>
  </si>
  <si>
    <t>ISD - Componentização dos Custos__BANCO_BMG_v2.xlsx</t>
  </si>
  <si>
    <t>10/29/2019 16:55:07</t>
  </si>
  <si>
    <t>Levantamento Informações Operações BMG(02-05-2019).xlsx</t>
  </si>
  <si>
    <t>10/29/2019 16:55:25</t>
  </si>
  <si>
    <t>10/29/2019 17:00:36</t>
  </si>
  <si>
    <t>RES: Relatórios DT Algar Telecom</t>
  </si>
  <si>
    <t>Relatório AgentBot e Algar Telecom - Junho 2017.xlsb</t>
  </si>
  <si>
    <t>10/29/2019 16:58:07</t>
  </si>
  <si>
    <t>10/29/2019 16:58:23</t>
  </si>
  <si>
    <t>10/29/2019 17:01:36</t>
  </si>
  <si>
    <t>/o=exchangelabs/ou=exchange administrative group (fydibohf23spdlt)/cn=recipients/cn=545f738e0fe740ba856f4eb6ef0135e0-vinicius si;/o=exchangelabs/ou=exchange administrative group (fydibohf23spdlt)/cn=recipients/cn=8ab5e44d485043d59eb4f21463e63e6a-tays dos sa;/o=exchangelabs/ou=exchange administrative group (fydibohf23spdlt)/cn=recipients/cn=b3b3e588898842db813e69c542d02bb6-elaine marc;/o=exchangelabs/ou=exchange administrative group (fydibohf23spdlt)/cn=recipients/cn=be0b59caa4dc43e39afaa089f44ef778-leonardo al;/o=exchangelabs/ou=exchange administrative group (fydibohf23spdlt)/cn=recipients/cn=c54bebbd63a1403e83787e59fcd1acdc-joao sergio;/o=exchangelabs/ou=exchange administrative group (fydibohf23spdlt)/cn=recipients/cn=d052f9c9a4404e849e00b751758229a8-carlos dos;/o=exchangelabs/ou=exchange administrative group (fydibohf23spdlt)/cn=recipients/cn=df6ea6cc78a840278b1e7acccac67692-thiago rodr;rafaelggs@algartech.com;</t>
  </si>
  <si>
    <t>RES: DADOS DE VOLUMETRIA - BV CARTÕES ATÉ 18 HRS</t>
  </si>
  <si>
    <t>/o=exchangelabs/ou=exchange administrative group (fydibohf23spdlt)/cn=recipients/cn=545f738e0fe740ba856f4eb6ef0135e0-vinicius si,/o=exchangelabs/ou=exchange administrative group (fydibohf23spdlt)/cn=recipients/cn=8ab5e44d485043d59eb4f21463e63e6a-tays dos sa,/o=exchangelabs/ou=exchange administrative group (fydibohf23spdlt)/cn=recipients/cn=b3b3e588898842db813e69c542d02bb6-elaine marc,/o=exchangelabs/ou=exchange administrative group (fydibohf23spdlt)/cn=recipients/cn=be0b59caa4dc43e39afaa089f44ef778-leonardo al,/o=exchangelabs/ou=exchange administrative group (fydibohf23spdlt)/cn=recipients/cn=c54bebbd63a1403e83787e59fcd1acdc-joao sergio,/o=exchangelabs/ou=exchange administrative group (fydibohf23spdlt)/cn=recipients/cn=d052f9c9a4404e849e00b751758229a8-carlos dos,/o=exchangelabs/ou=exchange administrative group (fydibohf23spdlt)/cn=recipients/cn=df6ea6cc78a840278b1e7acccac67692-thiago rodr,rafaelggs@algartech.com</t>
  </si>
  <si>
    <t>10/29/2019 16:57:49</t>
  </si>
  <si>
    <t>/o=exchangelabs/ou=exchange administrative group (fydibohf23spdlt)/cn=recipients/cn=0a87f2cad91d442c9f093f600a4c5266-vanessa rod;/o=exchangelabs/ou=exchange administrative group (fydibohf23spdlt)/cn=recipients/cn=545f738e0fe740ba856f4eb6ef0135e0-vinicius si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RES: Dimensionamento NCOB</t>
  </si>
  <si>
    <t>21016_NCOB - NOVEMBRO.xlsx</t>
  </si>
  <si>
    <t>/o=exchangelabs/ou=exchange administrative group (fydibohf23spdlt)/cn=recipients/cn=0a87f2cad91d442c9f093f600a4c5266-vanessa rod,/o=exchangelabs/ou=exchange administrative group (fydibohf23spdlt)/cn=recipients/cn=545f738e0fe740ba856f4eb6ef0135e0-vinicius si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10/29/2019 16:58:31</t>
  </si>
  <si>
    <t>10/29/2019 17:02:36</t>
  </si>
  <si>
    <t>/o=exchangelabs/ou=exchange administrative group (fydibohf23spdlt)/cn=recipients/cn=9236cfebb4bb4299ab330dc280dfc8c7-igor august;/o=exchangelabs/ou=exchange administrative group (fydibohf23spdlt)/cn=recipients/cn=e9519d1407044c56a7b8fe1bbc24bebc-michele cam;</t>
  </si>
  <si>
    <t>/o=exchangelabs/ou=exchange administrative group (fydibohf23spdlt)/cn=recipients/cn=9236cfebb4bb4299ab330dc280dfc8c7-igor august,/o=exchangelabs/ou=exchange administrative group (fydibohf23spdlt)/cn=recipients/cn=e9519d1407044c56a7b8fe1bbc24bebc-michele cam</t>
  </si>
  <si>
    <t>10/29/2019 17:01:38</t>
  </si>
  <si>
    <t>10/29/2019 17:04:36</t>
  </si>
  <si>
    <t>Enviando email: 188270_v3 - Plan Precificacao C017 B017 Last Call r4 17_10_2019_r3.xlsb</t>
  </si>
  <si>
    <t>10/29/2019 17:02:24</t>
  </si>
  <si>
    <t>10/29/2019 17:05:37</t>
  </si>
  <si>
    <t>10/29/2019 17:04:29</t>
  </si>
  <si>
    <t>10/29/2019 17:00:59</t>
  </si>
  <si>
    <t>10/29/2019 17:06:36</t>
  </si>
  <si>
    <t>C:\Users\yuriifd\Desktop\Squad Competividade - Atendimento\DREs de Clientes\DREs de Clientes.zip\</t>
  </si>
  <si>
    <t>10/29/2019 17:01:00</t>
  </si>
  <si>
    <t>Brasil Pr‚ Pago.xls</t>
  </si>
  <si>
    <t>Sa£de Pool ACS.xls</t>
  </si>
  <si>
    <t>10/29/2019 17:06:08</t>
  </si>
  <si>
    <t>10/29/2019 17:07:37</t>
  </si>
  <si>
    <t>NPS - UNICA até 26-08.xlsx</t>
  </si>
  <si>
    <t>10/29/2019 17:06:38</t>
  </si>
  <si>
    <t>10/29/2019 17:10:37</t>
  </si>
  <si>
    <t>10/29/2019 17:09:15</t>
  </si>
  <si>
    <t>10/29/2019 17:09:57</t>
  </si>
  <si>
    <t>10/29/2019 17:10:21</t>
  </si>
  <si>
    <t>10/29/2019 17:11:36</t>
  </si>
  <si>
    <t>/o=exchangelabs/ou=exchange administrative group (fydibohf23spdlt)/cn=recipients/cn=545f738e0fe740ba856f4eb6ef0135e0-vinicius si;/o=exchangelabs/ou=exchange administrative group (fydibohf23spdlt)/cn=recipients/cn=81f72ed6e9d042e3bed0cec08d488854-vinicius go;/o=exchangelabs/ou=exchange administrative group (fydibohf23spdlt)/cn=recipients/cn=98e18f75c1d448d18c2b385d101db11f-luiz alfred;/o=exchangelabs/ou=exchange administrative group (fydibohf23spdlt)/cn=recipients/cn=e174366906884bd1b4d4c5ddfc8c9433-rodrigo men;</t>
  </si>
  <si>
    <t>/o=exchangelabs/ou=exchange administrative group (fydibohf23spdlt)/cn=recipients/cn=545f738e0fe740ba856f4eb6ef0135e0-vinicius si,/o=exchangelabs/ou=exchange administrative group (fydibohf23spdlt)/cn=recipients/cn=81f72ed6e9d042e3bed0cec08d488854-vinicius go,/o=exchangelabs/ou=exchange administrative group (fydibohf23spdlt)/cn=recipients/cn=98e18f75c1d448d18c2b385d101db11f-luiz alfred,/o=exchangelabs/ou=exchange administrative group (fydibohf23spdlt)/cn=recipients/cn=e174366906884bd1b4d4c5ddfc8c9433-rodrigo men</t>
  </si>
  <si>
    <t>10/29/2019 17:09:12</t>
  </si>
  <si>
    <t>10/29/2019 17:13:36</t>
  </si>
  <si>
    <t>10/29/2019 17:11:34</t>
  </si>
  <si>
    <t>10/29/2019 17:13:07</t>
  </si>
  <si>
    <t>10/29/2019 17:17:36</t>
  </si>
  <si>
    <t>Analitico 2310.xlsx</t>
  </si>
  <si>
    <t>10/29/2019 17:13:14</t>
  </si>
  <si>
    <t>10/29/2019 17:14:49</t>
  </si>
  <si>
    <t>10/29/2019 17:13:34</t>
  </si>
  <si>
    <t>FAT - NF'S IBM/PROXXI *** Problema: Quantidade Faturada Excede *** Lote 5</t>
  </si>
  <si>
    <t>Erro Input_Lista_Quantidade Faturada Excede_Lote 5.xlsx</t>
  </si>
  <si>
    <t>10/29/2019 17:18:18</t>
  </si>
  <si>
    <t>10/29/2019 17:20:37</t>
  </si>
  <si>
    <t>10/29/2019 17:19:56</t>
  </si>
  <si>
    <t>10/29/2019 17:19:31</t>
  </si>
  <si>
    <t>Associados GRC</t>
  </si>
  <si>
    <t>10/29/2019 17:20:42</t>
  </si>
  <si>
    <t>10/29/2019 17:22:36</t>
  </si>
  <si>
    <t>Projetos TI 2021-2024 - Longo Prazo V4.xlsx</t>
  </si>
  <si>
    <t>10/29/2019 17:23:26</t>
  </si>
  <si>
    <t>10/29/2019 17:26:36</t>
  </si>
  <si>
    <t>22056 - UDI - WHIRLPOOL - SERV RECLAME AQUI.xlsx</t>
  </si>
  <si>
    <t>10/29/2019 17:24:02</t>
  </si>
  <si>
    <t>10/29/2019 17:28:22</t>
  </si>
  <si>
    <t>10/29/2019 17:30:37</t>
  </si>
  <si>
    <t>Provisão Penalidades Tim On Going 102019 .xls</t>
  </si>
  <si>
    <t>10/29/2019 17:31:16</t>
  </si>
  <si>
    <t>10/29/2019 17:32:37</t>
  </si>
  <si>
    <t>mail.google.com/_/upload?authuser=0&amp;dcp=asu-n&amp;upload_id=AEnB2UqjVccVwApNzEahnEJCIfeuF9q5uLAFOUbazAmjtKCsZMXX3XEmXpXNmFk_GTzvMHR9ZVZh5e4iEmXXcWiE-djLQf_OT1GyGuDSkQSCsxKHJHGym4g&amp;upload_protocol=resumable</t>
  </si>
  <si>
    <t>10/29/2019 17:30:42</t>
  </si>
  <si>
    <t>10/29/2019 17:35:36</t>
  </si>
  <si>
    <t>10/29/2019 17:35:02</t>
  </si>
  <si>
    <t>10/29/2019 17:37:37</t>
  </si>
  <si>
    <t>mail.google.com/_/upload?authuser=0&amp;dcp=asu-n&amp;upload_id=AEnB2Uq8MAgMh4oL75XgZpVlZpBAIBpMu9WELRilxoAclfZOzipYnOP0QJa2bDjRs0gHwTIKFREXrr-h8eFhmxfXWZph8CqWDg&amp;upload_protocol=resumable</t>
  </si>
  <si>
    <t>andersonrf@algartech.com;lucasfbr@algartech.com;lucasm@algartech.com;luizfsm@algartech.com;marcosvas@algartech.com;</t>
  </si>
  <si>
    <t>andersonrf@algartech.com,lucasfbr@algartech.com,lucasm@algartech.com,luizfsm@algartech.com,marcosvas@algartech.com</t>
  </si>
  <si>
    <t>10/29/2019 17:42:13</t>
  </si>
  <si>
    <t>10/29/2019 17:43:36</t>
  </si>
  <si>
    <t>10/29/2019 17:42:15</t>
  </si>
  <si>
    <t>10/29/2019 17:42:16</t>
  </si>
  <si>
    <t>C:\Users\ricardoft\OneDrive - Grupo Algar\Documentos\Projetos\2019\Santander\IBM\</t>
  </si>
  <si>
    <t>Tabela de valores e Horas extras.xlsx</t>
  </si>
  <si>
    <t>10/29/2019 17:42:36</t>
  </si>
  <si>
    <t>C:\Users\ricardoft\OneDrive - Grupo Algar\Documentos\Meus Arquivos Recebidos\</t>
  </si>
  <si>
    <t>Copia de RFP DescripcionTecnicaServiciosCLOUD.xlsx</t>
  </si>
  <si>
    <t>CERVELLO - Valores Algar - 2020.xlsx</t>
  </si>
  <si>
    <t>10/29/2019 17:42:38</t>
  </si>
  <si>
    <t>C:\Users\ricardoft\OneDrive - Grupo Algar\Documentos\Projetos\2019\Colombia\</t>
  </si>
  <si>
    <t>10/29/2019 17:42:40</t>
  </si>
  <si>
    <t>C:\Users\ricardoft\OneDrive - Grupo Algar\Documentos\Projetos\2019\Unimed\</t>
  </si>
  <si>
    <t>ANEXO QUESTIONAMENTOS RECEBIDOS V13.xlsx</t>
  </si>
  <si>
    <t>6Anexo VI RFP - Tabela de precificação - atualizada.xlsx</t>
  </si>
  <si>
    <t>10/29/2019 17:42:45</t>
  </si>
  <si>
    <t>C:\Users\ricardoft\OneDrive - Grupo Algar\Documentos\Projetos\2019\Santander\Esfera\BP - 204254 - Esfera - GIAT FULL - Monitoração Operação Expert Team v5 draft.xlsb\</t>
  </si>
  <si>
    <t>10/29/2019 17:42:47</t>
  </si>
  <si>
    <t>Escala de Horários DC Casa3 v2.xlsx</t>
  </si>
  <si>
    <t>10/29/2019 17:39:39</t>
  </si>
  <si>
    <t>10/29/2019 17:44:36</t>
  </si>
  <si>
    <t>/o=exchangelabs/ou=exchange administrative group (fydibohf23spdlt)/cn=recipients/cn=3500097684db4a19a0a2d2ae01c6451d-diogo gil b;/o=exchangelabs/ou=exchange administrative group (fydibohf23spdlt)/cn=recipients/cn=eb3562f2476b43caae6aff9401b12f72-roberta car;</t>
  </si>
  <si>
    <t>/o=exchangelabs/ou=exchange administrative group (fydibohf23spdlt)/cn=recipients/cn=3500097684db4a19a0a2d2ae01c6451d-diogo gil b,/o=exchangelabs/ou=exchange administrative group (fydibohf23spdlt)/cn=recipients/cn=eb3562f2476b43caae6aff9401b12f72-roberta car</t>
  </si>
  <si>
    <t>10/29/2019 17:42:52</t>
  </si>
  <si>
    <t>10/29/2019 17:48:36</t>
  </si>
  <si>
    <t>Escala de Horários DC Campinas V2.xlsx</t>
  </si>
  <si>
    <t>10/29/2019 17:42:55</t>
  </si>
  <si>
    <t>C:\Users\ricardoft\OneDrive - Grupo Algar\Documentos\Projetos\2019\Santander\IBM\199257 - SUGI v7.xlsb\</t>
  </si>
  <si>
    <t>C:\Users\ricardoft\OneDrive - Grupo Algar\Documentos\Projetos\2019\Santander\IBM\199257 - SUGI v6 (minimo).xlsb\</t>
  </si>
  <si>
    <t>10/29/2019 18:01:14</t>
  </si>
  <si>
    <t>10/29/2019 18:02:36</t>
  </si>
  <si>
    <t>188270_v3 - PAN FINAL.xlsb</t>
  </si>
  <si>
    <t>10/29/2019 18:07:29</t>
  </si>
  <si>
    <t>10/29/2019 18:08:35</t>
  </si>
  <si>
    <t>10/29/2019 18:08:09</t>
  </si>
  <si>
    <t>10/29/2019 18:09:36</t>
  </si>
  <si>
    <t>BP banco Pan</t>
  </si>
  <si>
    <t>10/29/2019 18:05:39</t>
  </si>
  <si>
    <t>10/29/2019 18:10:36</t>
  </si>
  <si>
    <t>/o=exchangelabs/ou=exchange administrative group (fydibohf23spdlt)/cn=recipients/cn=ee443929f1b6407999ee7912624fe54f-sostenes co;/o=exchangelabs/ou=exchange administrative group (fydibohf23spdlt)/cn=recipients/cn=f4de30cd53104832ac10bc8c610e453e-gustavo pae;/o=exchangelabs/ou=exchange administrative group (fydibohf23spdlt)/cn=recipients/cn=thiago oliveira reis;</t>
  </si>
  <si>
    <t>Resultados Qualidade Novatos</t>
  </si>
  <si>
    <t>Notas novatos qualidade.xls</t>
  </si>
  <si>
    <t>/o=exchangelabs/ou=exchange administrative group (fydibohf23spdlt)/cn=recipients/cn=ee443929f1b6407999ee7912624fe54f-sostenes co,/o=exchangelabs/ou=exchange administrative group (fydibohf23spdlt)/cn=recipients/cn=f4de30cd53104832ac10bc8c610e453e-gustavo pae,/o=exchangelabs/ou=exchange administrative group (fydibohf23spdlt)/cn=recipients/cn=thiago oliveira reis</t>
  </si>
  <si>
    <t>10/29/2019 18:11:48</t>
  </si>
  <si>
    <t>10/29/2019 18:13:37</t>
  </si>
  <si>
    <t>/o=exchangelabs/ou=exchange administrative group (fydibohf23spdlt)/cn=recipients/cn=3b76b3dd02a14d289cc323d3c8d12b81-waleska mar;/o=exchangelabs/ou=exchange administrative group (fydibohf23spdlt)/cn=recipients/cn=a4d4dbc88c434f8ba2bceed730d83878-marcellus r;/o=exchangelabs/ou=exchange administrative group (fydibohf23spdlt)/cn=recipients/cn=c5057601f2364b0db7ea84dbec10baa4-matheus mor;/o=exchangelabs/ou=exchange administrative group (fydibohf23spdlt)/cn=recipients/cn=ed2578a7fad746b59b0f586e2ee82bbd-heliel de f;/o=exchangelabs/ou=exchange administrative group (fydibohf23spdlt)/cn=recipients/cn=gabriela dias felipe;</t>
  </si>
  <si>
    <t>ENC: incentivo fiscal</t>
  </si>
  <si>
    <t>Formato Ficha Caso de Inversión 2019.xlsx</t>
  </si>
  <si>
    <t>/o=exchangelabs/ou=exchange administrative group (fydibohf23spdlt)/cn=recipients/cn=3b76b3dd02a14d289cc323d3c8d12b81-waleska mar,/o=exchangelabs/ou=exchange administrative group (fydibohf23spdlt)/cn=recipients/cn=a4d4dbc88c434f8ba2bceed730d83878-marcellus r,/o=exchangelabs/ou=exchange administrative group (fydibohf23spdlt)/cn=recipients/cn=c5057601f2364b0db7ea84dbec10baa4-matheus mor,/o=exchangelabs/ou=exchange administrative group (fydibohf23spdlt)/cn=recipients/cn=ed2578a7fad746b59b0f586e2ee82bbd-heliel de f,/o=exchangelabs/ou=exchange administrative group (fydibohf23spdlt)/cn=recipients/cn=gabriela dias felipe</t>
  </si>
  <si>
    <t>10/29/2019 18:33:53</t>
  </si>
  <si>
    <t>10/29/2019 18:35:36</t>
  </si>
  <si>
    <t>10/29/2019 18:34:28</t>
  </si>
  <si>
    <t>10/29/2019 18:35:03</t>
  </si>
  <si>
    <t>10/29/2019 18:40:36</t>
  </si>
  <si>
    <t>10/29/2019 18:35:39</t>
  </si>
  <si>
    <t>10/29/2019 18:36:13</t>
  </si>
  <si>
    <t>10/29/2019 18:36:47</t>
  </si>
  <si>
    <t>10/29/2019 18:37:10</t>
  </si>
  <si>
    <t>10/29/2019 18:36:03</t>
  </si>
  <si>
    <t>10/29/2019 18:51:35</t>
  </si>
  <si>
    <t>10/29/2019 18:52:37</t>
  </si>
  <si>
    <t>/o=exchangelabs/ou=exchange administrative group (fydibohf23spdlt)/cn=recipients/cn=2504d5028b6b4fb89d14a5df6031358d-jane carla;/o=exchangelabs/ou=exchange administrative group (fydibohf23spdlt)/cn=recipients/cn=98ea30ba409149f69837fad4ccd70171-leonardo el;</t>
  </si>
  <si>
    <t>Bradesco - Rescisórias</t>
  </si>
  <si>
    <t>Preclosing 2019 - rescisórias.xlsx</t>
  </si>
  <si>
    <t>/o=exchangelabs/ou=exchange administrative group (fydibohf23spdlt)/cn=recipients/cn=2504d5028b6b4fb89d14a5df6031358d-jane carla,/o=exchangelabs/ou=exchange administrative group (fydibohf23spdlt)/cn=recipients/cn=98ea30ba409149f69837fad4ccd70171-leonardo el</t>
  </si>
  <si>
    <t>10/29/2019 18:57:08</t>
  </si>
  <si>
    <t>10/29/2019 19:00:37</t>
  </si>
  <si>
    <t>10/29/2019 19:04:34</t>
  </si>
  <si>
    <t>10/29/2019 19:05:38</t>
  </si>
  <si>
    <t>T-SYSTEMS_Plano de Comunicação.xlsx</t>
  </si>
  <si>
    <t>10/29/2019 19:07:03</t>
  </si>
  <si>
    <t>10/29/2019 19:08:38</t>
  </si>
  <si>
    <t>/o=exchangelabs/ou=exchange administrative group (fydibohf23spdlt)/cn=recipients/cn=033aefc0cc48440d94e5f6e396995b9a-diego vitor;</t>
  </si>
  <si>
    <t>ENC: HE</t>
  </si>
  <si>
    <t>Formulário TTV - Lançamento de Hora Extra (37).xlsx</t>
  </si>
  <si>
    <t>/o=exchangelabs/ou=exchange administrative group (fydibohf23spdlt)/cn=recipients/cn=033aefc0cc48440d94e5f6e396995b9a-diego vitor</t>
  </si>
  <si>
    <t>10/29/2019 19:10:38</t>
  </si>
  <si>
    <t>10/29/2019 19:06:11</t>
  </si>
  <si>
    <t>10/29/2019 19:07:23</t>
  </si>
  <si>
    <t>10/29/2019 19:08:34</t>
  </si>
  <si>
    <t>10/29/2019 19:29:49</t>
  </si>
  <si>
    <t>10/29/2019 19:33:38</t>
  </si>
  <si>
    <t>10/29/2019 19:53:56</t>
  </si>
  <si>
    <t>10/29/2019 19:58:40</t>
  </si>
  <si>
    <t>HEAD COUNT NOV.19.xlsx</t>
  </si>
  <si>
    <t>10/29/2019 19:54:13</t>
  </si>
  <si>
    <t>ENC: Fórum</t>
  </si>
  <si>
    <t>10/29/2019 18:19:28</t>
  </si>
  <si>
    <t>10/29/2019 21:02:39</t>
  </si>
  <si>
    <t>/o=exchangelabs/ou=exchange administrative group (fydibohf23spdlt)/cn=recipients/cn=a596b330cd164f6c89c17a12e190c254-gabriel aug;</t>
  </si>
  <si>
    <t>ENC: 01 - Controle de Frentes de Relatórios.xlsx</t>
  </si>
  <si>
    <t>/o=exchangelabs/ou=exchange administrative group (fydibohf23spdlt)/cn=recipients/cn=a596b330cd164f6c89c17a12e190c254-gabriel aug</t>
  </si>
  <si>
    <t>10/29/2019 21:28:41</t>
  </si>
  <si>
    <t>10/29/2019 21:33:40</t>
  </si>
  <si>
    <t>/o=exchangelabs/ou=exchange administrative group (fydibohf23spdlt)/cn=recipients/cn=d1d015f213f648abbf348b5ccdf8e9d9-senilda per;adriana.oliveira@avon.com;</t>
  </si>
  <si>
    <t>RES: Pesquisas</t>
  </si>
  <si>
    <t>20190829 PESQUISA DE FALHAS CP12.xlsm</t>
  </si>
  <si>
    <t>/o=exchangelabs/ou=exchange administrative group (fydibohf23spdlt)/cn=recipients/cn=d1d015f213f648abbf348b5ccdf8e9d9-senilda per,adriana.oliveira@avon.com</t>
  </si>
  <si>
    <t>10/29/2019 22:55:14</t>
  </si>
  <si>
    <t>10/29/2019 22:57:40</t>
  </si>
  <si>
    <t>sueleide.silva@cscalgar.com.br;tatianedc@algartech.com;</t>
  </si>
  <si>
    <t>Simulação EAVM.xlsx</t>
  </si>
  <si>
    <t>sueleide.silva@cscalgar.com.br,tatianedc@algartech.com</t>
  </si>
  <si>
    <t>10/29/2019 20:52:15</t>
  </si>
  <si>
    <t>10/30/2019 07:19:43</t>
  </si>
  <si>
    <t>mail.google.com/_/upload?authuser=1&amp;dcp=asu-n&amp;upload_id=AEnB2Ur7TrqVDonh5v8KyrJxlI-2JvsmHRnTeT4DhTnTxergOmYQsqKTCRvYV_jU6RAb1T91UH7bhIueMgTDopQSPk5viV0KArP59SwlUpdIuXNe04UDaf8&amp;upload_protocol=resumable</t>
  </si>
  <si>
    <t>10/30/2019 07:19:03</t>
  </si>
  <si>
    <t>10/30/2019 07:22:42</t>
  </si>
  <si>
    <t>/o=exchangelabs/ou=exchange administrative group (fydibohf23spdlt)/cn=recipients/cn=b5ef1f826e364d2aa99a0df5d1906feb-liliane apa;/o=exchangelabs/ou=exchange administrative group (fydibohf23spdlt)/cn=recipients/cn=b79663656cc44aa3bf06617d1695ae51-carlos faci;</t>
  </si>
  <si>
    <t>RES: Férias Liliane</t>
  </si>
  <si>
    <t>RESPOSTA Atividades em andamento_Férias Liliane_02.10.xlsx</t>
  </si>
  <si>
    <t>/o=exchangelabs/ou=exchange administrative group (fydibohf23spdlt)/cn=recipients/cn=b5ef1f826e364d2aa99a0df5d1906feb-liliane apa,/o=exchangelabs/ou=exchange administrative group (fydibohf23spdlt)/cn=recipients/cn=b79663656cc44aa3bf06617d1695ae51-carlos faci</t>
  </si>
  <si>
    <t>10/29/2019 19:21:49</t>
  </si>
  <si>
    <t>10/30/2019 08:02:42</t>
  </si>
  <si>
    <t>C:\Users\mariannacsm\OneDrive - Grupo Algar\0- PMO-POOL\POOL\02 - Volumes CCC 2020\Saving\Saving OPEX 2810.pptx\</t>
  </si>
  <si>
    <t>10/29/2019 19:22:01</t>
  </si>
  <si>
    <t>C:\Users\mariannacsm\OneDrive - Grupo Algar\0- PMO-POOL\POOL\02 - Volumes CCC 2020\Saving\Obsoletos\</t>
  </si>
  <si>
    <t>10/29/2019 21:13:29</t>
  </si>
  <si>
    <t>10/30/2019 08:03:13</t>
  </si>
  <si>
    <t>10/30/2019 08:07:42</t>
  </si>
  <si>
    <t>10/29/2019 18:39:55</t>
  </si>
  <si>
    <t>10/30/2019 08:12:42</t>
  </si>
  <si>
    <t>10/29/2019 17:38:53</t>
  </si>
  <si>
    <t>10/30/2019 08:15:42</t>
  </si>
  <si>
    <t>DMV v2.xlsb</t>
  </si>
  <si>
    <t>10/30/2019 08:15:11</t>
  </si>
  <si>
    <t>10/30/2019 08:16:42</t>
  </si>
  <si>
    <t>/o=exchangelabs/ou=exchange administrative group (fydibohf23spdlt)/cn=recipients/cn=1981433b28a2405b86112019a8b25d8f-rodinei per;/o=exchangelabs/ou=exchange administrative group (fydibohf23spdlt)/cn=recipients/cn=446acf0cbd3a4363854caa15000ea254-homero de c;/o=exchangelabs/ou=exchange administrative group (fydibohf23spdlt)/cn=recipients/cn=61af722dd06149089cf1c867d796b8bc-delso estre;/o=exchangelabs/ou=exchange administrative group (fydibohf23spdlt)/cn=recipients/cn=a387251d6d8c4b729d17257b1403e985-rodrigo agn;</t>
  </si>
  <si>
    <t>Apuração Meta X Real PO´s.</t>
  </si>
  <si>
    <t>/o=exchangelabs/ou=exchange administrative group (fydibohf23spdlt)/cn=recipients/cn=1981433b28a2405b86112019a8b25d8f-rodinei per,/o=exchangelabs/ou=exchange administrative group (fydibohf23spdlt)/cn=recipients/cn=446acf0cbd3a4363854caa15000ea254-homero de c,/o=exchangelabs/ou=exchange administrative group (fydibohf23spdlt)/cn=recipients/cn=61af722dd06149089cf1c867d796b8bc-delso estre,/o=exchangelabs/ou=exchange administrative group (fydibohf23spdlt)/cn=recipients/cn=a387251d6d8c4b729d17257b1403e985-rodrigo agn</t>
  </si>
  <si>
    <t>10/30/2019 08:17:52</t>
  </si>
  <si>
    <t>10/30/2019 08:21:42</t>
  </si>
  <si>
    <t>\\acsfs\engeset\OPERACAO_ULA\POOL ADMINISTRATIVO\Associados(as)\Lucineia Aparecida Leandro\CREA 2018\Lucineia\</t>
  </si>
  <si>
    <t>GESTÃO CREA - 2018 - ENGESET -LUCINEIA.xlsx</t>
  </si>
  <si>
    <t>10/29/2019 18:54:59</t>
  </si>
  <si>
    <t>10/30/2019 08:24:41</t>
  </si>
  <si>
    <t>Padrao Solicitacao Receitamento SG Telecom - Estornos por aging maior 60 dias.xlsm</t>
  </si>
  <si>
    <t>10/30/2019 08:31:22</t>
  </si>
  <si>
    <t>10/30/2019 08:33:43</t>
  </si>
  <si>
    <t>10.12.243.97</t>
  </si>
  <si>
    <t>0ANALYSIS_PATTERN - 2019-10-30T083034.529.csv</t>
  </si>
  <si>
    <t>10/30/2019 08:35:33</t>
  </si>
  <si>
    <t>10/30/2019 08:38:43</t>
  </si>
  <si>
    <t>0ANALYSIS_PATTERN - 2019-10-30T083454.393.csv</t>
  </si>
  <si>
    <t>10/30/2019 08:40:36</t>
  </si>
  <si>
    <t>10/30/2019 08:42:42</t>
  </si>
  <si>
    <t>c:\users\sherleyce\desktop\</t>
  </si>
  <si>
    <t>frotas.xlsx</t>
  </si>
  <si>
    <t>10/30/2019 08:41:41</t>
  </si>
  <si>
    <t>10/30/2019 08:50:13</t>
  </si>
  <si>
    <t>10/30/2019 08:52:42</t>
  </si>
  <si>
    <t>Gestão de Vigência -21-10-19.xlsx</t>
  </si>
  <si>
    <t>10/30/2019 00:15:36</t>
  </si>
  <si>
    <t>10/30/2019 08:53:42</t>
  </si>
  <si>
    <t>/o=exchangelabs/ou=exchange administrative group (fydibohf23spdlt)/cn=recipients/cn=00dbcea0702d4358b7c66d1d0dd7b863-juliana tei;/o=exchangelabs/ou=exchange administrative group (fydibohf23spdlt)/cn=recipients/cn=9c71bc5f5a3648bbbb5f6bedb86e15a6-marcelo buz;/o=exchangelabs/ou=exchange administrative group (fydibohf23spdlt)/cn=recipients/cn=cac18c5388b04f6d979d1bc87a08825a-marcopaulo;/o=exchangelabs/ou=exchange administrative group (fydibohf23spdlt)/cn=recipients/cn=user7c077f95;</t>
  </si>
  <si>
    <t>Plano de Juniorização Cerrado.xlsx</t>
  </si>
  <si>
    <t>/o=exchangelabs/ou=exchange administrative group (fydibohf23spdlt)/cn=recipients/cn=00dbcea0702d4358b7c66d1d0dd7b863-juliana tei,/o=exchangelabs/ou=exchange administrative group (fydibohf23spdlt)/cn=recipients/cn=9c71bc5f5a3648bbbb5f6bedb86e15a6-marcelo buz,/o=exchangelabs/ou=exchange administrative group (fydibohf23spdlt)/cn=recipients/cn=cac18c5388b04f6d979d1bc87a08825a-marcopaulo,/o=exchangelabs/ou=exchange administrative group (fydibohf23spdlt)/cn=recipients/cn=user7c077f95</t>
  </si>
  <si>
    <t>10/30/2019 08:57:57</t>
  </si>
  <si>
    <t>10/30/2019 08:58:42</t>
  </si>
  <si>
    <t>mail.google.com/_/upload?authuser=0&amp;dcp=asu-n&amp;upload_id=AEnB2Uqgu4HdnDUZZuz6S8Qg7d5wuPK40-6qscDFvM9OO2iP491r_VIG1PbvgS5V4Liqnx2rSsjV9-edzltgSBB0rYjuRb_LM1e-q0PDLnik4u_52icHshY&amp;upload_protocol=resumable</t>
  </si>
  <si>
    <t>Proposta Layout.xlsx</t>
  </si>
  <si>
    <t>10/29/2019 09:31:49</t>
  </si>
  <si>
    <t>10/30/2019 09:00:42</t>
  </si>
  <si>
    <t>amlima@timbrasil.com.br;</t>
  </si>
  <si>
    <t>ENC: [Urgente]: Atividades Críticas_Pendentes TNE/TCO</t>
  </si>
  <si>
    <t>Criticidades fatura B - TNE e TCO.xlsx</t>
  </si>
  <si>
    <t>amlima@timbrasil.com.br</t>
  </si>
  <si>
    <t>10/29/2019 11:48:56</t>
  </si>
  <si>
    <t>/o=exchangelabs/ou=exchange administrative group (fydibohf23spdlt)/cn=recipients/cn=092327d7955f47e78ad4a60dc2ac8d69-joaquim eli;/o=exchangelabs/ou=exchange administrative group (fydibohf23spdlt)/cn=recipients/cn=42aadbe8775e4c2cb37c145f9d092a4e-carlos west;</t>
  </si>
  <si>
    <t>/o=exchangelabs/ou=exchange administrative group (fydibohf23spdlt)/cn=recipients/cn=092327d7955f47e78ad4a60dc2ac8d69-joaquim eli,/o=exchangelabs/ou=exchange administrative group (fydibohf23spdlt)/cn=recipients/cn=42aadbe8775e4c2cb37c145f9d092a4e-carlos west</t>
  </si>
  <si>
    <t>10/29/2019 11:54:56</t>
  </si>
  <si>
    <t>10.211.2.109</t>
  </si>
  <si>
    <t>ENC: CR LEaseplan - Conformação de Férias já solicitadas pelo Portal TH</t>
  </si>
  <si>
    <t>10/29/2019 15:47:48</t>
  </si>
  <si>
    <t>ENC: OCORRÊNCIAS 01 A 2810_028_029_033 EMISSÃO 2810.xlsm</t>
  </si>
  <si>
    <t>OCORRÊNCIAS 01 A 2810_028_029_033 EMISSÃO 2810.xlsm</t>
  </si>
  <si>
    <t>10/29/2019 16:03:34</t>
  </si>
  <si>
    <t>/o=exchangelabs/ou=exchange administrative group (fydibohf23spdlt)/cn=recipients/cn=1262e099c0f24b3489b19e6494cd5fca-rayssa da c;/o=exchangelabs/ou=exchange administrative group (fydibohf23spdlt)/cn=recipients/cn=34a28d636a1b4c86b1ec79baed4b846a-marco anton;/o=exchangelabs/ou=exchange administrative group (fydibohf23spdlt)/cn=recipients/cn=71d61cf74988455d8586a88b31233851-pablo mathe;</t>
  </si>
  <si>
    <t>/o=exchangelabs/ou=exchange administrative group (fydibohf23spdlt)/cn=recipients/cn=1262e099c0f24b3489b19e6494cd5fca-rayssa da c,/o=exchangelabs/ou=exchange administrative group (fydibohf23spdlt)/cn=recipients/cn=34a28d636a1b4c86b1ec79baed4b846a-marco anton,/o=exchangelabs/ou=exchange administrative group (fydibohf23spdlt)/cn=recipients/cn=71d61cf74988455d8586a88b31233851-pablo mathe</t>
  </si>
  <si>
    <t>10/29/2019 16:15:50</t>
  </si>
  <si>
    <t>/o=exchangelabs/ou=exchange administrative group (fydibohf23spdlt)/cn=recipients/cn=1262e099c0f24b3489b19e6494cd5fca-rayssa da c;/o=exchangelabs/ou=exchange administrative group (fydibohf23spdlt)/cn=recipients/cn=71d61cf74988455d8586a88b31233851-pablo mathe;/o=exchangelabs/ou=exchange administrative group (fydibohf23spdlt)/cn=recipients/cn=d88356e5298a4a49acbf5c81d99047c7-walter torr;extern.walter.silva@t-systems.com.br;</t>
  </si>
  <si>
    <t>/o=exchangelabs/ou=exchange administrative group (fydibohf23spdlt)/cn=recipients/cn=1262e099c0f24b3489b19e6494cd5fca-rayssa da c,/o=exchangelabs/ou=exchange administrative group (fydibohf23spdlt)/cn=recipients/cn=71d61cf74988455d8586a88b31233851-pablo mathe,/o=exchangelabs/ou=exchange administrative group (fydibohf23spdlt)/cn=recipients/cn=d88356e5298a4a49acbf5c81d99047c7-walter torr,extern.walter.silva@t-systems.com.br</t>
  </si>
  <si>
    <t>10/30/2019 09:07:00</t>
  </si>
  <si>
    <t>10/30/2019 09:09:42</t>
  </si>
  <si>
    <t>logisticatimopm@grupotpc.com;</t>
  </si>
  <si>
    <t>logisticatimopm@grupotpc.com</t>
  </si>
  <si>
    <t>10/30/2019 09:08:09</t>
  </si>
  <si>
    <t>10/30/2019 09:10:42</t>
  </si>
  <si>
    <t>C:\Users\matheusvs\OneDrive - Grupo Algar\Anexos de email\</t>
  </si>
  <si>
    <t>10/30/2019 09:11:12</t>
  </si>
  <si>
    <t>10/30/2019 09:13:42</t>
  </si>
  <si>
    <t>mail.google.com/_/upload?authuser=0&amp;dcp=asu-n&amp;upload_id=AEnB2UpXnH8MBDVAKqx8sPNs3DF8ICYGfD6_bN2LjKiE_3lOSw20AwkUS8vHgn2BhYCb2bWukciO0QUt-wTUalHNFM9mp0CxVHNjaJosZ_FMfIQYDbSfyUI&amp;upload_protocol=resumable</t>
  </si>
  <si>
    <t>C:\Users\gustavoplo\Documents\Telecom\Planilha de Qualidade\</t>
  </si>
  <si>
    <t>2019_11_01_Planilha_Canal Digital.xlsb</t>
  </si>
  <si>
    <t>10/30/2019 09:11:13</t>
  </si>
  <si>
    <t>mail.google.com/_/upload?authuser=0&amp;dcp=asu-n&amp;upload_id=AEnB2UpLmorcTsjxc2EtaNXalFAx9FNfNRB6JdfIO3uW_yMLF9Yqu0E6fvIkPsXbIVx8wBYebj2xyIP40w8udtw9l8EXjdcHRA&amp;upload_protocol=resumable</t>
  </si>
  <si>
    <t>2019_11_01_Planilha_Retenção.xlsb</t>
  </si>
  <si>
    <t>10/30/2019 09:13:57</t>
  </si>
  <si>
    <t>10/30/2019 09:15:42</t>
  </si>
  <si>
    <t>20190924 - Alessandro CR 341004138 - Versão Henrique.xls</t>
  </si>
  <si>
    <t>10/30/2019 09:10:47</t>
  </si>
  <si>
    <t>Base de casos</t>
  </si>
  <si>
    <t>Base de casos.xlsx</t>
  </si>
  <si>
    <t>10/30/2019 09:14:21</t>
  </si>
  <si>
    <t>ENC: Pasta1.xlsx</t>
  </si>
  <si>
    <t>10/30/2019 09:14:17</t>
  </si>
  <si>
    <t>C:\Users\Flavia\Downloads\</t>
  </si>
  <si>
    <t>Template_Criacao_Feriado211019.xlsx</t>
  </si>
  <si>
    <t>10/30/2019 09:16:51</t>
  </si>
  <si>
    <t>10/30/2019 09:20:42</t>
  </si>
  <si>
    <t>\\acsfs\deptos\DME\CME - Coordenacao de Marketing e Estrategia\Gestão de Vendas\Metas\2020\</t>
  </si>
  <si>
    <t>Custo Vendas_Consultores (Referência 2016).xlsx</t>
  </si>
  <si>
    <t>10/30/2019 09:16:07</t>
  </si>
  <si>
    <t>CURVA NORMAL - 29/10/2019</t>
  </si>
  <si>
    <t>10/30/2019 09:20:54</t>
  </si>
  <si>
    <t>10/30/2019 09:23:43</t>
  </si>
  <si>
    <t>mail.google.com/_/upload?authuser=0&amp;dcp=asu-n&amp;upload_id=AEnB2Uqyd1QF2vRD2P32fNKXhYtdt6gbSFJVSfWN1MstlbEvpw8FOQT8rjHyPK1QsVEXHmCWL9YlSLiyT1Ydf8sscp83n-LIxQ&amp;upload_protocol=resumable</t>
  </si>
  <si>
    <t>10/30/2019 09:23:14</t>
  </si>
  <si>
    <t>10/30/2019 09:21:12</t>
  </si>
  <si>
    <t>10/30/2019 09:25:43</t>
  </si>
  <si>
    <t>Bases</t>
  </si>
  <si>
    <t>Pesquisa_Satisfacao_RA_20190903.xlsx</t>
  </si>
  <si>
    <t>10/30/2019 09:23:45</t>
  </si>
  <si>
    <t>10/30/2019 09:24:47</t>
  </si>
  <si>
    <t>10/30/2019 09:26:42</t>
  </si>
  <si>
    <t>10/30/2019 09:25:16</t>
  </si>
  <si>
    <t>karlasdsri@algartech.com;</t>
  </si>
  <si>
    <t>RES: Retirar supervisor</t>
  </si>
  <si>
    <t>Pontuações Gamificação.xlsx</t>
  </si>
  <si>
    <t>karlasdsri@algartech.com</t>
  </si>
  <si>
    <t>10/25/2019 09:41:52</t>
  </si>
  <si>
    <t>10/30/2019 09:27:43</t>
  </si>
  <si>
    <t>bruna.vernalha@bradesco.com.br;danieldom@algartech.com;denisev.carvalho@bradesco.com.br;eva.cordeiro@bradesco.com.br;flavio.romero@bradesco.com.br;jullian.faria@algartech.com;saramfg@algartech.com;tatiana.bueno@bradesco.com.br;vanessa.crisan.santos@bradesco.com.br;vivianercu@algartech.com;</t>
  </si>
  <si>
    <t>bruna.vernalha@bradesco.com.br,danieldom@algartech.com,denisev.carvalho@bradesco.com.br,eva.cordeiro@bradesco.com.br,flavio.romero@bradesco.com.br,jullian.faria@algartech.com,saramfg@algartech.com,tatiana.bueno@bradesco.com.br,vanessa.crisan.santos@bradesco.com.br,vivianercu@algartech.com</t>
  </si>
  <si>
    <t>10/25/2019 09:41:54</t>
  </si>
  <si>
    <t>mail.google.com/_/upload?authuser=0&amp;dcp=asu-n&amp;upload_id=AEnB2UoMnh1YrMcK4uBGeDDhYKMe7dnk4bWop7n-ipPWaxXQPV7zUEP6pkoNg71xn4IhIMYFIkfarSnzOUcEqkh78X2xkEq2JA&amp;upload_protocol=resumable</t>
  </si>
  <si>
    <t>10/25/2019 10:04:08</t>
  </si>
  <si>
    <t>10/25/2019 18:05:20</t>
  </si>
  <si>
    <t>C:\Users\camilat\OneDrive - Grupo Algar\GERENCIAL\FINANCEIRO\Faturamento\340500033\SETEMBRO 19\</t>
  </si>
  <si>
    <t>Razão Set 19_33.xls</t>
  </si>
  <si>
    <t>10/29/2019 10:54:23</t>
  </si>
  <si>
    <t>C:\Users\camilat\OneDrive - Grupo Algar\TALENTOS HUMANOS - DOCS\Processo Seletivo\Analista Projetos - vaga Murilo\</t>
  </si>
  <si>
    <t>Prova Excel e Logica.xls</t>
  </si>
  <si>
    <t>10/29/2019 10:56:28</t>
  </si>
  <si>
    <t>Prova de Excel 2015.xls</t>
  </si>
  <si>
    <t>10/29/2019 10:57:13</t>
  </si>
  <si>
    <t>C:\Users\camilat\OneDrive - Grupo Algar\TALENTOS HUMANOS - DOCS\Processo Seletivo\Analista Negocios Jr PJ - Subst Jackson\</t>
  </si>
  <si>
    <t>10/29/2019 10:58:59</t>
  </si>
  <si>
    <t>C:\Users\camilat\OneDrive - Grupo Algar\TALENTOS HUMANOS - DOCS\Processo Seletivo\Analista de Projetos Jr\</t>
  </si>
  <si>
    <t>Prova de Excel 2015_Cecília Araújo.xls</t>
  </si>
  <si>
    <t>10/29/2019 10:59:09</t>
  </si>
  <si>
    <t>C:\Users\camilat\OneDrive - Grupo Algar\TALENTOS HUMANOS - DOCS\Processo Seletivo\Analista de Negocios em Projetos Jr\</t>
  </si>
  <si>
    <t>Prova de Excel e VBA.xlsx</t>
  </si>
  <si>
    <t>10/29/2019 10:59:22</t>
  </si>
  <si>
    <t>Prova de Excel e VBA_modelo 2.xlsx</t>
  </si>
  <si>
    <t>10/30/2019 09:26:39</t>
  </si>
  <si>
    <t>10/30/2019 09:29:42</t>
  </si>
  <si>
    <t>/o=exchangelabs/ou=exchange administrative group (fydibohf23spdlt)/cn=recipients/cn=617c18ba304146409115ba3a3aaee6b7-marco aurel;/o=exchangelabs/ou=exchange administrative group (fydibohf23spdlt)/cn=recipients/cn=f7a4290a46314a3cbb0d392508a7b5c5-luciana sil;</t>
  </si>
  <si>
    <t>Apresentação Programa Customer Success_Outubro_30-10.pptx\</t>
  </si>
  <si>
    <t>/o=exchangelabs/ou=exchange administrative group (fydibohf23spdlt)/cn=recipients/cn=617c18ba304146409115ba3a3aaee6b7-marco aurel,/o=exchangelabs/ou=exchange administrative group (fydibohf23spdlt)/cn=recipients/cn=f7a4290a46314a3cbb0d392508a7b5c5-luciana sil</t>
  </si>
  <si>
    <t>10/30/2019 09:32:17</t>
  </si>
  <si>
    <t>10/30/2019 09:32:42</t>
  </si>
  <si>
    <t>10/30/2019 09:35:30</t>
  </si>
  <si>
    <t>10/30/2019 09:39:42</t>
  </si>
  <si>
    <t>mail.google.com/_/upload?authuser=1&amp;dcp=asu-n&amp;upload_id=AEnB2UqZEuLs4jdGx8yKkxCiIwjBbGYS2uvM_PX_Qb5MYBA0MvWdhfBMbvOY1DWeuUw-qzPNEFGrQShk_ct7PKnivTFvr7JNYksOUIFXp5qRc5qKBiT45gs&amp;upload_protocol=resumable</t>
  </si>
  <si>
    <t>Exibição Ledger 5623 - Reais.xlsx</t>
  </si>
  <si>
    <t>mail.google.com/_/upload?authuser=1&amp;dcp=asu-n&amp;upload_id=AEnB2UrkAt5eaLt_vnoQqkufCVCMbM_tDXsktsjJkg18A3rJlHPTk7VgrvtV8Oiwbe6NDxyHR0gHap8CTXS6ICewcnfxwexqpAcy1J5I4DVMWC5hTEF8E3k&amp;upload_protocol=resumable</t>
  </si>
  <si>
    <t>Exibição Ledger 0001.xlsx</t>
  </si>
  <si>
    <t>10/30/2019 09:38:35</t>
  </si>
  <si>
    <t>10/30/2019 09:42:43</t>
  </si>
  <si>
    <t>camila.tirso@bradesco.com.br;</t>
  </si>
  <si>
    <t>camila.tirso@bradesco.com.br</t>
  </si>
  <si>
    <t>10/30/2019 09:40:31</t>
  </si>
  <si>
    <t>10/30/2019 09:43:42</t>
  </si>
  <si>
    <t>alynesoaresf@gmail.com</t>
  </si>
  <si>
    <t>C:\Users\alinesf\Desktop\Tudo\</t>
  </si>
  <si>
    <t>Escala PERMANENTE Sta Rosa_Liturgia 2019_ATUAL.xlsx</t>
  </si>
  <si>
    <t>10/30/2019 09:48:45</t>
  </si>
  <si>
    <t>10/30/2019 09:49:42</t>
  </si>
  <si>
    <t>22049 - UDI - WHIRLPOOL - SERV N1 SPEAKING.xlsx</t>
  </si>
  <si>
    <t>10/30/2019 09:49:06</t>
  </si>
  <si>
    <t>10/30/2019 09:54:42</t>
  </si>
  <si>
    <t>10/30/2019 09:56:27</t>
  </si>
  <si>
    <t>10/30/2019 09:59:42</t>
  </si>
  <si>
    <t>10.201.30.95</t>
  </si>
  <si>
    <t>64-1C-67-9C-32-30</t>
  </si>
  <si>
    <t>Agenda Dia D Eletrolux - Detalhadada.xls</t>
  </si>
  <si>
    <t>10/30/2019 10:00:27</t>
  </si>
  <si>
    <t>10/30/2019 10:01:43</t>
  </si>
  <si>
    <t>C:\Users\ricardobal\OneDrive - Grupo Algar\Algar Tecnologia\01 - CLIENTES\ALGAR TELECOM\</t>
  </si>
  <si>
    <t>Resumo das oportunidades.xlsx</t>
  </si>
  <si>
    <t>10/30/2019 09:58:55</t>
  </si>
  <si>
    <t>10/30/2019 10:02:42</t>
  </si>
  <si>
    <t>mail.google.com/_/upload?authuser=1&amp;dcp=asu-n&amp;upload_id=AEnB2UoU0UL9myjlwEATtZGj1rhhNz-94dDf_vBEecR_W153BtK1700Q3SffU-W-VcKeqEqY7qFtxcZL0ByHlvdDQGFk88FJbJAFne3A_WDzApoyVp6yK6w&amp;upload_protocol=resumable</t>
  </si>
  <si>
    <t>Férias 2020-2021.xlsx</t>
  </si>
  <si>
    <t>10/30/2019 10:02:14</t>
  </si>
  <si>
    <t>10/30/2019 10:04:42</t>
  </si>
  <si>
    <t>katia.yamazato@gmail.com;</t>
  </si>
  <si>
    <t>\\acsfs\Deptos\DME\CME - Coordenacao de Marketing e Estrategia\Plano de Marketing\Plano de Marketing - 2016\Revisão da Proposta de Valor\Guia de Bolso\Conteúdos e Apoio\Guia de Bolso - Entregas\Cloud e Data Center\</t>
  </si>
  <si>
    <t>Objeções Cloud.xlsx</t>
  </si>
  <si>
    <t>katia.yamazato@gmail.com</t>
  </si>
  <si>
    <t>Perguntas Cloud.xlsx</t>
  </si>
  <si>
    <t>10/30/2019 10:02:15</t>
  </si>
  <si>
    <t>Pitch Cloud (Infra).xlsx</t>
  </si>
  <si>
    <t>10/30/2019 10:03:25</t>
  </si>
  <si>
    <t>mail.google.com/_/upload?authuser=1&amp;dcp=asu-n&amp;upload_id=AEnB2UrNuLfh2oai62M0zz7zbDBZaF9bQ_GcHxM3vLhsAgJHNfOwSkWaviivMKJsofgWCfS9fbYKLTU_0DX5Nz-Fu4YFRKDMBTzWJjiZYCYtfJR8WBq81-k&amp;upload_protocol=resumable</t>
  </si>
  <si>
    <t>Exibição Leadger 0001.xlsx</t>
  </si>
  <si>
    <t>mail.google.com/_/upload?authuser=1&amp;dcp=asu-n&amp;upload_id=AEnB2UrU0sNAnyCGbkucVEXNQdPVkb3f9VCLhDruzHySLX62_4JRMd557B2AvjkG4nqa-w9zeXS95ZcSxpTLSyi-RxLLWxqAMw&amp;upload_protocol=resumable</t>
  </si>
  <si>
    <t>Exibição Leadger 5623 - Reais.xlsx</t>
  </si>
  <si>
    <t>10/30/2019 10:02:04</t>
  </si>
  <si>
    <t>10/30/2019 10:06:43</t>
  </si>
  <si>
    <t>10/30/2019 10:02:41</t>
  </si>
  <si>
    <t>10/30/2019 10:03:36</t>
  </si>
  <si>
    <t>10/30/2019 10:04:11</t>
  </si>
  <si>
    <t>10/30/2019 10:04:45</t>
  </si>
  <si>
    <t>10/30/2019 10:05:20</t>
  </si>
  <si>
    <t>10/30/2019 10:05:55</t>
  </si>
  <si>
    <t>10/30/2019 10:03:10</t>
  </si>
  <si>
    <t>10/30/2019 10:04:59</t>
  </si>
  <si>
    <t>10/30/2019 10:08:20</t>
  </si>
  <si>
    <t>10/30/2019 10:10:42</t>
  </si>
  <si>
    <t>10/30/2019 10:07:14</t>
  </si>
  <si>
    <t>10/30/2019 10:11:42</t>
  </si>
  <si>
    <t>/o=exchangelabs/ou=exchange administrative group (fydibohf23spdlt)/cn=recipients/cn=527a6ea2abb24debb0ca3e2cac9b14eb-camilla rod;/o=exchangelabs/ou=exchange administrative group (fydibohf23spdlt)/cn=recipients/cn=545f738e0fe740ba856f4eb6ef0135e0-vinicius si;/o=exchangelabs/ou=exchange administrative group (fydibohf23spdlt)/cn=recipients/cn=8ab5e44d485043d59eb4f21463e63e6a-tays dos sa;/o=exchangelabs/ou=exchange administrative group (fydibohf23spdlt)/cn=recipients/cn=a19b321d5b334e5aadd5d63abdb84bd8-karine fern;/o=exchangelabs/ou=exchange administrative group (fydibohf23spdlt)/cn=recipients/cn=be0b59caa4dc43e39afaa089f44ef778-leonardo al;/o=exchangelabs/ou=exchange administrative group (fydibohf23spdlt)/cn=recipients/cn=c492b691dff246198e997a7bfe50c15a-joao pedro;/o=exchangelabs/ou=exchange administrative group (fydibohf23spdlt)/cn=recipients/cn=df6ea6cc78a840278b1e7acccac67692-thiago rodr;/o=exchangelabs/ou=exchange administrative group (fydibohf23spdlt)/cn=recipients/cn=e47f7192d7b143e286620292e5ce82f2-miria</t>
  </si>
  <si>
    <t>ENC: Cartão Consignado I Acessos Intergrall</t>
  </si>
  <si>
    <t>criação de login_intergrall.xlsx</t>
  </si>
  <si>
    <t>/o=exchangelabs/ou=exchange administrative group (fydibohf23spdlt)/cn=recipients/cn=527a6ea2abb24debb0ca3e2cac9b14eb-camilla rod,/o=exchangelabs/ou=exchange administrative group (fydibohf23spdlt)/cn=recipients/cn=545f738e0fe740ba856f4eb6ef0135e0-vinicius si,/o=exchangelabs/ou=exchange administrative group (fydibohf23spdlt)/cn=recipients/cn=8ab5e44d485043d59eb4f21463e63e6a-tays dos sa,/o=exchangelabs/ou=exchange administrative group (fydibohf23spdlt)/cn=recipients/cn=a19b321d5b334e5aadd5d63abdb84bd8-karine fern,/o=exchangelabs/ou=exchange administrative group (fydibohf23spdlt)/cn=recipients/cn=be0b59caa4dc43e39afaa089f44ef778-leonardo al,/o=exchangelabs/ou=exchange administrative group (fydibohf23spdlt)/cn=recipients/cn=c492b691dff246198e997a7bfe50c15a-joao pedro,/o=exchangelabs/ou=exchange administrative group (fydibohf23spdlt)/cn=recipients/cn=df6ea6cc78a840278b1e7acccac67692-thiago rodr,/o=exchangelabs/ou=exchange administrative group (fydibohf23spdlt)/cn=recipients/cn=e47f7192d7b143e286620292e5ce82f2-miria</t>
  </si>
  <si>
    <t>10/30/2019 10:07:18</t>
  </si>
  <si>
    <t>10/30/2019 10:09:05</t>
  </si>
  <si>
    <t>10/30/2019 10:12:38</t>
  </si>
  <si>
    <t>10/30/2019 10:16:43</t>
  </si>
  <si>
    <t>RES: Clientes Fechado x Internalizados - Reajustes - 2019</t>
  </si>
  <si>
    <t>10/30/2019 10:14:40</t>
  </si>
  <si>
    <t>10/30/2019 10:17:43</t>
  </si>
  <si>
    <t>/o=exchangelabs/ou=exchange administrative group (fydibohf23spdlt)/cn=recipients/cn=ab45243d601947128cfe3dec663408bf-pamela tava;/o=exchangelabs/ou=exchange administrative group (fydibohf23spdlt)/cn=recipients/cn=cac18c5388b04f6d979d1bc87a08825a-marcopaulo;/o=exchangelabs/ou=exchange administrative group (fydibohf23spdlt)/cn=recipients/cn=user7c077f95;diogo@quilleconsultoria.com.br;</t>
  </si>
  <si>
    <t>RES: MIS SPAN.</t>
  </si>
  <si>
    <t>/o=exchangelabs/ou=exchange administrative group (fydibohf23spdlt)/cn=recipients/cn=ab45243d601947128cfe3dec663408bf-pamela tava,/o=exchangelabs/ou=exchange administrative group (fydibohf23spdlt)/cn=recipients/cn=cac18c5388b04f6d979d1bc87a08825a-marcopaulo,/o=exchangelabs/ou=exchange administrative group (fydibohf23spdlt)/cn=recipients/cn=user7c077f95,diogo@quilleconsultoria.com.br</t>
  </si>
  <si>
    <t>Fornecedores Engeset 2810.xlsx</t>
  </si>
  <si>
    <t>10/30/2019 10:14:55</t>
  </si>
  <si>
    <t>10/30/2019 10:20:43</t>
  </si>
  <si>
    <t>Transf.xls</t>
  </si>
  <si>
    <t>10/30/2019 10:17:03</t>
  </si>
  <si>
    <t>10/30/2019 10:21:43</t>
  </si>
  <si>
    <t>10/30/2019 10:18:13</t>
  </si>
  <si>
    <t>10/30/2019 10:18:53</t>
  </si>
  <si>
    <t>10/30/2019 10:19:28</t>
  </si>
  <si>
    <t>10/30/2019 10:20:11</t>
  </si>
  <si>
    <t>10/30/2019 10:24:43</t>
  </si>
  <si>
    <t>10.200.57.71</t>
  </si>
  <si>
    <t>camila_paixao@whirlpool.com;fabianacscg@algartech.com;</t>
  </si>
  <si>
    <t>Tabela de Solicitação de Treinamento.xlsx</t>
  </si>
  <si>
    <t>camila_paixao@whirlpool.com,fabianacscg@algartech.com</t>
  </si>
  <si>
    <t>10/30/2019 10:22:49</t>
  </si>
  <si>
    <t>10/30/2019 10:25:44</t>
  </si>
  <si>
    <t>10/30/2019 10:23:15</t>
  </si>
  <si>
    <t>10/30/2019 10:26:43</t>
  </si>
  <si>
    <t>10/30/2019 10:25:32</t>
  </si>
  <si>
    <t>10/30/2019 10:26:03</t>
  </si>
  <si>
    <t>10/30/2019 10:31:43</t>
  </si>
  <si>
    <t>10/30/2019 10:27:56</t>
  </si>
  <si>
    <t>10/30/2019 10:29:47</t>
  </si>
  <si>
    <t>10/30/2019 10:30:22</t>
  </si>
  <si>
    <t>10/30/2019 10:30:57</t>
  </si>
  <si>
    <t>10/30/2019 10:28:47</t>
  </si>
  <si>
    <t>10/30/2019 10:32:44</t>
  </si>
  <si>
    <t>10/30/2019 10:31:20</t>
  </si>
  <si>
    <t>10/30/2019 10:29:00</t>
  </si>
  <si>
    <t>Modelo de Conta Corrente CSC.xlsx</t>
  </si>
  <si>
    <t>10/30/2019 10:31:10</t>
  </si>
  <si>
    <t>10/30/2019 10:35:43</t>
  </si>
  <si>
    <t>/o=exchangelabs/ou=exchange administrative group (fydibohf23spdlt)/cn=recipients/cn=0163bfef0e474630bdcf0a3698e9ffd4-amanda ferr;/o=exchangelabs/ou=exchange administrative group (fydibohf23spdlt)/cn=recipients/cn=56dc126fba5b4a5f8fb1cd7e4f10477d-thais olive;/o=exchangelabs/ou=exchange administrative group (fydibohf23spdlt)/cn=recipients/cn=8b5b63d67af648d081a40c45cc800804-fabiana per;aurio.nogueira@bradesco.com.br;jackson.diniz@bradesco.com.br;jhonatan.ventino@temposervicos.com.br;ligiagb@algartech.com.br;liliane.carole@temposervicos.com.br;marcia.freitas@bradesco.com.br;marciohpr@algartech.com.br;marta.m.oliveira@bradesco.com.br;poliane.amaral@bradesco.com.br;ricardo.v.hostert@temposervicos.com.br;suportepjvme@algartech.com.br;suzanasb@algartech.com.br;suzane.b.rodrigues@bradesco.com.br;suzane.rodrigues@temposervicos.com.br;vivianega@algartech.com.br;</t>
  </si>
  <si>
    <t>/o=exchangelabs/ou=exchange administrative group (fydibohf23spdlt)/cn=recipients/cn=0163bfef0e474630bdcf0a3698e9ffd4-amanda ferr,/o=exchangelabs/ou=exchange administrative group (fydibohf23spdlt)/cn=recipients/cn=56dc126fba5b4a5f8fb1cd7e4f10477d-thais olive,/o=exchangelabs/ou=exchange administrative group (fydibohf23spdlt)/cn=recipients/cn=8b5b63d67af648d081a40c45cc800804-fabiana per,aurio.nogueira@bradesco.com.br,jackson.diniz@bradesco.com.br,jhonatan.ventino@temposervicos.com.br,ligiagb@algartech.com.br,liliane.carole@temposervicos.com.br,marcia.freitas@bradesco.com.br,marciohpr@algartech.com.br,marta.m.oliveira@bradesco.com.br,poliane.amaral@bradesco.com.br,ricardo.v.hostert@temposervicos.com.br,suportepjvme@algartech.com.br,suzanasb@algartech.com.br,suzane.b.rodrigues@bradesco.com.br,suzane.rodrigues@temposervicos.com.br,vivianega@algartech.com.br</t>
  </si>
  <si>
    <t>10/30/2019 10:34:34</t>
  </si>
  <si>
    <t>10/30/2019 10:31:32</t>
  </si>
  <si>
    <t>10/30/2019 10:36:44</t>
  </si>
  <si>
    <t>10/30/2019 10:32:07</t>
  </si>
  <si>
    <t>10/30/2019 10:33:18</t>
  </si>
  <si>
    <t>10/30/2019 10:33:49</t>
  </si>
  <si>
    <t>10/30/2019 10:33:50</t>
  </si>
  <si>
    <t>10/30/2019 10:34:26</t>
  </si>
  <si>
    <t>10/30/2019 10:34:50</t>
  </si>
  <si>
    <t>10/30/2019 10:34:00</t>
  </si>
  <si>
    <t>10/30/2019 10:38:43</t>
  </si>
  <si>
    <t>/o=exchangelabs/ou=exchange administrative group (fydibohf23spdlt)/cn=recipients/cn=122c3ad8b401472e84885d44a2466b4c-jair de pau;/o=exchangelabs/ou=exchange administrative group (fydibohf23spdlt)/cn=recipients/cn=49457acaa5584c6d8daec8f0ad186be2-carlos maur;/o=exchangelabs/ou=exchange administrative group (fydibohf23spdlt)/cn=recipients/cn=651324bc204a42f6bbcdf62273ebdc5c-aluisio ant;/o=exchangelabs/ou=exchange administrative group (fydibohf23spdlt)/cn=recipients/cn=65d35bc38c6743d7a55b3ae9726a5893-diego ribei;/o=exchangelabs/ou=exchange administrative group (fydibohf23spdlt)/cn=recipients/cn=a111820ea97a440c83191c55259f676f-marcelo rod;/o=exchangelabs/ou=exchange administrative group (fydibohf23spdlt)/cn=recipients/cn=b79663656cc44aa3bf06617d1695ae51-carlos faci;/o=exchangelabs/ou=exchange administrative group (fydibohf23spdlt)/cn=recipients/cn=f7a4290a46314a3cbb0d392508a7b5c5-luciana sil;/o=exchangelabs/ou=exchange administrative group (fydibohf23spdlt)/cn=recipients/cn=user3949317b;/o=exchangelabs/ou=excha</t>
  </si>
  <si>
    <t>Revisão LP GAT (PPE + AS IS)</t>
  </si>
  <si>
    <t>Evolução de Portifólio - PPE GAT - Outubro 2019_v7.pptx\</t>
  </si>
  <si>
    <t>/o=exchangelabs/ou=exchange administrative group (fydibohf23spdlt)/cn=recipients/cn=122c3ad8b401472e84885d44a2466b4c-jair de pau,/o=exchangelabs/ou=exchange administrative group (fydibohf23spdlt)/cn=recipients/cn=49457acaa5584c6d8daec8f0ad186be2-carlos maur,/o=exchangelabs/ou=exchange administrative group (fydibohf23spdlt)/cn=recipients/cn=651324bc204a42f6bbcdf62273ebdc5c-aluisio ant,/o=exchangelabs/ou=exchange administrative group (fydibohf23spdlt)/cn=recipients/cn=65d35bc38c6743d7a55b3ae9726a5893-diego ribei,/o=exchangelabs/ou=exchange administrative group (fydibohf23spdlt)/cn=recipients/cn=a111820ea97a440c83191c55259f676f-marcelo rod,/o=exchangelabs/ou=exchange administrative group (fydibohf23spdlt)/cn=recipients/cn=b79663656cc44aa3bf06617d1695ae51-carlos faci,/o=exchangelabs/ou=exchange administrative group (fydibohf23spdlt)/cn=recipients/cn=f7a4290a46314a3cbb0d392508a7b5c5-luciana sil,/o=exchangelabs/ou=exchange administrative group (fydibohf23spdlt)/cn=recipients/cn=user3949317b,/o=exchangelabs/ou=excha</t>
  </si>
  <si>
    <t>10/30/2019 10:38:53</t>
  </si>
  <si>
    <t>10/30/2019 10:39:44</t>
  </si>
  <si>
    <t>22048 - UDI - WHIRLPOOL - SERV N1 DIGITAL - Rosilene.xlsx</t>
  </si>
  <si>
    <t>10/28/2019 18:38:35</t>
  </si>
  <si>
    <t>Cópia de pentest_bmg_resposta_algar_v2.xlsx</t>
  </si>
  <si>
    <t>10/28/2019 18:38:44</t>
  </si>
  <si>
    <t>10/28/2019 18:38:51</t>
  </si>
  <si>
    <t>pentest_bmg_resposta_algar_v3.xlsx</t>
  </si>
  <si>
    <t>10/30/2019 10:38:19</t>
  </si>
  <si>
    <t>10/30/2019 10:41:44</t>
  </si>
  <si>
    <t>10/30/2019 10:38:55</t>
  </si>
  <si>
    <t>10/30/2019 10:39:29</t>
  </si>
  <si>
    <t>10/30/2019 10:40:24</t>
  </si>
  <si>
    <t>10/30/2019 10:40:58</t>
  </si>
  <si>
    <t>10/30/2019 10:39:52</t>
  </si>
  <si>
    <t>10/30/2019 10:44:43</t>
  </si>
  <si>
    <t>10/30/2019 10:41:05</t>
  </si>
  <si>
    <t>10/30/2019 10:46:43</t>
  </si>
  <si>
    <t>/o=exchangelabs/ou=exchange administrative group (fydibohf23spdlt)/cn=recipients/cn=527a6ea2abb24debb0ca3e2cac9b14eb-camilla rod;</t>
  </si>
  <si>
    <t>ENC: Laboratório de Design Thinking - Supervisores</t>
  </si>
  <si>
    <t>Turma 04-11 TARDE.xlsx</t>
  </si>
  <si>
    <t>/o=exchangelabs/ou=exchange administrative group (fydibohf23spdlt)/cn=recipients/cn=527a6ea2abb24debb0ca3e2cac9b14eb-camilla rod</t>
  </si>
  <si>
    <t>10/30/2019 10:41:23</t>
  </si>
  <si>
    <t>10/30/2019 10:41:32</t>
  </si>
  <si>
    <t>10/30/2019 10:42:08</t>
  </si>
  <si>
    <t>10/30/2019 10:47:15</t>
  </si>
  <si>
    <t>10/30/2019 10:47:44</t>
  </si>
  <si>
    <t>10/30/2019 10:47:25</t>
  </si>
  <si>
    <t>/o=exchangelabs/ou=exchange administrative group (fydibohf23spdlt)/cn=recipients/cn=2893fe31a22e4c70b0b2423facc65865-rodrigo de;/o=exchangelabs/ou=exchange administrative group (fydibohf23spdlt)/cn=recipients/cn=65d35bc38c6743d7a55b3ae9726a5893-diego ribei;/o=exchangelabs/ou=exchange administrative group (fydibohf23spdlt)/cn=recipients/cn=6e7b87b0f7a44f4babcd04c4dc7042e1-silke kraus;</t>
  </si>
  <si>
    <t>Modelo Conta Corrente</t>
  </si>
  <si>
    <t>/o=exchangelabs/ou=exchange administrative group (fydibohf23spdlt)/cn=recipients/cn=2893fe31a22e4c70b0b2423facc65865-rodrigo de,/o=exchangelabs/ou=exchange administrative group (fydibohf23spdlt)/cn=recipients/cn=65d35bc38c6743d7a55b3ae9726a5893-diego ribei,/o=exchangelabs/ou=exchange administrative group (fydibohf23spdlt)/cn=recipients/cn=6e7b87b0f7a44f4babcd04c4dc7042e1-silke kraus</t>
  </si>
  <si>
    <t>10/30/2019 10:46:17</t>
  </si>
  <si>
    <t>10/30/2019 10:50:44</t>
  </si>
  <si>
    <t>10/30/2019 10:50:54</t>
  </si>
  <si>
    <t>10/30/2019 10:51:43</t>
  </si>
  <si>
    <t>paty.arsilva@hotmail.com;</t>
  </si>
  <si>
    <t>ENC: Indústria Financeira</t>
  </si>
  <si>
    <t>Financeiro.vfcalibrada.pptx\</t>
  </si>
  <si>
    <t>paty.arsilva@hotmail.com</t>
  </si>
  <si>
    <t>10/30/2019 10:49:53</t>
  </si>
  <si>
    <t>10/30/2019 10:53:43</t>
  </si>
  <si>
    <t>C:\Users\filemoncmj\OneDrive - Grupo Algar\01. Algar Tech\11. Contrato Automatos (Suelen)\</t>
  </si>
  <si>
    <t>MAPA_TECNICO_-_ESPECIFICO_DE_COMPRAS.xlsx</t>
  </si>
  <si>
    <t>10/30/2019 10:50:51</t>
  </si>
  <si>
    <t>10/30/2019 10:55:43</t>
  </si>
  <si>
    <t>20190814_Speech (1).xlsx</t>
  </si>
  <si>
    <t>10/30/2019 10:54:22</t>
  </si>
  <si>
    <t>formulario_ferias_irregulares_-_algar_tech_ luciana silva savi_.xlsm</t>
  </si>
  <si>
    <t>10/30/2019 10:55:47</t>
  </si>
  <si>
    <t>10/30/2019 10:56:43</t>
  </si>
  <si>
    <t>10/30/2019 10:55:35</t>
  </si>
  <si>
    <t>10/30/2019 10:59:44</t>
  </si>
  <si>
    <t>pentest_bmg_resposta_algar_v4.xlsx</t>
  </si>
  <si>
    <t>10/30/2019 10:56:19</t>
  </si>
  <si>
    <t>10/30/2019 11:01:44</t>
  </si>
  <si>
    <t>10/30/2019 10:59:30</t>
  </si>
  <si>
    <t>10/30/2019 10:56:58</t>
  </si>
  <si>
    <t>10/30/2019 11:04:09</t>
  </si>
  <si>
    <t>10/30/2019 11:04:43</t>
  </si>
  <si>
    <t>10/30/2019 11:05:01</t>
  </si>
  <si>
    <t>10/30/2019 11:08:43</t>
  </si>
  <si>
    <t>10/30/2019 11:08:44</t>
  </si>
  <si>
    <t>10/30/2019 11:09:43</t>
  </si>
  <si>
    <t>DRE_LATAM Argentina 349_2020 ADM.xlsx</t>
  </si>
  <si>
    <t>10/30/2019 11:10:55</t>
  </si>
  <si>
    <t>10/30/2019 11:13:44</t>
  </si>
  <si>
    <t>C:\Users\marinasf\OneDrive - Grupo Algar\ACORDO MANUTENÇÃO GMG\ANEXO PARA OC\</t>
  </si>
  <si>
    <t>OS 4751.xls</t>
  </si>
  <si>
    <t>10/30/2019 11:11:09</t>
  </si>
  <si>
    <t>C:\Users\marinasf\OneDrive - Grupo Algar\ACORDO MANUTENÇÃO GMG\ANEXO PARA OC\ENVIADOS\</t>
  </si>
  <si>
    <t>RELAÇÃO ZELADORIAS DEZ 2018 JAN E FEV 2019.xlsx</t>
  </si>
  <si>
    <t>OS_4553.xls</t>
  </si>
  <si>
    <t>OS4480.xls</t>
  </si>
  <si>
    <t>10/30/2019 11:11:10</t>
  </si>
  <si>
    <t>OS4479.xls</t>
  </si>
  <si>
    <t>OS 5440.xls</t>
  </si>
  <si>
    <t>OS 5396.xlsx</t>
  </si>
  <si>
    <t>OS 5170.xls</t>
  </si>
  <si>
    <t>10/30/2019 11:11:11</t>
  </si>
  <si>
    <t>OS 4953.xls</t>
  </si>
  <si>
    <t>OS 4944 .xls</t>
  </si>
  <si>
    <t>10/30/2019 11:11:15</t>
  </si>
  <si>
    <t>OS 4853.xls</t>
  </si>
  <si>
    <t>10/30/2019 11:11:16</t>
  </si>
  <si>
    <t>OS 4799.xls</t>
  </si>
  <si>
    <t>OS 4761.xls</t>
  </si>
  <si>
    <t>OS 4758.xls</t>
  </si>
  <si>
    <t>10/30/2019 11:11:17</t>
  </si>
  <si>
    <t>OS 4750.xls</t>
  </si>
  <si>
    <t>OS 4748.xls</t>
  </si>
  <si>
    <t>10/30/2019 11:11:18</t>
  </si>
  <si>
    <t>OS 4743.xls</t>
  </si>
  <si>
    <t>OS 4731.xls</t>
  </si>
  <si>
    <t>OS 4730.xls</t>
  </si>
  <si>
    <t>OS 4722.xls</t>
  </si>
  <si>
    <t>10/30/2019 11:11:19</t>
  </si>
  <si>
    <t>OS 4720.xls</t>
  </si>
  <si>
    <t>OS 4719.xls</t>
  </si>
  <si>
    <t>OS 4685.xls</t>
  </si>
  <si>
    <t>10/30/2019 11:11:20</t>
  </si>
  <si>
    <t>OS 4651.xls</t>
  </si>
  <si>
    <t>10/30/2019 11:11:21</t>
  </si>
  <si>
    <t>OS 4648.xls</t>
  </si>
  <si>
    <t>OS 4645.xls</t>
  </si>
  <si>
    <t>OS 4643.xls</t>
  </si>
  <si>
    <t>OS 4642.xls</t>
  </si>
  <si>
    <t>10/30/2019 11:11:22</t>
  </si>
  <si>
    <t>OS 4641.xls</t>
  </si>
  <si>
    <t>OS 4579.xlt</t>
  </si>
  <si>
    <t>OS 4527.xls</t>
  </si>
  <si>
    <t>OS 4525.xlt</t>
  </si>
  <si>
    <t>10/30/2019 11:11:23</t>
  </si>
  <si>
    <t>OS 4523.xls</t>
  </si>
  <si>
    <t>OS 4516.xls</t>
  </si>
  <si>
    <t>OS 4501 SCO.xlsx</t>
  </si>
  <si>
    <t>10/30/2019 11:11:24</t>
  </si>
  <si>
    <t>OS 4481.xls</t>
  </si>
  <si>
    <t>OS 4328.xls</t>
  </si>
  <si>
    <t>OS 4287.xls</t>
  </si>
  <si>
    <t>10/30/2019 11:11:25</t>
  </si>
  <si>
    <t>OS 4022.xls</t>
  </si>
  <si>
    <t>OS 3637.xls</t>
  </si>
  <si>
    <t>10/30/2019 11:11:26</t>
  </si>
  <si>
    <t>OS 3633.xls</t>
  </si>
  <si>
    <t>10/30/2019 11:11:27</t>
  </si>
  <si>
    <t>Orçamento Escolta Março TRIADE 8.580,16.xlsx</t>
  </si>
  <si>
    <t>Orçamento Escolta MAIO Triade.xlsx</t>
  </si>
  <si>
    <t>10/30/2019 11:11:28</t>
  </si>
  <si>
    <t>Orçamento Escolta MAIO Juiz de Fora.xlsx</t>
  </si>
  <si>
    <t>Orçamento Escolta Janeiro-2019 - BR 381.xlsx</t>
  </si>
  <si>
    <t>Orçamento Escolta Fevereiro Triade.xlsx</t>
  </si>
  <si>
    <t>Orçamento Escolta Abril TRIADE.xlsx</t>
  </si>
  <si>
    <t>10/30/2019 11:11:37</t>
  </si>
  <si>
    <t>Orc_Fornecedor_OS4369.xlsx</t>
  </si>
  <si>
    <t>ORC 4568 INFRALAN.xls</t>
  </si>
  <si>
    <t>10/30/2019 11:11:41</t>
  </si>
  <si>
    <t>GERAMASTER 760,00 Orc_Fornecedor. OS 4098.xlsx</t>
  </si>
  <si>
    <t>FORMULARIO_DE_CADASTRO_DE_FORNECEDOR_Arthur Apiló.xlsx</t>
  </si>
  <si>
    <t>10/30/2019 11:11:42</t>
  </si>
  <si>
    <t>Cópia de OS_4522.xls</t>
  </si>
  <si>
    <t>Cópia de OS4480.xls</t>
  </si>
  <si>
    <t>Cópia de OS4478.xls</t>
  </si>
  <si>
    <t>Cópia de OS 4502 - SCO.xlsx</t>
  </si>
  <si>
    <t>10/30/2019 11:11:43</t>
  </si>
  <si>
    <t>Cópia de Orçamento Escolta Fevereiro Juiz de Fora.xlsx</t>
  </si>
  <si>
    <t>Cópia de Orçamento Escolta Dezembro-2018 - BR 381.xlsx</t>
  </si>
  <si>
    <t>10/30/2019 11:12:05</t>
  </si>
  <si>
    <t>5437 PGVG24_1.xlsx</t>
  </si>
  <si>
    <t>10/30/2019 11:12:16</t>
  </si>
  <si>
    <t>4863 INFRALAN.xlsx</t>
  </si>
  <si>
    <t>4601.xls</t>
  </si>
  <si>
    <t>10/30/2019 11:09:32</t>
  </si>
  <si>
    <t>/o=exchangelabs/ou=exchange administrative group (fydibohf23spdlt)/cn=recipients/cn=0724131ea0e6413f81b96734f1d8db35-larissa men;/o=exchangelabs/ou=exchange administrative group (fydibohf23spdlt)/cn=recipients/cn=0ee39e9e189c42369588db5cf6d2866d-celia regin;/o=exchangelabs/ou=exchange administrative group (fydibohf23spdlt)/cn=recipients/cn=1867d5fca12044e08946537995369baf-diego rodri;/o=exchangelabs/ou=exchange administrative group (fydibohf23spdlt)/cn=recipients/cn=2144abc9537143519f505fcb8550b74c-juliana emi;/o=exchangelabs/ou=exchange administrative group (fydibohf23spdlt)/cn=recipients/cn=685a6c7fa4684b9ab51c683ec151a83c-kelly crist;/o=exchangelabs/ou=exchange administrative group (fydibohf23spdlt)/cn=recipients/cn=9ec15fdf8a374c6f80ea1bf33684216e-roberta alv;pamelatc@algartech.com;</t>
  </si>
  <si>
    <t>RES: Treinamento Brigada</t>
  </si>
  <si>
    <t>5Escala de brigada 2019.xlsx</t>
  </si>
  <si>
    <t>/o=exchangelabs/ou=exchange administrative group (fydibohf23spdlt)/cn=recipients/cn=0724131ea0e6413f81b96734f1d8db35-larissa men,/o=exchangelabs/ou=exchange administrative group (fydibohf23spdlt)/cn=recipients/cn=0ee39e9e189c42369588db5cf6d2866d-celia regin,/o=exchangelabs/ou=exchange administrative group (fydibohf23spdlt)/cn=recipients/cn=1867d5fca12044e08946537995369baf-diego rodri,/o=exchangelabs/ou=exchange administrative group (fydibohf23spdlt)/cn=recipients/cn=2144abc9537143519f505fcb8550b74c-juliana emi,/o=exchangelabs/ou=exchange administrative group (fydibohf23spdlt)/cn=recipients/cn=685a6c7fa4684b9ab51c683ec151a83c-kelly crist,/o=exchangelabs/ou=exchange administrative group (fydibohf23spdlt)/cn=recipients/cn=9ec15fdf8a374c6f80ea1bf33684216e-roberta alv,pamelatc@algartech.com</t>
  </si>
  <si>
    <t>10/30/2019 11:09:38</t>
  </si>
  <si>
    <t>Base BW % Conversão - Out-2019 - Parcial - 29-10-2019.xlsm</t>
  </si>
  <si>
    <t>Produtividade RAF - Out-2019 - Parcial - 29-10-19.xlsm</t>
  </si>
  <si>
    <t>10/30/2019 11:13:20</t>
  </si>
  <si>
    <t>10/30/2019 11:14:43</t>
  </si>
  <si>
    <t>/o=exchangelabs/ou=exchange administrative group (fydibohf23spdlt)/cn=recipients/cn=9c71bc5f5a3648bbbb5f6bedb86e15a6-marcelo buz;</t>
  </si>
  <si>
    <t>Ajuste IP - Coordenação</t>
  </si>
  <si>
    <t>/o=exchangelabs/ou=exchange administrative group (fydibohf23spdlt)/cn=recipients/cn=9c71bc5f5a3648bbbb5f6bedb86e15a6-marcelo buz</t>
  </si>
  <si>
    <t>10/30/2019 11:17:16</t>
  </si>
  <si>
    <t>10/30/2019 11:18:43</t>
  </si>
  <si>
    <t>/o=exchangelabs/ou=exchange administrative group (fydibohf23spdlt)/cn=recipients/cn=60faf2b5b04b4809ba6e5fa8b0b884a6-evelise tri;/o=exchangelabs/ou=exchange administrative group (fydibohf23spdlt)/cn=recipients/cn=6189712535ea4b50a3625910837af2c9-larissa bra;/o=exchangelabs/ou=exchange administrative group (fydibohf23spdlt)/cn=recipients/cn=7903c13fa0504ff0bc7dd2644020b0e8-mirna prado;</t>
  </si>
  <si>
    <t>RES: Árvores Ecohouse</t>
  </si>
  <si>
    <t>UDI - WHIRLPOOL - NPS DETRATORES - Em validação.xlsm</t>
  </si>
  <si>
    <t>/o=exchangelabs/ou=exchange administrative group (fydibohf23spdlt)/cn=recipients/cn=60faf2b5b04b4809ba6e5fa8b0b884a6-evelise tri,/o=exchangelabs/ou=exchange administrative group (fydibohf23spdlt)/cn=recipients/cn=6189712535ea4b50a3625910837af2c9-larissa bra,/o=exchangelabs/ou=exchange administrative group (fydibohf23spdlt)/cn=recipients/cn=7903c13fa0504ff0bc7dd2644020b0e8-mirna prado</t>
  </si>
  <si>
    <t>10/30/2019 11:19:43</t>
  </si>
  <si>
    <t>pentest_bmg_resposta_algar_v5.xlsx</t>
  </si>
  <si>
    <t>10/30/2019 11:15:09</t>
  </si>
  <si>
    <t>10/30/2019 11:20:44</t>
  </si>
  <si>
    <t>Indicadores-Operacionais-GIAT-ITSM.xlsx</t>
  </si>
  <si>
    <t>10/30/2019 11:18:03</t>
  </si>
  <si>
    <t>10/30/2019 11:22:43</t>
  </si>
  <si>
    <t>mail.google.com/_/upload?authuser=0&amp;dcp=asu-n&amp;upload_id=AEnB2UrplZmYTuKMJcRHjl5SaQtLcBaxIO_hEWfosesUVbRxLHrLSw1cKxS8DtNijhJvN1E8fxteMG4GfEwJ8LWKA04DTrSRemXAjfXX9g6lR-AB7H1sRmg&amp;upload_protocol=resumable</t>
  </si>
  <si>
    <t>C:\Users\alefl\OneDrive - Grupo Algar\Relatorio\Terceiro\</t>
  </si>
  <si>
    <t>Analise..xlsx</t>
  </si>
  <si>
    <t>10/30/2019 11:21:57</t>
  </si>
  <si>
    <t>10/30/2019 11:23:43</t>
  </si>
  <si>
    <t>Filas Criar E-Center - 08-07-19.xlsx</t>
  </si>
  <si>
    <t>Estrutura de BO SINERGIA - Filas SGO e E-Center - 08-07-19.xlsx</t>
  </si>
  <si>
    <t>10/30/2019 11:19:22</t>
  </si>
  <si>
    <t>10/30/2019 11:24:44</t>
  </si>
  <si>
    <t>10/30/2019 11:24:13</t>
  </si>
  <si>
    <t>10/30/2019 11:25:43</t>
  </si>
  <si>
    <t>C:\Users\renatofol\OneDrive - Grupo Algar\ALGAR_-_Transformação Digital\Consultoria CX\Documentações\TIME CX\DC Corpororativo\DREs de Clientes.zip\</t>
  </si>
  <si>
    <t>10/30/2019 11:24:14</t>
  </si>
  <si>
    <t>C:\Users\renatofol\OneDrive - Grupo Algar\ALGAR_-_Transformação Digital\Consultoria CX\Documentações\TIME CX\DC Corpororativo\Financeiro.vfcalibrada.pptx\</t>
  </si>
  <si>
    <t>10/30/2019 11:23:44</t>
  </si>
  <si>
    <t>10/30/2019 11:28:43</t>
  </si>
  <si>
    <t>10/30/2019 11:29:06</t>
  </si>
  <si>
    <t>10/30/2019 11:31:44</t>
  </si>
  <si>
    <t>10/30/2019 11:29:40</t>
  </si>
  <si>
    <t>10/30/2019 11:30:15</t>
  </si>
  <si>
    <t>10/30/2019 11:30:51</t>
  </si>
  <si>
    <t>10/30/2019 11:31:26</t>
  </si>
  <si>
    <t>10/30/2019 11:36:44</t>
  </si>
  <si>
    <t>10/30/2019 11:32:01</t>
  </si>
  <si>
    <t>10/30/2019 11:32:36</t>
  </si>
  <si>
    <t>10/30/2019 11:33:12</t>
  </si>
  <si>
    <t>10/30/2019 11:33:46</t>
  </si>
  <si>
    <t>10/30/2019 11:34:23</t>
  </si>
  <si>
    <t>10/30/2019 11:34:58</t>
  </si>
  <si>
    <t>10/30/2019 11:35:32</t>
  </si>
  <si>
    <t>10/30/2019 11:33:58</t>
  </si>
  <si>
    <t>10/30/2019 11:37:44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2f4bb3276da2464096fd9ebe23e1d908-marla jorda;/o=exchangelabs/ou=exchange administrative group (fydibohf23spdlt)/cn=recipients/cn=363af2e6e56746febce0b409a64e9677-anne caroli;/o=exchangelabs/ou=exchange administrative group (fydibohf23spdlt)/cn=recipients/cn=3a354b5804b342fe8b535455ff89c941-mariana fre;/o=exchangelabs/ou=exchange administrative group (fydibohf23spdlt)/cn=recipients/cn=7f205d04057d4adaa6c7db531db90f96-mateus lima;/o=exchangelabs/ou=exchange administrative group (fydibohf23spdlt)/cn=recipients/cn=8448bc0d964c4200bf3bd8bd54310da1-kesley isai;/o=exchangelabs/ou=exchange administrative group (fydibohf23spdlt)/cn=recipients/cn=856a40c11c264d9e82bdecf4c7271e0c-andr</t>
  </si>
  <si>
    <t>ENC: Modelo de atuação PA's novas ações</t>
  </si>
  <si>
    <t>Modelo Atuação Pilotos_PA's por ação vs3.xlsx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2f4bb3276da2464096fd9ebe23e1d908-marla jorda,/o=exchangelabs/ou=exchange administrative group (fydibohf23spdlt)/cn=recipients/cn=363af2e6e56746febce0b409a64e9677-anne caroli,/o=exchangelabs/ou=exchange administrative group (fydibohf23spdlt)/cn=recipients/cn=3a354b5804b342fe8b535455ff89c941-mariana fre,/o=exchangelabs/ou=exchange administrative group (fydibohf23spdlt)/cn=recipients/cn=7f205d04057d4adaa6c7db531db90f96-mateus lima,/o=exchangelabs/ou=exchange administrative group (fydibohf23spdlt)/cn=recipients/cn=8448bc0d964c4200bf3bd8bd54310da1-kesley isai,/o=exchangelabs/ou=exchange administrative group (fydibohf23spdlt)/cn=recipients/cn=856a40c11c264d9e82bdecf4c7271e0c-andr</t>
  </si>
  <si>
    <t>10/30/2019 11:38:11</t>
  </si>
  <si>
    <t>10/30/2019 11:39:44</t>
  </si>
  <si>
    <t>C:\Users\douglassp\OneDrive - Grupo Algar\Pacote Terceiros\Orçamento 2020\</t>
  </si>
  <si>
    <t>pth_aso.xlsx</t>
  </si>
  <si>
    <t>10/30/2019 11:36:07</t>
  </si>
  <si>
    <t>10/30/2019 11:41:45</t>
  </si>
  <si>
    <t>10/30/2019 11:36:42</t>
  </si>
  <si>
    <t>10/30/2019 11:37:35</t>
  </si>
  <si>
    <t>10/30/2019 11:38:07</t>
  </si>
  <si>
    <t>10/30/2019 11:38:42</t>
  </si>
  <si>
    <t>10/30/2019 11:39:17</t>
  </si>
  <si>
    <t>10/30/2019 11:39:52</t>
  </si>
  <si>
    <t>10/30/2019 11:40:28</t>
  </si>
  <si>
    <t>10/30/2019 11:41:01</t>
  </si>
  <si>
    <t>10/30/2019 11:39:25</t>
  </si>
  <si>
    <t>10/30/2019 11:44:44</t>
  </si>
  <si>
    <t>/o=exchangelabs/ou=exchange administrative group (fydibohf23spdlt)/cn=recipients/cn=eeabe757fd9847189424a9c6f7064f76-luana souza;</t>
  </si>
  <si>
    <t>/o=exchangelabs/ou=exchange administrative group (fydibohf23spdlt)/cn=recipients/cn=eeabe757fd9847189424a9c6f7064f76-luana souza</t>
  </si>
  <si>
    <t>10/30/2019 11:44:27</t>
  </si>
  <si>
    <t>10/30/2019 11:46:44</t>
  </si>
  <si>
    <t>Reduções 28_08.xlsx</t>
  </si>
  <si>
    <t>10/30/2019 11:41:35</t>
  </si>
  <si>
    <t>10/30/2019 11:42:09</t>
  </si>
  <si>
    <t>10/30/2019 11:44:14</t>
  </si>
  <si>
    <t>10/30/2019 11:44:48</t>
  </si>
  <si>
    <t>10/30/2019 11:45:15</t>
  </si>
  <si>
    <t>10/30/2019 11:45:34</t>
  </si>
  <si>
    <t>10/30/2019 11:48:15</t>
  </si>
  <si>
    <t>10/30/2019 11:49:44</t>
  </si>
  <si>
    <t>BD Oficial - Estrutura de Qualidade</t>
  </si>
  <si>
    <t>BD Oficial - Estrutura de Qualidade.xlsx</t>
  </si>
  <si>
    <t>10/30/2019 11:48:07</t>
  </si>
  <si>
    <t>/o=exchangelabs/ou=exchange administrative group (fydibohf23spdlt)/cn=recipients/cn=06b756ed7b9b4c61bdbcfb21cdf93e9f-lucas ferna;/o=exchangelabs/ou=exchange administrative group (fydibohf23spdlt)/cn=recipients/cn=4adb6e0b3de84bf2bfdb543494159749-leandro lim;/o=exchangelabs/ou=exchange administrative group (fydibohf23spdlt)/cn=recipients/cn=b194f014572c4c36b52132f9199df1aa-jairo junio;/o=exchangelabs/ou=exchange administrative group (fydibohf23spdlt)/cn=recipients/cn=c29ec9dae022497281c840087cccddec-patricia ar;/o=exchangelabs/ou=exchange administrative group (fydibohf23spdlt)/cn=recipients/cn=de309567271c4871b341e820d0b7364e-luiz carlos;/o=exchangelabs/ou=exchange administrative group (fydibohf23spdlt)/cn=recipients/cn=f00c439d0d474c0586a503a0209ed1f2-bruno wande;/o=exchangelabs/ou=exchange administrative group (fydibohf23spdlt)/cn=recipients/cn=user9334192a;/o=exchangelabs/ou=exchange administrative group (fydibohf23spdlt)/cn=recipients/cn=userd3ef8196;</t>
  </si>
  <si>
    <t>216369 - WHIRLPOOL - BBLEND - Black Friday.xlsb</t>
  </si>
  <si>
    <t>/o=exchangelabs/ou=exchange administrative group (fydibohf23spdlt)/cn=recipients/cn=06b756ed7b9b4c61bdbcfb21cdf93e9f-lucas ferna,/o=exchangelabs/ou=exchange administrative group (fydibohf23spdlt)/cn=recipients/cn=4adb6e0b3de84bf2bfdb543494159749-leandro lim,/o=exchangelabs/ou=exchange administrative group (fydibohf23spdlt)/cn=recipients/cn=b194f014572c4c36b52132f9199df1aa-jairo junio,/o=exchangelabs/ou=exchange administrative group (fydibohf23spdlt)/cn=recipients/cn=c29ec9dae022497281c840087cccddec-patricia ar,/o=exchangelabs/ou=exchange administrative group (fydibohf23spdlt)/cn=recipients/cn=de309567271c4871b341e820d0b7364e-luiz carlos,/o=exchangelabs/ou=exchange administrative group (fydibohf23spdlt)/cn=recipients/cn=f00c439d0d474c0586a503a0209ed1f2-bruno wande,/o=exchangelabs/ou=exchange administrative group (fydibohf23spdlt)/cn=recipients/cn=user9334192a,/o=exchangelabs/ou=exchange administrative group (fydibohf23spdlt)/cn=recipients/cn=userd3ef8196</t>
  </si>
  <si>
    <t>10/30/2019 11:46:06</t>
  </si>
  <si>
    <t>10/30/2019 11:51:44</t>
  </si>
  <si>
    <t>10/30/2019 11:46:41</t>
  </si>
  <si>
    <t>10/30/2019 11:47:17</t>
  </si>
  <si>
    <t>10/30/2019 11:47:51</t>
  </si>
  <si>
    <t>10/30/2019 11:48:25</t>
  </si>
  <si>
    <t>10/30/2019 11:49:00</t>
  </si>
  <si>
    <t>10/30/2019 11:49:35</t>
  </si>
  <si>
    <t>10/30/2019 11:50:08</t>
  </si>
  <si>
    <t>10/30/2019 11:50:47</t>
  </si>
  <si>
    <t>10/30/2019 11:51:29</t>
  </si>
  <si>
    <t>10/30/2019 11:53:44</t>
  </si>
  <si>
    <t>CH27-20_20191030_114242.xls</t>
  </si>
  <si>
    <t>10/30/2019 11:51:36</t>
  </si>
  <si>
    <t>10/30/2019 11:54:44</t>
  </si>
  <si>
    <t>10/30/2019 11:53:11</t>
  </si>
  <si>
    <t>10/30/2019 11:56:45</t>
  </si>
  <si>
    <t>C:\Users\nadiagds\OneDrive - Grupo Algar\Mesa Digital\ISD_Gerência de Projetos\ISD_RECUPERAÇÃO DE CUSTOS\Curadoria\2019\09-SETEMBRO\</t>
  </si>
  <si>
    <t>Curadoria Setembro - ASC.xlsx</t>
  </si>
  <si>
    <t>10/30/2019 11:53:42</t>
  </si>
  <si>
    <t>10/30/2019 11:54:17</t>
  </si>
  <si>
    <t>10/30/2019 11:54:48</t>
  </si>
  <si>
    <t>10/30/2019 11:55:49</t>
  </si>
  <si>
    <t>10/30/2019 11:55:58</t>
  </si>
  <si>
    <t>10/30/2019 11:55:32</t>
  </si>
  <si>
    <t>10/30/2019 11:58:45</t>
  </si>
  <si>
    <t>Formulário de Avaliação de Contratação - Automatos.xlsx</t>
  </si>
  <si>
    <t>10/30/2019 11:56:09</t>
  </si>
  <si>
    <t>10/30/2019 12:01:44</t>
  </si>
  <si>
    <t>10/30/2019 11:57:24</t>
  </si>
  <si>
    <t>10/30/2019 11:57:58</t>
  </si>
  <si>
    <t>10/30/2019 11:58:33</t>
  </si>
  <si>
    <t>10/30/2019 11:58:40</t>
  </si>
  <si>
    <t>10/30/2019 11:59:08</t>
  </si>
  <si>
    <t>10/30/2019 11:59:25</t>
  </si>
  <si>
    <t>10/30/2019 11:59:41</t>
  </si>
  <si>
    <t>10/30/2019 12:00:17</t>
  </si>
  <si>
    <t>10/30/2019 12:00:54</t>
  </si>
  <si>
    <t>10/30/2019 11:59:11</t>
  </si>
  <si>
    <t>10/30/2019 12:03:45</t>
  </si>
  <si>
    <t>Estrutura de BO SINERGIA - Filas SGO e E-Center - 30-10-19.xlsx</t>
  </si>
  <si>
    <t>10/30/2019 12:02:05</t>
  </si>
  <si>
    <t>10/30/2019 12:05:44</t>
  </si>
  <si>
    <t>10/30/2019 12:01:28</t>
  </si>
  <si>
    <t>10/30/2019 12:06:45</t>
  </si>
  <si>
    <t>10/30/2019 12:02:03</t>
  </si>
  <si>
    <t>10/30/2019 12:03:36</t>
  </si>
  <si>
    <t>10/30/2019 12:08:45</t>
  </si>
  <si>
    <t>10/30/2019 12:08:39</t>
  </si>
  <si>
    <t>10/30/2019 12:11:46</t>
  </si>
  <si>
    <t>10/30/2019 12:09:13</t>
  </si>
  <si>
    <t>10/30/2019 12:10:18</t>
  </si>
  <si>
    <t>10/30/2019 12:10:53</t>
  </si>
  <si>
    <t>10/30/2019 12:16:26</t>
  </si>
  <si>
    <t>10/30/2019 12:18:45</t>
  </si>
  <si>
    <t>10/30/2019 12:14:23</t>
  </si>
  <si>
    <t>10/30/2019 12:20:45</t>
  </si>
  <si>
    <t>marcopaulolasmar@hotmail.com;</t>
  </si>
  <si>
    <t>PFUI</t>
  </si>
  <si>
    <t>marcopaulolasmar@hotmail.com</t>
  </si>
  <si>
    <t>10/30/2019 12:16:58</t>
  </si>
  <si>
    <t>10/30/2019 12:21:45</t>
  </si>
  <si>
    <t>10/30/2019 12:16:21</t>
  </si>
  <si>
    <t>10/30/2019 12:21:07</t>
  </si>
  <si>
    <t>10/30/2019 12:23:45</t>
  </si>
  <si>
    <t>10/30/2019 12:21:17</t>
  </si>
  <si>
    <t>10/29/2019 15:54:11</t>
  </si>
  <si>
    <t>RES: CHAMADOS TOP 29-10</t>
  </si>
  <si>
    <t>10/30/2019 08:23:24</t>
  </si>
  <si>
    <t>10/30/2019 12:38:47</t>
  </si>
  <si>
    <t>10/30/2019 09:54:04</t>
  </si>
  <si>
    <t>/o=exchangelabs/ou=exchange administrative group (fydibohf23spdlt)/cn=recipients/cn=453b61456320491dad510b65b310018f-kelen crist;/o=exchangelabs/ou=exchange administrative group (fydibohf23spdlt)/cn=recipients/cn=68e6aa2e3fef4ccaba997d98294c9ed5-cristina he;/o=exchangelabs/ou=exchange administrative group (fydibohf23spdlt)/cn=recipients/cn=88e4fcbd3ea14730a81286cc0683fb42-manoel eloy;/o=exchangelabs/ou=exchange administrative group (fydibohf23spdlt)/cn=recipients/cn=f2208b22da5b4bf3a5f4a7b9dfa2fd06-danilo marq;rafaelassil@algartech.com.br;</t>
  </si>
  <si>
    <t>RES: RES: RES: Expansão Next: Crescimento Aspect em 20 posições de atendimento</t>
  </si>
  <si>
    <t>lista PA.xlsx</t>
  </si>
  <si>
    <t>/o=exchangelabs/ou=exchange administrative group (fydibohf23spdlt)/cn=recipients/cn=453b61456320491dad510b65b310018f-kelen crist,/o=exchangelabs/ou=exchange administrative group (fydibohf23spdlt)/cn=recipients/cn=68e6aa2e3fef4ccaba997d98294c9ed5-cristina he,/o=exchangelabs/ou=exchange administrative group (fydibohf23spdlt)/cn=recipients/cn=88e4fcbd3ea14730a81286cc0683fb42-manoel eloy,/o=exchangelabs/ou=exchange administrative group (fydibohf23spdlt)/cn=recipients/cn=f2208b22da5b4bf3a5f4a7b9dfa2fd06-danilo marq,rafaelassil@algartech.com.br</t>
  </si>
  <si>
    <t>10/30/2019 09:58:27</t>
  </si>
  <si>
    <t>ENC: Expansão Next: Levantamento de pontos e Instalação de Aparelhos de Telefone</t>
  </si>
  <si>
    <t>10/30/2019 10:04:02</t>
  </si>
  <si>
    <t>C:\Users\elainemdlp\OD\_Projetos\Em andamento\Expansao Next\03 - Execução\Avaya 20 PA\</t>
  </si>
  <si>
    <t>Novo(a) Planilha do Microsoft Excel.xlsx</t>
  </si>
  <si>
    <t>10/30/2019 10:04:08</t>
  </si>
  <si>
    <t>Ramais.xlsx</t>
  </si>
  <si>
    <t>10/30/2019 12:04:34</t>
  </si>
  <si>
    <t>Controle_Compras_ExpansaoNext.xlsx</t>
  </si>
  <si>
    <t>10/30/2019 12:09:54</t>
  </si>
  <si>
    <t>C:\Users\elainemdlp\OD\_Projetos\Em andamento\Expansao Next\02 - Planejamento\Compras\EXPANSÃO NEXT_xlsx.msg\s139\</t>
  </si>
  <si>
    <t>EXPANSÃO NEXT.xlsx</t>
  </si>
  <si>
    <t>10/30/2019 12:20:59</t>
  </si>
  <si>
    <t>10/30/2019 12:41:07</t>
  </si>
  <si>
    <t>10/30/2019 12:42:47</t>
  </si>
  <si>
    <t>ENC: Volume Gerenciadas Amex e Visa - 30/10</t>
  </si>
  <si>
    <t>10/30/2019 12:41:43</t>
  </si>
  <si>
    <t>ENC: Produtividade CRCe 29/10</t>
  </si>
  <si>
    <t>10/30/2019 12:42:35</t>
  </si>
  <si>
    <t>10/30/2019 12:43:47</t>
  </si>
  <si>
    <t>*URGENTE * Linhas Telefones GST - VIVO - LEVANTAMENTO/BATIMENTO</t>
  </si>
  <si>
    <t>Relação Telefones VIVO.xlsx</t>
  </si>
  <si>
    <t>10/30/2019 12:18:03</t>
  </si>
  <si>
    <t>10/30/2019 12:45:47</t>
  </si>
  <si>
    <t>/o=exchangelabs/ou=exchange administrative group (fydibohf23spdlt)/cn=recipients/cn=38cb943dd1ac413a953757a4a5a53053-fabio welze;/o=exchangelabs/ou=exchange administrative group (fydibohf23spdlt)/cn=recipients/cn=89ca346ee974400aae0c2ce74e5bf4c3-ademir de s;/o=exchangelabs/ou=exchange administrative group (fydibohf23spdlt)/cn=recipients/cn=97028c61ebe04c3ca84c604712943944-fabiano wil;/o=exchangelabs/ou=exchange administrative group (fydibohf23spdlt)/cn=recipients/cn=ab32eb07fe6a44bd974887f8bd7cb4aa-mayko freit;/o=exchangelabs/ou=exchange administrative group (fydibohf23spdlt)/cn=recipients/cn=wilson achilles alves pereira neto - 004255;dilneik@weg.net;edilsom@weg.net;jaimec@weg.net;valerioc@weg.net;</t>
  </si>
  <si>
    <t>RES: Planilha comparativa projeto Algar 2</t>
  </si>
  <si>
    <t>Matriz.xlsx</t>
  </si>
  <si>
    <t>/o=exchangelabs/ou=exchange administrative group (fydibohf23spdlt)/cn=recipients/cn=38cb943dd1ac413a953757a4a5a53053-fabio welze,/o=exchangelabs/ou=exchange administrative group (fydibohf23spdlt)/cn=recipients/cn=89ca346ee974400aae0c2ce74e5bf4c3-ademir de s,/o=exchangelabs/ou=exchange administrative group (fydibohf23spdlt)/cn=recipients/cn=97028c61ebe04c3ca84c604712943944-fabiano wil,/o=exchangelabs/ou=exchange administrative group (fydibohf23spdlt)/cn=recipients/cn=ab32eb07fe6a44bd974887f8bd7cb4aa-mayko freit,/o=exchangelabs/ou=exchange administrative group (fydibohf23spdlt)/cn=recipients/cn=wilson achilles alves pereira neto - 004255,dilneik@weg.net,edilsom@weg.net,jaimec@weg.net,valerioc@weg.net</t>
  </si>
  <si>
    <t>10/30/2019 13:04:00</t>
  </si>
  <si>
    <t>10/30/2019 13:07:47</t>
  </si>
  <si>
    <t>Análise Saving de OPEX</t>
  </si>
  <si>
    <t>Saving OPEX 2810.pptx\</t>
  </si>
  <si>
    <t>10/30/2019 13:21:07</t>
  </si>
  <si>
    <t>10/30/2019 13:24:47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76d765d676864fe79b29c865fa21a2c7-leticia rez;/o=exchangelabs/ou=exchange administrative group (fydibohf23spdlt)/cn=recipients/cn=9e7c445894a4474a86a42a5f271a0d12-viviane res;</t>
  </si>
  <si>
    <t>RES: Provisão A100 - Energia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76d765d676864fe79b29c865fa21a2c7-leticia rez,/o=exchangelabs/ou=exchange administrative group (fydibohf23spdlt)/cn=recipients/cn=9e7c445894a4474a86a42a5f271a0d12-viviane res</t>
  </si>
  <si>
    <t>10/30/2019 13:21:00</t>
  </si>
  <si>
    <t>10/30/2019 13:26:47</t>
  </si>
  <si>
    <t>Gestão de Reajustes 2019 v8.1-22-10.xlsx</t>
  </si>
  <si>
    <t>10/30/2019 13:21:01</t>
  </si>
  <si>
    <t>C:\Users\lucianafaa\OneDrive - Grupo Algar\2019\PROJETOS\REAJUSTE DE CONTRATO\PLANILHA REAJUSTES\STATUS REPORT\STATUS SEMANAL\29-10\</t>
  </si>
  <si>
    <t>Gestão de Reajustes 2019 v8.1-29-10.xlsx</t>
  </si>
  <si>
    <t>10/30/2019 13:23:50</t>
  </si>
  <si>
    <t>10/30/2019 13:27:47</t>
  </si>
  <si>
    <t>/o=exchangelabs/ou=exchange administrative group (fydibohf23spdlt)/cn=recipients/cn=d1d015f213f648abbf348b5ccdf8e9d9-senilda per;/o=exchangelabs/ou=exchange administrative group (fydibohf23spdlt)/cn=recipients/cn=f0ff087361a245daa16e71ac77ecc3f0-ivan costa;/o=exchangelabs/ou=exchange administrative group (fydibohf23spdlt)/cn=recipients/cn=matheus vinicius da silva;adriana.oliveira@avon.com;alda.monteiro@avon.com;juan.lopes@avon.com;mayza.costa@avon.com;</t>
  </si>
  <si>
    <t>Melhoria de processos - Outubro</t>
  </si>
  <si>
    <t>Melhorias - Outubro.xlsx</t>
  </si>
  <si>
    <t>/o=exchangelabs/ou=exchange administrative group (fydibohf23spdlt)/cn=recipients/cn=d1d015f213f648abbf348b5ccdf8e9d9-senilda per,/o=exchangelabs/ou=exchange administrative group (fydibohf23spdlt)/cn=recipients/cn=f0ff087361a245daa16e71ac77ecc3f0-ivan costa,/o=exchangelabs/ou=exchange administrative group (fydibohf23spdlt)/cn=recipients/cn=matheus vinicius da silva,adriana.oliveira@avon.com,alda.monteiro@avon.com,juan.lopes@avon.com,mayza.costa@avon.com</t>
  </si>
  <si>
    <t>10/30/2019 13:27:30</t>
  </si>
  <si>
    <t>10/30/2019 13:28:47</t>
  </si>
  <si>
    <t>10.201.28.98</t>
  </si>
  <si>
    <t>adrianaafss@algartech.com;alessandrar@algartech.com;angelinegn@algartech.com;cticgerenciamentofornecedoresti@algartech.com;danielab@algartech.com;danielaofl@algartech.com;diogogbb@algartech.com;extern.rafaelbiondi@extaccount.com;grazielabo@algartech.com;henriqueac@algartecnologia.com.br;jessikalfr@algartech.com;luciano.mota@media-core.com.br;marcelo.santos@media-core.com.br;mariannacsm@algartech.com;mayconsantos@plusoft.com.br;priscilacy@algartech.com;projetossuporteadministrativo@algartech.com;raphaelas@algartech.com;roberta.lucia@media-core.com.br;rosangelatf@algartech.com;sabrinavds@algartech.com;simone.carneiro@cscalgar.com.br;valeriase@algartech.com;viniciusmlf@algartech.com;wendercley.nunes@media-core.com.br;</t>
  </si>
  <si>
    <t>adrianaafss@algartech.com,alessandrar@algartech.com,angelinegn@algartech.com,cticgerenciamentofornecedoresti@algartech.com,danielab@algartech.com,danielaofl@algartech.com,diogogbb@algartech.com,extern.rafaelbiondi@extaccount.com,grazielabo@algartech.com,henriqueac@algartecnologia.com.br,jessikalfr@algartech.com,luciano.mota@media-core.com.br,marcelo.santos@media-core.com.br,mariannacsm@algartech.com,mayconsantos@plusoft.com.br,priscilacy@algartech.com,projetossuporteadministrativo@algartech.com,raphaelas@algartech.com,roberta.lucia@media-core.com.br,rosangelatf@algartech.com,sabrinavds@algartech.com,simone.carneiro@cscalgar.com.br,valeriase@algartech.com,viniciusmlf@algartech.com,wendercley.nunes@media-core.com.br</t>
  </si>
  <si>
    <t>10/30/2019 13:26:41</t>
  </si>
  <si>
    <t>10/30/2019 13:30:48</t>
  </si>
  <si>
    <t>/o=exchangelabs/ou=exchange administrative group (fydibohf23spdlt)/cn=recipients/cn=0a87f2cad91d442c9f093f600a4c5266-vanessa rod;</t>
  </si>
  <si>
    <t>RES: Horários NCOB</t>
  </si>
  <si>
    <t>21016_NCOB - NOVEMBR1.xlsx</t>
  </si>
  <si>
    <t>/o=exchangelabs/ou=exchange administrative group (fydibohf23spdlt)/cn=recipients/cn=0a87f2cad91d442c9f093f600a4c5266-vanessa rod</t>
  </si>
  <si>
    <t>10/30/2019 13:27:01</t>
  </si>
  <si>
    <t>10/30/2019 13:32:47</t>
  </si>
  <si>
    <t>10.200.57.90</t>
  </si>
  <si>
    <t>D8-9C-67-6F-2A-E3</t>
  </si>
  <si>
    <t>mail.google.com/_/upload?authuser=0&amp;dcp=asu-n&amp;upload_id=AEnB2Uq4RDcrSISqyew8jxiJmkhW3P8FKD8Pm5O_Kq-Go15bQOVdqMG-Hw-rEcju5iMPqdJuvNCH1mS_oCR_qsBUoYufC2JI_g&amp;upload_protocol=resumable</t>
  </si>
  <si>
    <t>10/30/2019 13:28:49</t>
  </si>
  <si>
    <t>10/30/2019 13:38:47</t>
  </si>
  <si>
    <t>gabrielar@algartech.com</t>
  </si>
  <si>
    <t>mail.google.com/_/upload?authuser=0&amp;dcp=asu-n&amp;upload_id=AEnB2UrABdmz66jgv3pQleM3KiaCvzZrLQ2KT6-1WKXrRDhOkaEAIBcZ3UxO1yYkKOAdVcwamDtlIpA_FOHfcV2tFLdPyzhWvxagBqLG8QcqCoZyGf-ZwWw&amp;upload_protocol=resumable</t>
  </si>
  <si>
    <t>C:\Users\gabrielar\Documents\</t>
  </si>
  <si>
    <t>10/30/2019 13:38:24</t>
  </si>
  <si>
    <t>10/30/2019 13:39:47</t>
  </si>
  <si>
    <t>Report Semanal Customer Success_25-10_RESUMIDO.pptx</t>
  </si>
  <si>
    <t>Report Semanal Customer Success_25-10_RESUMIDO.pptx\</t>
  </si>
  <si>
    <t>10/30/2019 13:37:57</t>
  </si>
  <si>
    <t>10/30/2019 13:40:47</t>
  </si>
  <si>
    <t>C:\Users\marcosvsoa\Desktop\Painel Financeiro.rar\</t>
  </si>
  <si>
    <t>10/30/2019 13:36:32</t>
  </si>
  <si>
    <t>C:\Users\rafaelbdt\Downloads\bkp.zip\</t>
  </si>
  <si>
    <t>10/30/2019 13:49:37</t>
  </si>
  <si>
    <t>10/30/2019 13:51:47</t>
  </si>
  <si>
    <t>10/30/2019 13:51:45</t>
  </si>
  <si>
    <t>10/30/2019 13:56:47</t>
  </si>
  <si>
    <t>10/30/2019 13:52:00</t>
  </si>
  <si>
    <t>10/30/2019 13:52:19</t>
  </si>
  <si>
    <t>10/30/2019 13:52:51</t>
  </si>
  <si>
    <t>10/30/2019 13:52:56</t>
  </si>
  <si>
    <t>10/30/2019 13:53:29</t>
  </si>
  <si>
    <t>10/30/2019 13:53:59</t>
  </si>
  <si>
    <t>10/30/2019 13:54:35</t>
  </si>
  <si>
    <t>10/30/2019 13:55:10</t>
  </si>
  <si>
    <t>10/30/2019 13:55:47</t>
  </si>
  <si>
    <t>10/30/2019 13:56:03</t>
  </si>
  <si>
    <t>10/30/2019 13:56:26</t>
  </si>
  <si>
    <t>10/30/2019 14:01:47</t>
  </si>
  <si>
    <t>10/30/2019 13:57:01</t>
  </si>
  <si>
    <t>10/30/2019 13:57:36</t>
  </si>
  <si>
    <t>10/30/2019 13:58:11</t>
  </si>
  <si>
    <t>10/29/2019 18:28:44</t>
  </si>
  <si>
    <t>10/30/2019 14:04:47</t>
  </si>
  <si>
    <t>para amanha</t>
  </si>
  <si>
    <t>Cópia de 188270_v3 - PAN FINAL - 29_10_2019.xlsb</t>
  </si>
  <si>
    <t>10/29/2019 18:39:52</t>
  </si>
  <si>
    <t>/o=exchangelabs/ou=exchange administrative group (fydibohf23spdlt)/cn=recipients/cn=8c89829ad534498fa4c85b5ac11174f1-suelen more;marcelom@algartech.com;</t>
  </si>
  <si>
    <t>RES: Banco PAN</t>
  </si>
  <si>
    <t>/o=exchangelabs/ou=exchange administrative group (fydibohf23spdlt)/cn=recipients/cn=8c89829ad534498fa4c85b5ac11174f1-suelen more,marcelom@algartech.com</t>
  </si>
  <si>
    <t>10/29/2019 18:40:20</t>
  </si>
  <si>
    <t>ignore a outra...use esta</t>
  </si>
  <si>
    <t>10/30/2019 14:02:36</t>
  </si>
  <si>
    <t>10/30/2019 14:06:47</t>
  </si>
  <si>
    <t>Orcamento.xlsx</t>
  </si>
  <si>
    <t>10/30/2019 14:02:32</t>
  </si>
  <si>
    <t>10/30/2019 14:02:38</t>
  </si>
  <si>
    <t>10/30/2019 14:03:07</t>
  </si>
  <si>
    <t>10/30/2019 14:03:14</t>
  </si>
  <si>
    <t>10/30/2019 14:03:49</t>
  </si>
  <si>
    <t>10/30/2019 14:04:27</t>
  </si>
  <si>
    <t>10/30/2019 14:04:59</t>
  </si>
  <si>
    <t>10/30/2019 14:05:34</t>
  </si>
  <si>
    <t>10/30/2019 14:04:39</t>
  </si>
  <si>
    <t>10/30/2019 14:07:47</t>
  </si>
  <si>
    <t>Levar e Buscar Escola.xlsx</t>
  </si>
  <si>
    <t>10/30/2019 14:06:30</t>
  </si>
  <si>
    <t>10/30/2019 14:09:48</t>
  </si>
  <si>
    <t>ENC: Cobrança avalista - Scripts</t>
  </si>
  <si>
    <t>10/30/2019 14:06:07</t>
  </si>
  <si>
    <t>10/30/2019 14:11:47</t>
  </si>
  <si>
    <t>10/30/2019 14:07:20</t>
  </si>
  <si>
    <t>10/30/2019 14:10:25</t>
  </si>
  <si>
    <t>10/30/2019 14:09:57</t>
  </si>
  <si>
    <t>10/30/2019 14:14:47</t>
  </si>
  <si>
    <t>Baseline João Gabriel.xlsx</t>
  </si>
  <si>
    <t>10/30/2019 14:13:44</t>
  </si>
  <si>
    <t>10/30/2019 14:15:47</t>
  </si>
  <si>
    <t>10.200.57.99</t>
  </si>
  <si>
    <t>C:\Users\waleskamms\OneDrive - Grupo Algar\Gestão área\Orçamento 2019\</t>
  </si>
  <si>
    <t>10/30/2019 14:13:53</t>
  </si>
  <si>
    <t>10/30/2019 14:18:47</t>
  </si>
  <si>
    <t>cronograma 1.xlsx</t>
  </si>
  <si>
    <t>10/30/2019 14:15:20</t>
  </si>
  <si>
    <t>10/30/2019 14:20:47</t>
  </si>
  <si>
    <t>10/30/2019 14:18:15</t>
  </si>
  <si>
    <t>10/30/2019 14:21:47</t>
  </si>
  <si>
    <t>10/30/2019 14:22:39</t>
  </si>
  <si>
    <t>10/30/2019 14:24:47</t>
  </si>
  <si>
    <t>10/30/2019 14:24:00</t>
  </si>
  <si>
    <t>10/30/2019 14:25:47</t>
  </si>
  <si>
    <t>/o=exchangelabs/ou=exchange administrative group (fydibohf23spdlt)/cn=recipients/cn=76d765d676864fe79b29c865fa21a2c7-leticia rez;/o=exchangelabs/ou=exchange administrative group (fydibohf23spdlt)/cn=recipients/cn=d0093b7063a942388b31a7ba794f9061-dener benic;</t>
  </si>
  <si>
    <t>RES: Custos com viagens</t>
  </si>
  <si>
    <t>Despesas Expense - Rodolfo G Vilela.xlsx</t>
  </si>
  <si>
    <t>/o=exchangelabs/ou=exchange administrative group (fydibohf23spdlt)/cn=recipients/cn=76d765d676864fe79b29c865fa21a2c7-leticia rez,/o=exchangelabs/ou=exchange administrative group (fydibohf23spdlt)/cn=recipients/cn=d0093b7063a942388b31a7ba794f9061-dener benic</t>
  </si>
  <si>
    <t>10/30/2019 14:23:50</t>
  </si>
  <si>
    <t>10/30/2019 14:28:48</t>
  </si>
  <si>
    <t>Plano de Ação TI</t>
  </si>
  <si>
    <t>Plano de Ação.xlsx</t>
  </si>
  <si>
    <t>10/30/2019 14:28:09</t>
  </si>
  <si>
    <t>10/30/2019 14:31:47</t>
  </si>
  <si>
    <t>10/30/2019 14:29:14</t>
  </si>
  <si>
    <t>10/30/2019 14:29:51</t>
  </si>
  <si>
    <t>10/30/2019 14:30:21</t>
  </si>
  <si>
    <t>10/30/2019 14:29:58</t>
  </si>
  <si>
    <t>10/30/2019 14:34:47</t>
  </si>
  <si>
    <t>10/30/2019 14:31:46</t>
  </si>
  <si>
    <t>10/30/2019 14:35:48</t>
  </si>
  <si>
    <t>extern.rafaelbiondi@extaccount.com;leandrolm@algartech.com;</t>
  </si>
  <si>
    <t>Racional de Custo WhatsApp Busines - Yahsat.xlsx</t>
  </si>
  <si>
    <t>extern.rafaelbiondi@extaccount.com,leandrolm@algartech.com</t>
  </si>
  <si>
    <t>10/30/2019 14:33:01</t>
  </si>
  <si>
    <t>10/30/2019 14:36:47</t>
  </si>
  <si>
    <t>10/30/2019 14:33:34</t>
  </si>
  <si>
    <t>10/30/2019 14:34:14</t>
  </si>
  <si>
    <t>C:\Users\guilhermedsf\Downloads\</t>
  </si>
  <si>
    <t>Distribuição_Consórcio CTMARG - 18.10.2019 - R$ 362.371,72.xlsx</t>
  </si>
  <si>
    <t>10/30/2019 14:34:40</t>
  </si>
  <si>
    <t>10/30/2019 14:37:47</t>
  </si>
  <si>
    <t>10/30/2019 14:38:32</t>
  </si>
  <si>
    <t>10/30/2019 14:38:47</t>
  </si>
  <si>
    <t>jairdpof@algartech.com;janecsa@algartech.com;polati@algartech.com;waleskamms@algartech.com;</t>
  </si>
  <si>
    <t>Novo CAP.xlsx</t>
  </si>
  <si>
    <t>jairdpof@algartech.com,janecsa@algartech.com,polati@algartech.com,waleskamms@algartech.com</t>
  </si>
  <si>
    <t>10/30/2019 14:38:00</t>
  </si>
  <si>
    <t>10/30/2019 14:41:47</t>
  </si>
  <si>
    <t>10/30/2019 14:38:33</t>
  </si>
  <si>
    <t>10/30/2019 14:40:18</t>
  </si>
  <si>
    <t>10/30/2019 14:39:10</t>
  </si>
  <si>
    <t>10/30/2019 14:42:48</t>
  </si>
  <si>
    <t>ERP Detalhamentos OPEX e CAPEX</t>
  </si>
  <si>
    <t>10/30/2019 14:43:50</t>
  </si>
  <si>
    <t>10/30/2019 14:45:47</t>
  </si>
  <si>
    <t>10/30/2019 14:44:01</t>
  </si>
  <si>
    <t>10/30/2019 14:44:49</t>
  </si>
  <si>
    <t>10/30/2019 14:41:10</t>
  </si>
  <si>
    <t>10/30/2019 14:46:47</t>
  </si>
  <si>
    <t>10/30/2019 14:41:44</t>
  </si>
  <si>
    <t>10/30/2019 14:42:15</t>
  </si>
  <si>
    <t>10/30/2019 14:42:41</t>
  </si>
  <si>
    <t>10/30/2019 14:43:18</t>
  </si>
  <si>
    <t>10/30/2019 14:43:49</t>
  </si>
  <si>
    <t>10/30/2019 14:44:22</t>
  </si>
  <si>
    <t>10/30/2019 14:44:23</t>
  </si>
  <si>
    <t>10/30/2019 14:45:00</t>
  </si>
  <si>
    <t>10/30/2019 14:46:00</t>
  </si>
  <si>
    <t>10/30/2019 14:42:27</t>
  </si>
  <si>
    <t>mail.google.com/_/upload?authuser=0&amp;dcp=asu-n&amp;upload_id=AEnB2UpXCrOruGubdmOmjxmC8ASJly38wPihTAkrf6bHIuG32VwAGKCHqMOZwYfZspG8BE1QShTEEJiqGzLA882TbEYHmZipsKl11NMNyQXLzAVZi3XEKc4&amp;upload_protocol=resumable</t>
  </si>
  <si>
    <t>amandafdcs@algartech.com;anapfbr@algartech.com;cinthiamf@algartech.com;diogenespl@algartech.com;gustavo@iclicconsultoria.com.br;hugooc@algartech.com;leonardocso@algartech.com;thaismo@algartech.com;vanusaos@algartech.com.br;</t>
  </si>
  <si>
    <t>Filas BO AEB_SLA Principal.xlsx</t>
  </si>
  <si>
    <t>amandafdcs@algartech.com,anapfbr@algartech.com,cinthiamf@algartech.com,diogenespl@algartech.com,gustavo@iclicconsultoria.com.br,hugooc@algartech.com,leonardocso@algartech.com,thaismo@algartech.com,vanusaos@algartech.com.br</t>
  </si>
  <si>
    <t>10/30/2019 14:42:01</t>
  </si>
  <si>
    <t>10/30/2019 14:43:22</t>
  </si>
  <si>
    <t>10/30/2019 14:48:47</t>
  </si>
  <si>
    <t>/o=exchangelabs/ou=exchange administrative group (fydibohf23spdlt)/cn=recipients/cn=77d2a15e162941f5b8ad84d928392e5e-dolvane rod;/o=exchangelabs/ou=exchange administrative group (fydibohf23spdlt)/cn=recipients/cn=8c89829ad534498fa4c85b5ac11174f1-suelen more;/o=exchangelabs/ou=exchange administrative group (fydibohf23spdlt)/cn=recipients/cn=a7d54e15e3a94d53b0b5014d75c8d080-wanessa bor;</t>
  </si>
  <si>
    <t>RES: Projeto Precificação - Testes nova planilha</t>
  </si>
  <si>
    <t>Nova Planilha (Importando).xlsb</t>
  </si>
  <si>
    <t>/o=exchangelabs/ou=exchange administrative group (fydibohf23spdlt)/cn=recipients/cn=77d2a15e162941f5b8ad84d928392e5e-dolvane rod,/o=exchangelabs/ou=exchange administrative group (fydibohf23spdlt)/cn=recipients/cn=8c89829ad534498fa4c85b5ac11174f1-suelen more,/o=exchangelabs/ou=exchange administrative group (fydibohf23spdlt)/cn=recipients/cn=a7d54e15e3a94d53b0b5014d75c8d080-wanessa bor</t>
  </si>
  <si>
    <t>10/30/2019 14:45:37</t>
  </si>
  <si>
    <t>10/30/2019 14:50:47</t>
  </si>
  <si>
    <t>10/30/2019 14:50:12</t>
  </si>
  <si>
    <t>10/30/2019 14:51:47</t>
  </si>
  <si>
    <t>10/30/2019 14:50:54</t>
  </si>
  <si>
    <t>C:\Users\camilat\OneDrive - Grupo Algar\MEUS\</t>
  </si>
  <si>
    <t>Processo Seletivo_CAMILA TIRSO.xls</t>
  </si>
  <si>
    <t>10/30/2019 14:50:30</t>
  </si>
  <si>
    <t>10/30/2019 14:53:47</t>
  </si>
  <si>
    <t>C:\Users\suelenmm\OneDrive - Grupo Algar\Gestão PVs\</t>
  </si>
  <si>
    <t>Especificidades Pre Vendas.xlsx</t>
  </si>
  <si>
    <t>10/30/2019 14:54:04</t>
  </si>
  <si>
    <t>10/30/2019 14:56:47</t>
  </si>
  <si>
    <t>10/30/2019 14:54:40</t>
  </si>
  <si>
    <t>10/30/2019 14:54:50</t>
  </si>
  <si>
    <t>10/30/2019 14:55:15</t>
  </si>
  <si>
    <t>10/30/2019 14:52:48</t>
  </si>
  <si>
    <t>10/30/2019 14:57:47</t>
  </si>
  <si>
    <t>10/30/2019 14:52:51</t>
  </si>
  <si>
    <t>/o=exchangelabs/ou=exchange administrative group (fydibohf23spdlt)/cn=recipients/cn=d73c2a72ee8e45cfac0a50efc708425b-marissa amo;</t>
  </si>
  <si>
    <t>RES: Atualização forecast Nov - S&amp;OP.</t>
  </si>
  <si>
    <t>S&amp;OP Latam 112019_Forecast de Receita Oficial_2019.xlsx</t>
  </si>
  <si>
    <t>/o=exchangelabs/ou=exchange administrative group (fydibohf23spdlt)/cn=recipients/cn=d73c2a72ee8e45cfac0a50efc708425b-marissa amo</t>
  </si>
  <si>
    <t>10/30/2019 14:58:50</t>
  </si>
  <si>
    <t>10/30/2019 15:00:46</t>
  </si>
  <si>
    <t>vanessarp@algartech.com;</t>
  </si>
  <si>
    <t>vanessarp@algartech.com</t>
  </si>
  <si>
    <t>10/30/2019 14:57:31</t>
  </si>
  <si>
    <t>10/30/2019 15:01:47</t>
  </si>
  <si>
    <t>10/30/2019 14:57:40</t>
  </si>
  <si>
    <t>10/30/2019 14:58:04</t>
  </si>
  <si>
    <t>10/30/2019 14:59:40</t>
  </si>
  <si>
    <t>10/30/2019 15:00:13</t>
  </si>
  <si>
    <t>10/30/2019 15:05:47</t>
  </si>
  <si>
    <t>Solicitação contas a receber.xlsx</t>
  </si>
  <si>
    <t>10/30/2019 15:03:13</t>
  </si>
  <si>
    <t>10/30/2019 15:02:20</t>
  </si>
  <si>
    <t>10/30/2019 15:06:47</t>
  </si>
  <si>
    <t>10/30/2019 15:02:35</t>
  </si>
  <si>
    <t>10/30/2019 15:07:47</t>
  </si>
  <si>
    <t>mail.google.com/_/upload?authuser=1&amp;dcp=asu-n&amp;upload_id=AEnB2UoLLzWafB3gn6TBwNVyNiu9vaEfwud30-gCrUn4kx0fUkjDhbc4lAMyoRI9OgdudCXCzZHc60fL-dHCTjjeLZSeZpYS1GebzuqOjRMbA2-KLTRIdXk&amp;upload_protocol=resumable</t>
  </si>
  <si>
    <t>10/30/2019 15:03:59</t>
  </si>
  <si>
    <t>10/30/2019 15:08:47</t>
  </si>
  <si>
    <t>10/30/2019 15:07:19</t>
  </si>
  <si>
    <t>Planilha Amostral</t>
  </si>
  <si>
    <t>calculo-tamanho-amostral.xls</t>
  </si>
  <si>
    <t>10/30/2019 15:05:04</t>
  </si>
  <si>
    <t>Farol Churn - Parcial - Out/2019 - 29/10/19</t>
  </si>
  <si>
    <t>10/30/2019 15:04:01</t>
  </si>
  <si>
    <t>Gamificação</t>
  </si>
  <si>
    <t>10/30/2019 15:05:31</t>
  </si>
  <si>
    <t>Contratações</t>
  </si>
  <si>
    <t>Contratações - Potencial Supervisor.xlsx</t>
  </si>
  <si>
    <t>10/30/2019 15:08:03</t>
  </si>
  <si>
    <t>10/30/2019 15:11:47</t>
  </si>
  <si>
    <t>10/30/2019 15:10:11</t>
  </si>
  <si>
    <t>10/30/2019 15:11:15</t>
  </si>
  <si>
    <t>10/30/2019 15:16:47</t>
  </si>
  <si>
    <t>10/30/2019 15:12:37</t>
  </si>
  <si>
    <t>10/30/2019 15:13:19</t>
  </si>
  <si>
    <t>10/30/2019 15:17:48</t>
  </si>
  <si>
    <t>192.168.1.106</t>
  </si>
  <si>
    <t>alexandremp@algarnet.onmicrosoft.com;antoniocb@algartech.com;carlosjrf@algartech.com;cleitongp@algartech.com;cristianecsa@algartech.com;ericacdosc@algartech.com;fellypcsj@algartech.com;glaysongds@algartech.com;joaojmj@algartech.com;julianocp@algartech.com;mariangelapm@algartech.com;marinasf@algartech.com;niltonfc@algartech.com;paulocruz@algartech.com;viniciusja@algartech.com;</t>
  </si>
  <si>
    <t>C:\Users\marcelof\Desktop\ATIVOS CONSOLIDAÇÃO\</t>
  </si>
  <si>
    <t>Associados GST Ativoo grafico 23_10.xlsx</t>
  </si>
  <si>
    <t>alexandremp@algarnet.onmicrosoft.com,antoniocb@algartech.com,carlosjrf@algartech.com,cleitongp@algartech.com,cristianecsa@algartech.com,ericacdosc@algartech.com,fellypcsj@algartech.com,glaysongds@algartech.com,joaojmj@algartech.com,julianocp@algartech.com,mariangelapm@algartech.com,marinasf@algartech.com,niltonfc@algartech.com,paulocruz@algartech.com,viniciusja@algartech.com</t>
  </si>
  <si>
    <t>10/30/2019 15:13:34</t>
  </si>
  <si>
    <t>10/30/2019 15:18:47</t>
  </si>
  <si>
    <t>10/30/2019 15:13:47</t>
  </si>
  <si>
    <t>/o=exchangelabs/ou=exchange administrative group (fydibohf23spdlt)/cn=recipients/cn=002ec1cd4de64cd68f3e33ca3518cc0b-fernando ro;/o=exchangelabs/ou=exchange administrative group (fydibohf23spdlt)/cn=recipients/cn=092327d7955f47e78ad4a60dc2ac8d69-joaquim eli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1698f5af44b14116ad2d0b751d584c7d-danilo rafa;/o=exchangelabs/ou=exchange administrative group (fydibohf23spdlt)/cn=recipients/cn=2144abc9537143519f505fcb8550b74c-juliana emi;/o=exchangelabs/ou=exchange administrative group (fydibohf23spdlt)/cn=recipients/cn=240fafdb21074ab9a87c95d3265e411c-rodrigo rod;/o=exchangelabs/ou=exchange administrative group (fydibohf23spdlt)/cn=recipients/cn=249f643ba1e044588b45a020c76dadde-dani</t>
  </si>
  <si>
    <t>/o=exchangelabs/ou=exchange administrative group (fydibohf23spdlt)/cn=recipients/cn=002ec1cd4de64cd68f3e33ca3518cc0b-fernando ro,/o=exchangelabs/ou=exchange administrative group (fydibohf23spdlt)/cn=recipients/cn=092327d7955f47e78ad4a60dc2ac8d69-joaquim eli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1698f5af44b14116ad2d0b751d584c7d-danilo rafa,/o=exchangelabs/ou=exchange administrative group (fydibohf23spdlt)/cn=recipients/cn=2144abc9537143519f505fcb8550b74c-juliana emi,/o=exchangelabs/ou=exchange administrative group (fydibohf23spdlt)/cn=recipients/cn=240fafdb21074ab9a87c95d3265e411c-rodrigo rod,/o=exchangelabs/ou=exchange administrative group (fydibohf23spdlt)/cn=recipients/cn=249f643ba1e044588b45a020c76dadde-dani</t>
  </si>
  <si>
    <t>10/30/2019 15:13:50</t>
  </si>
  <si>
    <t>10/30/2019 15:13:54</t>
  </si>
  <si>
    <t>/o=exchangelabs/ou=exchange administrative group (fydibohf23spdlt)/cn=recipients/cn=0bafe1ed27024338be4e911e19871cd1-william rob;/o=exchangelabs/ou=exchange administrative group (fydibohf23spdlt)/cn=recipients/cn=2144abc9537143519f505fcb8550b74c-juliana emi;/o=exchangelabs/ou=exchange administrative group (fydibohf23spdlt)/cn=recipients/cn=287c26b08a0f48578479a15a452f025d-edilson rod;/o=exchangelabs/ou=exchange administrative group (fydibohf23spdlt)/cn=recipients/cn=2d3379e2d04c40db810b4b1f41dd2aea-erica carol;/o=exchangelabs/ou=exchange administrative group (fydibohf23spdlt)/cn=recipients/cn=372a4aee70df4061aed129651510b96b-raul montei;/o=exchangelabs/ou=exchange administrative group (fydibohf23spdlt)/cn=recipients/cn=3b76b3dd02a14d289cc323d3c8d12b81-waleska mar;/o=exchangelabs/ou=exchange administrative group (fydibohf23spdlt)/cn=recipients/cn=3bff4ffb267e4ea2a4a3347f6a4c5cf8-tatiane mag;/o=exchangelabs/ou=exchange administrative group (fydibohf23spdlt)/cn=recipients/cn=44f0a666541444e787f23979b24aa3bd-regi</t>
  </si>
  <si>
    <t>/o=exchangelabs/ou=exchange administrative group (fydibohf23spdlt)/cn=recipients/cn=0bafe1ed27024338be4e911e19871cd1-william rob,/o=exchangelabs/ou=exchange administrative group (fydibohf23spdlt)/cn=recipients/cn=2144abc9537143519f505fcb8550b74c-juliana emi,/o=exchangelabs/ou=exchange administrative group (fydibohf23spdlt)/cn=recipients/cn=287c26b08a0f48578479a15a452f025d-edilson rod,/o=exchangelabs/ou=exchange administrative group (fydibohf23spdlt)/cn=recipients/cn=2d3379e2d04c40db810b4b1f41dd2aea-erica carol,/o=exchangelabs/ou=exchange administrative group (fydibohf23spdlt)/cn=recipients/cn=372a4aee70df4061aed129651510b96b-raul montei,/o=exchangelabs/ou=exchange administrative group (fydibohf23spdlt)/cn=recipients/cn=3b76b3dd02a14d289cc323d3c8d12b81-waleska mar,/o=exchangelabs/ou=exchange administrative group (fydibohf23spdlt)/cn=recipients/cn=3bff4ffb267e4ea2a4a3347f6a4c5cf8-tatiane mag,/o=exchangelabs/ou=exchange administrative group (fydibohf23spdlt)/cn=recipients/cn=44f0a666541444e787f23979b24aa3bd-regi</t>
  </si>
  <si>
    <t>10/30/2019 15:18:37</t>
  </si>
  <si>
    <t>10/30/2019 15:20:47</t>
  </si>
  <si>
    <t>/o=exchangelabs/ou=exchange administrative group (fydibohf23spdlt)/cn=recipients/cn=a392ff1274234709ab9d06a27700bb42-luana freit;/o=exchangelabs/ou=exchange administrative group (fydibohf23spdlt)/cn=recipients/cn=bc07fcc207044a07b8cf90d1abbdc707-luiz claudi;</t>
  </si>
  <si>
    <t>ENC: (Reunião interna p/ alinhamento da futura reunião presencial c/ Wittel) Encontro de Contas Algar Tech e Wittel – Qui., 31 de out. de 2019 9:30pm – 10:30pm (GMT-03)</t>
  </si>
  <si>
    <t>Racional - Encontro de contas &amp; Multa.xlsx</t>
  </si>
  <si>
    <t>/o=exchangelabs/ou=exchange administrative group (fydibohf23spdlt)/cn=recipients/cn=a392ff1274234709ab9d06a27700bb42-luana freit,/o=exchangelabs/ou=exchange administrative group (fydibohf23spdlt)/cn=recipients/cn=bc07fcc207044a07b8cf90d1abbdc707-luiz claudi</t>
  </si>
  <si>
    <t>10/30/2019 15:19:57</t>
  </si>
  <si>
    <t>Tempo ocioso por intervalo</t>
  </si>
  <si>
    <t>OCIOSIDADE POR INTERVALO v2.xlsx</t>
  </si>
  <si>
    <t>10/30/2019 15:23:03</t>
  </si>
  <si>
    <t>10/30/2019 15:25:47</t>
  </si>
  <si>
    <t>10/30/2019 15:20:42</t>
  </si>
  <si>
    <t>ENC: Base Dados Avaya</t>
  </si>
  <si>
    <t>1-DADOS BASES CMS.xls</t>
  </si>
  <si>
    <t>10/30/2019 15:26:47</t>
  </si>
  <si>
    <t>10/30/2019 15:23:36</t>
  </si>
  <si>
    <t>10/30/2019 15:27:47</t>
  </si>
  <si>
    <t>C:\Users\marcelodsd\documents\OneDrive - Grupo Algar\Projetos\ISD\Base\EstimativaChamados\</t>
  </si>
  <si>
    <t>10/30/2019 15:25:27</t>
  </si>
  <si>
    <t>10/30/2019 15:29:47</t>
  </si>
  <si>
    <t>10.211.2.166</t>
  </si>
  <si>
    <t>/o=exchangelabs/ou=exchange administrative group (fydibohf23spdlt)/cn=recipients/cn=97028c61ebe04c3ca84c604712943944-fabiano wil;marcelom@algartech.com;</t>
  </si>
  <si>
    <t>revisao final - Banco PAN - 30out19</t>
  </si>
  <si>
    <t>Cópia de 188270_v3 - PAN FINAL - 30_10_2019 rMaluf.xlsb</t>
  </si>
  <si>
    <t>/o=exchangelabs/ou=exchange administrative group (fydibohf23spdlt)/cn=recipients/cn=97028c61ebe04c3ca84c604712943944-fabiano wil,marcelom@algartech.com</t>
  </si>
  <si>
    <t>10/30/2019 15:28:40</t>
  </si>
  <si>
    <t>10/30/2019 15:30:47</t>
  </si>
  <si>
    <t>10/30/2019 15:29:11</t>
  </si>
  <si>
    <t>10/30/2019 15:29:52</t>
  </si>
  <si>
    <t>10/30/2019 15:31:47</t>
  </si>
  <si>
    <t>Crítica viagens</t>
  </si>
  <si>
    <t>Oficial 2020_Pacote Viagens - Críticas.xlsb</t>
  </si>
  <si>
    <t>10/30/2019 15:28:32</t>
  </si>
  <si>
    <t>10/30/2019 15:30:08</t>
  </si>
  <si>
    <t>10/30/2019 15:30:25</t>
  </si>
  <si>
    <t>10/30/2019 15:30:59</t>
  </si>
  <si>
    <t>10/30/2019 15:29:56</t>
  </si>
  <si>
    <t>10/30/2019 15:34:47</t>
  </si>
  <si>
    <t>ENC: ITAU - ADITIVO CONTRATUAL GESTÃO DE ACESSOS - RFP</t>
  </si>
  <si>
    <t>10/30/2019 15:35:47</t>
  </si>
  <si>
    <t>10/30/2019 15:31:17</t>
  </si>
  <si>
    <t>10/30/2019 15:33:05</t>
  </si>
  <si>
    <t>10/30/2019 15:33:42</t>
  </si>
  <si>
    <t>10/30/2019 15:34:55</t>
  </si>
  <si>
    <t>10/30/2019 15:31:21</t>
  </si>
  <si>
    <t>10/30/2019 15:36:47</t>
  </si>
  <si>
    <t>10/30/2019 15:31:34</t>
  </si>
  <si>
    <t>10/30/2019 15:31:46</t>
  </si>
  <si>
    <t>10/30/2019 15:32:16</t>
  </si>
  <si>
    <t>10/30/2019 15:32:51</t>
  </si>
  <si>
    <t>10/30/2019 15:33:27</t>
  </si>
  <si>
    <t>10/30/2019 15:33:52</t>
  </si>
  <si>
    <t>10/30/2019 15:34:03</t>
  </si>
  <si>
    <t>10/30/2019 15:34:58</t>
  </si>
  <si>
    <t>10/30/2019 15:35:07</t>
  </si>
  <si>
    <t>10.211.2.85</t>
  </si>
  <si>
    <t>10/30/2019 15:34:41</t>
  </si>
  <si>
    <t>10/30/2019 15:37:47</t>
  </si>
  <si>
    <t>C:\Users\mariannacsm\OneDrive - Grupo Algar\0- PMO-POOL\POOL\02 - Volumes CCC 2020\Saving\Enviado para o Diego em 3010 - Cópia\</t>
  </si>
  <si>
    <t>Saving Potencial 2020 OPEX 2910.xlsx</t>
  </si>
  <si>
    <t>C:\Users\mariannacsm\OneDrive - Grupo Algar\0- PMO-POOL\POOL\02 - Volumes CCC 2020\Saving\Enviado para o Diego em 3010 - Cópia\Saving OPEX 2810.pptx\</t>
  </si>
  <si>
    <t>10/30/2019 15:38:41</t>
  </si>
  <si>
    <t>10/30/2019 15:39:47</t>
  </si>
  <si>
    <t>/o=exchangelabs/ou=exchange administrative group (fydibohf23spdlt)/cn=recipients/cn=54861e79125f48cc952d00cf8160b9a8-jeferson fe;/o=exchangelabs/ou=exchange administrative group (fydibohf23spdlt)/cn=recipients/cn=8f4e3aa524514f919832da77d1e13730-giselle nar;/o=exchangelabs/ou=exchange administrative group (fydibohf23spdlt)/cn=recipients/cn=92f840270c3143f3a4d11a96cbe1c928-marcela car;/o=exchangelabs/ou=exchange administrative group (fydibohf23spdlt)/cn=recipients/cn=a168406db08e4b3e86de955164a60cd5-robson henr;/o=exchangelabs/ou=exchange administrative group (fydibohf23spdlt)/cn=recipients/cn=d6cce5a70d504cc2ad89cee834cd59a9-luciana rib;</t>
  </si>
  <si>
    <t>RES: Estudo Mídias AVON</t>
  </si>
  <si>
    <t>Estudos_Mídias Avon_v2.xlsx</t>
  </si>
  <si>
    <t>/o=exchangelabs/ou=exchange administrative group (fydibohf23spdlt)/cn=recipients/cn=54861e79125f48cc952d00cf8160b9a8-jeferson fe,/o=exchangelabs/ou=exchange administrative group (fydibohf23spdlt)/cn=recipients/cn=8f4e3aa524514f919832da77d1e13730-giselle nar,/o=exchangelabs/ou=exchange administrative group (fydibohf23spdlt)/cn=recipients/cn=92f840270c3143f3a4d11a96cbe1c928-marcela car,/o=exchangelabs/ou=exchange administrative group (fydibohf23spdlt)/cn=recipients/cn=a168406db08e4b3e86de955164a60cd5-robson henr,/o=exchangelabs/ou=exchange administrative group (fydibohf23spdlt)/cn=recipients/cn=d6cce5a70d504cc2ad89cee834cd59a9-luciana rib</t>
  </si>
  <si>
    <t>10/30/2019 15:35:30</t>
  </si>
  <si>
    <t>10/30/2019 15:40:48</t>
  </si>
  <si>
    <t>10/30/2019 15:36:17</t>
  </si>
  <si>
    <t>10/30/2019 15:40:24</t>
  </si>
  <si>
    <t>Tempo ocioso por interavalo - tlv recp</t>
  </si>
  <si>
    <t>10/30/2019 15:38:09</t>
  </si>
  <si>
    <t>10/30/2019 15:41:47</t>
  </si>
  <si>
    <t>massa backlog rdm 30-10.xls</t>
  </si>
  <si>
    <t>10/30/2019 15:37:11</t>
  </si>
  <si>
    <t>10/30/2019 15:39:17</t>
  </si>
  <si>
    <t>10/30/2019 15:40:30</t>
  </si>
  <si>
    <t>10/30/2019 15:40:26</t>
  </si>
  <si>
    <t>10/30/2019 15:43:47</t>
  </si>
  <si>
    <t>https://caey.fa.us2.oraclecloud.com/crmui/faces/fusewelcome?_adf.ctrl-state=zzqmq28i1_5</t>
  </si>
  <si>
    <t>C:\Users\sherleyce\Desktop\RES 193337 INFORMACAO SOBRE VLR RAMPA X BP - GRC - SOTREQ SAC - WHATSAPP BUSINESS.msg\s1\</t>
  </si>
  <si>
    <t>193337 - Sotreq - Whatsapp Business - Mensal chip Oficial.xlsb</t>
  </si>
  <si>
    <t>C:\Users\sherleyce\Desktop\RES 193337 INFORMACAO SOBRE VLR RAMPA X BP - GRC - SOTREQ SAC - WHATSAPP BUSINESS.msg\s1\193337 - Sotreq - Whatsapp Business - Mensal chip Oficial.xlsb\</t>
  </si>
  <si>
    <t>10/30/2019 15:40:15</t>
  </si>
  <si>
    <t>10/30/2019 15:45:47</t>
  </si>
  <si>
    <t>10/30/2019 15:50:42</t>
  </si>
  <si>
    <t>10/30/2019 15:51:48</t>
  </si>
  <si>
    <t>10/30/2019 15:53:08</t>
  </si>
  <si>
    <t>10/30/2019 15:53:47</t>
  </si>
  <si>
    <t>daniel.cabeceira@next.b.br;daniel.paschoal@next.b.br;eder.nascimento@next.b.br;jullian.faria@algartech.com;milton.vieira@next.b.br;</t>
  </si>
  <si>
    <t>daniel.cabeceira@next.b.br,daniel.paschoal@next.b.br,eder.nascimento@next.b.br,jullian.faria@algartech.com,milton.vieira@next.b.br</t>
  </si>
  <si>
    <t>10/30/2019 15:57:13</t>
  </si>
  <si>
    <t>10/30/2019 15:58:47</t>
  </si>
  <si>
    <t>antoniojr@algartech.com;daniel.cabeceira@next.b.br;daniel.paschoal@next.b.br;eder.nascimento@next.b.br;jullian.faria@algartech.com;milton.vieira@next.b.br;</t>
  </si>
  <si>
    <t>\\acsfs\engeset\FINANCEIRO_ULA\CONTROLA\Antonio Jr\GRC\Controles GRC\</t>
  </si>
  <si>
    <t>Clientes e Praticas_Cadastro GRC.xlsb</t>
  </si>
  <si>
    <t>antoniojr@algartech.com,daniel.cabeceira@next.b.br,daniel.paschoal@next.b.br,eder.nascimento@next.b.br,jullian.faria@algartech.com,milton.vieira@next.b.br</t>
  </si>
  <si>
    <t>10/30/2019 15:58:37</t>
  </si>
  <si>
    <t>10/30/2019 15:59:48</t>
  </si>
  <si>
    <t>C:\Users\douglassp\OneDrive - Grupo Algar\Base de Conhecimento\Apresentação\Algar P360 - Directors update 01-Aug-2011 v7.ppt\s4\</t>
  </si>
  <si>
    <t>think-cell Slide15.dat</t>
  </si>
  <si>
    <t>think-cell Slide16.dat</t>
  </si>
  <si>
    <t>think-cell Slide17.dat</t>
  </si>
  <si>
    <t>think-cell Slide21.dat</t>
  </si>
  <si>
    <t>think-cell Slide4.dat</t>
  </si>
  <si>
    <t>C:\Users\douglassp\OneDrive - Grupo Algar\Base de Conhecimento\Apresentação\Algar P360 - Directors update 01-Aug-2011 v7.ppt\s4\Microsoft PowerPoint Slide.dat\s5\</t>
  </si>
  <si>
    <t>10/30/2019 15:58:38</t>
  </si>
  <si>
    <t>10/30/2019 15:57:40</t>
  </si>
  <si>
    <t>10/30/2019 16:00:47</t>
  </si>
  <si>
    <t>/o=exchangelabs/ou=exchange administrative group (fydibohf23spdlt)/cn=recipients/cn=89e58c8da071492dbdcb4fee4156b705-gustavo alm;/o=exchangelabs/ou=exchange administrative group (fydibohf23spdlt)/cn=recipients/cn=97028c61ebe04c3ca84c604712943944-fabiano wil;/o=exchangelabs/ou=exchange administrative group (fydibohf23spdlt)/cn=recipients/cn=c6f5c50e91244036872327464dc6624a-cinthia mar;/o=exchangelabs/ou=exchange administrative group (fydibohf23spdlt)/cn=recipients/cn=user78f7a52d;</t>
  </si>
  <si>
    <t>: Projeto LDC - ALTERAÇÕES COM EQUIPE DE PRODUTOS</t>
  </si>
  <si>
    <t>/o=exchangelabs/ou=exchange administrative group (fydibohf23spdlt)/cn=recipients/cn=89e58c8da071492dbdcb4fee4156b705-gustavo alm,/o=exchangelabs/ou=exchange administrative group (fydibohf23spdlt)/cn=recipients/cn=97028c61ebe04c3ca84c604712943944-fabiano wil,/o=exchangelabs/ou=exchange administrative group (fydibohf23spdlt)/cn=recipients/cn=c6f5c50e91244036872327464dc6624a-cinthia mar,/o=exchangelabs/ou=exchange administrative group (fydibohf23spdlt)/cn=recipients/cn=user78f7a52d</t>
  </si>
  <si>
    <t>10/30/2019 15:58:30</t>
  </si>
  <si>
    <t>10/30/2019 15:57:32</t>
  </si>
  <si>
    <t>10/30/2019 16:01:47</t>
  </si>
  <si>
    <t>C:\Users\nadiagds\OneDrive - Grupo Algar\Mesa Digital\ISD_Gerência de Projetos\ISD_DECLARAÇÃO DE ESCOPO\BANCO BMG\Ações PenTest\</t>
  </si>
  <si>
    <t>10/30/2019 15:58:54</t>
  </si>
  <si>
    <t>10/30/2019 16:01:07</t>
  </si>
  <si>
    <t>10/30/2019 16:01:51</t>
  </si>
  <si>
    <t>10/30/2019 16:05:47</t>
  </si>
  <si>
    <t>/o=exchangelabs/ou=exchange administrative group (fydibohf23spdlt)/cn=recipients/cn=545f738e0fe740ba856f4eb6ef0135e0-vinicius si;/o=exchangelabs/ou=exchange administrative group (fydibohf23spdlt)/cn=recipients/cn=56dc126fba5b4a5f8fb1cd7e4f10477d-thais olive;/o=exchangelabs/ou=exchange administrative group (fydibohf23spdlt)/cn=recipients/cn=dd910368577c476fa125a61033b7deb1-gean carlos;</t>
  </si>
  <si>
    <t>ENC: Base de Pesquisas</t>
  </si>
  <si>
    <t>Pesquisa de Satisfação C.15 - Base Algar.xlsx</t>
  </si>
  <si>
    <t>/o=exchangelabs/ou=exchange administrative group (fydibohf23spdlt)/cn=recipients/cn=545f738e0fe740ba856f4eb6ef0135e0-vinicius si,/o=exchangelabs/ou=exchange administrative group (fydibohf23spdlt)/cn=recipients/cn=56dc126fba5b4a5f8fb1cd7e4f10477d-thais olive,/o=exchangelabs/ou=exchange administrative group (fydibohf23spdlt)/cn=recipients/cn=dd910368577c476fa125a61033b7deb1-gean carlos</t>
  </si>
  <si>
    <t>10/30/2019 16:06:51</t>
  </si>
  <si>
    <t>10/30/2019 16:11:48</t>
  </si>
  <si>
    <t>10/30/2019 16:07:24</t>
  </si>
  <si>
    <t>10/30/2019 16:08:30</t>
  </si>
  <si>
    <t>10/30/2019 15:35:22</t>
  </si>
  <si>
    <t>10/30/2019 16:12:47</t>
  </si>
  <si>
    <t>/o=exchangelabs/ou=exchange administrative group (fydibohf23spdlt)/cn=recipients/cn=d1d015f213f648abbf348b5ccdf8e9d9-senilda per;/o=exchangelabs/ou=exchange administrative group (fydibohf23spdlt)/cn=recipients/cn=f0ff087361a245daa16e71ac77ecc3f0-ivan costa;adriana.oliveira@avon.com;alda.monteiro@avon.com;juan.lopes@avon.com;mayza.costa@avon.com;</t>
  </si>
  <si>
    <t>RES: Melhoria de processos - Outubro</t>
  </si>
  <si>
    <t>Troca direta - últimos 6 meses.xls</t>
  </si>
  <si>
    <t>/o=exchangelabs/ou=exchange administrative group (fydibohf23spdlt)/cn=recipients/cn=d1d015f213f648abbf348b5ccdf8e9d9-senilda per,/o=exchangelabs/ou=exchange administrative group (fydibohf23spdlt)/cn=recipients/cn=f0ff087361a245daa16e71ac77ecc3f0-ivan costa,adriana.oliveira@avon.com,alda.monteiro@avon.com,juan.lopes@avon.com,mayza.costa@avon.com</t>
  </si>
  <si>
    <t>10/30/2019 16:08:04</t>
  </si>
  <si>
    <t>10/30/2019 16:13:47</t>
  </si>
  <si>
    <t>/o=exchangelabs/ou=exchange administrative group (fydibohf23spdlt)/cn=recipients/cn=4fbcbdfa900b4cb195ac160568115bc2-ericson nog;</t>
  </si>
  <si>
    <t>## REGISTRO DA RINEM ##</t>
  </si>
  <si>
    <t>/o=exchangelabs/ou=exchange administrative group (fydibohf23spdlt)/cn=recipients/cn=4fbcbdfa900b4cb195ac160568115bc2-ericson nog</t>
  </si>
  <si>
    <t>10/30/2019 16:10:35</t>
  </si>
  <si>
    <t>## ESCALA BRIGADA ##</t>
  </si>
  <si>
    <t>10/30/2019 16:11:40</t>
  </si>
  <si>
    <t>10/30/2019 16:16:47</t>
  </si>
  <si>
    <t>10/30/2019 16:16:00</t>
  </si>
  <si>
    <t>10/30/2019 16:17:47</t>
  </si>
  <si>
    <t>/o=exchangelabs/ou=exchange administrative group (fydibohf23spdlt)/cn=recipients/cn=9ec7344ac9ca4c3d93340a066ae57ae1-paula mayum;alessandra.s.almeida@bradesco.com.br;financeiro@safrarrica.com.br;flavio.gea@bradesco.com.br;kelvin@safrarrica.com.br;</t>
  </si>
  <si>
    <t>RES: Safra Rica - Configuração Intellilink</t>
  </si>
  <si>
    <t>Safra Rica - Configuração Intellilink.msg\s1\</t>
  </si>
  <si>
    <t>1 - Unidade Empresarial (UE) - SAFRARRICA.xls</t>
  </si>
  <si>
    <t>/o=exchangelabs/ou=exchange administrative group (fydibohf23spdlt)/cn=recipients/cn=9ec7344ac9ca4c3d93340a066ae57ae1-paula mayum,alessandra.s.almeida@bradesco.com.br,financeiro@safrarrica.com.br,flavio.gea@bradesco.com.br,kelvin@safrarrica.com.br</t>
  </si>
  <si>
    <t>10/30/2019 16:17:13</t>
  </si>
  <si>
    <t>10/30/2019 16:18:47</t>
  </si>
  <si>
    <t>DRE_Desafios GRC.xlsx</t>
  </si>
  <si>
    <t>10/30/2019 16:15:29</t>
  </si>
  <si>
    <t>10/30/2019 16:19:47</t>
  </si>
  <si>
    <t>10/30/2019 16:18:52</t>
  </si>
  <si>
    <t>10/30/2019 16:20:48</t>
  </si>
  <si>
    <t>c:\users\polati\onedrive - grupo algar\algar\projeto fidelidade\inter\fase 4 the finals\16_10\</t>
  </si>
  <si>
    <t>10/30/2019 16:20:19</t>
  </si>
  <si>
    <t>10/30/2019 16:21:47</t>
  </si>
  <si>
    <t>10/30/2019 16:21:06</t>
  </si>
  <si>
    <t>10/30/2019 16:22:15</t>
  </si>
  <si>
    <t>10/30/2019 16:23:47</t>
  </si>
  <si>
    <t>Estrutura soluções</t>
  </si>
  <si>
    <t>Soluções 30-10-2019.pptx\</t>
  </si>
  <si>
    <t>10/30/2019 16:21:40</t>
  </si>
  <si>
    <t>10/30/2019 16:25:47</t>
  </si>
  <si>
    <t>/o=exchangelabs/ou=exchange administrative group (fydibohf23spdlt)/cn=recipients/cn=309572221fe14ce3af445b3983aaac9f-alizenete m;celsoadsj@algartech.com;</t>
  </si>
  <si>
    <t>Divergencias Tela Ebit/anallitico e Razao Contabil</t>
  </si>
  <si>
    <t>Divergencia Qlikview.xls</t>
  </si>
  <si>
    <t>/o=exchangelabs/ou=exchange administrative group (fydibohf23spdlt)/cn=recipients/cn=309572221fe14ce3af445b3983aaac9f-alizenete m,celsoadsj@algartech.com</t>
  </si>
  <si>
    <t>10/30/2019 16:21:46</t>
  </si>
  <si>
    <t>10/30/2019 16:26:47</t>
  </si>
  <si>
    <t>10/30/2019 16:22:18</t>
  </si>
  <si>
    <t>10/30/2019 16:25:43</t>
  </si>
  <si>
    <t>10/30/2019 16:25:48</t>
  </si>
  <si>
    <t>10/30/2019 16:22:57</t>
  </si>
  <si>
    <t>10/30/2019 16:28:48</t>
  </si>
  <si>
    <t>agenda reinauguração eletrolux _v detalhadada (003).xls</t>
  </si>
  <si>
    <t>10/30/2019 16:26:04</t>
  </si>
  <si>
    <t>/o=exchangelabs/ou=exchange administrative group (fydibohf23spdlt)/cn=recipients/cn=25608f1384044cbcb7c92bae5c1067d6-dener ferre;/o=exchangelabs/ou=exchange administrative group (fydibohf23spdlt)/cn=recipients/cn=726858f262f449b3961fa2ea8f183ca5-lazaro anto;/o=exchangelabs/ou=exchange administrative group (fydibohf23spdlt)/cn=recipients/cn=ca2b330491c64bef97562516bb13cad8-ismael fagu;eduardohca@algartech.com;</t>
  </si>
  <si>
    <t>RES: Chamado 809893</t>
  </si>
  <si>
    <t>Filas Criar E-Center - 30-10-19.xlsx</t>
  </si>
  <si>
    <t>/o=exchangelabs/ou=exchange administrative group (fydibohf23spdlt)/cn=recipients/cn=25608f1384044cbcb7c92bae5c1067d6-dener ferre,/o=exchangelabs/ou=exchange administrative group (fydibohf23spdlt)/cn=recipients/cn=726858f262f449b3961fa2ea8f183ca5-lazaro anto,/o=exchangelabs/ou=exchange administrative group (fydibohf23spdlt)/cn=recipients/cn=ca2b330491c64bef97562516bb13cad8-ismael fagu,eduardohca@algartech.com</t>
  </si>
  <si>
    <t>10/30/2019 16:28:10</t>
  </si>
  <si>
    <t>10/30/2019 16:29:47</t>
  </si>
  <si>
    <t>Status Report - Projeto Centralização dos Monitores</t>
  </si>
  <si>
    <t>10/30/2019 16:25:35</t>
  </si>
  <si>
    <t>10/30/2019 16:30:47</t>
  </si>
  <si>
    <t>mail.google.com/_/upload?authuser=1&amp;dcp=asu-n&amp;upload_id=AEnB2UqIt-b9KLV6R_cMGYVEjALORH5NPTp0LEyy_7jln0jPsqSgVPL153KCoDBSvCQvI8MXEVypt2TmgbgE4JZv8MtJH6xx82lThURowUPEbGbINcyyRPo&amp;upload_protocol=resumable</t>
  </si>
  <si>
    <t>Planilha acompanhamento - INFRA.xls</t>
  </si>
  <si>
    <t>10/30/2019 16:27:44</t>
  </si>
  <si>
    <t>10/30/2019 16:31:47</t>
  </si>
  <si>
    <t>10/30/2019 16:28:52</t>
  </si>
  <si>
    <t>10/30/2019 16:29:04</t>
  </si>
  <si>
    <t>10/30/2019 16:28:57</t>
  </si>
  <si>
    <t>10/30/2019 16:33:47</t>
  </si>
  <si>
    <t>daniel.cabeceira@next.b.br;lucianabo@algartech.com;</t>
  </si>
  <si>
    <t>Dif Faturamento NEXT.xlsx</t>
  </si>
  <si>
    <t>daniel.cabeceira@next.b.br,lucianabo@algartech.com</t>
  </si>
  <si>
    <t>10/30/2019 16:34:16</t>
  </si>
  <si>
    <t>10/30/2019 16:34:47</t>
  </si>
  <si>
    <t>/o=exchangelabs/ou=exchange administrative group (fydibohf23spdlt)/cn=recipients/cn=5cd0a8bfb7e7406892f740e46bd7ba73-anaisa card;/o=exchangelabs/ou=exchange administrative group (fydibohf23spdlt)/cn=recipients/cn=651324bc204a42f6bbcdf62273ebdc5c-aluisio ant;/o=exchangelabs/ou=exchange administrative group (fydibohf23spdlt)/cn=recipients/cn=user78f7a52d;</t>
  </si>
  <si>
    <t>STH Analista de Requisitos SR</t>
  </si>
  <si>
    <t>STH - Analista de Negócios SR (Produto ISD).xlsx</t>
  </si>
  <si>
    <t>/o=exchangelabs/ou=exchange administrative group (fydibohf23spdlt)/cn=recipients/cn=5cd0a8bfb7e7406892f740e46bd7ba73-anaisa card,/o=exchangelabs/ou=exchange administrative group (fydibohf23spdlt)/cn=recipients/cn=651324bc204a42f6bbcdf62273ebdc5c-aluisio ant,/o=exchangelabs/ou=exchange administrative group (fydibohf23spdlt)/cn=recipients/cn=user78f7a52d</t>
  </si>
  <si>
    <t>10/30/2019 16:32:02</t>
  </si>
  <si>
    <t>10/30/2019 16:36:47</t>
  </si>
  <si>
    <t>10/30/2019 16:32:26</t>
  </si>
  <si>
    <t>10/30/2019 16:33:00</t>
  </si>
  <si>
    <t>10/30/2019 16:33:24</t>
  </si>
  <si>
    <t>10/30/2019 16:33:37</t>
  </si>
  <si>
    <t>10/30/2019 16:33:56</t>
  </si>
  <si>
    <t>10/30/2019 16:34:10</t>
  </si>
  <si>
    <t>10/30/2019 16:34:30</t>
  </si>
  <si>
    <t>10/30/2019 16:35:02</t>
  </si>
  <si>
    <t>10/30/2019 16:36:08</t>
  </si>
  <si>
    <t>10/30/2019 16:37:18</t>
  </si>
  <si>
    <t>10/30/2019 16:40:47</t>
  </si>
  <si>
    <t>RES: Árvores de categorização D2C</t>
  </si>
  <si>
    <t>ÁRVORE KITCHENAID N1.xlsx</t>
  </si>
  <si>
    <t>10/30/2019 16:37:17</t>
  </si>
  <si>
    <t>10/30/2019 16:41:48</t>
  </si>
  <si>
    <t>10/30/2019 16:39:28</t>
  </si>
  <si>
    <t>10/30/2019 16:39:32</t>
  </si>
  <si>
    <t>10/30/2019 16:40:05</t>
  </si>
  <si>
    <t>10/30/2019 16:40:34</t>
  </si>
  <si>
    <t>10/30/2019 16:37:31</t>
  </si>
  <si>
    <t>ENC: Produtividade CRCe até 29/10</t>
  </si>
  <si>
    <t>10/30/2019 16:39:04</t>
  </si>
  <si>
    <t>10/30/2019 16:42:47</t>
  </si>
  <si>
    <t>/o=exchangelabs/ou=exchange administrative group (fydibohf23spdlt)/cn=recipients/cn=7f205d04057d4adaa6c7db531db90f96-mateus lima;</t>
  </si>
  <si>
    <t>ENC: Pendências de Conclusão #soualgar</t>
  </si>
  <si>
    <t>/o=exchangelabs/ou=exchange administrative group (fydibohf23spdlt)/cn=recipients/cn=7f205d04057d4adaa6c7db531db90f96-mateus lima</t>
  </si>
  <si>
    <t>10/30/2019 16:43:15</t>
  </si>
  <si>
    <t>10/30/2019 16:44:47</t>
  </si>
  <si>
    <t>andregc@algartech.com;hugooc@algartech.com;jheniffergs@algartech.com;joaogbma@algartech.com;julianatem@algartech.com;marcotvo@algartech.com;viniciussg@algartech.com;</t>
  </si>
  <si>
    <t>2019 10 25 - Layout IPO para o STAFF.xlsx</t>
  </si>
  <si>
    <t>andregc@algartech.com,hugooc@algartech.com,jheniffergs@algartech.com,joaogbma@algartech.com,julianatem@algartech.com,marcotvo@algartech.com,viniciussg@algartech.com</t>
  </si>
  <si>
    <t>10/30/2019 16:41:22</t>
  </si>
  <si>
    <t>22050 - UDI - WHIRLPOOL - SERV N2 SPEAKING.xlsx</t>
  </si>
  <si>
    <t>10/30/2019 16:41:40</t>
  </si>
  <si>
    <t>10/30/2019 16:41:42</t>
  </si>
  <si>
    <t>10/30/2019 16:45:47</t>
  </si>
  <si>
    <t>/o=exchangelabs/ou=exchange administrative group (fydibohf23spdlt)/cn=recipients/cn=54cf668de64942668ba57ef9adce46bc-rafael quin;/o=exchangelabs/ou=exchange administrative group (fydibohf23spdlt)/cn=recipients/cn=8c253c95243a40aa99c9416b7eb70a2a-julio cesar;/o=exchangelabs/ou=exchange administrative group (fydibohf23spdlt)/cn=recipients/cn=cee041e3afc5419faa2273808d5b57ff-priscila de;</t>
  </si>
  <si>
    <t>/o=exchangelabs/ou=exchange administrative group (fydibohf23spdlt)/cn=recipients/cn=54cf668de64942668ba57ef9adce46bc-rafael quin,/o=exchangelabs/ou=exchange administrative group (fydibohf23spdlt)/cn=recipients/cn=8c253c95243a40aa99c9416b7eb70a2a-julio cesar,/o=exchangelabs/ou=exchange administrative group (fydibohf23spdlt)/cn=recipients/cn=cee041e3afc5419faa2273808d5b57ff-priscila de</t>
  </si>
  <si>
    <t>10/30/2019 16:45:55</t>
  </si>
  <si>
    <t>10/30/2019 16:46:47</t>
  </si>
  <si>
    <t>10/30/2019 16:41:11</t>
  </si>
  <si>
    <t>10/30/2019 16:42:13</t>
  </si>
  <si>
    <t>10/30/2019 16:42:17</t>
  </si>
  <si>
    <t>10/30/2019 16:42:49</t>
  </si>
  <si>
    <t>10/30/2019 16:43:55</t>
  </si>
  <si>
    <t>10/30/2019 16:44:30</t>
  </si>
  <si>
    <t>10/30/2019 16:45:28</t>
  </si>
  <si>
    <t>10/30/2019 16:48:48</t>
  </si>
  <si>
    <t>10/30/2019 16:46:36</t>
  </si>
  <si>
    <t>10/30/2019 16:49:47</t>
  </si>
  <si>
    <t>22045 - UDI - WHIRLPOOL - SERV CONSUMIDOR GOV.xlsx</t>
  </si>
  <si>
    <t>10/30/2019 16:46:54</t>
  </si>
  <si>
    <t>10/30/2019 16:48:08</t>
  </si>
  <si>
    <t>22054 - UDI - WHIRLPOOL - SERV PROCON.xlsx</t>
  </si>
  <si>
    <t>10/30/2019 16:46:04</t>
  </si>
  <si>
    <t>RES: Pipe para Apresentação Tati.xlsx</t>
  </si>
  <si>
    <t>Cópia de Pipe para Apresentação Tati.xlsx</t>
  </si>
  <si>
    <t>10/30/2019 16:49:08</t>
  </si>
  <si>
    <t>10/30/2019 16:50:47</t>
  </si>
  <si>
    <t>10.200.57.164</t>
  </si>
  <si>
    <t>C:\Users\vilarinho\OneDrive - Grupo Algar\Algar Tech\Orçamento\Orçamento2020\Orçamento 2020 e 2019\</t>
  </si>
  <si>
    <t>Simulação Covenants 2019.xlsx</t>
  </si>
  <si>
    <t>10/30/2019 16:46:58</t>
  </si>
  <si>
    <t>10/30/2019 16:51:47</t>
  </si>
  <si>
    <t>10/30/2019 16:50:22</t>
  </si>
  <si>
    <t>10/30/2019 16:49:41</t>
  </si>
  <si>
    <t>10/30/2019 16:52:47</t>
  </si>
  <si>
    <t>/o=exchangelabs/ou=exchange administrative group (fydibohf23spdlt)/cn=recipients/cn=42003965c773486991517108e51c3776-paula dayan;pauladff@algartech.com.br;</t>
  </si>
  <si>
    <t>ENC: IMPORTANTE - ACESSO AO PORTAL DA GENTE - Mais de 5mil pessoas ainda não acessaram a ferramenta</t>
  </si>
  <si>
    <t>Lista de associados que não acessaram o Portal da Gente_IMPORTANTE.xlsx</t>
  </si>
  <si>
    <t>/o=exchangelabs/ou=exchange administrative group (fydibohf23spdlt)/cn=recipients/cn=42003965c773486991517108e51c3776-paula dayan,pauladff@algartech.com.br</t>
  </si>
  <si>
    <t>10/30/2019 16:49:09</t>
  </si>
  <si>
    <t>10/30/2019 16:54:48</t>
  </si>
  <si>
    <t>10/30/2019 16:49:50</t>
  </si>
  <si>
    <t>22055 - UDI - WHIRLPOOL - SERV QUALIDADE DO PRODUTO.xlsx</t>
  </si>
  <si>
    <t>10/30/2019 16:50:14</t>
  </si>
  <si>
    <t>10/29/2019 16:17:00</t>
  </si>
  <si>
    <t>/o=exchangelabs/ou=exchange administrative group (fydibohf23spdlt)/cn=recipients/cn=859372e5e82343dbbce3256b0d609ea5-everton bue;/o=exchangelabs/ou=exchange administrative group (fydibohf23spdlt)/cn=recipients/cn=efb00d1c14e34fd7b7808c87cd85174d-rafael lope;/o=exchangelabs/ou=exchange administrative group (fydibohf23spdlt)/cn=recipients/cn=feb3ce92cf2241e2acdd354ac87520ed-carlos edua;</t>
  </si>
  <si>
    <t>RES: Troca de horário de sobre aviso</t>
  </si>
  <si>
    <t>/o=exchangelabs/ou=exchange administrative group (fydibohf23spdlt)/cn=recipients/cn=859372e5e82343dbbce3256b0d609ea5-everton bue,/o=exchangelabs/ou=exchange administrative group (fydibohf23spdlt)/cn=recipients/cn=efb00d1c14e34fd7b7808c87cd85174d-rafael lope,/o=exchangelabs/ou=exchange administrative group (fydibohf23spdlt)/cn=recipients/cn=feb3ce92cf2241e2acdd354ac87520ed-carlos edua</t>
  </si>
  <si>
    <t>10/30/2019 16:54:34</t>
  </si>
  <si>
    <t>10/30/2019 16:55:47</t>
  </si>
  <si>
    <t>/o=exchangelabs/ou=exchange administrative group (fydibohf23spdlt)/cn=recipients/cn=4adb6e0b3de84bf2bfdb543494159749-leandro lim;/o=exchangelabs/ou=exchange administrative group (fydibohf23spdlt)/cn=recipients/cn=cd93dacc38404a95a829585c2e317a9f-dionizio ri;</t>
  </si>
  <si>
    <t>Pipe para Apresentação Tati.xlsx</t>
  </si>
  <si>
    <t>/o=exchangelabs/ou=exchange administrative group (fydibohf23spdlt)/cn=recipients/cn=4adb6e0b3de84bf2bfdb543494159749-leandro lim,/o=exchangelabs/ou=exchange administrative group (fydibohf23spdlt)/cn=recipients/cn=cd93dacc38404a95a829585c2e317a9f-dionizio ri</t>
  </si>
  <si>
    <t>10/30/2019 16:53:10</t>
  </si>
  <si>
    <t>ENC: Divergencias Tela Ebit/anallitico e Razao Contabil</t>
  </si>
  <si>
    <t>10/30/2019 16:53:51</t>
  </si>
  <si>
    <t>10/30/2019 16:56:47</t>
  </si>
  <si>
    <t>/o=exchangelabs/ou=exchange administrative group (fydibohf23spdlt)/cn=recipients/cn=1262e099c0f24b3489b19e6494cd5fca-rayssa da c;/o=exchangelabs/ou=exchange administrative group (fydibohf23spdlt)/cn=recipients/cn=18106b2c2b164f0f859ac301d85fc885-luis carlos;/o=exchangelabs/ou=exchange administrative group (fydibohf23spdlt)/cn=recipients/cn=34a28d636a1b4c86b1ec79baed4b846a-marco anton;/o=exchangelabs/ou=exchange administrative group (fydibohf23spdlt)/cn=recipients/cn=6cf3921132374286acc7dc7717e7cdc2-renato alan;/o=exchangelabs/ou=exchange administrative group (fydibohf23spdlt)/cn=recipients/cn=71d61cf74988455d8586a88b31233851-pablo mathe;/o=exchangelabs/ou=exchange administrative group (fydibohf23spdlt)/cn=recipients/cn=995372695fb84f6d9e4381a03fc3ce0d-marcela pin;/o=exchangelabs/ou=exchange administrative group (fydibohf23spdlt)/cn=recipients/cn=9d223c37eaea4626bfd9d520f311cd67-daniel para;/o=exchangelabs/ou=exchange administrative group (fydibohf23spdlt)/cn=recipients/cn=ac14f936975d483982d35c3bef5e7dfb-vivi</t>
  </si>
  <si>
    <t>RES: [TH] OCORRÊNCIAS 01 A 2810_028_029_033 EMISSÃO 2810.xlsm</t>
  </si>
  <si>
    <t>OCORRÊNCIAS 01 A 2810_028_029_033 EMISSÃO 2810.xlsm.msg\s1\</t>
  </si>
  <si>
    <t>/o=exchangelabs/ou=exchange administrative group (fydibohf23spdlt)/cn=recipients/cn=1262e099c0f24b3489b19e6494cd5fca-rayssa da c,/o=exchangelabs/ou=exchange administrative group (fydibohf23spdlt)/cn=recipients/cn=18106b2c2b164f0f859ac301d85fc885-luis carlos,/o=exchangelabs/ou=exchange administrative group (fydibohf23spdlt)/cn=recipients/cn=34a28d636a1b4c86b1ec79baed4b846a-marco anton,/o=exchangelabs/ou=exchange administrative group (fydibohf23spdlt)/cn=recipients/cn=6cf3921132374286acc7dc7717e7cdc2-renato alan,/o=exchangelabs/ou=exchange administrative group (fydibohf23spdlt)/cn=recipients/cn=71d61cf74988455d8586a88b31233851-pablo mathe,/o=exchangelabs/ou=exchange administrative group (fydibohf23spdlt)/cn=recipients/cn=995372695fb84f6d9e4381a03fc3ce0d-marcela pin,/o=exchangelabs/ou=exchange administrative group (fydibohf23spdlt)/cn=recipients/cn=9d223c37eaea4626bfd9d520f311cd67-daniel para,/o=exchangelabs/ou=exchange administrative group (fydibohf23spdlt)/cn=recipients/cn=ac14f936975d483982d35c3bef5e7dfb-vivi</t>
  </si>
  <si>
    <t>10/30/2019 16:52:11</t>
  </si>
  <si>
    <t>10/30/2019 16:55:25</t>
  </si>
  <si>
    <t>10/30/2019 16:55:28</t>
  </si>
  <si>
    <t>10/30/2019 16:58:47</t>
  </si>
  <si>
    <t>agenda reinauguração eletrolux _v detalhadada.xls</t>
  </si>
  <si>
    <t>10/30/2019 16:55:55</t>
  </si>
  <si>
    <t>10/30/2019 16:59:47</t>
  </si>
  <si>
    <t>Algar P360 - Directors update 01-Aug-2011 v7.ppt</t>
  </si>
  <si>
    <t>Algar P360 - Directors update 01-Aug-2011 v7.ppt\s4\</t>
  </si>
  <si>
    <t>10/30/2019 16:56:09</t>
  </si>
  <si>
    <t>C:\Users\douglassp\OneDrive - Grupo Algar\Base de Conhecimento\Apresentação\Algar P360 - Fechio check-in (27-Jul-2011) v2.ppt\s4\</t>
  </si>
  <si>
    <t>10/30/2019 16:56:10</t>
  </si>
  <si>
    <t>think-cell Slide3.dat</t>
  </si>
  <si>
    <t>C:\Users\douglassp\OneDrive - Grupo Algar\Base de Conhecimento\Apresentação\Algar P360 - Fechio check-in (27-Jul-2011) v2.ppt\s4\Microsoft PowerPoint Slide.dat\s5\</t>
  </si>
  <si>
    <t>10/30/2019 16:56:38</t>
  </si>
  <si>
    <t>C:\Users\douglassp\OneDrive - Grupo Algar\Base de Conhecimento\Apresentação\Algar P360 - Scheliga check-in (27-Jul-2011) v2.ppt\s4\</t>
  </si>
  <si>
    <t>Microsoft Graph Chart24.dat</t>
  </si>
  <si>
    <t>Microsoft Graph Chart25.dat</t>
  </si>
  <si>
    <t>think-cell Slide18.dat</t>
  </si>
  <si>
    <t>think-cell Slide19.dat</t>
  </si>
  <si>
    <t>think-cell Slide20.dat</t>
  </si>
  <si>
    <t>10/30/2019 16:56:39</t>
  </si>
  <si>
    <t>think-cell Slide22.dat</t>
  </si>
  <si>
    <t>think-cell Slide23.dat</t>
  </si>
  <si>
    <t>think-cell Slide34.dat</t>
  </si>
  <si>
    <t>10/30/2019 16:57:41</t>
  </si>
  <si>
    <t>C:\Users\douglassp\OneDrive - Grupo Algar\Base de Conhecimento\Apresentação\Algar P360 Directors update - Transformation Plan v40 DS.ppt\s4\</t>
  </si>
  <si>
    <t>think-cell Slide14.dat</t>
  </si>
  <si>
    <t>C:\Users\douglassp\OneDrive - Grupo Algar\Base de Conhecimento\Apresentação\Algar P360 Directors update - Transformation Plan v40 DS.ppt\s4\Microsoft PowerPoint Slide.dat\s5\</t>
  </si>
  <si>
    <t>10/30/2019 16:57:08</t>
  </si>
  <si>
    <t>10/30/2019 17:00:47</t>
  </si>
  <si>
    <t>/o=exchangelabs/ou=exchange administrative group (fydibohf23spdlt)/cn=recipients/cn=24e9a045d8f54be4b10091040f36aa67-cristiane f;/o=exchangelabs/ou=exchange administrative group (fydibohf23spdlt)/cn=recipients/cn=a78f7dae304e472e9f75bd537683f6e5-hugo de oli;</t>
  </si>
  <si>
    <t>RES: 01 - Controle de Frentes de Relatórios.xlsx</t>
  </si>
  <si>
    <t>/o=exchangelabs/ou=exchange administrative group (fydibohf23spdlt)/cn=recipients/cn=24e9a045d8f54be4b10091040f36aa67-cristiane f,/o=exchangelabs/ou=exchange administrative group (fydibohf23spdlt)/cn=recipients/cn=a78f7dae304e472e9f75bd537683f6e5-hugo de oli</t>
  </si>
  <si>
    <t>10/30/2019 16:57:32</t>
  </si>
  <si>
    <t>10/30/2019 17:03:47</t>
  </si>
  <si>
    <t>10/30/2019 16:59:58</t>
  </si>
  <si>
    <t>10/30/2019 17:04:47</t>
  </si>
  <si>
    <t>22023 - UDI - WHIRLPOOL - RETENÇÃO A FRIO.xlsx</t>
  </si>
  <si>
    <t>10/30/2019 16:59:46</t>
  </si>
  <si>
    <t>C:\Users\douglassp\OneDrive - Grupo Algar\Base de Conhecimento\Apresentação\Algar Tec - Director check-in with Noshir (16-Sep) v2.ppt\s4\</t>
  </si>
  <si>
    <t>10/30/2019 17:00:59</t>
  </si>
  <si>
    <t>10/30/2019 17:00:33</t>
  </si>
  <si>
    <t>C:\Users\douglassp\OneDrive - Grupo Algar\Base de Conhecimento\Apresentação\Algar tec - roadmap workshop v18_JP_DS.ppt\s4\</t>
  </si>
  <si>
    <t>10/30/2019 17:00:34</t>
  </si>
  <si>
    <t>Microsoft Graph Chart26.dat</t>
  </si>
  <si>
    <t>Microsoft Graph Chart27.dat</t>
  </si>
  <si>
    <t>Microsoft Graph Chart28.dat</t>
  </si>
  <si>
    <t>Microsoft Graph Chart29.dat</t>
  </si>
  <si>
    <t>Microsoft Graph Chart30.dat</t>
  </si>
  <si>
    <t>Microsoft Graph Chart31.dat</t>
  </si>
  <si>
    <t>Microsoft Graph Chart32.dat</t>
  </si>
  <si>
    <t>Microsoft Graph Chart33.dat</t>
  </si>
  <si>
    <t>Microsoft Graph Chart34.dat</t>
  </si>
  <si>
    <t>Microsoft Graph Chart35.dat</t>
  </si>
  <si>
    <t>Microsoft Graph Chart36.dat</t>
  </si>
  <si>
    <t>Microsoft Graph Chart37.dat</t>
  </si>
  <si>
    <t>Microsoft Graph Chart38.dat</t>
  </si>
  <si>
    <t>Microsoft Graph Chart39.dat</t>
  </si>
  <si>
    <t>Microsoft Graph Chart40.dat</t>
  </si>
  <si>
    <t>Microsoft Graph Chart41.dat</t>
  </si>
  <si>
    <t>10/30/2019 17:00:35</t>
  </si>
  <si>
    <t>Microsoft Graph Chart42.dat</t>
  </si>
  <si>
    <t>Microsoft Graph Chart43.dat</t>
  </si>
  <si>
    <t>Microsoft Graph Chart44.dat</t>
  </si>
  <si>
    <t>Microsoft Graph Chart45.dat</t>
  </si>
  <si>
    <t>Microsoft Graph Chart46.dat</t>
  </si>
  <si>
    <t>Microsoft Graph Chart47.dat</t>
  </si>
  <si>
    <t>Microsoft Graph Chart48.dat</t>
  </si>
  <si>
    <t>Microsoft Graph Chart49.dat</t>
  </si>
  <si>
    <t>Microsoft Graph Chart50.dat</t>
  </si>
  <si>
    <t>Microsoft Graph Chart51.dat</t>
  </si>
  <si>
    <t>Microsoft Graph Chart52.dat</t>
  </si>
  <si>
    <t>Microsoft Graph Chart53.dat</t>
  </si>
  <si>
    <t>Microsoft Graph Chart54.dat</t>
  </si>
  <si>
    <t>Microsoft Graph Chart55.dat</t>
  </si>
  <si>
    <t>Microsoft Graph Chart56.dat</t>
  </si>
  <si>
    <t>Microsoft Graph Chart57.dat</t>
  </si>
  <si>
    <t>Microsoft Graph Chart58.dat</t>
  </si>
  <si>
    <t>Microsoft Graph Chart59.dat</t>
  </si>
  <si>
    <t>Microsoft Graph Chart60.dat</t>
  </si>
  <si>
    <t>Microsoft Graph Chart61.dat</t>
  </si>
  <si>
    <t>Microsoft Graph Chart62.dat</t>
  </si>
  <si>
    <t>Microsoft Graph Chart63.dat</t>
  </si>
  <si>
    <t>Microsoft Graph Chart64.dat</t>
  </si>
  <si>
    <t>Microsoft Graph Chart65.dat</t>
  </si>
  <si>
    <t>Microsoft Graph Chart66.dat</t>
  </si>
  <si>
    <t>Microsoft Graph Chart67.dat</t>
  </si>
  <si>
    <t>10/30/2019 17:00:36</t>
  </si>
  <si>
    <t>Microsoft Graph Chart68.dat</t>
  </si>
  <si>
    <t>Microsoft Graph Chart69.dat</t>
  </si>
  <si>
    <t>Microsoft Graph Chart70.dat</t>
  </si>
  <si>
    <t>Microsoft Graph Chart71.dat</t>
  </si>
  <si>
    <t>Microsoft Graph Chart72.dat</t>
  </si>
  <si>
    <t>Microsoft Graph Chart73.dat</t>
  </si>
  <si>
    <t>Microsoft Graph Chart74.dat</t>
  </si>
  <si>
    <t>Microsoft Graph Chart75.dat</t>
  </si>
  <si>
    <t>think-cell Slide27.dat</t>
  </si>
  <si>
    <t>think-cell Slide28.dat</t>
  </si>
  <si>
    <t>think-cell Slide29.dat</t>
  </si>
  <si>
    <t>think-cell Slide52.dat</t>
  </si>
  <si>
    <t>think-cell Slide53.dat</t>
  </si>
  <si>
    <t>think-cell Slide56.dat</t>
  </si>
  <si>
    <t>think-cell Slide57.dat</t>
  </si>
  <si>
    <t>think-cell Slide58.dat</t>
  </si>
  <si>
    <t>think-cell Slide55.dat</t>
  </si>
  <si>
    <t>think-cell Slide59.dat</t>
  </si>
  <si>
    <t>think-cell Slide60.dat</t>
  </si>
  <si>
    <t>think-cell Slide61.dat</t>
  </si>
  <si>
    <t>think-cell Slide62.dat</t>
  </si>
  <si>
    <t>10/30/2019 17:00:37</t>
  </si>
  <si>
    <t>think-cell Slide63.dat</t>
  </si>
  <si>
    <t>think-cell Slide64.dat</t>
  </si>
  <si>
    <t>think-cell Slide65.dat</t>
  </si>
  <si>
    <t>think-cell Slide66.dat</t>
  </si>
  <si>
    <t>think-cell Slide67.dat</t>
  </si>
  <si>
    <t>think-cell Slide68.dat</t>
  </si>
  <si>
    <t>10/30/2019 17:00:39</t>
  </si>
  <si>
    <t>think-cell Slide69.dat</t>
  </si>
  <si>
    <t>10/30/2019 17:00:40</t>
  </si>
  <si>
    <t>think-cell Slide70.dat</t>
  </si>
  <si>
    <t>think-cell Slide72.dat</t>
  </si>
  <si>
    <t>think-cell Slide74.dat</t>
  </si>
  <si>
    <t>think-cell Slide75.dat</t>
  </si>
  <si>
    <t>C:\Users\douglassp\OneDrive - Grupo Algar\Base de Conhecimento\Apresentação\Algar tec - roadmap workshop v18_JP_DS.ppt\s4\Microsoft PowerPoint Slide.dat\s5\</t>
  </si>
  <si>
    <t>C:\Users\douglassp\OneDrive - Grupo Algar\Base de Conhecimento\Apresentação\Algar tec - roadmap workshop v18_JP_DS.ppt\s4\Microsoft PowerPoint Slide1.dat\s5\</t>
  </si>
  <si>
    <t>10/30/2019 17:00:41</t>
  </si>
  <si>
    <t>10/30/2019 17:02:33</t>
  </si>
  <si>
    <t>Algar tec - roadmap workshop v18_JP_DS.ppt</t>
  </si>
  <si>
    <t>Algar tec - roadmap workshop v18_JP_DS.ppt\s4\</t>
  </si>
  <si>
    <t>10/30/2019 17:03:13</t>
  </si>
  <si>
    <t>10/30/2019 17:07:47</t>
  </si>
  <si>
    <t>10/30/2019 17:06:49</t>
  </si>
  <si>
    <t>/o=exchangelabs/ou=exchange administrative group (fydibohf23spdlt)/cn=recipients/cn=004fbe04a76042fda28a404cff30f61b-vinicius ma;/o=exchangelabs/ou=exchange administrative group (fydibohf23spdlt)/cn=recipients/cn=b32529737d794af78d566db1a15acc2a-jhaime fran;</t>
  </si>
  <si>
    <t>Paln X real validado operações Cap Iris</t>
  </si>
  <si>
    <t>Planejado x Realizado 30.10 outubro.xlsx</t>
  </si>
  <si>
    <t>/o=exchangelabs/ou=exchange administrative group (fydibohf23spdlt)/cn=recipients/cn=004fbe04a76042fda28a404cff30f61b-vinicius ma,/o=exchangelabs/ou=exchange administrative group (fydibohf23spdlt)/cn=recipients/cn=b32529737d794af78d566db1a15acc2a-jhaime fran</t>
  </si>
  <si>
    <t>10/30/2019 17:05:38</t>
  </si>
  <si>
    <t>FORMULARIO_DE_CADASTRO_DE_FORNECEDOR_-_R12_e_SOMAR_-_Socios_ATUALIZADO.xls</t>
  </si>
  <si>
    <t>10/30/2019 17:08:47</t>
  </si>
  <si>
    <t>10/30/2019 17:03:21</t>
  </si>
  <si>
    <t>10/30/2019 17:08:29</t>
  </si>
  <si>
    <t>10/30/2019 17:10:47</t>
  </si>
  <si>
    <t>10/30/2019 17:10:31</t>
  </si>
  <si>
    <t>10/30/2019 17:11:47</t>
  </si>
  <si>
    <t>/o=exchangelabs/ou=exchange administrative group (fydibohf23spdlt)/cn=recipients/cn=0bafe1ed27024338be4e911e19871cd1-william rob;/o=exchangelabs/ou=exchange administrative group (fydibohf23spdlt)/cn=recipients/cn=8c89829ad534498fa4c85b5ac11174f1-suelen more;/o=exchangelabs/ou=exchange administrative group (fydibohf23spdlt)/cn=recipients/cn=97bf0b4d6b424f9fbf91192510276150-renata de o;/o=exchangelabs/ou=exchange administrative group (fydibohf23spdlt)/cn=recipients/cn=9a65d8734c444cbc8372a614d17d98e1-lucia maalo;/o=exchangelabs/ou=exchange administrative group (fydibohf23spdlt)/cn=recipients/cn=dd5fe53b00424d6887030e3514589341-fernando lu;</t>
  </si>
  <si>
    <t>RES: Aditivo contratual e proposta de mudança do SD</t>
  </si>
  <si>
    <t>213410 - BP - KPMG - v1.xlsb</t>
  </si>
  <si>
    <t>/o=exchangelabs/ou=exchange administrative group (fydibohf23spdlt)/cn=recipients/cn=0bafe1ed27024338be4e911e19871cd1-william rob,/o=exchangelabs/ou=exchange administrative group (fydibohf23spdlt)/cn=recipients/cn=8c89829ad534498fa4c85b5ac11174f1-suelen more,/o=exchangelabs/ou=exchange administrative group (fydibohf23spdlt)/cn=recipients/cn=97bf0b4d6b424f9fbf91192510276150-renata de o,/o=exchangelabs/ou=exchange administrative group (fydibohf23spdlt)/cn=recipients/cn=9a65d8734c444cbc8372a614d17d98e1-lucia maalo,/o=exchangelabs/ou=exchange administrative group (fydibohf23spdlt)/cn=recipients/cn=dd5fe53b00424d6887030e3514589341-fernando lu</t>
  </si>
  <si>
    <t>10/30/2019 17:12:46</t>
  </si>
  <si>
    <t>10/30/2019 17:13:47</t>
  </si>
  <si>
    <t>10/30/2019 17:12:51</t>
  </si>
  <si>
    <t>10/30/2019 17:11:52</t>
  </si>
  <si>
    <t>10/30/2019 17:14:47</t>
  </si>
  <si>
    <t>/o=exchangelabs/ou=exchange administrative group (fydibohf23spdlt)/cn=recipients/cn=06b756ed7b9b4c61bdbcfb21cdf93e9f-lucas ferna;/o=exchangelabs/ou=exchange administrative group (fydibohf23spdlt)/cn=recipients/cn=4adb6e0b3de84bf2bfdb543494159749-leandro lim;/o=exchangelabs/ou=exchange administrative group (fydibohf23spdlt)/cn=recipients/cn=b194f014572c4c36b52132f9199df1aa-jairo junio;/o=exchangelabs/ou=exchange administrative group (fydibohf23spdlt)/cn=recipients/cn=c29ec9dae022497281c840087cccddec-patricia ar;/o=exchangelabs/ou=exchange administrative group (fydibohf23spdlt)/cn=recipients/cn=de309567271c4871b341e820d0b7364e-luiz carlos;/o=exchangelabs/ou=exchange administrative group (fydibohf23spdlt)/cn=recipients/cn=f00c439d0d474c0586a503a0209ed1f2-bruno wande;/o=exchangelabs/ou=exchange administrative group (fydibohf23spdlt)/cn=recipients/cn=user7c077f95;/o=exchangelabs/ou=exchange administrative group (fydibohf23spdlt)/cn=recipients/cn=user9334192a;/o=exchangelabs/ou=exchange administrative group (fydibo</t>
  </si>
  <si>
    <t>/o=exchangelabs/ou=exchange administrative group (fydibohf23spdlt)/cn=recipients/cn=06b756ed7b9b4c61bdbcfb21cdf93e9f-lucas ferna,/o=exchangelabs/ou=exchange administrative group (fydibohf23spdlt)/cn=recipients/cn=4adb6e0b3de84bf2bfdb543494159749-leandro lim,/o=exchangelabs/ou=exchange administrative group (fydibohf23spdlt)/cn=recipients/cn=b194f014572c4c36b52132f9199df1aa-jairo junio,/o=exchangelabs/ou=exchange administrative group (fydibohf23spdlt)/cn=recipients/cn=c29ec9dae022497281c840087cccddec-patricia ar,/o=exchangelabs/ou=exchange administrative group (fydibohf23spdlt)/cn=recipients/cn=de309567271c4871b341e820d0b7364e-luiz carlos,/o=exchangelabs/ou=exchange administrative group (fydibohf23spdlt)/cn=recipients/cn=f00c439d0d474c0586a503a0209ed1f2-bruno wande,/o=exchangelabs/ou=exchange administrative group (fydibohf23spdlt)/cn=recipients/cn=user7c077f95,/o=exchangelabs/ou=exchange administrative group (fydibohf23spdlt)/cn=recipients/cn=user9334192a,/o=exchangelabs/ou=exchange administrative group (fydibo</t>
  </si>
  <si>
    <t>10/30/2019 17:12:47</t>
  </si>
  <si>
    <t>10/30/2019 17:15:47</t>
  </si>
  <si>
    <t>10/30/2019 17:13:44</t>
  </si>
  <si>
    <t>10/30/2019 17:14:01</t>
  </si>
  <si>
    <t>10/30/2019 17:14:29</t>
  </si>
  <si>
    <t>10/30/2019 17:18:47</t>
  </si>
  <si>
    <t>10/30/2019 17:15:01</t>
  </si>
  <si>
    <t>10/30/2019 17:15:13</t>
  </si>
  <si>
    <t>10/30/2019 17:19:47</t>
  </si>
  <si>
    <t>/o=exchangelabs/ou=exchange administrative group (fydibohf23spdlt)/cn=recipients/cn=e70cc16764ef4e4fac6e4581f29c2881-valeria bet;</t>
  </si>
  <si>
    <t>RES: WFM TTV - Atualização de Aderência_Novembro/2019</t>
  </si>
  <si>
    <t>Dados UGs.xlsx</t>
  </si>
  <si>
    <t>/o=exchangelabs/ou=exchange administrative group (fydibohf23spdlt)/cn=recipients/cn=e70cc16764ef4e4fac6e4581f29c2881-valeria bet</t>
  </si>
  <si>
    <t>10/30/2019 17:19:09</t>
  </si>
  <si>
    <t>https://caey.fa.us2.oraclecloud.com/crmui/faces/fusewelcome?_adf.ctrl-state=1c2m0x323g_5</t>
  </si>
  <si>
    <t>\\acsfs\deptos\CAS - Coordenação de Arquitetura de Soluções\Projetos\2019\Whirlpool\216369 - WHIRLPOOL - BBLEND - Black Friday\Preço\</t>
  </si>
  <si>
    <t>\\acsfs\deptos\CAS - Coordenação de Arquitetura de Soluções\Projetos\2019\Whirlpool\216369 - WHIRLPOOL - BBLEND - Black Friday\Preço\216369 - WHIRLPOOL - BBLEND - Black Friday.xlsb\</t>
  </si>
  <si>
    <t>10/30/2019 17:19:22</t>
  </si>
  <si>
    <t>10/30/2019 17:20:48</t>
  </si>
  <si>
    <t>10/30/2019 17:18:51</t>
  </si>
  <si>
    <t>10/30/2019 17:23:48</t>
  </si>
  <si>
    <t>2019 1ª Projeção</t>
  </si>
  <si>
    <t>CH28-20_20191030_171826.xls</t>
  </si>
  <si>
    <t>10/30/2019 17:22:51</t>
  </si>
  <si>
    <t>2020 oficial</t>
  </si>
  <si>
    <t>CH28-20_20191030_172213.xls</t>
  </si>
  <si>
    <t>10/30/2019 17:23:54</t>
  </si>
  <si>
    <t>10/30/2019 17:27:49</t>
  </si>
  <si>
    <t>Carteira 2020</t>
  </si>
  <si>
    <t>10/30/2019 17:28:50</t>
  </si>
  <si>
    <t>10/30/2019 17:30:49</t>
  </si>
  <si>
    <t>10.211.2.172</t>
  </si>
  <si>
    <t>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f71035a74a95411c8b0276261ec8a527-rafael barr;/o=exchangelabs/ou=exchange administrative group (fydibohf23spdlt)/cn=recipients/cn=wilson achilles alves pereira neto - 004255;</t>
  </si>
  <si>
    <t>214368 - Unimed Seguros - Plan Precificacao.xlsb</t>
  </si>
  <si>
    <t>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f71035a74a95411c8b0276261ec8a527-rafael barr,/o=exchangelabs/ou=exchange administrative group (fydibohf23spdlt)/cn=recipients/cn=wilson achilles alves pereira neto - 004255</t>
  </si>
  <si>
    <t>10/30/2019 17:27:07</t>
  </si>
  <si>
    <t>Demandas do TechOnline</t>
  </si>
  <si>
    <t>10/30/2019 17:31:28</t>
  </si>
  <si>
    <t>10/30/2019 17:33:48</t>
  </si>
  <si>
    <t>10/30/2019 17:33:07</t>
  </si>
  <si>
    <t>10/30/2019 17:30:25</t>
  </si>
  <si>
    <t>10/30/2019 17:34:48</t>
  </si>
  <si>
    <t>/o=exchangelabs/ou=exchange administrative group (fydibohf23spdlt)/cn=recipients/cn=a78f7dae304e472e9f75bd537683f6e5-hugo de oli;</t>
  </si>
  <si>
    <t>ENC: Relação CR's Bradesco</t>
  </si>
  <si>
    <t>/o=exchangelabs/ou=exchange administrative group (fydibohf23spdlt)/cn=recipients/cn=a78f7dae304e472e9f75bd537683f6e5-hugo de oli</t>
  </si>
  <si>
    <t>10/30/2019 16:15:42</t>
  </si>
  <si>
    <t>10/30/2019 17:37:49</t>
  </si>
  <si>
    <t>Classificacao_de_itens_-_Crescimento_Classificado_PI-1005372-19.xlsx</t>
  </si>
  <si>
    <t>10/30/2019 17:33:38</t>
  </si>
  <si>
    <t>10/30/2019 17:38:48</t>
  </si>
  <si>
    <t>FORMULARIO_DESP ANTECIPADA_SAP BRASIL LTDA - 00192920_2_Tora Transportes Industriais Ltda.xlsx</t>
  </si>
  <si>
    <t>10/30/2019 17:41:39</t>
  </si>
  <si>
    <t>10/30/2019 17:42:48</t>
  </si>
  <si>
    <t>/o=exchangelabs/ou=exchange administrative group (fydibohf23spdlt)/cn=recipients/cn=5c0e0b883c0f4ccbb2cf13db05a00b36-luciene ivo;/o=exchangelabs/ou=exchange administrative group (fydibohf23spdlt)/cn=recipients/cn=a4ba92cba10f4fe498074594f937f3b6-leandro lop;celso.goncalves@bradesco.com.br;daniela.bittencourt@bradesco.com.br;edirlei.silva@bradesco.com.br;elisangela.marques@bradesco.com.br;patricia.brito@bradesco.com.br;rafaelabsz@algartech.com.br;wesleymb@algartech.com.br;yuri.andreoli@bradesco.com.br;</t>
  </si>
  <si>
    <t>/o=exchangelabs/ou=exchange administrative group (fydibohf23spdlt)/cn=recipients/cn=5c0e0b883c0f4ccbb2cf13db05a00b36-luciene ivo,/o=exchangelabs/ou=exchange administrative group (fydibohf23spdlt)/cn=recipients/cn=a4ba92cba10f4fe498074594f937f3b6-leandro lop,celso.goncalves@bradesco.com.br,daniela.bittencourt@bradesco.com.br,edirlei.silva@bradesco.com.br,elisangela.marques@bradesco.com.br,patricia.brito@bradesco.com.br,rafaelabsz@algartech.com.br,wesleymb@algartech.com.br,yuri.andreoli@bradesco.com.br</t>
  </si>
  <si>
    <t>10/30/2019 15:30:19</t>
  </si>
  <si>
    <t>C:\Users\elainemdlp\OD\_Projetos\Em andamento\Relacionamento Cartoes BV\01 - Iniciação\Detalhamento de Itens\</t>
  </si>
  <si>
    <t>PMO_Algar_Tech_-__DETALHAMENTO_DE_ITENS_DE_AQUISICOES_-_BV_3227492_classificado - V2.xlsx</t>
  </si>
  <si>
    <t>10/30/2019 17:39:26</t>
  </si>
  <si>
    <t>10/30/2019 17:44:48</t>
  </si>
  <si>
    <t>OS Pendentes TBS</t>
  </si>
  <si>
    <t>10/30/2019 17:44:49</t>
  </si>
  <si>
    <t>10/30/2019 17:45:49</t>
  </si>
  <si>
    <t>/o=exchangelabs/ou=exchange administrative group (fydibohf23spdlt)/cn=recipients/cn=309572221fe14ce3af445b3983aaac9f-alizenete m;/o=exchangelabs/ou=exchange administrative group (fydibohf23spdlt)/cn=recipients/cn=3a10c1d788234688b257ab253389ec06-mateus mala;/o=exchangelabs/ou=exchange administrative group (fydibohf23spdlt)/cn=recipients/cn=e174366906884bd1b4d4c5ddfc8c9433-rodrigo men;/o=exchangelabs/ou=exchange administrative group (fydibohf23spdlt)/cn=recipients/cn=e6c4f322af524fd6a099890518f034e7-marciel mal;celsoadsj@algartech.com;</t>
  </si>
  <si>
    <t>RES: Ticket 783420</t>
  </si>
  <si>
    <t>/o=exchangelabs/ou=exchange administrative group (fydibohf23spdlt)/cn=recipients/cn=309572221fe14ce3af445b3983aaac9f-alizenete m,/o=exchangelabs/ou=exchange administrative group (fydibohf23spdlt)/cn=recipients/cn=3a10c1d788234688b257ab253389ec06-mateus mala,/o=exchangelabs/ou=exchange administrative group (fydibohf23spdlt)/cn=recipients/cn=e174366906884bd1b4d4c5ddfc8c9433-rodrigo men,/o=exchangelabs/ou=exchange administrative group (fydibohf23spdlt)/cn=recipients/cn=e6c4f322af524fd6a099890518f034e7-marciel mal,celsoadsj@algartech.com</t>
  </si>
  <si>
    <t>10/30/2019 17:43:30</t>
  </si>
  <si>
    <t>10/30/2019 17:47:48</t>
  </si>
  <si>
    <t>/o=exchangelabs/ou=exchange administrative group (fydibohf23spdlt)/cn=recipients/cn=5c0e0b883c0f4ccbb2cf13db05a00b36-luciene ivo;daniela.bittencourt@bradesco.com.br;edirlei.silva@bradesco.com.br;elisangela.marques@bradesco.com.br;patricia.brito@bradesco.com.br;yuri.andreoli@bradesco.com.br;</t>
  </si>
  <si>
    <t>RES: Demandas URR</t>
  </si>
  <si>
    <t>/o=exchangelabs/ou=exchange administrative group (fydibohf23spdlt)/cn=recipients/cn=5c0e0b883c0f4ccbb2cf13db05a00b36-luciene ivo,daniela.bittencourt@bradesco.com.br,edirlei.silva@bradesco.com.br,elisangela.marques@bradesco.com.br,patricia.brito@bradesco.com.br,yuri.andreoli@bradesco.com.br</t>
  </si>
  <si>
    <t>10/30/2019 17:45:59</t>
  </si>
  <si>
    <t>10/30/2019 17:48:48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65f2464c9a2e4d2981cae7124572133d-cristiane c;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65f2464c9a2e4d2981cae7124572133d-cristiane c</t>
  </si>
  <si>
    <t>10/30/2019 17:50:08</t>
  </si>
  <si>
    <t>10/30/2019 17:51:48</t>
  </si>
  <si>
    <t>hugo_cesar_rodrigues_dos_santos_algar@whirlpool.com;larissabdi@algartech.com;</t>
  </si>
  <si>
    <t>ARVORE N3.xlsx</t>
  </si>
  <si>
    <t>hugo_cesar_rodrigues_dos_santos_algar@whirlpool.com,larissabdi@algartech.com</t>
  </si>
  <si>
    <t>10/30/2019 17:51:20</t>
  </si>
  <si>
    <t>c:\users\camilat\appdata\local\microsoft\windows\inetcache\content.outlook\v77c9ug0\</t>
  </si>
  <si>
    <t>termo_responsabilidade_-_cartao_corporativo.xlsm</t>
  </si>
  <si>
    <t>10/30/2019 17:55:56</t>
  </si>
  <si>
    <t>10/30/2019 17:56:48</t>
  </si>
  <si>
    <t>C:\Users\camilat\OneDrive - Grupo Algar\UTEIS\</t>
  </si>
  <si>
    <t>10/30/2019 17:56:58</t>
  </si>
  <si>
    <t>10/30/2019 17:57:48</t>
  </si>
  <si>
    <t>Análise Integração e formação</t>
  </si>
  <si>
    <t>Análise Treinamento.xlsx</t>
  </si>
  <si>
    <t>10/30/2019 17:59:53</t>
  </si>
  <si>
    <t>10/30/2019 18:02:48</t>
  </si>
  <si>
    <t>C:\Users\elainemdlp\OD\</t>
  </si>
  <si>
    <t>Controle de Horas.xlsx</t>
  </si>
  <si>
    <t>10/30/2019 18:00:27</t>
  </si>
  <si>
    <t>Atividades_Expansao_v1.xlsx</t>
  </si>
  <si>
    <t>10/30/2019 18:08:27</t>
  </si>
  <si>
    <t>10/30/2019 18:09:48</t>
  </si>
  <si>
    <t>antoniojr@algartech.com;caique.silva@cscalgar.com.br;daniel.cabeceira@next.b.br;daniel.paschoal@next.b.br;diogenespl@algartech.com;eder.nascimento@next.b.br;jullian.faria@algartech.com;leandrolds@algartech.com;milton.vieira@next.b.br;rodrigormc@algartech.com;sueleide.silva@cscalgar.com.br;</t>
  </si>
  <si>
    <t>Simulação correntista.xlsx</t>
  </si>
  <si>
    <t>antoniojr@algartech.com,caique.silva@cscalgar.com.br,daniel.cabeceira@next.b.br,daniel.paschoal@next.b.br,diogenespl@algartech.com,eder.nascimento@next.b.br,jullian.faria@algartech.com,leandrolds@algartech.com,milton.vieira@next.b.br,rodrigormc@algartech.com,sueleide.silva@cscalgar.com.br</t>
  </si>
  <si>
    <t>10/30/2019 18:09:28</t>
  </si>
  <si>
    <t>10/30/2019 18:12:48</t>
  </si>
  <si>
    <t>10/30/2019 18:14:04</t>
  </si>
  <si>
    <t>10/30/2019 18:16:48</t>
  </si>
  <si>
    <t>Levantamento-ROYAL_2019-30-10.xlsx</t>
  </si>
  <si>
    <t>10/30/2019 18:19:56</t>
  </si>
  <si>
    <t>10/30/2019 18:24:49</t>
  </si>
  <si>
    <t>RES: Ajustes CA - Cliente A100</t>
  </si>
  <si>
    <t>Categorias_A100 Row_rev3.xlsx</t>
  </si>
  <si>
    <t>10/30/2019 18:39:54</t>
  </si>
  <si>
    <t>10/30/2019 18:41:49</t>
  </si>
  <si>
    <t>/o=exchangelabs/ou=exchange administrative group (fydibohf23spdlt)/cn=recipients/cn=f878ae58590e41cbabba2fa1ee2ae905-izadora nas;ikawakami@toyota.com.br;</t>
  </si>
  <si>
    <t>ENC: Relatório de Chassis</t>
  </si>
  <si>
    <t>Recall_Algar_20191030_174139.xlsx</t>
  </si>
  <si>
    <t>/o=exchangelabs/ou=exchange administrative group (fydibohf23spdlt)/cn=recipients/cn=f878ae58590e41cbabba2fa1ee2ae905-izadora nas,ikawakami@toyota.com.br</t>
  </si>
  <si>
    <t>10/30/2019 18:53:35</t>
  </si>
  <si>
    <t>10/30/2019 18:57:49</t>
  </si>
  <si>
    <t>mail.google.com/_/upload?authuser=0&amp;dcp=asu-n&amp;upload_id=AEnB2UoJCgeFUQapnqyZjitfQ9S4r5YMnqUPiQjQ_KoYzh-XjeX_nW-9AUqgFj6RdY60_Yz80P0uG-I8S7__F05274UUgYrjRFI0fMcrQl7CaOaybJ3lGq4&amp;upload_protocol=resumable</t>
  </si>
  <si>
    <t>10/30/2019 19:17:39</t>
  </si>
  <si>
    <t>10/30/2019 19:21:51</t>
  </si>
  <si>
    <t>10/30/2019 19:53:41</t>
  </si>
  <si>
    <t>10/30/2019 19:57:51</t>
  </si>
  <si>
    <t>/o=exchangelabs/ou=exchange administrative group (fydibohf23spdlt)/cn=recipients/cn=2d3379e2d04c40db810b4b1f41dd2aea-erica carol;/o=exchangelabs/ou=exchange administrative group (fydibohf23spdlt)/cn=recipients/cn=a4d4dbc88c434f8ba2bceed730d83878-marcellus r;</t>
  </si>
  <si>
    <t>RES: Análise Debêntures</t>
  </si>
  <si>
    <t>Análise Covenant's.xlsx</t>
  </si>
  <si>
    <t>/o=exchangelabs/ou=exchange administrative group (fydibohf23spdlt)/cn=recipients/cn=2d3379e2d04c40db810b4b1f41dd2aea-erica carol,/o=exchangelabs/ou=exchange administrative group (fydibohf23spdlt)/cn=recipients/cn=a4d4dbc88c434f8ba2bceed730d83878-marcellus r</t>
  </si>
  <si>
    <t>10/30/2019 20:39:29</t>
  </si>
  <si>
    <t>10/30/2019 20:41:51</t>
  </si>
  <si>
    <t>/o=exchangelabs/ou=exchange administrative group (fydibohf23spdlt)/cn=recipients/cn=1e212ef08dab4f26b88cba944f2ab7cb-pmo.governa;/o=exchangelabs/ou=exchange administrative group (fydibohf23spdlt)/cn=recipients/cn=9a3ba6096e184fb5837abcf6a6214283-daniel henr;/o=exchangelabs/ou=exchange administrative group (fydibohf23spdlt)/cn=recipients/cn=b3ad8a638fcc4c57bf8c7953dd4b3cb8-augusto ces;/o=exchangelabs/ou=exchange administrative group (fydibohf23spdlt)/cn=recipients/cn=c2ddeb3acea44eef91e8891d8d162d53-alex bernar;/o=exchangelabs/ou=exchange administrative group (fydibohf23spdlt)/cn=recipients/cn=cd7b8f1463954705b9d398b58ce8411d-dannyella f;/o=exchangelabs/ou=exchange administrative group (fydibohf23spdlt)/cn=recipients/cn=cfc48e6960e745d5a5caa3a9584c60eb-leticia vie;/o=exchangelabs/ou=exchange administrative group (fydibohf23spdlt)/cn=recipients/cn=e04f4a5c99bd4ba1b4ff9572d332b2b8-sarah de ab;emerson_maia@yahoo.com.br;</t>
  </si>
  <si>
    <t>LOTE DISPENDIO (PWEB) para contabilização de FTE's - TRANSFORMACAO DIGITAL GRC (PI-1004940-17) - Outubro 2019</t>
  </si>
  <si>
    <t>ATEC-2017-0019-002 - Lote Disp (Out).xlsx</t>
  </si>
  <si>
    <t>/o=exchangelabs/ou=exchange administrative group (fydibohf23spdlt)/cn=recipients/cn=1e212ef08dab4f26b88cba944f2ab7cb-pmo.governa,/o=exchangelabs/ou=exchange administrative group (fydibohf23spdlt)/cn=recipients/cn=9a3ba6096e184fb5837abcf6a6214283-daniel henr,/o=exchangelabs/ou=exchange administrative group (fydibohf23spdlt)/cn=recipients/cn=b3ad8a638fcc4c57bf8c7953dd4b3cb8-augusto ces,/o=exchangelabs/ou=exchange administrative group (fydibohf23spdlt)/cn=recipients/cn=c2ddeb3acea44eef91e8891d8d162d53-alex bernar,/o=exchangelabs/ou=exchange administrative group (fydibohf23spdlt)/cn=recipients/cn=cd7b8f1463954705b9d398b58ce8411d-dannyella f,/o=exchangelabs/ou=exchange administrative group (fydibohf23spdlt)/cn=recipients/cn=cfc48e6960e745d5a5caa3a9584c60eb-leticia vie,/o=exchangelabs/ou=exchange administrative group (fydibohf23spdlt)/cn=recipients/cn=e04f4a5c99bd4ba1b4ff9572d332b2b8-sarah de ab,emerson_maia@yahoo.com.br</t>
  </si>
  <si>
    <t>10/30/2019 20:25:40</t>
  </si>
  <si>
    <t>10/30/2019 20:43:51</t>
  </si>
  <si>
    <t>/o=exchangelabs/ou=exchange administrative group (fydibohf23spdlt)/cn=recipients/cn=a201dc4b105e45dbba6cabc753faf828-dc9404df-09;</t>
  </si>
  <si>
    <t>Pendências #SouAlgar</t>
  </si>
  <si>
    <t>Pendências #SouAlgar.xlsx</t>
  </si>
  <si>
    <t>/o=exchangelabs/ou=exchange administrative group (fydibohf23spdlt)/cn=recipients/cn=a201dc4b105e45dbba6cabc753faf828-dc9404df-09</t>
  </si>
  <si>
    <t>10/30/2019 20:58:09</t>
  </si>
  <si>
    <t>10/30/2019 21:01:51</t>
  </si>
  <si>
    <t>Retificando: LOTE DISPENDIO (PWEB) para contabilização de FTE's - TRANSFORMACAO DIGITAL GRC (PI-1004940-17) - Outubro 2019</t>
  </si>
  <si>
    <t>10/30/2019 21:00:48</t>
  </si>
  <si>
    <t>LOTE DISPENDIO (PWEB) para contabilização de FTE's - WHIRLPOOL (PI-1005313-19) - Outubro 2019</t>
  </si>
  <si>
    <t>ATEC-2019-0002-002 - Lote Disp (Out).xlsx</t>
  </si>
  <si>
    <t>10/30/2019 21:10:34</t>
  </si>
  <si>
    <t>10/30/2019 21:11:51</t>
  </si>
  <si>
    <t>LOTE DISPENDIO (PWEB) para contabilização de FTE's - EDP (PI-1005361-19) - Outubro 2019</t>
  </si>
  <si>
    <t>ATEC-2019-0002-006 - Lote Disp (Out).xlsx</t>
  </si>
  <si>
    <t>10/30/2019 21:20:54</t>
  </si>
  <si>
    <t>10/30/2019 21:21:51</t>
  </si>
  <si>
    <t>LOTE DISPENDIO (PWEB) para contabilização de FTE's - RELACIONAMENTO CARTÕES BV (PI-1005362-19) - Outubro 2019</t>
  </si>
  <si>
    <t>ATEC-2019-0002-007 - Lote Disp (Out).xlsx</t>
  </si>
  <si>
    <t>10/30/2019 21:28:03</t>
  </si>
  <si>
    <t>10/30/2019 21:31:52</t>
  </si>
  <si>
    <t>LOTE DISPENDIO (PWEB) para contabilização de FTE's - BMW (PI-1005374-19) - Outubro2019</t>
  </si>
  <si>
    <t>ATEC-2019-0002-008 - Lote Disp (Out).xlsx</t>
  </si>
  <si>
    <t>10/30/2019 21:34:31</t>
  </si>
  <si>
    <t>10/30/2019 21:36:51</t>
  </si>
  <si>
    <t>LOTE DISPENDIO (PWEB) para contabilização de FTE's - SICOOB (PI-1005368-19) - Outubro2019</t>
  </si>
  <si>
    <t>ATEC-2019-0003-005 - Lote Disp (Out).xlsx</t>
  </si>
  <si>
    <t>10/30/2019 21:39:10</t>
  </si>
  <si>
    <t>10/30/2019 21:41:51</t>
  </si>
  <si>
    <t>LOTE DISPENDIO (PWEB) para contabilização de FTE's - EXPANSAO CAIXA (PI-1005372-19) - Outubro2019</t>
  </si>
  <si>
    <t>ATEC-2019-0024 -013 - Lote Disp (Out).xlsx</t>
  </si>
  <si>
    <t>10/30/2019 19:22:27</t>
  </si>
  <si>
    <t>10/30/2019 21:44:52</t>
  </si>
  <si>
    <t>10.250.254.78</t>
  </si>
  <si>
    <t>Adesão Treinamento ID Único_30.10.xls</t>
  </si>
  <si>
    <t>10/30/2019 21:44:32</t>
  </si>
  <si>
    <t>10/30/2019 21:46:51</t>
  </si>
  <si>
    <t>LOTE DISPENDIO (PWEB) para contabilização de FTE's - WIFI NAC (PI-1005271-19) - Outubro 2019</t>
  </si>
  <si>
    <t>ATEC-2019-0030-008 - Lote Disp (Out).xlsx</t>
  </si>
  <si>
    <t>10/30/2019 21:51:24</t>
  </si>
  <si>
    <t>10/30/2019 21:56:52</t>
  </si>
  <si>
    <t>LOTE DISPENDIO (PWEB) para contabilização de FTE's - PRECIFICACAO (PI-1005324-19) - Outubro 2019</t>
  </si>
  <si>
    <t>ATEC-2019-0034-001 - Lote Disp (Out).xlsx</t>
  </si>
  <si>
    <t>10/30/2019 21:55:34</t>
  </si>
  <si>
    <t>/o=exchangelabs/ou=exchange administrative group (fydibohf23spdlt)/cn=recipients/cn=1e212ef08dab4f26b88cba944f2ab7cb-pmo.governa;/o=exchangelabs/ou=exchange administrative group (fydibohf23spdlt)/cn=recipients/cn=9a3ba6096e184fb5837abcf6a6214283-daniel henr;/o=exchangelabs/ou=exchange administrative group (fydibohf23spdlt)/cn=recipients/cn=b3ad8a638fcc4c57bf8c7953dd4b3cb8-augusto ces;/o=exchangelabs/ou=exchange administrative group (fydibohf23spdlt)/cn=recipients/cn=c2ddeb3acea44eef91e8891d8d162d53-alex bernar;/o=exchangelabs/ou=exchange administrative group (fydibohf23spdlt)/cn=recipients/cn=cd7b8f1463954705b9d398b58ce8411d-dannyella f;/o=exchangelabs/ou=exchange administrative group (fydibohf23spdlt)/cn=recipients/cn=cfc48e6960e745d5a5caa3a9584c60eb-leticia vie;emerson_maia@yahoo.com.br;sarah.abreu@cscalgar.com.br;</t>
  </si>
  <si>
    <t>LOTE DISPENDIO (PWEB) para contabilização de FTE's - LGPD (PI-1005293-19) - Outubro 2019</t>
  </si>
  <si>
    <t>ATEC-2019-0052-001 - Lote Disp (Out).xlsx</t>
  </si>
  <si>
    <t>/o=exchangelabs/ou=exchange administrative group (fydibohf23spdlt)/cn=recipients/cn=1e212ef08dab4f26b88cba944f2ab7cb-pmo.governa,/o=exchangelabs/ou=exchange administrative group (fydibohf23spdlt)/cn=recipients/cn=9a3ba6096e184fb5837abcf6a6214283-daniel henr,/o=exchangelabs/ou=exchange administrative group (fydibohf23spdlt)/cn=recipients/cn=b3ad8a638fcc4c57bf8c7953dd4b3cb8-augusto ces,/o=exchangelabs/ou=exchange administrative group (fydibohf23spdlt)/cn=recipients/cn=c2ddeb3acea44eef91e8891d8d162d53-alex bernar,/o=exchangelabs/ou=exchange administrative group (fydibohf23spdlt)/cn=recipients/cn=cd7b8f1463954705b9d398b58ce8411d-dannyella f,/o=exchangelabs/ou=exchange administrative group (fydibohf23spdlt)/cn=recipients/cn=cfc48e6960e745d5a5caa3a9584c60eb-leticia vie,emerson_maia@yahoo.com.br,sarah.abreu@cscalgar.com.br</t>
  </si>
  <si>
    <t>10/30/2019 22:05:19</t>
  </si>
  <si>
    <t>10/30/2019 22:06:52</t>
  </si>
  <si>
    <t>LOTE DISPENDIO (PWEB) para contabilização de FTE's - PROJETOS ESTRATÉGICOS GAT - Outubro 2019</t>
  </si>
  <si>
    <t>PPE GAT Lote Disp (Out).xlsx</t>
  </si>
  <si>
    <t>10/30/2019 22:12:05</t>
  </si>
  <si>
    <t>10/30/2019 22:16:52</t>
  </si>
  <si>
    <t>LOTE DISPENDIO (PWEB) para contabilização de FTE's - PROJETOS ESTRATÉGICOS GRC - Outubro 2019</t>
  </si>
  <si>
    <t>PPE GRC Lote Disp (Out).xlsx</t>
  </si>
  <si>
    <t>10/30/2019 16:58:29</t>
  </si>
  <si>
    <t>10/31/2019 08:06:57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6189712535ea4b50a3625910837af2c9-larissa bra;/o=exchangelabs/ou=exchange administrative group (fydibohf23spdlt)/cn=recipients/cn=be8766b4a96d48b483378f7babe180b8-thais coimb;hugo_cesar_rodrigues_dos_santos_algar@whirlpool.com;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6189712535ea4b50a3625910837af2c9-larissa bra,/o=exchangelabs/ou=exchange administrative group (fydibohf23spdlt)/cn=recipients/cn=be8766b4a96d48b483378f7babe180b8-thais coimb,hugo_cesar_rodrigues_dos_santos_algar@whirlpool.com</t>
  </si>
  <si>
    <t>10/30/2019 16:58:34</t>
  </si>
  <si>
    <t>10/30/2019 19:55:27</t>
  </si>
  <si>
    <t>10/31/2019 08:07:57</t>
  </si>
  <si>
    <t>DT NPS - WHP Services</t>
  </si>
  <si>
    <t>DT Whirpool - Relatório Final.pptx\</t>
  </si>
  <si>
    <t>10/30/2019 20:25:49</t>
  </si>
  <si>
    <t>/o=exchangelabs/ou=exchange administrative group (fydibohf23spdlt)/cn=recipients/cn=0eb8b2385d354af2b97da6b3eb0e0e32-augusto mor;/o=exchangelabs/ou=exchange administrative group (fydibohf23spdlt)/cn=recipients/cn=3188323005a04a70962871b2b980355d-humberto pi;/o=exchangelabs/ou=exchange administrative group (fydibohf23spdlt)/cn=recipients/cn=5037aa398cdf4d9cae5ff1914ad4e4b1-joao paulo;/o=exchangelabs/ou=exchange administrative group (fydibohf23spdlt)/cn=recipients/cn=56c2af2d07fd48c0aebfc00ddc006494-alessio rod;/o=exchangelabs/ou=exchange administrative group (fydibohf23spdlt)/cn=recipients/cn=a774bfde8c594eddb355b18580e2ffa4-queren come;/o=exchangelabs/ou=exchange administrative group (fydibohf23spdlt)/cn=recipients/cn=ead082e8b94049fc88ead7cfecc4b31f-marcelo aug;</t>
  </si>
  <si>
    <t>RES: [NPS IBRC] - Resultado Parcial Outubro Semana 3 - Atendimento</t>
  </si>
  <si>
    <t>Whirlpool - Pesquisa de Satisfação com o Call Center.xlsx</t>
  </si>
  <si>
    <t>/o=exchangelabs/ou=exchange administrative group (fydibohf23spdlt)/cn=recipients/cn=0eb8b2385d354af2b97da6b3eb0e0e32-augusto mor,/o=exchangelabs/ou=exchange administrative group (fydibohf23spdlt)/cn=recipients/cn=3188323005a04a70962871b2b980355d-humberto pi,/o=exchangelabs/ou=exchange administrative group (fydibohf23spdlt)/cn=recipients/cn=5037aa398cdf4d9cae5ff1914ad4e4b1-joao paulo,/o=exchangelabs/ou=exchange administrative group (fydibohf23spdlt)/cn=recipients/cn=56c2af2d07fd48c0aebfc00ddc006494-alessio rod,/o=exchangelabs/ou=exchange administrative group (fydibohf23spdlt)/cn=recipients/cn=a774bfde8c594eddb355b18580e2ffa4-queren come,/o=exchangelabs/ou=exchange administrative group (fydibohf23spdlt)/cn=recipients/cn=ead082e8b94049fc88ead7cfecc4b31f-marcelo aug</t>
  </si>
  <si>
    <t>10/31/2019 08:07:46</t>
  </si>
  <si>
    <t>10/31/2019 08:09:57</t>
  </si>
  <si>
    <t>10.200.99.54</t>
  </si>
  <si>
    <t>adrianacro@algartech.com;carinafr@algartech.com;catianalv@algartech.com;emanuellagr@algartech.com;joycevrdje@algartech.com;lucianarsantos@algartech.com;michelesr@algartech.com;raissaasn@algartech.com;tayseifb@algartech.com;vanessarp@algartech.com;</t>
  </si>
  <si>
    <t>Ranking de Beetcoins.xls</t>
  </si>
  <si>
    <t>adrianacro@algartech.com,carinafr@algartech.com,catianalv@algartech.com,emanuellagr@algartech.com,joycevrdje@algartech.com,lucianarsantos@algartech.com,michelesr@algartech.com,raissaasn@algartech.com,tayseifb@algartech.com,vanessarp@algartech.com</t>
  </si>
  <si>
    <t>10/31/2019 08:19:12</t>
  </si>
  <si>
    <t>10/31/2019 08:21:58</t>
  </si>
  <si>
    <t>0ANALYSIS_PATTERN - 2019-10-31T081802.663.csv</t>
  </si>
  <si>
    <t>10/31/2019 08:22:56</t>
  </si>
  <si>
    <t>10/31/2019 08:23:59</t>
  </si>
  <si>
    <t>/o=exchangelabs/ou=exchange administrative group (fydibohf23spdlt)/cn=recipients/cn=65d35bc38c6743d7a55b3ae9726a5893-diego ribei;/o=exchangelabs/ou=exchange administrative group (fydibohf23spdlt)/cn=recipients/cn=7a5ceaeaef9041b49ad4d0d90f19ee70-marianna co;/o=exchangelabs/ou=exchange administrative group (fydibohf23spdlt)/cn=recipients/cn=user12c3790d;</t>
  </si>
  <si>
    <t>Acordos Engeset "DE ACORDO"</t>
  </si>
  <si>
    <t>ENC Fornecedores Engeset.msg\s1\</t>
  </si>
  <si>
    <t>/o=exchangelabs/ou=exchange administrative group (fydibohf23spdlt)/cn=recipients/cn=65d35bc38c6743d7a55b3ae9726a5893-diego ribei,/o=exchangelabs/ou=exchange administrative group (fydibohf23spdlt)/cn=recipients/cn=7a5ceaeaef9041b49ad4d0d90f19ee70-marianna co,/o=exchangelabs/ou=exchange administrative group (fydibohf23spdlt)/cn=recipients/cn=user12c3790d</t>
  </si>
  <si>
    <t>10/29/2019 19:13:07</t>
  </si>
  <si>
    <t>abilene.moraes@temposervicos.com.br;emissaogerenciadapj@algartech.com.br;gabrielals@algartech.com.br;hamiltoniof@algartech.com.br;pablo.faria@temposervicos.com.br;</t>
  </si>
  <si>
    <t>RES: EMPRESA: CELER COMERCIALIZADORA DE ENERGIA ELETRICA LTDA - CNPJ - 18.483.400/0001-60 CRM:007070000463</t>
  </si>
  <si>
    <t>CELER COMERCIALIZADORA DE ENERGIA ELETRICA LTDA.xlsx</t>
  </si>
  <si>
    <t>abilene.moraes@temposervicos.com.br,emissaogerenciadapj@algartech.com.br,gabrielals@algartech.com.br,hamiltoniof@algartech.com.br,pablo.faria@temposervicos.com.br</t>
  </si>
  <si>
    <t>10/29/2019 19:31:45</t>
  </si>
  <si>
    <t>natalia.toma@bradesco.com.br;paula.mattos@brasilplural.com;</t>
  </si>
  <si>
    <t>RES: Emisseos Cartoes BTB Plural CRM:000900002049</t>
  </si>
  <si>
    <t>natalia.toma@bradesco.com.br,paula.mattos@brasilplural.com</t>
  </si>
  <si>
    <t>10/31/2019 08:23:15</t>
  </si>
  <si>
    <t>10/31/2019 08:26:58</t>
  </si>
  <si>
    <t>0ANALYSIS_PATTERN - 2019-10-31T082216.655.csv</t>
  </si>
  <si>
    <t>10/31/2019 08:35:00</t>
  </si>
  <si>
    <t>10/31/2019 08:38:58</t>
  </si>
  <si>
    <t>10.200.57.28</t>
  </si>
  <si>
    <t>PTH 2019 - Cr 1525</t>
  </si>
  <si>
    <t>Gestão PTH - 2019 - OFICIAL - PATY(002).xlsb</t>
  </si>
  <si>
    <t>10/31/2019 08:34:49</t>
  </si>
  <si>
    <t>10/31/2019 08:37:48</t>
  </si>
  <si>
    <t>10/31/2019 08:42:58</t>
  </si>
  <si>
    <t>/o=exchangelabs/ou=exchange administrative group (fydibohf23spdlt)/cn=recipients/cn=a75579a499254c2291e852b70c4d70d1-eunice apar;/o=exchangelabs/ou=exchange administrative group (fydibohf23spdlt)/cn=recipients/cn=e39e329fc16a43329eb2766bae675122-mariana gon;</t>
  </si>
  <si>
    <t>ENC: DT NPS - WHP Services</t>
  </si>
  <si>
    <t>/o=exchangelabs/ou=exchange administrative group (fydibohf23spdlt)/cn=recipients/cn=a75579a499254c2291e852b70c4d70d1-eunice apar,/o=exchangelabs/ou=exchange administrative group (fydibohf23spdlt)/cn=recipients/cn=e39e329fc16a43329eb2766bae675122-mariana gon</t>
  </si>
  <si>
    <t>10/31/2019 08:46:39</t>
  </si>
  <si>
    <t>10/31/2019 08:47:58</t>
  </si>
  <si>
    <t>ENC: Projeto Precificação - Testes nova planilha</t>
  </si>
  <si>
    <t>215367 - Plan Precificacao C017 B017-teste.xlsb</t>
  </si>
  <si>
    <t>10/30/2019 17:48:14</t>
  </si>
  <si>
    <t>10/31/2019 08:51:58</t>
  </si>
  <si>
    <t>/o=exchangelabs/ou=exchange administrative group (fydibohf23spdlt)/cn=recipients/cn=c362eb4a46a14b4cbaf32f416b494939-larissa cri;/o=exchangelabs/ou=exchange administrative group (fydibohf23spdlt)/cn=recipients/cn=d6a585c1b60b4a57917e4a0af83bbbad-anaclsm_alg;/o=exchangelabs/ou=exchange administrative group (fydibohf23spdlt)/cn=recipients/cn=fa97b4f41f6b44568346ac119cf955ae-pablo henri;</t>
  </si>
  <si>
    <t>RES: Melhoria de Processo</t>
  </si>
  <si>
    <t>RES IB - Cliente Não Correntista.msg\s1\</t>
  </si>
  <si>
    <t>Matriz de Bloqueio_B2K_AGO19.xlsx</t>
  </si>
  <si>
    <t>/o=exchangelabs/ou=exchange administrative group (fydibohf23spdlt)/cn=recipients/cn=c362eb4a46a14b4cbaf32f416b494939-larissa cri,/o=exchangelabs/ou=exchange administrative group (fydibohf23spdlt)/cn=recipients/cn=d6a585c1b60b4a57917e4a0af83bbbad-anaclsm_alg,/o=exchangelabs/ou=exchange administrative group (fydibohf23spdlt)/cn=recipients/cn=fa97b4f41f6b44568346ac119cf955ae-pablo henri</t>
  </si>
  <si>
    <t>10/31/2019 08:51:02</t>
  </si>
  <si>
    <t>10/31/2019 08:52:58</t>
  </si>
  <si>
    <t>Ranking Maiores empresas do México</t>
  </si>
  <si>
    <t>Ranking 500 Maiores México 2018.xlsx</t>
  </si>
  <si>
    <t>10/30/2019 17:50:41</t>
  </si>
  <si>
    <t>10/31/2019 08:55:58</t>
  </si>
  <si>
    <t>10/31/2019 08:54:40</t>
  </si>
  <si>
    <t>10/31/2019 08:56:58</t>
  </si>
  <si>
    <t>/o=exchangelabs/ou=exchange administrative group (fydibohf23spdlt)/cn=recipients/cn=503af5e9cb5c4e399cc01f604e91dfb7-yolima bust;/o=exchangelabs/ou=exchange administrative group (fydibohf23spdlt)/cn=recipients/cn=509f93c55ee04a2db0c238b7a3e5d9a0-edval jose;/o=exchangelabs/ou=exchange administrative group (fydibohf23spdlt)/cn=recipients/cn=5d559e739a9e422da552ffdc9668775c-luiz fernan;/o=exchangelabs/ou=exchange administrative group (fydibohf23spdlt)/cn=recipients/cn=782d75ab3cda4cfa88d22b405cd49ea0-sueleide al;</t>
  </si>
  <si>
    <t>ENC: Clientes Vencidos acima de 91dias -Colombia -Base Junho/2019</t>
  </si>
  <si>
    <t>342_Colombia Aging Consolidado Junho19.xlsx</t>
  </si>
  <si>
    <t>/o=exchangelabs/ou=exchange administrative group (fydibohf23spdlt)/cn=recipients/cn=503af5e9cb5c4e399cc01f604e91dfb7-yolima bust,/o=exchangelabs/ou=exchange administrative group (fydibohf23spdlt)/cn=recipients/cn=509f93c55ee04a2db0c238b7a3e5d9a0-edval jose,/o=exchangelabs/ou=exchange administrative group (fydibohf23spdlt)/cn=recipients/cn=5d559e739a9e422da552ffdc9668775c-luiz fernan,/o=exchangelabs/ou=exchange administrative group (fydibohf23spdlt)/cn=recipients/cn=782d75ab3cda4cfa88d22b405cd49ea0-sueleide al</t>
  </si>
  <si>
    <t>10/30/2019 17:20:18</t>
  </si>
  <si>
    <t>10/31/2019 08:57:58</t>
  </si>
  <si>
    <t>mail.google.com/_/upload?authuser=0&amp;dcp=asu-n&amp;upload_id=AEnB2UpZt-BcFLU6Ek71qHS-SBcUk7am2qAn3njX1IDDEwnu3v1yh854W8UukuVVhIjgj4IKdyJVn40HAeSeHRMFXA80lIzvT-5O8nbEUuwaAkmxiWWhnaw&amp;upload_protocol=resumable</t>
  </si>
  <si>
    <t>D:\Projetos\ACS\One_drive\OneDrive - Grupo Algar\Projetos\</t>
  </si>
  <si>
    <t>10/31/2019 07:45:40</t>
  </si>
  <si>
    <t>10/31/2019 09:02:58</t>
  </si>
  <si>
    <t>Preencher MC</t>
  </si>
  <si>
    <t>Análise Financeira.xls</t>
  </si>
  <si>
    <t>10/31/2019 09:05:11</t>
  </si>
  <si>
    <t>10/31/2019 09:09:58</t>
  </si>
  <si>
    <t>/o=exchangelabs/ou=exchange administrative group (fydibohf23spdlt)/cn=recipients/cn=e5dfe65308934e02acfffcb2185133f4-daniel bier;</t>
  </si>
  <si>
    <t>ENC: PR216380 - SD e FS in house - Group Voith</t>
  </si>
  <si>
    <t>BID SD.zip\FSO-1910140006 - BID SD\</t>
  </si>
  <si>
    <t>Dados de cabe_alho do evento.xls</t>
  </si>
  <si>
    <t>/o=exchangelabs/ou=exchange administrative group (fydibohf23spdlt)/cn=recipients/cn=e5dfe65308934e02acfffcb2185133f4-daniel bier</t>
  </si>
  <si>
    <t>10/30/2019 19:37:18</t>
  </si>
  <si>
    <t>10/31/2019 09:11:58</t>
  </si>
  <si>
    <t>/o=exchangelabs/ou=exchange administrative group (fydibohf23spdlt)/cn=recipients/cn=1981433b28a2405b86112019a8b25d8f-rodinei per;</t>
  </si>
  <si>
    <t>20191030 Meta e Real 3º Tri_v3.xlsx</t>
  </si>
  <si>
    <t>/o=exchangelabs/ou=exchange administrative group (fydibohf23spdlt)/cn=recipients/cn=1981433b28a2405b86112019a8b25d8f-rodinei per</t>
  </si>
  <si>
    <t>10/31/2019 09:13:23</t>
  </si>
  <si>
    <t>10/31/2019 09:13:58</t>
  </si>
  <si>
    <t>C:\Users\filemoncmj\OneDrive - Grupo Algar\01. Algar Tech\01. Projetos de Clientes\47. Prudential\16. Infraestrutura\</t>
  </si>
  <si>
    <t>Prudential site 01.xlsx</t>
  </si>
  <si>
    <t>10/30/2019 18:08:30</t>
  </si>
  <si>
    <t>10/31/2019 09:15:58</t>
  </si>
  <si>
    <t>10/31/2019 09:19:10</t>
  </si>
  <si>
    <t>10/31/2019 09:19:57</t>
  </si>
  <si>
    <t>mail.google.com/_/upload?authuser=0&amp;dcp=asu-n&amp;upload_id=AEnB2UpckbMgeAtarSbHpvoK0lAtiFQE7zjXg5EZl9Mk-sDxUNBVmiCpvYu0HDtbcccMRdoD3u-CA7382zt5XV5DGlbzb9AaLjvP6zSl6VejNRPNecQGEJI&amp;upload_protocol=resumable</t>
  </si>
  <si>
    <t>daviesc@algartech.com;eduardohca@algartech.com;ismaelfs@algartech.com;julianarcda@algartech.com;murilofds@algartech.com;tatianedc@algartech.com;vivianeppe@algartech.com;</t>
  </si>
  <si>
    <t>daviesc@algartech.com,eduardohca@algartech.com,ismaelfs@algartech.com,julianarcda@algartech.com,murilofds@algartech.com,tatianedc@algartech.com,vivianeppe@algartech.com</t>
  </si>
  <si>
    <t>10/31/2019 09:21:58</t>
  </si>
  <si>
    <t>10/31/2019 09:22:58</t>
  </si>
  <si>
    <t>/o=exchangelabs/ou=exchange administrative group (fydibohf23spdlt)/cn=recipients/cn=372a4aee70df4061aed129651510b96b-raul montei;/o=exchangelabs/ou=exchange administrative group (fydibohf23spdlt)/cn=recipients/cn=3d559cad8a6b4c9ba2e512604e1484a2-marcelo mal;/o=exchangelabs/ou=exchange administrative group (fydibohf23spdlt)/cn=recipients/cn=617c18ba304146409115ba3a3aaee6b7-marco aurel;/o=exchangelabs/ou=exchange administrative group (fydibohf23spdlt)/cn=recipients/cn=97028c61ebe04c3ca84c604712943944-fabiano wil;/o=exchangelabs/ou=exchange administrative group (fydibohf23spdlt)/cn=recipients/cn=b194f014572c4c36b52132f9199df1aa-jairo junio;</t>
  </si>
  <si>
    <t>RES: revisao final - Banco PAN - 30out19</t>
  </si>
  <si>
    <t>/o=exchangelabs/ou=exchange administrative group (fydibohf23spdlt)/cn=recipients/cn=372a4aee70df4061aed129651510b96b-raul montei,/o=exchangelabs/ou=exchange administrative group (fydibohf23spdlt)/cn=recipients/cn=3d559cad8a6b4c9ba2e512604e1484a2-marcelo mal,/o=exchangelabs/ou=exchange administrative group (fydibohf23spdlt)/cn=recipients/cn=617c18ba304146409115ba3a3aaee6b7-marco aurel,/o=exchangelabs/ou=exchange administrative group (fydibohf23spdlt)/cn=recipients/cn=97028c61ebe04c3ca84c604712943944-fabiano wil,/o=exchangelabs/ou=exchange administrative group (fydibohf23spdlt)/cn=recipients/cn=b194f014572c4c36b52132f9199df1aa-jairo junio</t>
  </si>
  <si>
    <t>10/31/2019 09:25:22</t>
  </si>
  <si>
    <t>10/31/2019 09:26:59</t>
  </si>
  <si>
    <t>/o=exchangelabs/ou=exchange administrative group (fydibohf23spdlt)/cn=recipients/cn=55f846c335d7437f892f0b0d49c89e92-celma ribei;/o=exchangelabs/ou=exchange administrative group (fydibohf23spdlt)/cn=recipients/cn=9817f470a69749f88d51a245010c81fc-edson cruz;</t>
  </si>
  <si>
    <t>Contratos Engeset.xlsx</t>
  </si>
  <si>
    <t>/o=exchangelabs/ou=exchange administrative group (fydibohf23spdlt)/cn=recipients/cn=55f846c335d7437f892f0b0d49c89e92-celma ribei,/o=exchangelabs/ou=exchange administrative group (fydibohf23spdlt)/cn=recipients/cn=9817f470a69749f88d51a245010c81fc-edson cruz</t>
  </si>
  <si>
    <t>10/31/2019 09:27:33</t>
  </si>
  <si>
    <t>10/31/2019 09:31:58</t>
  </si>
  <si>
    <t>10/31/2019 09:35:10</t>
  </si>
  <si>
    <t>10/31/2019 09:36:58</t>
  </si>
  <si>
    <t>ALGAR___Relatorio_de_Movimenta_311019.xls.xlsx</t>
  </si>
  <si>
    <t>10/31/2019 09:36:14</t>
  </si>
  <si>
    <t>10/31/2019 09:37:58</t>
  </si>
  <si>
    <t>robertaasp@algartech.com;</t>
  </si>
  <si>
    <t>RES: Validação Estrutura GH para Pesquisa de Clima</t>
  </si>
  <si>
    <t>Hierarquia_Pesquisa de Clima_GAT - Suélen.xlsx</t>
  </si>
  <si>
    <t>robertaasp@algartech.com</t>
  </si>
  <si>
    <t>10/30/2019 14:51:12</t>
  </si>
  <si>
    <t>10/31/2019 09:47:59</t>
  </si>
  <si>
    <t>ENC: Recuperação de Valor</t>
  </si>
  <si>
    <t>Planilha Recuperação de Gastos _17092018.xlsb</t>
  </si>
  <si>
    <t>10/30/2019 15:47:47</t>
  </si>
  <si>
    <t>Rodar Template</t>
  </si>
  <si>
    <t>OFICIAL_340030006 V2.xlsb</t>
  </si>
  <si>
    <t>10/30/2019 17:31:37</t>
  </si>
  <si>
    <t>/o=exchangelabs/ou=exchange administrative group (fydibohf23spdlt)/cn=recipients/cn=33d249108a194f94ad1c0c445c411f81-sabrina vie;/o=exchangelabs/ou=exchange administrative group (fydibohf23spdlt)/cn=recipients/cn=6bc6ced03b1b4fafa41bb5c70c178940-antonio per;/o=exchangelabs/ou=exchange administrative group (fydibohf23spdlt)/cn=recipients/cn=b1a72fc2d0234efca84c7771ea70c7ee-roberta cri;</t>
  </si>
  <si>
    <t>DRE_AJUSTE DE TI</t>
  </si>
  <si>
    <t>DRE_AJUSTE DE TI.xlsx</t>
  </si>
  <si>
    <t>/o=exchangelabs/ou=exchange administrative group (fydibohf23spdlt)/cn=recipients/cn=33d249108a194f94ad1c0c445c411f81-sabrina vie,/o=exchangelabs/ou=exchange administrative group (fydibohf23spdlt)/cn=recipients/cn=6bc6ced03b1b4fafa41bb5c70c178940-antonio per,/o=exchangelabs/ou=exchange administrative group (fydibohf23spdlt)/cn=recipients/cn=b1a72fc2d0234efca84c7771ea70c7ee-roberta cri</t>
  </si>
  <si>
    <t>10/30/2019 17:53:37</t>
  </si>
  <si>
    <t>/o=exchangelabs/ou=exchange administrative group (fydibohf23spdlt)/cn=recipients/cn=4adb6e0b3de84bf2bfdb543494159749-leandro lim;/o=exchangelabs/ou=exchange administrative group (fydibohf23spdlt)/cn=recipients/cn=5dc660c055e14f5ab5647ab38237cbdc-eduardo aug;/o=exchangelabs/ou=exchange administrative group (fydibohf23spdlt)/cn=recipients/cn=6bc6ced03b1b4fafa41bb5c70c178940-antonio per;/o=exchangelabs/ou=exchange administrative group (fydibohf23spdlt)/cn=recipients/cn=8e4869266a924042a8d9b8e9156c0081-gilson da s;/o=exchangelabs/ou=exchange administrative group (fydibohf23spdlt)/cn=recipients/cn=a72a765de829420582b78941417073ac-karina rodr;/o=exchangelabs/ou=exchange administrative group (fydibohf23spdlt)/cn=recipients/cn=c29ec9dae022497281c840087cccddec-patricia ar;</t>
  </si>
  <si>
    <t>ESTRUTURAS EBIT V2.xlsx</t>
  </si>
  <si>
    <t>/o=exchangelabs/ou=exchange administrative group (fydibohf23spdlt)/cn=recipients/cn=4adb6e0b3de84bf2bfdb543494159749-leandro lim,/o=exchangelabs/ou=exchange administrative group (fydibohf23spdlt)/cn=recipients/cn=5dc660c055e14f5ab5647ab38237cbdc-eduardo aug,/o=exchangelabs/ou=exchange administrative group (fydibohf23spdlt)/cn=recipients/cn=6bc6ced03b1b4fafa41bb5c70c178940-antonio per,/o=exchangelabs/ou=exchange administrative group (fydibohf23spdlt)/cn=recipients/cn=8e4869266a924042a8d9b8e9156c0081-gilson da s,/o=exchangelabs/ou=exchange administrative group (fydibohf23spdlt)/cn=recipients/cn=a72a765de829420582b78941417073ac-karina rodr,/o=exchangelabs/ou=exchange administrative group (fydibohf23spdlt)/cn=recipients/cn=c29ec9dae022497281c840087cccddec-patricia ar</t>
  </si>
  <si>
    <t>10/30/2019 18:28:10</t>
  </si>
  <si>
    <t>/o=exchangelabs/ou=exchange administrative group (fydibohf23spdlt)/cn=recipients/cn=0ca6cc8d100949a7866a928f62ef5778-rosilene de;/o=exchangelabs/ou=exchange administrative group (fydibohf23spdlt)/cn=recipients/cn=52684aee05874b27a5c249763c2fe008-andre mota;/o=exchangelabs/ou=exchange administrative group (fydibohf23spdlt)/cn=recipients/cn=6fbc44b6d6b549208175d5a27201bd13-cintia nune;/o=exchangelabs/ou=exchange administrative group (fydibohf23spdlt)/cn=recipients/cn=78e530b5e3244cc1a89eba7f7b0af42f-marco tulio;/o=exchangelabs/ou=exchange administrative group (fydibohf23spdlt)/cn=recipients/cn=8ab5e44d485043d59eb4f21463e63e6a-tays dos sa;/o=exchangelabs/ou=exchange administrative group (fydibohf23spdlt)/cn=recipients/cn=8d66bf0fd9334a81b7c67eda8652a948-guilherme c;/o=exchangelabs/ou=exchange administrative group (fydibohf23spdlt)/cn=recipients/cn=a72a765de829420582b78941417073ac-karina rodr;/o=exchangelabs/ou=exchange administrative group (fydibohf23spdlt)/cn=recipients/cn=a75579a499254c2291e852b70c4d70d1-eunic</t>
  </si>
  <si>
    <t>VALIDAÇÃO FORECAST NOV-DEZ.19</t>
  </si>
  <si>
    <t>VALIDAÇÃO FORECAST NOV-DEZ.19.xlsx</t>
  </si>
  <si>
    <t>/o=exchangelabs/ou=exchange administrative group (fydibohf23spdlt)/cn=recipients/cn=0ca6cc8d100949a7866a928f62ef5778-rosilene de,/o=exchangelabs/ou=exchange administrative group (fydibohf23spdlt)/cn=recipients/cn=52684aee05874b27a5c249763c2fe008-andre mota,/o=exchangelabs/ou=exchange administrative group (fydibohf23spdlt)/cn=recipients/cn=6fbc44b6d6b549208175d5a27201bd13-cintia nune,/o=exchangelabs/ou=exchange administrative group (fydibohf23spdlt)/cn=recipients/cn=78e530b5e3244cc1a89eba7f7b0af42f-marco tulio,/o=exchangelabs/ou=exchange administrative group (fydibohf23spdlt)/cn=recipients/cn=8ab5e44d485043d59eb4f21463e63e6a-tays dos sa,/o=exchangelabs/ou=exchange administrative group (fydibohf23spdlt)/cn=recipients/cn=8d66bf0fd9334a81b7c67eda8652a948-guilherme c,/o=exchangelabs/ou=exchange administrative group (fydibohf23spdlt)/cn=recipients/cn=a72a765de829420582b78941417073ac-karina rodr,/o=exchangelabs/ou=exchange administrative group (fydibohf23spdlt)/cn=recipients/cn=a75579a499254c2291e852b70c4d70d1-eunic</t>
  </si>
  <si>
    <t>10/31/2019 09:44:18</t>
  </si>
  <si>
    <t>10/31/2019 09:48:58</t>
  </si>
  <si>
    <t>/o=exchangelabs/ou=exchange administrative group (fydibohf23spdlt)/cn=recipients/cn=39c9ded1dddd4d8c8eea5cf9eae5a630-carlos edua;/o=exchangelabs/ou=exchange administrative group (fydibohf23spdlt)/cn=recipients/cn=515d9b808d0f4fa9afcf67b343194fe8-victor edua;/o=exchangelabs/ou=exchange administrative group (fydibohf23spdlt)/cn=recipients/cn=6e13ab1bfd33477d87427f29c4f7ef60-joao victor;/o=exchangelabs/ou=exchange administrative group (fydibohf23spdlt)/cn=recipients/cn=8c01e71056fe4e1a8ecc4e24420bd9ef-fellyp cros;/o=exchangelabs/ou=exchange administrative group (fydibohf23spdlt)/cn=recipients/cn=d37e39e595f04a75b148ca95d5465931-alexandro c;fabiano.m.amaral@gmail.com;</t>
  </si>
  <si>
    <t>SALDO PN KRC 131 1002/2 DTRU-9 EDGE RADIO UNIT (900)</t>
  </si>
  <si>
    <t>DTRU - 900.xlsx</t>
  </si>
  <si>
    <t>/o=exchangelabs/ou=exchange administrative group (fydibohf23spdlt)/cn=recipients/cn=39c9ded1dddd4d8c8eea5cf9eae5a630-carlos edua,/o=exchangelabs/ou=exchange administrative group (fydibohf23spdlt)/cn=recipients/cn=515d9b808d0f4fa9afcf67b343194fe8-victor edua,/o=exchangelabs/ou=exchange administrative group (fydibohf23spdlt)/cn=recipients/cn=6e13ab1bfd33477d87427f29c4f7ef60-joao victor,/o=exchangelabs/ou=exchange administrative group (fydibohf23spdlt)/cn=recipients/cn=8c01e71056fe4e1a8ecc4e24420bd9ef-fellyp cros,/o=exchangelabs/ou=exchange administrative group (fydibohf23spdlt)/cn=recipients/cn=d37e39e595f04a75b148ca95d5465931-alexandro c,fabiano.m.amaral@gmail.com</t>
  </si>
  <si>
    <t>10/31/2019 09:47:27</t>
  </si>
  <si>
    <t>10/31/2019 09:50:58</t>
  </si>
  <si>
    <t>10.207.12.56</t>
  </si>
  <si>
    <t>ENC: Relatório Filas BackOffice Avon 31/10/2019</t>
  </si>
  <si>
    <t>10/31/2019 09:49:55</t>
  </si>
  <si>
    <t>10/31/2019 09:51:59</t>
  </si>
  <si>
    <t>10/31/2019 10:02:35</t>
  </si>
  <si>
    <t>10/31/2019 10:04:58</t>
  </si>
  <si>
    <t>adriana.bitencourt@bradesco.com.br;darodrigues@lpht.com.br;maimola@lpht.com.br;rnfernandes@lpht.com.br;sdoliveira@lpht.com.br;</t>
  </si>
  <si>
    <t>RES: Configuração sistema Cartão de Crédito</t>
  </si>
  <si>
    <t>Extração de Dados Cartão Corporativo 2019-20191031_124915.xlsx</t>
  </si>
  <si>
    <t>adriana.bitencourt@bradesco.com.br,darodrigues@lpht.com.br,maimola@lpht.com.br,rnfernandes@lpht.com.br,sdoliveira@lpht.com.br</t>
  </si>
  <si>
    <t>10/31/2019 10:00:18</t>
  </si>
  <si>
    <t>Departamental_ALGARTI.csv</t>
  </si>
  <si>
    <t>10/31/2019 10:01:31</t>
  </si>
  <si>
    <t>Departamental_ENGESET.csv</t>
  </si>
  <si>
    <t>10/31/2019 10:03:14</t>
  </si>
  <si>
    <t>10/31/2019 10:04:45</t>
  </si>
  <si>
    <t>10/31/2019 10:05:58</t>
  </si>
  <si>
    <t>C:\Users\ricardobal\OneDrive - Grupo Algar\Algar Tecnologia\01 - CLIENTES\DATACOM\215376\</t>
  </si>
  <si>
    <t>215376 - PLANILHA TRANSACIONAL.xlsx</t>
  </si>
  <si>
    <t>10/31/2019 10:04:29</t>
  </si>
  <si>
    <t>10/31/2019 10:06:59</t>
  </si>
  <si>
    <t>\\acsfs\DEPTOS\Engenharia\2 - Service Desk\2.19 - Help Desk Corporate\2.19.9 - Outros\SUPERVISORES\Paulo Ricardo\Backup_Paulo\</t>
  </si>
  <si>
    <t>Prova_Analista_Suporte.xlsx</t>
  </si>
  <si>
    <t>10/31/2019 10:07:26</t>
  </si>
  <si>
    <t>10/31/2019 10:07:58</t>
  </si>
  <si>
    <t>10.200.60.188</t>
  </si>
  <si>
    <t>Análise Financeira Leandro.xls</t>
  </si>
  <si>
    <t>10/31/2019 10:08:22</t>
  </si>
  <si>
    <t>10/31/2019 10:09:58</t>
  </si>
  <si>
    <t>10/31/2019 10:09:49</t>
  </si>
  <si>
    <t>10/31/2019 10:10:58</t>
  </si>
  <si>
    <t>10/31/2019 10:10:29</t>
  </si>
  <si>
    <t>10/31/2019 10:12:59</t>
  </si>
  <si>
    <t>/o=exchangelabs/ou=exchange administrative group (fydibohf23spdlt)/cn=recipients/cn=6bc6ced03b1b4fafa41bb5c70c178940-antonio per;/o=exchangelabs/ou=exchange administrative group (fydibohf23spdlt)/cn=recipients/cn=78e530b5e3244cc1a89eba7f7b0af42f-marco tulio;</t>
  </si>
  <si>
    <t>XPERIENCE - LICENÇAS CONTRATO ANTIGO</t>
  </si>
  <si>
    <t>XPERIENCE - LICENÇAS CONTRATO ANTIGO.xlsx</t>
  </si>
  <si>
    <t>/o=exchangelabs/ou=exchange administrative group (fydibohf23spdlt)/cn=recipients/cn=6bc6ced03b1b4fafa41bb5c70c178940-antonio per,/o=exchangelabs/ou=exchange administrative group (fydibohf23spdlt)/cn=recipients/cn=78e530b5e3244cc1a89eba7f7b0af42f-marco tulio</t>
  </si>
  <si>
    <t>10/31/2019 10:10:21</t>
  </si>
  <si>
    <t>10/31/2019 10:13:59</t>
  </si>
  <si>
    <t>/o=exchangelabs/ou=exchange administrative group (fydibohf23spdlt)/cn=recipients/cn=bec14da9ad4d434b8151ce12587e9186-khassio mar;/o=exchangelabs/ou=exchange administrative group (fydibohf23spdlt)/cn=recipients/cn=d8ab77282d2d4f648a84840ef886dad9-eneias viei;jacqueline.m.ferreira@bradesco.com.br;liliane.alves@bradesco.com.br;thais.montes@bradesco.com.br;tiago.justino@bradesco.com.br;vanessa.r.silva@bradesco.com.br;</t>
  </si>
  <si>
    <t>RES: Status Report - Demandas Pendentes Migração - 11/10</t>
  </si>
  <si>
    <t>Fwd Status Report - Demandas Pendentes Migração - 1110.msg\s1\</t>
  </si>
  <si>
    <t>/o=exchangelabs/ou=exchange administrative group (fydibohf23spdlt)/cn=recipients/cn=bec14da9ad4d434b8151ce12587e9186-khassio mar,/o=exchangelabs/ou=exchange administrative group (fydibohf23spdlt)/cn=recipients/cn=d8ab77282d2d4f648a84840ef886dad9-eneias viei,jacqueline.m.ferreira@bradesco.com.br,liliane.alves@bradesco.com.br,thais.montes@bradesco.com.br,tiago.justino@bradesco.com.br,vanessa.r.silva@bradesco.com.br</t>
  </si>
  <si>
    <t>10/31/2019 10:09:40</t>
  </si>
  <si>
    <t>10/31/2019 10:14:58</t>
  </si>
  <si>
    <t>Book de entregas PCP.xlsx</t>
  </si>
  <si>
    <t>10/31/2019 10:11:57</t>
  </si>
  <si>
    <t>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b1a72fc2d0234efca84c7771ea70c7ee-roberta cri;camilat@algartech.com;</t>
  </si>
  <si>
    <t>RES: Faturamento CR 340002017 e 340020049</t>
  </si>
  <si>
    <t>340002017_SD_Reajustado_V2.xlsm</t>
  </si>
  <si>
    <t>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b1a72fc2d0234efca84c7771ea70c7ee-roberta cri,camilat@algartech.com</t>
  </si>
  <si>
    <t>10/31/2019 10:19:15</t>
  </si>
  <si>
    <t>10/31/2019 10:22:59</t>
  </si>
  <si>
    <t>22044 UDI - WHIRLPOOL - SERV CONSUMIDOR DA GENTE.xls</t>
  </si>
  <si>
    <t>10/31/2019 10:19:42</t>
  </si>
  <si>
    <t>10/31/2019 10:21:27</t>
  </si>
  <si>
    <t>10/31/2019 10:21:44</t>
  </si>
  <si>
    <t>http://erp.algartech.com/techonline/workflow/postupload.aspx?tp=rem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</t>
  </si>
  <si>
    <t>10/31/2019 10:25:23</t>
  </si>
  <si>
    <t>10/31/2019 10:26:59</t>
  </si>
  <si>
    <t>10/31/2019 10:25:16</t>
  </si>
  <si>
    <t>10/31/2019 10:28:00</t>
  </si>
  <si>
    <t>mail.google.com/_/upload?authuser=0&amp;dcp=asu-n&amp;upload_id=AEnB2UpnMsvQf1eLF68h7MhwnQAh92InxFUevXMwlvzaHyqNup4VP6aa4HvdCNm377cGZR3bZfS6zEUAc8SicaAsccqLb1f5q2avuXRgQmBz587MzW91T0I&amp;upload_protocol=resumable</t>
  </si>
  <si>
    <t>amauricc@algartech.com;carlossfj@algartech.com;helberpt@algartech.com;hugooc@algartech.com;leonardoil@algartech.com;tamaralg@algartech.com;</t>
  </si>
  <si>
    <t>D:\Projetos\ACS\One_drive\OneDrive - Grupo Algar\Projetos\Yahsat\</t>
  </si>
  <si>
    <t>relatorio_atendimento_analitico__exportacao_5dbadd3e6e4ec.csv</t>
  </si>
  <si>
    <t>amauricc@algartech.com,carlossfj@algartech.com,helberpt@algartech.com,hugooc@algartech.com,leonardoil@algartech.com,tamaralg@algartech.com</t>
  </si>
  <si>
    <t>10/31/2019 10:22:44</t>
  </si>
  <si>
    <t>22053 - UDI - WHIRLPOOL - SERV JEC.xls</t>
  </si>
  <si>
    <t>10/31/2019 10:22:58</t>
  </si>
  <si>
    <t>10/31/2019 10:24:45</t>
  </si>
  <si>
    <t>10/31/2019 10:28:59</t>
  </si>
  <si>
    <t>Lista de resgate - via SMS MMA.xls</t>
  </si>
  <si>
    <t>10/31/2019 10:25:41</t>
  </si>
  <si>
    <t>mail.google.com/_/upload?authuser=0&amp;dcp=asu-n&amp;upload_id=AEnB2Uo3nEe39MfDorizs43KT_2EfUXPJSQwoSFnQBpeSpZ8QXDg8BLJtTV0dON9I4fh4GA5VZ3gfiHMVUd1vMdNZ9DDI1eyFQ&amp;upload_protocol=resumable</t>
  </si>
  <si>
    <t>C:\Users\raphaelapm\Desktop\MATERIAL DYNAMICS\DESORGANIZADOS\</t>
  </si>
  <si>
    <t>__Informativos de Dynamics__TUDO.xlsx</t>
  </si>
  <si>
    <t>10/31/2019 10:28:11</t>
  </si>
  <si>
    <t>/o=exchangelabs/ou=exchange administrative group (fydibohf23spdlt)/cn=recipients/cn=8c01e71056fe4e1a8ecc4e24420bd9ef-fellyp cros;bjusto_amerinode@timbrasil.com.br;kfreitas_sa@timbrasil.com.br;</t>
  </si>
  <si>
    <t>REPOSIÇÃO DE ESTOQUE</t>
  </si>
  <si>
    <t>MATERIAIS COLETA GTC.xlsx</t>
  </si>
  <si>
    <t>/o=exchangelabs/ou=exchange administrative group (fydibohf23spdlt)/cn=recipients/cn=8c01e71056fe4e1a8ecc4e24420bd9ef-fellyp cros,bjusto_amerinode@timbrasil.com.br,kfreitas_sa@timbrasil.com.br</t>
  </si>
  <si>
    <t>10/31/2019 10:29:42</t>
  </si>
  <si>
    <t>10/31/2019 10:31:59</t>
  </si>
  <si>
    <t>340500088 - Template Orçamentário Demais Pacotes - 2020-DFSTAFF-01.xlsb</t>
  </si>
  <si>
    <t>10/31/2019 10:29:00</t>
  </si>
  <si>
    <t>10/31/2019 10:32:59</t>
  </si>
  <si>
    <t>ythiakgm@gmail.com;</t>
  </si>
  <si>
    <t>ENC: Departamental atualizada</t>
  </si>
  <si>
    <t>Grupo Algar - TH - _Relatório de Cadastro Geral20191021100824.csv</t>
  </si>
  <si>
    <t>ythiakgm@gmail.com</t>
  </si>
  <si>
    <t>22031 - UDI - WHIRLPOOL - SERV SEG N1 ASSURANT.xlsx</t>
  </si>
  <si>
    <t>10/31/2019 10:29:18</t>
  </si>
  <si>
    <t>10/31/2019 10:30:02</t>
  </si>
  <si>
    <t>22032 - UDI - WHIRLPOOL - SERV SEG N2 ASSURANT.xlsx</t>
  </si>
  <si>
    <t>10/31/2019 10:30:16</t>
  </si>
  <si>
    <t>10/31/2019 10:31:16</t>
  </si>
  <si>
    <t>22033 - UDI - WHIRLPOOL - SERV SEG N1 CARDIF.xlsx</t>
  </si>
  <si>
    <t>10/31/2019 10:32:24</t>
  </si>
  <si>
    <t>10/31/2019 10:36:59</t>
  </si>
  <si>
    <t>Farol Churn - Parcial - Out/2019 - 30/10/19</t>
  </si>
  <si>
    <t>Base BW % Conversão - Out-2019 - Parcial - 30-10-2019.xlsm</t>
  </si>
  <si>
    <t>10/31/2019 10:36:08</t>
  </si>
  <si>
    <t>Produtividade RAF - Out-2019 - Parcial - 30-10-19.xlsm</t>
  </si>
  <si>
    <t>10/31/2019 10:33:37</t>
  </si>
  <si>
    <t>10/31/2019 10:37:59</t>
  </si>
  <si>
    <t>22034 - UDI - WHIRLPOOL - SERV SEG N2 CARDIF.xlsx</t>
  </si>
  <si>
    <t>10/31/2019 10:33:50</t>
  </si>
  <si>
    <t>10/31/2019 10:34:26</t>
  </si>
  <si>
    <t>22035 - UDI - WHIRLPOOL - SERV SEG N1 ZURICH.xlsx</t>
  </si>
  <si>
    <t>10/31/2019 10:34:44</t>
  </si>
  <si>
    <t>10/31/2019 10:35:15</t>
  </si>
  <si>
    <t>22036 - UDI - WHIRLPOOL - SERV SEG N2 ZURICH.xlsx</t>
  </si>
  <si>
    <t>10/31/2019 10:35:44</t>
  </si>
  <si>
    <t>10/31/2019 10:36:14</t>
  </si>
  <si>
    <t>10/31/2019 10:38:59</t>
  </si>
  <si>
    <t>2018 real</t>
  </si>
  <si>
    <t>CH28-20_20191031_103540.xls</t>
  </si>
  <si>
    <t>10/31/2019 10:44:12</t>
  </si>
  <si>
    <t>10/31/2019 10:46:00</t>
  </si>
  <si>
    <t>31_10_2019 - Relatório Pipeline - Base</t>
  </si>
  <si>
    <t>Relatório Pipeline_Afonso_ 19_10_31.xlsx</t>
  </si>
  <si>
    <t>10/31/2019 10:43:07</t>
  </si>
  <si>
    <t>/o=exchangelabs/ou=exchange administrative group (fydibohf23spdlt)/cn=recipients/cn=240fafdb21074ab9a87c95d3265e411c-rodrigo rod;/o=exchangelabs/ou=exchange administrative group (fydibohf23spdlt)/cn=recipients/cn=aef94c0f98b44279a41d719230c27333-sabrina dan;tatianedc@algartech.com;</t>
  </si>
  <si>
    <t>ENC: Preencher MC</t>
  </si>
  <si>
    <t>/o=exchangelabs/ou=exchange administrative group (fydibohf23spdlt)/cn=recipients/cn=240fafdb21074ab9a87c95d3265e411c-rodrigo rod,/o=exchangelabs/ou=exchange administrative group (fydibohf23spdlt)/cn=recipients/cn=aef94c0f98b44279a41d719230c27333-sabrina dan,tatianedc@algartech.com</t>
  </si>
  <si>
    <t>10/31/2019 10:47:46</t>
  </si>
  <si>
    <t>10/31/2019 10:48:59</t>
  </si>
  <si>
    <t>/o=exchangelabs/ou=exchange administrative group (fydibohf23spdlt)/cn=recipients/cn=0a87f2cad91d442c9f093f600a4c5266-vanessa rod;/o=exchangelabs/ou=exchange administrative group (fydibohf23spdlt)/cn=recipients/cn=545f738e0fe740ba856f4eb6ef0135e0-vinicius si;/o=exchangelabs/ou=exchange administrative group (fydibohf23spdlt)/cn=recipients/cn=80fb880d4e904fd9990f1ffec561717a-avon - supe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/o=exchangelabs/ou=exchange administrative group (fydibohf23spdlt)/cn=recipients/cn=0a87f2cad91d442c9f093f600a4c5266-vanessa rod,/o=exchangelabs/ou=exchange administrative group (fydibohf23spdlt)/cn=recipients/cn=545f738e0fe740ba856f4eb6ef0135e0-vinicius si,/o=exchangelabs/ou=exchange administrative group (fydibohf23spdlt)/cn=recipients/cn=80fb880d4e904fd9990f1ffec561717a-avon - supe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10/31/2019 10:50:12</t>
  </si>
  <si>
    <t>10/31/2019 10:54:59</t>
  </si>
  <si>
    <t>/o=exchangelabs/ou=exchange administrative group (fydibohf23spdlt)/cn=recipients/cn=430b7fc0ccfe4728933af1b3039c7e24-marcus gome;/o=exchangelabs/ou=exchange administrative group (fydibohf23spdlt)/cn=recipients/cn=f681a87682ec4eb3b3dfa2503f9869d3-filipe rese;/o=exchangelabs/ou=exchange administrative group (fydibohf23spdlt)/cn=recipients/cn=fe134ce6f7124ebfa00395a14326bd71-luciana ber;</t>
  </si>
  <si>
    <t>TB03_20191031_091907.xls</t>
  </si>
  <si>
    <t>/o=exchangelabs/ou=exchange administrative group (fydibohf23spdlt)/cn=recipients/cn=430b7fc0ccfe4728933af1b3039c7e24-marcus gome,/o=exchangelabs/ou=exchange administrative group (fydibohf23spdlt)/cn=recipients/cn=f681a87682ec4eb3b3dfa2503f9869d3-filipe rese,/o=exchangelabs/ou=exchange administrative group (fydibohf23spdlt)/cn=recipients/cn=fe134ce6f7124ebfa00395a14326bd71-luciana ber</t>
  </si>
  <si>
    <t>10/31/2019 10:54:13</t>
  </si>
  <si>
    <t>10/31/2019 10:56:59</t>
  </si>
  <si>
    <t>mail.google.com/_/upload?authuser=0&amp;dcp=asu-n&amp;upload_id=AEnB2UplBHn6xe2uX9WRP5RiCn0AlTHGNLsUU7iz-yim6-EtORB-gxRDt5zAlBSwg5NYjBWkm7eu0t7QqBhn362vtmHFSjcjPA&amp;upload_protocol=resumable</t>
  </si>
  <si>
    <t>\\acsfs\DEPTOS\Engenharia\2 - Service Desk\2.19 - Help Desk Corporate\2.19.9 - Outros\SUPERVISORES\Lucas Rabboni\001 - Equipes\2.UPC\Controle de entregas\08 Painel Agosto\</t>
  </si>
  <si>
    <t>Painel UPC.xlsx</t>
  </si>
  <si>
    <t>10/31/2019 10:58:29</t>
  </si>
  <si>
    <t>10/31/2019 11:02:00</t>
  </si>
  <si>
    <t>CÃ³pia de 2 - Gestao - Codigos de Custo (CC) - Vigilancia.xlsx</t>
  </si>
  <si>
    <t>10/31/2019 11:01:19</t>
  </si>
  <si>
    <t>10/31/2019 10:59:50</t>
  </si>
  <si>
    <t>10/31/2019 11:02:59</t>
  </si>
  <si>
    <t>10/31/2019 11:02:01</t>
  </si>
  <si>
    <t>10/31/2019 11:03:59</t>
  </si>
  <si>
    <t>\\acsfs\qld\gestão por processos\oficiais\indicadores\automação de processos\01 - aplicaÇÕes\02 - qlikview\01 - inputs\24 - analise financeira mensal\arquivos\auxiliar\</t>
  </si>
  <si>
    <t>tb_consolidacao_alteracao argentina.xlsx</t>
  </si>
  <si>
    <t>10/31/2019 11:02:51</t>
  </si>
  <si>
    <t>10/31/2019 11:04:59</t>
  </si>
  <si>
    <t>10/31/2019 11:07:00</t>
  </si>
  <si>
    <t>10/31/2019 11:06:40</t>
  </si>
  <si>
    <t>10/31/2019 11:05:21</t>
  </si>
  <si>
    <t>PLANILHA DE ENTREGA DE CAIXA - CAMPANHA 19.xls</t>
  </si>
  <si>
    <t>10/31/2019 11:04:00</t>
  </si>
  <si>
    <t>10/31/2019 11:08:00</t>
  </si>
  <si>
    <t>leandrolds@algartech.com;patriciaac@algartech.com;rodrigormc@algartech.com;</t>
  </si>
  <si>
    <t>leandrolds@algartech.com,patriciaac@algartech.com,rodrigormc@algartech.com</t>
  </si>
  <si>
    <t>10/31/2019 11:07:15</t>
  </si>
  <si>
    <t>10/31/2019 11:12:00</t>
  </si>
  <si>
    <t>10/31/2019 11:15:26</t>
  </si>
  <si>
    <t>10/31/2019 11:17:00</t>
  </si>
  <si>
    <t>RES: Centro de custos - VISA VIGILANCIA</t>
  </si>
  <si>
    <t>10/31/2019 11:12:33</t>
  </si>
  <si>
    <t>10/31/2019 11:18:00</t>
  </si>
  <si>
    <t>ESTRUTURAS EBIT V2 - COM TFL.xlsx</t>
  </si>
  <si>
    <t>10/31/2019 11:16:00</t>
  </si>
  <si>
    <t>/o=exchangelabs/ou=exchange administrative group (fydibohf23spdlt)/cn=recipients/cn=e70cc16764ef4e4fac6e4581f29c2881-valeria bet;hugo_cesar_rodrigues_dos_santos_algar@whirlpool.com;larissabdi@algartech.com;</t>
  </si>
  <si>
    <t>RES: Aderência TTV</t>
  </si>
  <si>
    <t>WFM TTV - Atualização de Aderência_Novembro2019.msg\s1\OPERAÇÕES ROSI.zip\</t>
  </si>
  <si>
    <t>/o=exchangelabs/ou=exchange administrative group (fydibohf23spdlt)/cn=recipients/cn=e70cc16764ef4e4fac6e4581f29c2881-valeria bet,hugo_cesar_rodrigues_dos_santos_algar@whirlpool.com,larissabdi@algartech.com</t>
  </si>
  <si>
    <t>10/31/2019 11:16:46</t>
  </si>
  <si>
    <t>10/31/2019 11:19:00</t>
  </si>
  <si>
    <t>C:\Users\mariannacsm\OneDrive - Grupo Algar\0- PMO-POOL\POOL\02 - Volumes CCC 2020\Saving\Enviado para o Diego em 3010 - Cópia (2)\</t>
  </si>
  <si>
    <t>10/31/2019 11:16:59</t>
  </si>
  <si>
    <t>C:\Users\mariannacsm\OneDrive - Grupo Algar\0- PMO-POOL\POOL\02 - Volumes CCC 2020\Saving\Enviado para o Diego em 3010 - Cópia (2)\Saving OPEX 2810.pptx\</t>
  </si>
  <si>
    <t>10/31/2019 11:17:25</t>
  </si>
  <si>
    <t>C:\Users\mariannacsm\OneDrive - Grupo Algar\0- PMO-POOL\POOL\02 - Volumes CCC 2020\Saving\Enviado para o Diego em 3110 - Enviar Pacotes\Saving OPEX 2810.pptx\</t>
  </si>
  <si>
    <t>10/31/2019 11:18:37</t>
  </si>
  <si>
    <t>10/31/2019 11:21:00</t>
  </si>
  <si>
    <t>10/31/2019 11:24:19</t>
  </si>
  <si>
    <t>10/31/2019 11:25:00</t>
  </si>
  <si>
    <t>ENC: Relatório ecohouse sac</t>
  </si>
  <si>
    <t>LOGIN-LOGOUT.xlsx</t>
  </si>
  <si>
    <t>10/31/2019 11:22:26</t>
  </si>
  <si>
    <t>10/31/2019 11:26:00</t>
  </si>
  <si>
    <t>31_10_2019 - Relatório Pipeline - Hunter</t>
  </si>
  <si>
    <t>Relatório Pipeline_Raul_ 2019_10_31.xlsx</t>
  </si>
  <si>
    <t>10/31/2019 11:20:44</t>
  </si>
  <si>
    <t>Planilha em Saving OPEX 2810 - Somente Leitura 2.xlsx</t>
  </si>
  <si>
    <t>10/31/2019 11:26:33</t>
  </si>
  <si>
    <t>10/31/2019 11:30:00</t>
  </si>
  <si>
    <t>mail.google.com/_/upload?authuser=0&amp;dcp=asu-n&amp;upload_id=AEnB2UrzuCDrvglvDhQgNeMlS8FKWNHjah4aB_77Fj8yqE1u__kfZEpYGcrWHAG8ig2P_e3lAdstZZy7ZhPqbXE4--ynvDa6IO5CI-s3hA9D_HIki_kWmd0&amp;upload_protocol=resumable</t>
  </si>
  <si>
    <t>alinedsdi@algartech.com;camilaammm@algartech.com;jackelinegn@algartech.com;</t>
  </si>
  <si>
    <t>AUDITORIA (1).xlsx</t>
  </si>
  <si>
    <t>alinedsdi@algartech.com,camilaammm@algartech.com,jackelinegn@algartech.com</t>
  </si>
  <si>
    <t>10/31/2019 11:33:19</t>
  </si>
  <si>
    <t>10/31/2019 11:34:01</t>
  </si>
  <si>
    <t>C:\Users\mariannacsm\OneDrive - Grupo Algar\0- PMO-POOL\POOL\02 - Volumes CCC 2020\Saving\Enviado para o Diego em 3110 - Enviar Pacotes\</t>
  </si>
  <si>
    <t>10/31/2019 11:34:30</t>
  </si>
  <si>
    <t>10/31/2019 11:36:01</t>
  </si>
  <si>
    <t>AL_Tx_Algar_Tech_Compens_IRPJ_CSLL_2019_09.xlsx</t>
  </si>
  <si>
    <t>10/31/2019 11:35:54</t>
  </si>
  <si>
    <t>10/31/2019 11:37:00</t>
  </si>
  <si>
    <t>ENC: FLUXO DE SOLICITAÇÃO DE FÉRIAS / Torre: GRC</t>
  </si>
  <si>
    <t>Relatório de AVOS - OFICIAL - SETEMBRO.xls</t>
  </si>
  <si>
    <t>10/31/2019 11:37:22</t>
  </si>
  <si>
    <t>10/31/2019 11:42:00</t>
  </si>
  <si>
    <t>/o=exchangelabs/ou=exchange administrative group (fydibohf23spdlt)/cn=recipients/cn=3d559cad8a6b4c9ba2e512604e1484a2-marcelo mal;/o=exchangelabs/ou=exchange administrative group (fydibohf23spdlt)/cn=recipients/cn=49457acaa5584c6d8daec8f0ad186be2-carlos maur;/o=exchangelabs/ou=exchange administrative group (fydibohf23spdlt)/cn=recipients/cn=97028c61ebe04c3ca84c604712943944-fabiano wil;/o=exchangelabs/ou=exchange administrative group (fydibohf23spdlt)/cn=recipients/cn=b194f014572c4c36b52132f9199df1aa-jairo junio;</t>
  </si>
  <si>
    <t>188270_v3 - PAN FINAL - 31_10_2019 rMaluf r1.xlsb</t>
  </si>
  <si>
    <t>/o=exchangelabs/ou=exchange administrative group (fydibohf23spdlt)/cn=recipients/cn=3d559cad8a6b4c9ba2e512604e1484a2-marcelo mal,/o=exchangelabs/ou=exchange administrative group (fydibohf23spdlt)/cn=recipients/cn=49457acaa5584c6d8daec8f0ad186be2-carlos maur,/o=exchangelabs/ou=exchange administrative group (fydibohf23spdlt)/cn=recipients/cn=97028c61ebe04c3ca84c604712943944-fabiano wil,/o=exchangelabs/ou=exchange administrative group (fydibohf23spdlt)/cn=recipients/cn=b194f014572c4c36b52132f9199df1aa-jairo junio</t>
  </si>
  <si>
    <t>10/31/2019 11:40:39</t>
  </si>
  <si>
    <t>10/31/2019 11:44:00</t>
  </si>
  <si>
    <t>10/31/2019 11:43:19</t>
  </si>
  <si>
    <t>/o=exchangelabs/ou=exchange administrative group (fydibohf23spdlt)/cn=recipients/cn=18538d61f6f342f7a3d2db08df47d617-vanusa prec;/o=exchangelabs/ou=exchange administrative group (fydibohf23spdlt)/cn=recipients/cn=33eadc062e4e444685992c7de4b20cbb-ana carolin;/o=exchangelabs/ou=exchange administrative group (fydibohf23spdlt)/cn=recipients/cn=503a4cae25a0474e8b364b01d4d28bc4-thais mozel;/o=exchangelabs/ou=exchange administrative group (fydibohf23spdlt)/cn=recipients/cn=525b3060f0654996a4c2979efbfaed04-douglas sil;/o=exchangelabs/ou=exchange administrative group (fydibohf23spdlt)/cn=recipients/cn=54abac0a4fdc4ad1bec39bb51d85eab1-victor hugo;/o=exchangelabs/ou=exchange administrative group (fydibohf23spdlt)/cn=recipients/cn=65d35bc38c6743d7a55b3ae9726a5893-diego ribei;/o=exchangelabs/ou=exchange administrative group (fydibohf23spdlt)/cn=recipients/cn=6bc6ced03b1b4fafa41bb5c70c178940-antonio per;/o=exchangelabs/ou=exchange administrative group (fydibohf23spdlt)/cn=recipients/cn=76d765d676864fe79b29c865fa21a2c7-leti</t>
  </si>
  <si>
    <t>Saving de Compras 2020</t>
  </si>
  <si>
    <t>/o=exchangelabs/ou=exchange administrative group (fydibohf23spdlt)/cn=recipients/cn=18538d61f6f342f7a3d2db08df47d617-vanusa prec,/o=exchangelabs/ou=exchange administrative group (fydibohf23spdlt)/cn=recipients/cn=33eadc062e4e444685992c7de4b20cbb-ana carolin,/o=exchangelabs/ou=exchange administrative group (fydibohf23spdlt)/cn=recipients/cn=503a4cae25a0474e8b364b01d4d28bc4-thais mozel,/o=exchangelabs/ou=exchange administrative group (fydibohf23spdlt)/cn=recipients/cn=525b3060f0654996a4c2979efbfaed04-douglas sil,/o=exchangelabs/ou=exchange administrative group (fydibohf23spdlt)/cn=recipients/cn=54abac0a4fdc4ad1bec39bb51d85eab1-victor hugo,/o=exchangelabs/ou=exchange administrative group (fydibohf23spdlt)/cn=recipients/cn=65d35bc38c6743d7a55b3ae9726a5893-diego ribei,/o=exchangelabs/ou=exchange administrative group (fydibohf23spdlt)/cn=recipients/cn=6bc6ced03b1b4fafa41bb5c70c178940-antonio per,/o=exchangelabs/ou=exchange administrative group (fydibohf23spdlt)/cn=recipients/cn=76d765d676864fe79b29c865fa21a2c7-leti</t>
  </si>
  <si>
    <t>10/31/2019 11:51:15</t>
  </si>
  <si>
    <t>10/31/2019 11:54:00</t>
  </si>
  <si>
    <t>ENC: Chamado: 3393466; Cadastro de feriado - 21/10/2019</t>
  </si>
  <si>
    <t>3393466_LISTA DE ASSOCIADOS SINDPD RJ.xlsx</t>
  </si>
  <si>
    <t>10/31/2019 11:52:46</t>
  </si>
  <si>
    <t>10/31/2019 11:55:00</t>
  </si>
  <si>
    <t>C:\Users\alinens\Desktop\</t>
  </si>
  <si>
    <t>10/31/2019 11:59:20</t>
  </si>
  <si>
    <t>10/31/2019 12:01:00</t>
  </si>
  <si>
    <t>ENC: Oportunidade 216422 - Migração PJ</t>
  </si>
  <si>
    <t>Preço - BP OPP 216422.xlsb</t>
  </si>
  <si>
    <t>10/31/2019 12:00:35</t>
  </si>
  <si>
    <t>10/31/2019 12:05:00</t>
  </si>
  <si>
    <t>mail.google.com/_/upload?authuser=0&amp;dcp=asu-n&amp;upload_id=AEnB2UqZNHncRpLBWVJMhU_4JcmRIM3QLbjMrHw9ucH71GkIJ27i-rJHM5AoMb7dKZNl1D47G2EJIP5sTjMEdeh6vu0EDhd9pSdlH30Ja8bhOMWAcbjsAfY&amp;upload_protocol=resumable</t>
  </si>
  <si>
    <t>alessandroam@algartech.com;daviesc@algartech.com;fabiorb@algartech.com;filype.s.przybylski@bradesco.com.br;patriciaac@algartech.com;paulohm@algartech.com;renata.c.freitas@bradesco.com.br;renatobrl@algartech.com;sabrinadtdmc@algartech.com;tatianedc@algartech.com;thiagocb@algartech.com;</t>
  </si>
  <si>
    <t>alessandroam@algartech.com,daviesc@algartech.com,fabiorb@algartech.com,filype.s.przybylski@bradesco.com.br,patriciaac@algartech.com,paulohm@algartech.com,renata.c.freitas@bradesco.com.br,renatobrl@algartech.com,sabrinadtdmc@algartech.com,tatianedc@algartech.com,thiagocb@algartech.com</t>
  </si>
  <si>
    <t>10/31/2019 12:05:07</t>
  </si>
  <si>
    <t>10/31/2019 12:08:00</t>
  </si>
  <si>
    <t>adrianaafss@algartech.com;danielab@algartech.com;diogogbb@algartech.com;extern.rafaelbiondi@extaccount.com;grazielabo@algartech.com;priscilacy@algartech.com;sabrinavds@algartech.com;valeriase@algartech.com;vanessasca@algartech.com;viniciusmlf@algartech.com;</t>
  </si>
  <si>
    <t>adrianaafss@algartech.com,danielab@algartech.com,diogogbb@algartech.com,extern.rafaelbiondi@extaccount.com,grazielabo@algartech.com,priscilacy@algartech.com,sabrinavds@algartech.com,valeriase@algartech.com,vanessasca@algartech.com,viniciusmlf@algartech.com</t>
  </si>
  <si>
    <t>10/31/2019 12:16:33</t>
  </si>
  <si>
    <t>10/31/2019 12:21:00</t>
  </si>
  <si>
    <t>/o=exchangelabs/ou=exchange administrative group (fydibohf23spdlt)/cn=recipients/cn=b16974d7de334bfabfe3dee1e8e47e59-sherley cri;/o=exchangelabs/ou=exchange administrative group (fydibohf23spdlt)/cn=recipients/cn=f67f0409c7ae4580b53b07ea98cce4c6-talita pele;</t>
  </si>
  <si>
    <t>/o=exchangelabs/ou=exchange administrative group (fydibohf23spdlt)/cn=recipients/cn=b16974d7de334bfabfe3dee1e8e47e59-sherley cri,/o=exchangelabs/ou=exchange administrative group (fydibohf23spdlt)/cn=recipients/cn=f67f0409c7ae4580b53b07ea98cce4c6-talita pele</t>
  </si>
  <si>
    <t>10/31/2019 12:23:01</t>
  </si>
  <si>
    <t>10/31/2019 12:25:00</t>
  </si>
  <si>
    <t>10/31/2019 12:30:19</t>
  </si>
  <si>
    <t>10/31/2019 12:36:00</t>
  </si>
  <si>
    <t>/o=exchangelabs/ou=exchange administrative group (fydibohf23spdlt)/cn=recipients/cn=2083875ab19146848e9acf6dbac781d4-cleiton gom;</t>
  </si>
  <si>
    <t>ENC: *URGENTE * Linhas Telefones GST - VIVO - LEVANTAMENTO/BATIMENTO</t>
  </si>
  <si>
    <t>/o=exchangelabs/ou=exchange administrative group (fydibohf23spdlt)/cn=recipients/cn=2083875ab19146848e9acf6dbac781d4-cleiton gom</t>
  </si>
  <si>
    <t>10/31/2019 12:44:47</t>
  </si>
  <si>
    <t>10/31/2019 12:46:00</t>
  </si>
  <si>
    <t>/o=exchangelabs/ou=exchange administrative group (fydibohf23spdlt)/cn=recipients/cn=2083875ab19146848e9acf6dbac781d4-cleiton gom;/o=exchangelabs/ou=exchange administrative group (fydibohf23spdlt)/cn=recipients/cn=5876a52919c440598f015f22bceb7eeb-antonio car;/o=exchangelabs/ou=exchange administrative group (fydibohf23spdlt)/cn=recipients/cn=5d92a12bf94e444598293842eb6df5aa-glayson gom;/o=exchangelabs/ou=exchange administrative group (fydibohf23spdlt)/cn=recipients/cn=708d48f073ec47fa966d46b5b6656f0c-alexandre m;/o=exchangelabs/ou=exchange administrative group (fydibohf23spdlt)/cn=recipients/cn=ac622658720d425d9736d1dea3c26ef7-juliano cal;</t>
  </si>
  <si>
    <t>RES: *URGENTE * Linhas Telefones GST - VIVO - LEVANTAMENTO/BATIMENTO</t>
  </si>
  <si>
    <t>/o=exchangelabs/ou=exchange administrative group (fydibohf23spdlt)/cn=recipients/cn=2083875ab19146848e9acf6dbac781d4-cleiton gom,/o=exchangelabs/ou=exchange administrative group (fydibohf23spdlt)/cn=recipients/cn=5876a52919c440598f015f22bceb7eeb-antonio car,/o=exchangelabs/ou=exchange administrative group (fydibohf23spdlt)/cn=recipients/cn=5d92a12bf94e444598293842eb6df5aa-glayson gom,/o=exchangelabs/ou=exchange administrative group (fydibohf23spdlt)/cn=recipients/cn=708d48f073ec47fa966d46b5b6656f0c-alexandre m,/o=exchangelabs/ou=exchange administrative group (fydibohf23spdlt)/cn=recipients/cn=ac622658720d425d9736d1dea3c26ef7-juliano cal</t>
  </si>
  <si>
    <t>10/31/2019 09:05:09</t>
  </si>
  <si>
    <t>10/31/2019 12:47:00</t>
  </si>
  <si>
    <t>/o=exchangelabs/ou=exchange administrative group (fydibohf23spdlt)/cn=recipients/cn=3bff4ffb267e4ea2a4a3347f6a4c5cf8-tatiane mag;/o=exchangelabs/ou=exchange administrative group (fydibohf23spdlt)/cn=recipients/cn=9e20ba3b6afd447db98f75fb7bdc7037-francisco e;</t>
  </si>
  <si>
    <t>ENC: PENALIDADES E EXCEDENTES DE AGOSTO 2019- CONSOLIDADO</t>
  </si>
  <si>
    <t>/o=exchangelabs/ou=exchange administrative group (fydibohf23spdlt)/cn=recipients/cn=3bff4ffb267e4ea2a4a3347f6a4c5cf8-tatiane mag,/o=exchangelabs/ou=exchange administrative group (fydibohf23spdlt)/cn=recipients/cn=9e20ba3b6afd447db98f75fb7bdc7037-francisco e</t>
  </si>
  <si>
    <t>10/31/2019 12:57:17</t>
  </si>
  <si>
    <t>10/31/2019 12:58:00</t>
  </si>
  <si>
    <t>10/31/2019 13:15:44</t>
  </si>
  <si>
    <t>10/31/2019 13:17:00</t>
  </si>
  <si>
    <t>10/31/2019 13:14:32</t>
  </si>
  <si>
    <t>10/31/2019 13:18:01</t>
  </si>
  <si>
    <t>/o=exchangelabs/ou=exchange administrative group (fydibohf23spdlt)/cn=recipients/cn=5dd03a66f797451390d7113259343399-aline da si;/o=exchangelabs/ou=exchange administrative group (fydibohf23spdlt)/cn=recipients/cn=78e530b5e3244cc1a89eba7f7b0af42f-marco tulio;/o=exchangelabs/ou=exchange administrative group (fydibohf23spdlt)/cn=recipients/cn=ab1cb9dab31c4c649ff222e39c0f822f-francielle;/o=exchangelabs/ou=exchange administrative group (fydibohf23spdlt)/cn=recipients/cn=f681a87682ec4eb3b3dfa2503f9869d3-filipe rese;marcusgm@algartech.com;</t>
  </si>
  <si>
    <t>Template Recuperações de Custos oficial - Set - 19 MARCUS GOMES.xlsx</t>
  </si>
  <si>
    <t>/o=exchangelabs/ou=exchange administrative group (fydibohf23spdlt)/cn=recipients/cn=5dd03a66f797451390d7113259343399-aline da si,/o=exchangelabs/ou=exchange administrative group (fydibohf23spdlt)/cn=recipients/cn=78e530b5e3244cc1a89eba7f7b0af42f-marco tulio,/o=exchangelabs/ou=exchange administrative group (fydibohf23spdlt)/cn=recipients/cn=ab1cb9dab31c4c649ff222e39c0f822f-francielle,/o=exchangelabs/ou=exchange administrative group (fydibohf23spdlt)/cn=recipients/cn=f681a87682ec4eb3b3dfa2503f9869d3-filipe rese,marcusgm@algartech.com</t>
  </si>
  <si>
    <t>10/31/2019 13:24:29</t>
  </si>
  <si>
    <t>10/31/2019 13:26:00</t>
  </si>
  <si>
    <t>10/31/2019 13:31:00</t>
  </si>
  <si>
    <t>ENC: URGENTE: Layout</t>
  </si>
  <si>
    <t>2019 10 30 - Layout IPO para o STAFF.xlsx</t>
  </si>
  <si>
    <t>10/31/2019 13:30:32</t>
  </si>
  <si>
    <t>10/31/2019 13:35:01</t>
  </si>
  <si>
    <t>mail.google.com/_/upload?authuser=0&amp;dcp=asu-n&amp;upload_id=AEnB2UoNlXp2Aauw6uGoN2bH3D9TorQaiwD4FoRKbbJS05j0pmI0w4iGmIHSqUl4PCEWncywF-diAvUJJekOzkpU3TUqRfqWnudD_ttc9SAUU4zVmZIlfBI&amp;upload_protocol=resumable</t>
  </si>
  <si>
    <t>brunocss@algartech.com;</t>
  </si>
  <si>
    <t>2019_11_Controle_Atividades_Redmine.xlsx</t>
  </si>
  <si>
    <t>brunocss@algartech.com</t>
  </si>
  <si>
    <t>10/31/2019 13:44:20</t>
  </si>
  <si>
    <t>10/31/2019 13:45:00</t>
  </si>
  <si>
    <t>ENC: Racional Reajuste 2019.xlsx</t>
  </si>
  <si>
    <t>Racional Reajuste 2019.xlsx</t>
  </si>
  <si>
    <t>10/31/2019 13:47:34</t>
  </si>
  <si>
    <t>10/31/2019 13:49:00</t>
  </si>
  <si>
    <t>carol@boaeventos.com.br;paulaaluani@waze.com;rafael@boaeventos.com.br;thera@boaeventos.com.br;</t>
  </si>
  <si>
    <t>Escala de brigada 2019 - 2º ETAPA ajuste ericson.xlsx</t>
  </si>
  <si>
    <t>carol@boaeventos.com.br,paulaaluani@waze.com,rafael@boaeventos.com.br,thera@boaeventos.com.br</t>
  </si>
  <si>
    <t>10/31/2019 13:49:44</t>
  </si>
  <si>
    <t>10/31/2019 13:54:00</t>
  </si>
  <si>
    <t>10/31/2019 13:51:13</t>
  </si>
  <si>
    <t>/o=exchangelabs/ou=exchange administrative group (fydibohf23spdlt)/cn=recipients/cn=66edf19ebc2742d0aad16b8a34a09b10-andre luiz;/o=exchangelabs/ou=exchange administrative group (fydibohf23spdlt)/cn=recipients/cn=b3ad8a638fcc4c57bf8c7953dd4b3cb8-augusto ces;pmo@algartech.com;</t>
  </si>
  <si>
    <t>Arquivos para defesa do CAPEX LP Infraestrutura</t>
  </si>
  <si>
    <t>Capex Infraestrutura 2020 a 2024_191025.xlsx</t>
  </si>
  <si>
    <t>/o=exchangelabs/ou=exchange administrative group (fydibohf23spdlt)/cn=recipients/cn=66edf19ebc2742d0aad16b8a34a09b10-andre luiz,/o=exchangelabs/ou=exchange administrative group (fydibohf23spdlt)/cn=recipients/cn=b3ad8a638fcc4c57bf8c7953dd4b3cb8-augusto ces,pmo@algartech.com</t>
  </si>
  <si>
    <t>10/31/2019 13:55:17</t>
  </si>
  <si>
    <t>10/31/2019 13:56:00</t>
  </si>
  <si>
    <t>EVIDENCIA_ULTIMO_BACKUP_FULL_SAGEWDBSQL.xlsx</t>
  </si>
  <si>
    <t>10/31/2019 13:55:40</t>
  </si>
  <si>
    <t>10/31/2019 13:57:00</t>
  </si>
  <si>
    <t>Ofertas da internet CP 19 e 20.xls</t>
  </si>
  <si>
    <t>10/31/2019 13:56:47</t>
  </si>
  <si>
    <t>10/31/2019 14:01:00</t>
  </si>
  <si>
    <t>10/31/2019 13:56:58</t>
  </si>
  <si>
    <t>10/31/2019 13:58:41</t>
  </si>
  <si>
    <t>10/31/2019 14:02:01</t>
  </si>
  <si>
    <t>Códigos sem Doação CP 19 e 20.xls</t>
  </si>
  <si>
    <t>10/31/2019 13:58:57</t>
  </si>
  <si>
    <t>10/31/2019 14:03:01</t>
  </si>
  <si>
    <t>ambulatorio@algartech.com;andre.lima@cscalgar.com.br;geisonjt@algartech.com;julianaem@algartech.com;paulo.megda@cscalgar.com.br;</t>
  </si>
  <si>
    <t>Insights_20191021.csv</t>
  </si>
  <si>
    <t>ambulatorio@algartech.com,andre.lima@cscalgar.com.br,geisonjt@algartech.com,julianaem@algartech.com,paulo.megda@cscalgar.com.br</t>
  </si>
  <si>
    <t>10/31/2019 13:58:47</t>
  </si>
  <si>
    <t>10/31/2019 14:04:00</t>
  </si>
  <si>
    <t>C:\Users\filemoncmj\OneDrive - Grupo Algar\01. Algar Tech\01. Projetos de Clientes\47. Prudential\02. BP\</t>
  </si>
  <si>
    <t>Prudential - BP ISD - Versão Outubro 2019 v2.xlsb</t>
  </si>
  <si>
    <t>C:\Users\filemoncmj\OneDrive - Grupo Algar\01. Algar Tech\01. Projetos de Clientes\47. Prudential\02. BP\Prudential - BP ISD - Versão Outubro 2019 v2.xlsb\</t>
  </si>
  <si>
    <t>10/31/2019 13:58:50</t>
  </si>
  <si>
    <t>Prudential - BP GIAT - Versão Outubro 2019 v2.xlsb</t>
  </si>
  <si>
    <t>C:\Users\filemoncmj\OneDrive - Grupo Algar\01. Algar Tech\01. Projetos de Clientes\47. Prudential\02. BP\Prudential - BP GIAT - Versão Outubro 2019 v2.xlsb\</t>
  </si>
  <si>
    <t>10/31/2019 14:06:38</t>
  </si>
  <si>
    <t>10/31/2019 14:10:00</t>
  </si>
  <si>
    <t>/o=exchangelabs/ou=exchange administrative group (fydibohf23spdlt)/cn=recipients/cn=2b1a6c2f5f1a48f98baec437d66528d4-ana paula f;/o=exchangelabs/ou=exchange administrative group (fydibohf23spdlt)/cn=recipients/cn=4fbcbdfa900b4cb195ac160568115bc2-ericson nog;/o=exchangelabs/ou=exchange administrative group (fydibohf23spdlt)/cn=recipients/cn=93a9a0598b8d4b6ab10f3b1e2184d2e4-leonardo al;/o=exchangelabs/ou=exchange administrative group (fydibohf23spdlt)/cn=recipients/cn=b1f7688b183f4d74a7993976c4ad8f5e-diogenes pa;camiladps@algartech.com;equipefabi@algartech.com.br;</t>
  </si>
  <si>
    <t>RES: Reservar Salas - Lançamento campanha e TRN produtos</t>
  </si>
  <si>
    <t>TRN 06 e 07 Novembro.xlsx</t>
  </si>
  <si>
    <t>/o=exchangelabs/ou=exchange administrative group (fydibohf23spdlt)/cn=recipients/cn=2b1a6c2f5f1a48f98baec437d66528d4-ana paula f,/o=exchangelabs/ou=exchange administrative group (fydibohf23spdlt)/cn=recipients/cn=4fbcbdfa900b4cb195ac160568115bc2-ericson nog,/o=exchangelabs/ou=exchange administrative group (fydibohf23spdlt)/cn=recipients/cn=93a9a0598b8d4b6ab10f3b1e2184d2e4-leonardo al,/o=exchangelabs/ou=exchange administrative group (fydibohf23spdlt)/cn=recipients/cn=b1f7688b183f4d74a7993976c4ad8f5e-diogenes pa,camiladps@algartech.com,equipefabi@algartech.com.br</t>
  </si>
  <si>
    <t>10/31/2019 14:08:29</t>
  </si>
  <si>
    <t>ENC: Reservar Salas - Lançamento campanha e TRN produtos</t>
  </si>
  <si>
    <t>10/31/2019 14:08:21</t>
  </si>
  <si>
    <t>C:\Users\vilarinho\OneDrive - Grupo Algar\Algar Tech\Juridico\Negociação Bradesco - CAP\Análise CAP 2019 - Desconto\</t>
  </si>
  <si>
    <t>Análise Cenário para Desconto.xls</t>
  </si>
  <si>
    <t>10/31/2019 14:05:42</t>
  </si>
  <si>
    <t>10/31/2019 14:11:00</t>
  </si>
  <si>
    <t>10.211.2.126</t>
  </si>
  <si>
    <t>Planilha de Dimensionamento</t>
  </si>
  <si>
    <t>Dimensionamento do Serviço GIAT_v6 - PILOTO COMAND CENTER LDC_v5 com WIT.xlsm</t>
  </si>
  <si>
    <t>10/31/2019 14:11:51</t>
  </si>
  <si>
    <t>10/31/2019 14:13:00</t>
  </si>
  <si>
    <t>10/31/2019 14:13:33</t>
  </si>
  <si>
    <t>10/31/2019 14:14:00</t>
  </si>
  <si>
    <t>/o=exchangelabs/ou=exchange administrative group (fydibohf23spdlt)/cn=recipients/cn=122c3ad8b401472e84885d44a2466b4c-jair de pau;/o=exchangelabs/ou=exchange administrative group (fydibohf23spdlt)/cn=recipients/cn=443a648e2bd247c69659ca2ac6a18582-adriele fer;/o=exchangelabs/ou=exchange administrative group (fydibohf23spdlt)/cn=recipients/cn=b3ad8a638fcc4c57bf8c7953dd4b3cb8-augusto ces;emerson_maia@yahoo.com.br;pmo@algartech.com;</t>
  </si>
  <si>
    <t>CAPEX LP (modelo)</t>
  </si>
  <si>
    <t>PMO - Capex_Longo Prazo_rev_A19M10_v04.xlsx</t>
  </si>
  <si>
    <t>/o=exchangelabs/ou=exchange administrative group (fydibohf23spdlt)/cn=recipients/cn=122c3ad8b401472e84885d44a2466b4c-jair de pau,/o=exchangelabs/ou=exchange administrative group (fydibohf23spdlt)/cn=recipients/cn=443a648e2bd247c69659ca2ac6a18582-adriele fer,/o=exchangelabs/ou=exchange administrative group (fydibohf23spdlt)/cn=recipients/cn=b3ad8a638fcc4c57bf8c7953dd4b3cb8-augusto ces,emerson_maia@yahoo.com.br,pmo@algartech.com</t>
  </si>
  <si>
    <t>10/31/2019 14:13:09</t>
  </si>
  <si>
    <t>October-2019-Cloud-Reseller-Pricelist (1).xlsx</t>
  </si>
  <si>
    <t>10/31/2019 14:10:21</t>
  </si>
  <si>
    <t>10/31/2019 14:15:01</t>
  </si>
  <si>
    <t>equipefabi@algartech.com.br;</t>
  </si>
  <si>
    <t>equipefabi@algartech.com.br</t>
  </si>
  <si>
    <t>10/31/2019 14:16:43</t>
  </si>
  <si>
    <t>10/31/2019 14:19:00</t>
  </si>
  <si>
    <t>10.200.58.158</t>
  </si>
  <si>
    <t>Entregas Caixa Seguradora - Camiller.xlsx</t>
  </si>
  <si>
    <t>10/31/2019 14:16:26</t>
  </si>
  <si>
    <t>10/31/2019 14:20:01</t>
  </si>
  <si>
    <t>tamirespl@algartech.com.br;</t>
  </si>
  <si>
    <t>Qlikview</t>
  </si>
  <si>
    <t>tamirespl@algartech.com.br</t>
  </si>
  <si>
    <t>10/31/2019 14:17:19</t>
  </si>
  <si>
    <t>10/31/2019 14:21:00</t>
  </si>
  <si>
    <t>mail.google.com/_/upload?authuser=1&amp;dcp=asu-n&amp;upload_id=AEnB2Uo12JGot7u7jZmsUpUq54xwktUj9wscsgLaGC0Ch1il1MUA74GuUx5h2t6LmS9f-j4Y5MQIhRQmVbEF-I9Kr3Z7nACFgwP9IjMHMwcTkBGGPQsLClQ&amp;upload_protocol=resumable</t>
  </si>
  <si>
    <t>Denise _ Validar POs.xlsx</t>
  </si>
  <si>
    <t>10/30/2019 11:57:11</t>
  </si>
  <si>
    <t>10.207.12.99</t>
  </si>
  <si>
    <t>rodineipd@algartech.com;</t>
  </si>
  <si>
    <t>20191030 Meta e Real 3º Tri v2.xlsx</t>
  </si>
  <si>
    <t>rodineipd@algartech.com</t>
  </si>
  <si>
    <t>10/30/2019 12:03:18</t>
  </si>
  <si>
    <t>10/30/2019 14:51:06</t>
  </si>
  <si>
    <t>/o=exchangelabs/ou=exchange administrative group (fydibohf23spdlt)/cn=recipients/cn=9a3ba6096e184fb5837abcf6a6214283-daniel henr;/o=exchangelabs/ou=exchange administrative group (fydibohf23spdlt)/cn=recipients/cn=a387251d6d8c4b729d17257b1403e985-rodrigo agn;rodineipd@algartech.com;</t>
  </si>
  <si>
    <t>Apuração Ebit - 3T19</t>
  </si>
  <si>
    <t>CH516_20191030_144040.xls</t>
  </si>
  <si>
    <t>/o=exchangelabs/ou=exchange administrative group (fydibohf23spdlt)/cn=recipients/cn=9a3ba6096e184fb5837abcf6a6214283-daniel henr,/o=exchangelabs/ou=exchange administrative group (fydibohf23spdlt)/cn=recipients/cn=a387251d6d8c4b729d17257b1403e985-rodrigo agn,rodineipd@algartech.com</t>
  </si>
  <si>
    <t>10/30/2019 16:05:12</t>
  </si>
  <si>
    <t>/o=exchangelabs/ou=exchange administrative group (fydibohf23spdlt)/cn=recipients/cn=a387251d6d8c4b729d17257b1403e985-rodrigo agn;rodineipd@algartech.com;</t>
  </si>
  <si>
    <t>RES: Cálculo dos resultados dos POs</t>
  </si>
  <si>
    <t>/o=exchangelabs/ou=exchange administrative group (fydibohf23spdlt)/cn=recipients/cn=a387251d6d8c4b729d17257b1403e985-rodrigo agn,rodineipd@algartech.com</t>
  </si>
  <si>
    <t>10/30/2019 22:47:36</t>
  </si>
  <si>
    <t>homerocarmona@hotmail.com;</t>
  </si>
  <si>
    <t>ENC: Apuração Meta vs Real POs</t>
  </si>
  <si>
    <t>20191030 Meta e Real 3º Tri_v4.xlsx</t>
  </si>
  <si>
    <t>homerocarmona@hotmail.com</t>
  </si>
  <si>
    <t>10/31/2019 10:16:04</t>
  </si>
  <si>
    <t>10/31/2019 11:38:33</t>
  </si>
  <si>
    <t>/o=exchangelabs/ou=exchange administrative group (fydibohf23spdlt)/cn=recipients/cn=06b072659c8d471b850b0949e165c699-manuella ra;/o=exchangelabs/ou=exchange administrative group (fydibohf23spdlt)/cn=recipients/cn=7459a43e88194f199291f32ec9520816-marcella do;tfleury@jeffreygroup.com;</t>
  </si>
  <si>
    <t>RES: Briefing | 1 ano de Relacionamento Digital</t>
  </si>
  <si>
    <t>Projeto Algar Telecom-CX_Resumo-V2.pptx\</t>
  </si>
  <si>
    <t>/o=exchangelabs/ou=exchange administrative group (fydibohf23spdlt)/cn=recipients/cn=06b072659c8d471b850b0949e165c699-manuella ra,/o=exchangelabs/ou=exchange administrative group (fydibohf23spdlt)/cn=recipients/cn=7459a43e88194f199291f32ec9520816-marcella do,tfleury@jeffreygroup.com</t>
  </si>
  <si>
    <t>10/31/2019 14:18:59</t>
  </si>
  <si>
    <t>10/31/2019 14:22:00</t>
  </si>
  <si>
    <t>http://shareit.global.avon.com/sites/arrmcm/forca-de-vendas/_layouts/upload.aspx?list={a89cd46c-19fa-458c-809f-d246a5e48452}&amp;rootfolder=/sites/arrmcm/forca-de-vendas/ficaadicatreinamento/novo modelo de negÓcio/new model gs/produtividade&amp;source=http://shareit.global.avon.com/sites/arrmcm/forca-de-vendas/ficaadicatreinamento/forms/allitems.aspx?rootfolder=%2fsites%2farrmcm%2fforca%2dde%2dvendas%2fficaadicatreinamento%2fnovo%20modelo%20de%20neg%c3%93cio%2fnew%20model%20gs%2fprodutividade&amp;folderctid=&amp;view=%7bb9ba0dba%2db197%2d49b7%2d8048%2d506553e03103%7d</t>
  </si>
  <si>
    <t>Apuração Vendas Extra C.16.2019 NCM GS.xls</t>
  </si>
  <si>
    <t>10/31/2019 14:18:57</t>
  </si>
  <si>
    <t>10/31/2019 14:23:00</t>
  </si>
  <si>
    <t>/o=exchangelabs/ou=exchange administrative group (fydibohf23spdlt)/cn=recipients/cn=5c0e0b883c0f4ccbb2cf13db05a00b36-luciene ivo;/o=exchangelabs/ou=exchange administrative group (fydibohf23spdlt)/cn=recipients/cn=90878932db2a45bb924c0e3aac6d5da2-jonatas lem;</t>
  </si>
  <si>
    <t>Raio x</t>
  </si>
  <si>
    <t>31.10.xlsx</t>
  </si>
  <si>
    <t>/o=exchangelabs/ou=exchange administrative group (fydibohf23spdlt)/cn=recipients/cn=5c0e0b883c0f4ccbb2cf13db05a00b36-luciene ivo,/o=exchangelabs/ou=exchange administrative group (fydibohf23spdlt)/cn=recipients/cn=90878932db2a45bb924c0e3aac6d5da2-jonatas lem</t>
  </si>
  <si>
    <t>10/31/2019 14:21:45</t>
  </si>
  <si>
    <t>22015 - UDI - WHIRLPOOL - SAC SINERGIA ECOHOUSE POS.xlsx</t>
  </si>
  <si>
    <t>10/31/2019 14:21:49</t>
  </si>
  <si>
    <t>10/31/2019 14:19:34</t>
  </si>
  <si>
    <t>/o=exchangelabs/ou=exchange administrative group (fydibohf23spdlt)/cn=recipients/cn=168e05cabbf14ae289464a0c09955b31-sara ferrei;/o=exchangelabs/ou=exchange administrative group (fydibohf23spdlt)/cn=recipients/cn=5447ccb2a98a4cafa2801c147652c55b-luana de so;/o=exchangelabs/ou=exchange administrative group (fydibohf23spdlt)/cn=recipients/cn=97bf0b4d6b424f9fbf91192510276150-renata de o;</t>
  </si>
  <si>
    <t>ENC: Recuperação de Custo - Toyota CRM</t>
  </si>
  <si>
    <t>/o=exchangelabs/ou=exchange administrative group (fydibohf23spdlt)/cn=recipients/cn=168e05cabbf14ae289464a0c09955b31-sara ferrei,/o=exchangelabs/ou=exchange administrative group (fydibohf23spdlt)/cn=recipients/cn=5447ccb2a98a4cafa2801c147652c55b-luana de so,/o=exchangelabs/ou=exchange administrative group (fydibohf23spdlt)/cn=recipients/cn=97bf0b4d6b424f9fbf91192510276150-renata de o</t>
  </si>
  <si>
    <t>10/31/2019 14:20:26</t>
  </si>
  <si>
    <t>10/31/2019 14:26:00</t>
  </si>
  <si>
    <t>mail.google.com/_/upload?authuser=1&amp;dcp=asu-n&amp;upload_id=AEnB2UosZTk3p05-rOt2qppDyLO6kX0hAzd-UZqrPuAPmuNbb3QAI8d5OdnwIllZbVjvOx-RM07_mQm4r2tPpjy_73HZYsyUgg&amp;upload_protocol=resumable</t>
  </si>
  <si>
    <t>\\acsfs\engeset\financeiro_ula\FATURAMENTO\22. Controle TIM\8. Compromissado\</t>
  </si>
  <si>
    <t>30_10 Circularização_Out_19_ENGESET.xls</t>
  </si>
  <si>
    <t>10/31/2019 14:25:39</t>
  </si>
  <si>
    <t>10/31/2019 14:27:00</t>
  </si>
  <si>
    <t>http://shareit.global.avon.com/sites/arrmcm/forca-de-vendas/_layouts/upload.aspx?list={a89cd46c-19fa-458c-809f-d246a5e48452}&amp;rootfolder=/sites/arrmcm/forca-de-vendas/ficaadicatreinamento/novo modelo de negÓcio/new model eva/incentivos/produtividade&amp;source=http://shareit.global.avon.com/sites/arrmcm/forca-de-vendas/ficaadicatreinamento/forms/allitems.aspx?rootfolder=%2fsites%2farrmcm%2fforca%2dde%2dvendas%2fficaadicatreinamento%2fnovo%20modelo%20de%20neg%c3%93cio%2fnew%20model%20eva%2fincentivos%2fprodutividade&amp;folderctid=&amp;view=%7bb9ba0dba%2db197%2d49b7%2d8048%2d506553e03103%7d</t>
  </si>
  <si>
    <t>10/31/2019 14:27:52</t>
  </si>
  <si>
    <t>10/31/2019 14:30:00</t>
  </si>
  <si>
    <t>/o=exchangelabs/ou=exchange administrative group (fydibohf23spdlt)/cn=recipients/cn=4fbcbdfa900b4cb195ac160568115bc2-ericson nog;/o=exchangelabs/ou=exchange administrative group (fydibohf23spdlt)/cn=recipients/cn=822f65115a2046059fff20a916dd90e9-thais marti;/o=exchangelabs/ou=exchange administrative group (fydibohf23spdlt)/cn=recipients/cn=93a9a0598b8d4b6ab10f3b1e2184d2e4-leonardo al;camiladps@algartech.com;equipefabi@algartech.com.br;tecnicospj@algartech.com.br;</t>
  </si>
  <si>
    <t>TRN 06 e 07 Novembro (003).xlsx</t>
  </si>
  <si>
    <t>/o=exchangelabs/ou=exchange administrative group (fydibohf23spdlt)/cn=recipients/cn=4fbcbdfa900b4cb195ac160568115bc2-ericson nog,/o=exchangelabs/ou=exchange administrative group (fydibohf23spdlt)/cn=recipients/cn=822f65115a2046059fff20a916dd90e9-thais marti,/o=exchangelabs/ou=exchange administrative group (fydibohf23spdlt)/cn=recipients/cn=93a9a0598b8d4b6ab10f3b1e2184d2e4-leonardo al,camiladps@algartech.com,equipefabi@algartech.com.br,tecnicospj@algartech.com.br</t>
  </si>
  <si>
    <t>10/31/2019 14:29:14</t>
  </si>
  <si>
    <t>10/31/2019 14:31:00</t>
  </si>
  <si>
    <t>/o=exchangelabs/ou=exchange administrative group (fydibohf23spdlt)/cn=recipients/cn=54abac0a4fdc4ad1bec39bb51d85eab1-victor hugo;/o=exchangelabs/ou=exchange administrative group (fydibohf23spdlt)/cn=recipients/cn=664567c81e2c4e9f9de1f7830ee164f0-octavio car;/o=exchangelabs/ou=exchange administrative group (fydibohf23spdlt)/cn=recipients/cn=a27fa8e27f784e18b4732301ab7a6457-luciana sil;/o=exchangelabs/ou=exchange administrative group (fydibohf23spdlt)/cn=recipients/cn=b79663656cc44aa3bf06617d1695ae51-carlos faci;/o=exchangelabs/ou=exchange administrative group (fydibohf23spdlt)/cn=recipients/cn=e894bfa401c848dc9e25ced4ad1f3dd7-luciana fer;</t>
  </si>
  <si>
    <t>RES: Racional Reajuste 2019.xlsx</t>
  </si>
  <si>
    <t>/o=exchangelabs/ou=exchange administrative group (fydibohf23spdlt)/cn=recipients/cn=54abac0a4fdc4ad1bec39bb51d85eab1-victor hugo,/o=exchangelabs/ou=exchange administrative group (fydibohf23spdlt)/cn=recipients/cn=664567c81e2c4e9f9de1f7830ee164f0-octavio car,/o=exchangelabs/ou=exchange administrative group (fydibohf23spdlt)/cn=recipients/cn=a27fa8e27f784e18b4732301ab7a6457-luciana sil,/o=exchangelabs/ou=exchange administrative group (fydibohf23spdlt)/cn=recipients/cn=b79663656cc44aa3bf06617d1695ae51-carlos faci,/o=exchangelabs/ou=exchange administrative group (fydibohf23spdlt)/cn=recipients/cn=e894bfa401c848dc9e25ced4ad1f3dd7-luciana fer</t>
  </si>
  <si>
    <t>10/31/2019 14:31:01</t>
  </si>
  <si>
    <t>10/31/2019 14:35:01</t>
  </si>
  <si>
    <t>/o=exchangelabs/ou=exchange administrative group (fydibohf23spdlt)/cn=recipients/cn=2b7b4aefcd24485aa7df7d8f2a58dab5-rodrigo fal;/o=exchangelabs/ou=exchange administrative group (fydibohf23spdlt)/cn=recipients/cn=5f81fe805d734dda80651a0797d779be-paulo cesar;jesssilva@deloitte.com;</t>
  </si>
  <si>
    <t>RES: Relatório de contratos de obras em andamento</t>
  </si>
  <si>
    <t>Obras em andamento - TIM.xlsx</t>
  </si>
  <si>
    <t>/o=exchangelabs/ou=exchange administrative group (fydibohf23spdlt)/cn=recipients/cn=2b7b4aefcd24485aa7df7d8f2a58dab5-rodrigo fal,/o=exchangelabs/ou=exchange administrative group (fydibohf23spdlt)/cn=recipients/cn=5f81fe805d734dda80651a0797d779be-paulo cesar,jesssilva@deloitte.com</t>
  </si>
  <si>
    <t>10/31/2019 14:37:33</t>
  </si>
  <si>
    <t>10/31/2019 14:38:00</t>
  </si>
  <si>
    <t>\\acsfs\DEPTOS\Operacao\PCP\5 - Comum\PLANEJAMENTO WHIRLPOOL\17 - PLANEJAMENTO REVISADO\ticket_526283\17 - PLANEJAMENTO REVISADO\TOTALVIEW\ADERÊNCIA TTV\2019\11- NOVEMBRO\OPERAÇÕES ROSI\RECEBIDOS\</t>
  </si>
  <si>
    <t>22010 - UDI - WHIRLPOOL - N3.xlsx</t>
  </si>
  <si>
    <t>10/31/2019 14:35:41</t>
  </si>
  <si>
    <t>10/31/2019 14:38:59</t>
  </si>
  <si>
    <t>/o=exchangelabs/ou=exchange administrative group (fydibohf23spdlt)/cn=recipients/cn=39c9ded1dddd4d8c8eea5cf9eae5a630-carlos edua;aleal@timbrasil.com.br;atsousa@timbrasil.com.br;bruno.ulison@grupotpc.com;clafdsilva@timbrasil.com.br;ghsilva@timbrasil.com.br;jenunes@timbrasil.com.br;logisticatimopm@grupotpc.com;mbfilho@timbrasil.com.br;ncarvalho_engeset@timbrasil.com.br;ppaternina@timbrasil.com.br;qgouveia@timbrasil.com.br;</t>
  </si>
  <si>
    <t>ENC SOLICITAÇÃO DE TRANSPORTE DEDICADO TIM - NF 15631.msg\s1\</t>
  </si>
  <si>
    <t>PACER_15631.xlsx</t>
  </si>
  <si>
    <t>/o=exchangelabs/ou=exchange administrative group (fydibohf23spdlt)/cn=recipients/cn=39c9ded1dddd4d8c8eea5cf9eae5a630-carlos edua,aleal@timbrasil.com.br,atsousa@timbrasil.com.br,bruno.ulison@grupotpc.com,clafdsilva@timbrasil.com.br,ghsilva@timbrasil.com.br,jenunes@timbrasil.com.br,logisticatimopm@grupotpc.com,mbfilho@timbrasil.com.br,ncarvalho_engeset@timbrasil.com.br,ppaternina@timbrasil.com.br,qgouveia@timbrasil.com.br</t>
  </si>
  <si>
    <t>10/31/2019 14:34:25</t>
  </si>
  <si>
    <t>C:\Users\filemoncmj\OneDrive - Grupo Algar\01. Algar Tech\02. Projetos Corporativos\06. PPE\Intuitive Service Desk\12. FTE\2019\11. Novembro\</t>
  </si>
  <si>
    <t>151119 - Registro de FTE Realizado ISD.xlsb</t>
  </si>
  <si>
    <t>10/31/2019 14:37:01</t>
  </si>
  <si>
    <t>alexandremdo@algartech.com;fabiolacc@algartecnologia.com.br;henriqueac@algartech.com;leandrojbe@algartech.com;leandrolds@algartech.com;lucianagd@algartech.com;rodrigormc@algartech.com;sabrinadtdmc@algartech.com;tatianedc@algartech.com;</t>
  </si>
  <si>
    <t>\\acsfs\ACS\Suporte à Operações\02 - Faturamento\2019\10 - Outubro\BRADESCO\Termos de aceite\</t>
  </si>
  <si>
    <t>TA - Claudia Siqueira PF.xlsx</t>
  </si>
  <si>
    <t>alexandremdo@algartech.com,fabiolacc@algartecnologia.com.br,henriqueac@algartech.com,leandrojbe@algartech.com,leandrolds@algartech.com,lucianagd@algartech.com,rodrigormc@algartech.com,sabrinadtdmc@algartech.com,tatianedc@algartech.com</t>
  </si>
  <si>
    <t>10/31/2019 14:37:27</t>
  </si>
  <si>
    <t>10/31/2019 14:37:02</t>
  </si>
  <si>
    <t>10/31/2019 14:40:00</t>
  </si>
  <si>
    <t>/o=exchangelabs/ou=exchange administrative group (fydibohf23spdlt)/cn=recipients/cn=10d9bf2715304872bd0e6f8b03de50d1-projetos -;/o=exchangelabs/ou=exchange administrative group (fydibohf23spdlt)/cn=recipients/cn=66edf19ebc2742d0aad16b8a34a09b10-andre luiz;</t>
  </si>
  <si>
    <t>Classificação de Ativos_ Aquisição de Microondas</t>
  </si>
  <si>
    <t>PMO _-_ Detalhamento_de_Itens _-_ Aquisicao de Microondas.xlsx</t>
  </si>
  <si>
    <t>/o=exchangelabs/ou=exchange administrative group (fydibohf23spdlt)/cn=recipients/cn=10d9bf2715304872bd0e6f8b03de50d1-projetos -,/o=exchangelabs/ou=exchange administrative group (fydibohf23spdlt)/cn=recipients/cn=66edf19ebc2742d0aad16b8a34a09b10-andre luiz</t>
  </si>
  <si>
    <t>10/31/2019 14:37:51</t>
  </si>
  <si>
    <t>10/31/2019 14:43:00</t>
  </si>
  <si>
    <t>10/31/2019 14:38:58</t>
  </si>
  <si>
    <t>22011 - UDI - WHIRLPOOL - NPS DETRATORES.xlsx</t>
  </si>
  <si>
    <t>10/31/2019 14:39:12</t>
  </si>
  <si>
    <t>10/31/2019 14:40:16</t>
  </si>
  <si>
    <t>22006 - UDI - WHIRLPOOL - BACKOFFICE ECOHOUSE.xlsx</t>
  </si>
  <si>
    <t>10/31/2019 14:40:37</t>
  </si>
  <si>
    <t>10/31/2019 14:41:38</t>
  </si>
  <si>
    <t>22017 - UDI - WHIRLPOOL - AUDITORIA DE VENDAS.xlsx</t>
  </si>
  <si>
    <t>10/31/2019 14:41:56</t>
  </si>
  <si>
    <t>10/31/2019 14:41:41</t>
  </si>
  <si>
    <t>10/31/2019 14:45:00</t>
  </si>
  <si>
    <t>Formulário</t>
  </si>
  <si>
    <t>Formulário TTV - Lançamento de Hora Extra (12).xlsx</t>
  </si>
  <si>
    <t>10/31/2019 14:51:05</t>
  </si>
  <si>
    <t>10/31/2019 14:53:00</t>
  </si>
  <si>
    <t>340001146 - SET.19</t>
  </si>
  <si>
    <t>340001146 - SET.19.xlsx</t>
  </si>
  <si>
    <t>10/31/2019 14:58:03</t>
  </si>
  <si>
    <t>10/31/2019 14:59:01</t>
  </si>
  <si>
    <t>10/31/2019 14:58:17</t>
  </si>
  <si>
    <t>10/31/2019 15:00:00</t>
  </si>
  <si>
    <t>RES: Classificação de Ativos_ Aquisição de Vídeo Wall</t>
  </si>
  <si>
    <t>PMO _-_ Detalhamento_de_Itens _-_ Aquisição de Video Wall.xlsx</t>
  </si>
  <si>
    <t>10/31/2019 15:01:25</t>
  </si>
  <si>
    <t>10/31/2019 15:02:00</t>
  </si>
  <si>
    <t>10.200.57.14</t>
  </si>
  <si>
    <t>Análise de Abandono Out-2019.xls</t>
  </si>
  <si>
    <t>10/31/2019 14:59:34</t>
  </si>
  <si>
    <t>10/31/2019 15:03:00</t>
  </si>
  <si>
    <t>mail.google.com/_/upload?authuser=0&amp;dcp=asu-n&amp;upload_id=AEnB2UpzAxYlsLCCY3TLqQUq_IeWEAdvzuEidVPizIOsN-bzuOlNAluZ_-s9TAK6Aoqm8zkEX49XWDjDyMPktKtXwDPMSeUtcA&amp;upload_protocol=resumable</t>
  </si>
  <si>
    <t>fabiohs@algartech.com;joaonsm@algartech.com;lucasfbr@algartech.com;luizfsm@algartech.com;</t>
  </si>
  <si>
    <t>fabiohs@algartech.com,joaonsm@algartech.com,lucasfbr@algartech.com,luizfsm@algartech.com</t>
  </si>
  <si>
    <t>10/31/2019 15:00:58</t>
  </si>
  <si>
    <t>10/31/2019 15:05:00</t>
  </si>
  <si>
    <t>10.207.12.73</t>
  </si>
  <si>
    <t>10/31/2019 15:12:30</t>
  </si>
  <si>
    <t>10/31/2019 15:15:00</t>
  </si>
  <si>
    <t>10/31/2019 15:14:54</t>
  </si>
  <si>
    <t>10/31/2019 15:16:00</t>
  </si>
  <si>
    <t>/o=exchangelabs/ou=exchange administrative group (fydibohf23spdlt)/cn=recipients/cn=372a4aee70df4061aed129651510b96b-raul montei;/o=exchangelabs/ou=exchange administrative group (fydibohf23spdlt)/cn=recipients/cn=c514dbe8b91547adb4618232d1a650ba-afonso domi;/o=exchangelabs/ou=exchange administrative group (fydibohf23spdlt)/cn=recipients/cn=cd93dacc38404a95a829585c2e317a9f-dionizio ri;/o=exchangelabs/ou=exchange administrative group (fydibohf23spdlt)/cn=recipients/cn=f67f0409c7ae4580b53b07ea98cce4c6-talita pele;</t>
  </si>
  <si>
    <t>ENC: Receita recorrente 2020 - Para validar até dia 04/11</t>
  </si>
  <si>
    <t>RECEITA 2020_V30_10.xlsx</t>
  </si>
  <si>
    <t>/o=exchangelabs/ou=exchange administrative group (fydibohf23spdlt)/cn=recipients/cn=372a4aee70df4061aed129651510b96b-raul montei,/o=exchangelabs/ou=exchange administrative group (fydibohf23spdlt)/cn=recipients/cn=c514dbe8b91547adb4618232d1a650ba-afonso domi,/o=exchangelabs/ou=exchange administrative group (fydibohf23spdlt)/cn=recipients/cn=cd93dacc38404a95a829585c2e317a9f-dionizio ri,/o=exchangelabs/ou=exchange administrative group (fydibohf23spdlt)/cn=recipients/cn=f67f0409c7ae4580b53b07ea98cce4c6-talita pele</t>
  </si>
  <si>
    <t>10/31/2019 15:15:09</t>
  </si>
  <si>
    <t>antoniocoj@algartech.com;cpccontroldeskctbc@algartech.com;cqe-qualidadeudi@algartech.com;cqe-regionalcps@algartech.com;cqe-uberaba@algartech.com;danilormo@algartech.com;dgrc.coordenadores.cps.cwb@algartech.com;dgrc.coordenadores.udi.iua@algartech.com;dgrc.gerentes@algartech.com;dgrc.supervisores.cps@algartech.com;dgrc.supervisores.cwb@algartech.com;dgrc.supervisores.udi.iua@algartech.com;gabrielaf@algartech.com;hugooc@algartech.com;karolynecj@algartech.com;lauanecca@algartech.com;leticiaori@algartech.com;marcusgm@algartech.com;mateusms@algartech.com;octavio.vasconcellos@algartech.com;olivar@algar.com.br;pablopsou@algartech.com;sesmt-regionalcps@algartech.com;sesmt-regionaludi@algartech.com;wasleylc@algartech.com;</t>
  </si>
  <si>
    <t>Farol NR-17 - 33ª Parcial 2019.xlsb</t>
  </si>
  <si>
    <t>antoniocoj@algartech.com,cpccontroldeskctbc@algartech.com,cqe-qualidadeudi@algartech.com,cqe-regionalcps@algartech.com,cqe-uberaba@algartech.com,danilormo@algartech.com,dgrc.coordenadores.cps.cwb@algartech.com,dgrc.coordenadores.udi.iua@algartech.com,dgrc.gerentes@algartech.com,dgrc.supervisores.cps@algartech.com,dgrc.supervisores.cwb@algartech.com,dgrc.supervisores.udi.iua@algartech.com,gabrielaf@algartech.com,hugooc@algartech.com,karolynecj@algartech.com,lauanecca@algartech.com,leticiaori@algartech.com,marcusgm@algartech.com,mateusms@algartech.com,octavio.vasconcellos@algartech.com,olivar@algar.com.br,pablopsou@algartech.com,sesmt-regionalcps@algartech.com,sesmt-regionaludi@algartech.com,wasleylc@algartech.com</t>
  </si>
  <si>
    <t>10/31/2019 15:12:26</t>
  </si>
  <si>
    <t>31_10_2019 - Relatório Pipeline - Key Account</t>
  </si>
  <si>
    <t>Relatório Pipeline_Dionizio_19_10_31.xlsx</t>
  </si>
  <si>
    <t>10/31/2019 15:15:35</t>
  </si>
  <si>
    <t>10/31/2019 15:17:00</t>
  </si>
  <si>
    <t>10.200.68.138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30ee93c8ac3a402b98626eb34ed24781-lara lorran;/o=exchangelabs/ou=exchange administrative group (fydibohf23spdlt)/cn=recipients/cn=5694f7d2b5fa4976af2d1dc576e3b544-louany barb;/o=exchangelabs/ou=exchange administrative group (fydibohf23spdlt)/cn=recipients/cn=ee443929f1b6407999ee7912624fe54f-sostenes co;/o=exchangelabs/ou=exchange administrative group (fydibohf23spdlt)/cn=recipients/cn=thiago oliveira reis;</t>
  </si>
  <si>
    <t>ENC: Acompanhamento Redmine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30ee93c8ac3a402b98626eb34ed24781-lara lorran,/o=exchangelabs/ou=exchange administrative group (fydibohf23spdlt)/cn=recipients/cn=5694f7d2b5fa4976af2d1dc576e3b544-louany barb,/o=exchangelabs/ou=exchange administrative group (fydibohf23spdlt)/cn=recipients/cn=ee443929f1b6407999ee7912624fe54f-sostenes co,/o=exchangelabs/ou=exchange administrative group (fydibohf23spdlt)/cn=recipients/cn=thiago oliveira reis</t>
  </si>
  <si>
    <t>10/31/2019 15:18:27</t>
  </si>
  <si>
    <t>10/31/2019 15:21:01</t>
  </si>
  <si>
    <t>Gastos Cartão África</t>
  </si>
  <si>
    <t>10/31/2019 15:21:08</t>
  </si>
  <si>
    <t>10/31/2019 15:22:00</t>
  </si>
  <si>
    <t>10/31/2019 15:20:06</t>
  </si>
  <si>
    <t>10/31/2019 15:23:01</t>
  </si>
  <si>
    <t>fernandaman@algartech.com;hugo_cesar_rodrigues_dos_santos_algar@whirlpool.com;larissabdi@algartech.com;</t>
  </si>
  <si>
    <t>PRODUTIVIDADE.xlsx</t>
  </si>
  <si>
    <t>fernandaman@algartech.com,hugo_cesar_rodrigues_dos_santos_algar@whirlpool.com,larissabdi@algartech.com</t>
  </si>
  <si>
    <t>10/31/2019 15:22:51</t>
  </si>
  <si>
    <t>10/31/2019 15:27:00</t>
  </si>
  <si>
    <t>10/31/2019 15:40:05</t>
  </si>
  <si>
    <t>10/31/2019 15:45:02</t>
  </si>
  <si>
    <t>Provisão 102019.xls</t>
  </si>
  <si>
    <t>10/31/2019 15:45:15</t>
  </si>
  <si>
    <t>10/31/2019 15:46:01</t>
  </si>
  <si>
    <t>priscilakawane66@gmail.com;</t>
  </si>
  <si>
    <t>lista</t>
  </si>
  <si>
    <t>priscilakawane66@gmail.com</t>
  </si>
  <si>
    <t>10/31/2019 15:47:05</t>
  </si>
  <si>
    <t>10/31/2019 15:52:01</t>
  </si>
  <si>
    <t>Estudo Brasil Cap</t>
  </si>
  <si>
    <t>Resumo dimensionamentos Brasil Cap.xlsx</t>
  </si>
  <si>
    <t>10/31/2019 16:00:34</t>
  </si>
  <si>
    <t>10/31/2019 16:05:01</t>
  </si>
  <si>
    <t>/o=exchangelabs/ou=exchange administrative group (fydibohf23spdlt)/cn=recipients/cn=08bd1aeef6534bdb937d367c486b1f8d-alexsandro;/o=exchangelabs/ou=exchange administrative group (fydibohf23spdlt)/cn=recipients/cn=109f6d628834480fabc1188cbdef64fa-antonia apa;/o=exchangelabs/ou=exchange administrative group (fydibohf23spdlt)/cn=recipients/cn=569d7198742e4440ae175f4e06d6c6a9-thiago rodr;/o=exchangelabs/ou=exchange administrative group (fydibohf23spdlt)/cn=recipients/cn=7903c13fa0504ff0bc7dd2644020b0e8-mirna prado;/o=exchangelabs/ou=exchange administrative group (fydibohf23spdlt)/cn=recipients/cn=81f72ed6e9d042e3bed0cec08d488854-vinicius go;/o=exchangelabs/ou=exchange administrative group (fydibohf23spdlt)/cn=recipients/cn=8f185d9b3bd9437bbda2e6edb3323202-natalia men;/o=exchangelabs/ou=exchange administrative group (fydibohf23spdlt)/cn=recipients/cn=e174366906884bd1b4d4c5ddfc8c9433-rodrigo men;leonardo.chacur@ascbrazil.com.br;pedro.saraiva@ascbrazil.com.br;</t>
  </si>
  <si>
    <t>RES: Migração Chat Whirlpool</t>
  </si>
  <si>
    <t>Volume Digital D2C.xlsx</t>
  </si>
  <si>
    <t>/o=exchangelabs/ou=exchange administrative group (fydibohf23spdlt)/cn=recipients/cn=08bd1aeef6534bdb937d367c486b1f8d-alexsandro,/o=exchangelabs/ou=exchange administrative group (fydibohf23spdlt)/cn=recipients/cn=109f6d628834480fabc1188cbdef64fa-antonia apa,/o=exchangelabs/ou=exchange administrative group (fydibohf23spdlt)/cn=recipients/cn=569d7198742e4440ae175f4e06d6c6a9-thiago rodr,/o=exchangelabs/ou=exchange administrative group (fydibohf23spdlt)/cn=recipients/cn=7903c13fa0504ff0bc7dd2644020b0e8-mirna prado,/o=exchangelabs/ou=exchange administrative group (fydibohf23spdlt)/cn=recipients/cn=81f72ed6e9d042e3bed0cec08d488854-vinicius go,/o=exchangelabs/ou=exchange administrative group (fydibohf23spdlt)/cn=recipients/cn=8f185d9b3bd9437bbda2e6edb3323202-natalia men,/o=exchangelabs/ou=exchange administrative group (fydibohf23spdlt)/cn=recipients/cn=e174366906884bd1b4d4c5ddfc8c9433-rodrigo men,leonardo.chacur@ascbrazil.com.br,pedro.saraiva@ascbrazil.com.br</t>
  </si>
  <si>
    <t>10/31/2019 16:07:46</t>
  </si>
  <si>
    <t>10/31/2019 16:12:01</t>
  </si>
  <si>
    <t>10/31/2019 16:19:50</t>
  </si>
  <si>
    <t>10/31/2019 16:20:01</t>
  </si>
  <si>
    <t>10.200.61.72</t>
  </si>
  <si>
    <t>/o=exchangelabs/ou=exchange administrative group (fydibohf23spdlt)/cn=recipients/cn=825e22489f504b16aae369306c36d2e0-olivar anto;/o=exchangelabs/ou=exchange administrative group (fydibohf23spdlt)/cn=recipients/cn=a30d12803de94264a57a0656bab1cc89-jose mario;</t>
  </si>
  <si>
    <t>ENC: Chamado: 2606743;</t>
  </si>
  <si>
    <t>210 - SINDPD_DF_TI - 2018-2019_VALIDADO.xlsx</t>
  </si>
  <si>
    <t>/o=exchangelabs/ou=exchange administrative group (fydibohf23spdlt)/cn=recipients/cn=825e22489f504b16aae369306c36d2e0-olivar anto,/o=exchangelabs/ou=exchange administrative group (fydibohf23spdlt)/cn=recipients/cn=a30d12803de94264a57a0656bab1cc89-jose mario</t>
  </si>
  <si>
    <t>10/31/2019 16:22:05</t>
  </si>
  <si>
    <t>10/31/2019 16:23:01</t>
  </si>
  <si>
    <t>10/31/2019 16:22:41</t>
  </si>
  <si>
    <t>10/31/2019 16:25:01</t>
  </si>
  <si>
    <t>Multas Tim 2019 por CR (2).xlsx</t>
  </si>
  <si>
    <t>10/31/2019 16:20:14</t>
  </si>
  <si>
    <t>ENC: Chamado: 2606780;</t>
  </si>
  <si>
    <t>Cópia de 18 - SINDPD_DF_TECH - 2018-2019.xlsx</t>
  </si>
  <si>
    <t>10/31/2019 16:27:53</t>
  </si>
  <si>
    <t>10/31/2019 16:31:01</t>
  </si>
  <si>
    <t>mail.google.com/_/upload?authuser=1&amp;dcp=asu-n&amp;upload_id=AEnB2UogB781ZnoYZLSEY-cvR8S6nberczNYPzXpNxFsuvrBjBjFoW3theWBAcrHp1REtP-J3NqYxKanrLsRs4BApC2dEqjq6Mw-iKN1JZrnycHLH4-wF8k&amp;upload_protocol=resumable</t>
  </si>
  <si>
    <t>\\acsfs\engeset\financeiro_ula\FATURAMENTO\08. Relatórios Faturamento\03. 2019\10.2019\</t>
  </si>
  <si>
    <t>RELATÓRIO FATURAMENTO 01.10.2019 A 31.10.2019.xlsx</t>
  </si>
  <si>
    <t>10/31/2019 16:28:01</t>
  </si>
  <si>
    <t>mail.google.com/_/upload?authuser=1&amp;dcp=asu-n&amp;upload_id=AEnB2UqMpijB8jvup0aB9Z5kRePRvLtVTV7usfpPx8xB-UFPvHo8QX6R3ZzS1sWqrkl_Yi5k0CzcmhxmhsOjfPbnD3bhj8XvfFKEeXiIQhcMFBgqKyHXMb8&amp;upload_protocol=resumable</t>
  </si>
  <si>
    <t>RELATÓRIO CANCELAMENTO 01.10.2019 A 31.10.2019.xlsx</t>
  </si>
  <si>
    <t>10/31/2019 16:27:19</t>
  </si>
  <si>
    <t>10/31/2019 16:32:05</t>
  </si>
  <si>
    <t>10/31/2019 16:33:01</t>
  </si>
  <si>
    <t>10/31/2019 16:36:25</t>
  </si>
  <si>
    <t>10/31/2019 16:38:01</t>
  </si>
  <si>
    <t>10/31/2019 16:34:17</t>
  </si>
  <si>
    <t>RES: IB - Cliente Não Correntista</t>
  </si>
  <si>
    <t>10/31/2019 16:37:35</t>
  </si>
  <si>
    <t>10/31/2019 16:43:02</t>
  </si>
  <si>
    <t>Renault Latam BP Preço C017 B017.xlsb</t>
  </si>
  <si>
    <t>10/31/2019 16:38:02</t>
  </si>
  <si>
    <t>BP SOC MRE 12 Profissionais.xlsb</t>
  </si>
  <si>
    <t>10/31/2019 16:41:35</t>
  </si>
  <si>
    <t>/o=exchangelabs/ou=exchange administrative group (fydibohf23spdlt)/cn=recipients/cn=77d2a15e162941f5b8ad84d928392e5e-dolvane rod;/o=exchangelabs/ou=exchange administrative group (fydibohf23spdlt)/cn=recipients/cn=8c89829ad534498fa4c85b5ac11174f1-suelen more;/o=exchangelabs/ou=exchange administrative group (fydibohf23spdlt)/cn=recipients/cn=e5dfe65308934e02acfffcb2185133f4-daniel bier;</t>
  </si>
  <si>
    <t>216427_IBM_Globo_Rollout_Nova Teste.xlsb</t>
  </si>
  <si>
    <t>/o=exchangelabs/ou=exchange administrative group (fydibohf23spdlt)/cn=recipients/cn=77d2a15e162941f5b8ad84d928392e5e-dolvane rod,/o=exchangelabs/ou=exchange administrative group (fydibohf23spdlt)/cn=recipients/cn=8c89829ad534498fa4c85b5ac11174f1-suelen more,/o=exchangelabs/ou=exchange administrative group (fydibohf23spdlt)/cn=recipients/cn=e5dfe65308934e02acfffcb2185133f4-daniel bier</t>
  </si>
  <si>
    <t>10/31/2019 16:41:50</t>
  </si>
  <si>
    <t>10/31/2019 16:44:01</t>
  </si>
  <si>
    <t>10/31/2019 16:47:19</t>
  </si>
  <si>
    <t>10/31/2019 16:48:01</t>
  </si>
  <si>
    <t>/o=exchangelabs/ou=exchange administrative group (fydibohf23spdlt)/cn=recipients/cn=033aefc0cc48440d94e5f6e396995b9a-diego vitor;/o=exchangelabs/ou=exchange administrative group (fydibohf23spdlt)/cn=recipients/cn=2061c762940c414081ed0fdb56ab95d6-379cd65a-54;</t>
  </si>
  <si>
    <t>RES: CHAMADOS SEM TEMPLATE</t>
  </si>
  <si>
    <t>/o=exchangelabs/ou=exchange administrative group (fydibohf23spdlt)/cn=recipients/cn=033aefc0cc48440d94e5f6e396995b9a-diego vitor,/o=exchangelabs/ou=exchange administrative group (fydibohf23spdlt)/cn=recipients/cn=2061c762940c414081ed0fdb56ab95d6-379cd65a-54</t>
  </si>
  <si>
    <t>10/31/2019 16:49:22</t>
  </si>
  <si>
    <t>10/31/2019 16:53:02</t>
  </si>
  <si>
    <t>Analises IBI</t>
  </si>
  <si>
    <t>Leandro.xlsx</t>
  </si>
  <si>
    <t>10/31/2019 17:00:10</t>
  </si>
  <si>
    <t>10/31/2019 17:02:02</t>
  </si>
  <si>
    <t>10/31/2019 17:00:25</t>
  </si>
  <si>
    <t>C:\Users\elainemdlp\OD\_Projetos\Em andamento\Expansao Caixa\01 - Iniciacao\ENC_ Chamado_ CON-3379152_ Script de atendimento_ (novo)CON - ATIVOS - CLASSIFICAÇÃO_CRIAÇÃO DE ATIVOS - Chamado aguardando confirmação de encerramento.msg\s135\</t>
  </si>
  <si>
    <t>10/31/2019 17:00:26</t>
  </si>
  <si>
    <t>C:\Users\elainemdlp\OD\_Projetos\Em andamento\Expansao Caixa\01 - Iniciacao\Compra PAS Caixa_.msg\s129\</t>
  </si>
  <si>
    <t>Formulario de compras - Caixa.xls</t>
  </si>
  <si>
    <t>C:\Users\elainemdlp\OD\_Projetos\Em andamento\Expansao Caixa\01 - Iniciacao\</t>
  </si>
  <si>
    <t>Classificação de itens - Crescimento_mobiliario.xlsx</t>
  </si>
  <si>
    <t>10/31/2019 17:01:37</t>
  </si>
  <si>
    <t>ENC: APROVAÇÃO - Nº 507702</t>
  </si>
  <si>
    <t>10/31/2019 16:58:05</t>
  </si>
  <si>
    <t>10/31/2019 17:03:01</t>
  </si>
  <si>
    <t>RES: MASCARA__CONTROLES_CONSOLIDADO_201910_24.xlsx</t>
  </si>
  <si>
    <t>Painel de Produtividade_CONTROLES_201910_28_30_NOVO.xlsx</t>
  </si>
  <si>
    <t>10/31/2019 17:09:39</t>
  </si>
  <si>
    <t>10/31/2019 17:14:01</t>
  </si>
  <si>
    <t>10/31/2019 17:13:38</t>
  </si>
  <si>
    <t>10/31/2019 17:18:01</t>
  </si>
  <si>
    <t>10/31/2019 17:16:55</t>
  </si>
  <si>
    <t>10/31/2019 17:19:01</t>
  </si>
  <si>
    <t>10.203.31.35</t>
  </si>
  <si>
    <t>/o=exchangelabs/ou=exchange administrative group (fydibohf23spdlt)/cn=recipients/cn=430b7fc0ccfe4728933af1b3039c7e24-marcus gome;/o=exchangelabs/ou=exchange administrative group (fydibohf23spdlt)/cn=recipients/cn=df0f78f600bf4435bb9bd53215e9779d-junio alves;/o=exchangelabs/ou=exchange administrative group (fydibohf23spdlt)/cn=recipients/cn=f681a87682ec4eb3b3dfa2503f9869d3-filipe rese;</t>
  </si>
  <si>
    <t>KM_RODADO_WESLEY_CH3395822.xlsx</t>
  </si>
  <si>
    <t>/o=exchangelabs/ou=exchange administrative group (fydibohf23spdlt)/cn=recipients/cn=430b7fc0ccfe4728933af1b3039c7e24-marcus gome,/o=exchangelabs/ou=exchange administrative group (fydibohf23spdlt)/cn=recipients/cn=df0f78f600bf4435bb9bd53215e9779d-junio alves,/o=exchangelabs/ou=exchange administrative group (fydibohf23spdlt)/cn=recipients/cn=f681a87682ec4eb3b3dfa2503f9869d3-filipe rese</t>
  </si>
  <si>
    <t>10/31/2019 17:18:18</t>
  </si>
  <si>
    <t>10/31/2019 17:20:01</t>
  </si>
  <si>
    <t>/o=exchangelabs/ou=exchange administrative group (fydibohf23spdlt)/cn=recipients/cn=54861e79125f48cc952d00cf8160b9a8-jeferson fe;/o=exchangelabs/ou=exchange administrative group (fydibohf23spdlt)/cn=recipients/cn=8ab5e44d485043d59eb4f21463e63e6a-tays dos sa;/o=exchangelabs/ou=exchange administrative group (fydibohf23spdlt)/cn=recipients/cn=d6cce5a70d504cc2ad89cee834cd59a9-luciana rib;/o=exchangelabs/ou=exchange administrative group (fydibohf23spdlt)/cn=recipients/cn=usere11ed38c;gisellenm@algartech.com;</t>
  </si>
  <si>
    <t>215424 - AVON Reformulação Redes Sociais</t>
  </si>
  <si>
    <t>215424 Plan Precificacao C018 B018 - Somente GRC PMO N3 v2.xlsb</t>
  </si>
  <si>
    <t>/o=exchangelabs/ou=exchange administrative group (fydibohf23spdlt)/cn=recipients/cn=54861e79125f48cc952d00cf8160b9a8-jeferson fe,/o=exchangelabs/ou=exchange administrative group (fydibohf23spdlt)/cn=recipients/cn=8ab5e44d485043d59eb4f21463e63e6a-tays dos sa,/o=exchangelabs/ou=exchange administrative group (fydibohf23spdlt)/cn=recipients/cn=d6cce5a70d504cc2ad89cee834cd59a9-luciana rib,/o=exchangelabs/ou=exchange administrative group (fydibohf23spdlt)/cn=recipients/cn=usere11ed38c,gisellenm@algartech.com</t>
  </si>
  <si>
    <t>10/31/2019 17:16:48</t>
  </si>
  <si>
    <t>10/31/2019 17:21:01</t>
  </si>
  <si>
    <t>10.200.61.179</t>
  </si>
  <si>
    <t>FC-01-7C-FE-64-85</t>
  </si>
  <si>
    <t>NB-RENATAALVES</t>
  </si>
  <si>
    <t>renataalves</t>
  </si>
  <si>
    <t>mail.google.com/_/upload?authuser=1&amp;dcp=asu-n&amp;upload_id=AEnB2UoUi5UxcgRAhBv81Lo8FswydL8Q2_AEGBpVsnUxBxo_BDbbLmNC3MFcGyZuoZL3DFet9_s5QUgOAaXBmQZYLIzUOZDli_UXIJMVoskFw-gpuPxKEr4&amp;upload_protocol=resumable</t>
  </si>
  <si>
    <t>C:\Users\renataalves\Desktop\Diversos e ProcessosTH Internos\</t>
  </si>
  <si>
    <t>acerto VAL.xlsx</t>
  </si>
  <si>
    <t>10/31/2019 17:20:47</t>
  </si>
  <si>
    <t>10/31/2019 17:24:02</t>
  </si>
  <si>
    <t>10/31/2019 17:23:55</t>
  </si>
  <si>
    <t>10/31/2019 17:29:01</t>
  </si>
  <si>
    <t>20191030 Meta e Real 3º Tri_v5.xlsx</t>
  </si>
  <si>
    <t>10/31/2019 17:26:36</t>
  </si>
  <si>
    <t>10/31/2019 17:31:01</t>
  </si>
  <si>
    <t>ENC: BASES USADAS NOS RELATORIOS BV GENESYS EX</t>
  </si>
  <si>
    <t>Bases 03.10.xlsx</t>
  </si>
  <si>
    <t>10/31/2019 17:29:15</t>
  </si>
  <si>
    <t>10/31/2019 17:32:01</t>
  </si>
  <si>
    <t>C:\Users\waleskamms\OneDrive - Grupo Algar\Gestão área\Reuniões da área\</t>
  </si>
  <si>
    <t>Reuniões ágeis e de trabalho dos núcleos.xlsx</t>
  </si>
  <si>
    <t>10/31/2019 17:26:19</t>
  </si>
  <si>
    <t>10/31/2019 17:29:38</t>
  </si>
  <si>
    <t>/o=exchangelabs/ou=exchange administrative group (fydibohf23spdlt)/cn=recipients/cn=c212eb60f4be444cb64e0cc9b82f6e10-alessandro;</t>
  </si>
  <si>
    <t>Acesso Banco - Relatório Amazon</t>
  </si>
  <si>
    <t>/o=exchangelabs/ou=exchange administrative group (fydibohf23spdlt)/cn=recipients/cn=c212eb60f4be444cb64e0cc9b82f6e10-alessandro</t>
  </si>
  <si>
    <t>10/31/2019 17:35:08</t>
  </si>
  <si>
    <t>10/31/2019 17:39:02</t>
  </si>
  <si>
    <t>/o=exchangelabs/ou=exchange administrative group (fydibohf23spdlt)/cn=recipients/cn=430b7fc0ccfe4728933af1b3039c7e24-marcus gome;/o=exchangelabs/ou=exchange administrative group (fydibohf23spdlt)/cn=recipients/cn=6bc6ced03b1b4fafa41bb5c70c178940-antonio per;/o=exchangelabs/ou=exchange administrative group (fydibohf23spdlt)/cn=recipients/cn=f681a87682ec4eb3b3dfa2503f9869d3-filipe rese;/o=exchangelabs/ou=exchange administrative group (fydibohf23spdlt)/cn=recipients/cn=fe134ce6f7124ebfa00395a14326bd71-luciana ber;</t>
  </si>
  <si>
    <t>Explicações Algar Telecom</t>
  </si>
  <si>
    <t>Explicações Resultado Outubro.xlsx</t>
  </si>
  <si>
    <t>/o=exchangelabs/ou=exchange administrative group (fydibohf23spdlt)/cn=recipients/cn=430b7fc0ccfe4728933af1b3039c7e24-marcus gome,/o=exchangelabs/ou=exchange administrative group (fydibohf23spdlt)/cn=recipients/cn=6bc6ced03b1b4fafa41bb5c70c178940-antonio per,/o=exchangelabs/ou=exchange administrative group (fydibohf23spdlt)/cn=recipients/cn=f681a87682ec4eb3b3dfa2503f9869d3-filipe rese,/o=exchangelabs/ou=exchange administrative group (fydibohf23spdlt)/cn=recipients/cn=fe134ce6f7124ebfa00395a14326bd71-luciana ber</t>
  </si>
  <si>
    <t>10/31/2019 17:42:42</t>
  </si>
  <si>
    <t>10/31/2019 17:44:01</t>
  </si>
  <si>
    <t>Banco de horas</t>
  </si>
  <si>
    <t>20190806 Banco de Horas.xlsx</t>
  </si>
  <si>
    <t>10/31/2019 17:45:59</t>
  </si>
  <si>
    <t>10/31/2019 17:50:01</t>
  </si>
  <si>
    <t>Provisões 02 102019.xls</t>
  </si>
  <si>
    <t>10/31/2019 17:49:46</t>
  </si>
  <si>
    <t>10/31/2019 17:51:01</t>
  </si>
  <si>
    <t>ENC: Chamado: 2606577;</t>
  </si>
  <si>
    <t>TECH SINDPD DF.xlsx</t>
  </si>
  <si>
    <t>10/31/2019 17:50:23</t>
  </si>
  <si>
    <t>10/31/2019 17:53:02</t>
  </si>
  <si>
    <t>/o=exchangelabs/ou=exchange administrative group (fydibohf23spdlt)/cn=recipients/cn=6bc6ced03b1b4fafa41bb5c70c178940-antonio per;/o=exchangelabs/ou=exchange administrative group (fydibohf23spdlt)/cn=recipients/cn=76d765d676864fe79b29c865fa21a2c7-leticia rez;</t>
  </si>
  <si>
    <t>ENC: Aluguel FMC - Algar Telecom - Out.19</t>
  </si>
  <si>
    <t>ENC FATURAMENTO ALGAR TECH - SETEMBRO2019.msg\s1\</t>
  </si>
  <si>
    <t>FMC FATURAMENTO X PA X CR.xlsx</t>
  </si>
  <si>
    <t>/o=exchangelabs/ou=exchange administrative group (fydibohf23spdlt)/cn=recipients/cn=6bc6ced03b1b4fafa41bb5c70c178940-antonio per,/o=exchangelabs/ou=exchange administrative group (fydibohf23spdlt)/cn=recipients/cn=76d765d676864fe79b29c865fa21a2c7-leticia rez</t>
  </si>
  <si>
    <t>10/31/2019 17:52:48</t>
  </si>
  <si>
    <t>10/31/2019 17:55:02</t>
  </si>
  <si>
    <t>fabiolacc@algartecnologia.com.br;</t>
  </si>
  <si>
    <t>fabiolacc@algartecnologia.com.br</t>
  </si>
  <si>
    <t>10/31/2019 17:57:46</t>
  </si>
  <si>
    <t>10/31/2019 18:03:02</t>
  </si>
  <si>
    <t>TB_CONSOLIDACAO_alteracao argentina.xlsx</t>
  </si>
  <si>
    <t>10/31/2019 18:03:29</t>
  </si>
  <si>
    <t>10/31/2019 18:07:02</t>
  </si>
  <si>
    <t>http://sdcatalogo.algartech.com:8080/usm/documents?&amp;sh=skuawgvhn0zb8s+q7t5xvv13hy0=&amp;portal=true&amp;sp=rriif</t>
  </si>
  <si>
    <t>\\acsfs\deptos\CEI - Coordenação de Engenharia e Infraestrutura\CEI - Campinas\Documentação Contrato A100\Relatório de Operação\10B - Peças Reservas\</t>
  </si>
  <si>
    <t>GRU2 - Spare Part List.xls</t>
  </si>
  <si>
    <t>10/31/2019 18:04:23</t>
  </si>
  <si>
    <t>10/31/2019 18:09:02</t>
  </si>
  <si>
    <t>Planejamento 2020</t>
  </si>
  <si>
    <t>10/31/2019 18:08:58</t>
  </si>
  <si>
    <t>10/31/2019 18:10:02</t>
  </si>
  <si>
    <t>C:\Users\karlosgc\Dropbox\NB-AlgarTech\BIG_DATA\Apresentacao_Indicadores_DW\</t>
  </si>
  <si>
    <t>indicadores_ativos.xlsx</t>
  </si>
  <si>
    <t>10/31/2019 18:09:19</t>
  </si>
  <si>
    <t>C:\Users\karlosgc\Dropbox\NB-AlgarTech\BIG_DATA\Apresentacao_Custos_BigData\</t>
  </si>
  <si>
    <t>custo_aws_bigdata.xlsx</t>
  </si>
  <si>
    <t>10/31/2019 18:20:07</t>
  </si>
  <si>
    <t>10/31/2019 18:24:02</t>
  </si>
  <si>
    <t>C:\Users\filemoncmj\OneDrive - Grupo Algar\01. Algar Tech\01. Projetos de Clientes\47. Prudential\03. Proposta Técnica e Comercial\Resumo Executivo\Prudential - Resumo Executivo_Outubro.pptx\</t>
  </si>
  <si>
    <t>10/31/2019 18:26:00</t>
  </si>
  <si>
    <t>10/31/2019 18:29:02</t>
  </si>
  <si>
    <t>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65d35bc38c6743d7a55b3ae9726a5893-diego ribei;/o=exchangelabs/ou=exchange administrative group (fydibohf23spdlt)/cn=recipients/cn=65f2464c9a2e4d2981cae7124572133d-cristiane c;/o=exchangelabs/ou=exchange administrative group (fydibohf23spdlt)/cn=recipients/cn=9a3ba6096e184fb5837abcf6a6214283-daniel henr;/o=exchangelabs/ou=exchange administrative group (fydibohf23spdlt)/cn=recipients/cn=b3ad8a638fcc4c57bf8c7953dd4b3cb8-augusto ces;pmo@algartech.com;</t>
  </si>
  <si>
    <t>CAPEX 2020 - Cenário Final</t>
  </si>
  <si>
    <t>CAPEX_2020 - Cenário2_Final.xlsx</t>
  </si>
  <si>
    <t>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65d35bc38c6743d7a55b3ae9726a5893-diego ribei,/o=exchangelabs/ou=exchange administrative group (fydibohf23spdlt)/cn=recipients/cn=65f2464c9a2e4d2981cae7124572133d-cristiane c,/o=exchangelabs/ou=exchange administrative group (fydibohf23spdlt)/cn=recipients/cn=9a3ba6096e184fb5837abcf6a6214283-daniel henr,/o=exchangelabs/ou=exchange administrative group (fydibohf23spdlt)/cn=recipients/cn=b3ad8a638fcc4c57bf8c7953dd4b3cb8-augusto ces,pmo@algartech.com</t>
  </si>
  <si>
    <t>10/31/2019 18:28:30</t>
  </si>
  <si>
    <t>10/31/2019 18:30:02</t>
  </si>
  <si>
    <t>Amostragem sms</t>
  </si>
  <si>
    <t>10/31/2019 18:31:12</t>
  </si>
  <si>
    <t>10/31/2019 18:34:02</t>
  </si>
  <si>
    <t>/o=exchangelabs/ou=exchange administrative group (fydibohf23spdlt)/cn=recipients/cn=65d35bc38c6743d7a55b3ae9726a5893-diego ribei;/o=exchangelabs/ou=exchange administrative group (fydibohf23spdlt)/cn=recipients/cn=9a3ba6096e184fb5837abcf6a6214283-daniel henr;/o=exchangelabs/ou=exchange administrative group (fydibohf23spdlt)/cn=recipients/cn=b3ad8a638fcc4c57bf8c7953dd4b3cb8-augusto ces;emerson_maia@yahoo.com.br;pmo@algartech.com;</t>
  </si>
  <si>
    <t>Handover de entregáveis e rotinas</t>
  </si>
  <si>
    <t>2019.10.29_Execução_Handover_Ederlei.xlsx</t>
  </si>
  <si>
    <t>/o=exchangelabs/ou=exchange administrative group (fydibohf23spdlt)/cn=recipients/cn=65d35bc38c6743d7a55b3ae9726a5893-diego ribei,/o=exchangelabs/ou=exchange administrative group (fydibohf23spdlt)/cn=recipients/cn=9a3ba6096e184fb5837abcf6a6214283-daniel henr,/o=exchangelabs/ou=exchange administrative group (fydibohf23spdlt)/cn=recipients/cn=b3ad8a638fcc4c57bf8c7953dd4b3cb8-augusto ces,emerson_maia@yahoo.com.br,pmo@algartech.com</t>
  </si>
  <si>
    <t>10/31/2019 18:35:18</t>
  </si>
  <si>
    <t>10/31/2019 18:39:03</t>
  </si>
  <si>
    <t>\\acsfs\DEPTOS\Engenharia\2 - Service Desk\2.19 - Help Desk Corporate\2.19.9 - Outros\SUPERVISORES\Lucas Rabboni\001 - Equipes\2.UPC\Controle de entregas\00 Consolidado anual\</t>
  </si>
  <si>
    <t>10/31/2019 18:44:14</t>
  </si>
  <si>
    <t>10/31/2019 18:48:02</t>
  </si>
  <si>
    <t>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c3577a5d878e4f9891bd5a4026e498e3-natalia rod;/o=exchangelabs/ou=exchange administrative group (fydibohf23spdlt)/cn=recipients/cn=f98150252e7d4ec38856314e08392d87-angeline gu;/o=exchangelabs/ou=exchange administrative group (fydibohf23spdlt)/cn=recipients/cn=fe134ce6f7124ebfa00395a14326bd71-luciana ber;</t>
  </si>
  <si>
    <t>ENC: Fornecedor ASC - Operação MRV</t>
  </si>
  <si>
    <t>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c3577a5d878e4f9891bd5a4026e498e3-natalia rod,/o=exchangelabs/ou=exchange administrative group (fydibohf23spdlt)/cn=recipients/cn=f98150252e7d4ec38856314e08392d87-angeline gu,/o=exchangelabs/ou=exchange administrative group (fydibohf23spdlt)/cn=recipients/cn=fe134ce6f7124ebfa00395a14326bd71-luciana ber</t>
  </si>
  <si>
    <t>ENC: Plano de ação AHT</t>
  </si>
  <si>
    <t>lilianbcr@algartech.com;</t>
  </si>
  <si>
    <t>lilianbcr@algartech.com</t>
  </si>
  <si>
    <t>/o=exchangelabs/ou=exchange administrative group (fydibohf23spdlt)/cn=recipients/cn=93b8a86ede0247de93ba3e93b161eead-jhennifer g;</t>
  </si>
  <si>
    <t>/o=exchangelabs/ou=exchange administrative group (fydibohf23spdlt)/cn=recipients/cn=93b8a86ede0247de93ba3e93b161eead-jhennifer g</t>
  </si>
  <si>
    <t>/o=exchangelabs/ou=exchange administrative group (fydibohf23spdlt)/cn=recipients/cn=194e8a6cbe5341759a3e79cffce09269-rodrigo ama;</t>
  </si>
  <si>
    <t>/o=exchangelabs/ou=exchange administrative group (fydibohf23spdlt)/cn=recipients/cn=194e8a6cbe5341759a3e79cffce09269-rodrigo ama</t>
  </si>
  <si>
    <t>C:\Users\lucianocle\OneDrive\Pessoal\Investimentos\Aplicações\</t>
  </si>
  <si>
    <t>Carteira Investimentos.xlsx</t>
  </si>
  <si>
    <t>Template Recuperação de Custos_OUTUBRO.xlsx</t>
  </si>
  <si>
    <t>10/31/2019 17:19:12</t>
  </si>
  <si>
    <t>10.12.243.127</t>
  </si>
  <si>
    <t>Volumetria Digital por Canal 2019.xlsx</t>
  </si>
  <si>
    <t>10/31/2019 17:54:17</t>
  </si>
  <si>
    <t>C:\Users\elainemdlp\OD\_Projetos\Em andamento\Expansao Caixa\02 - Planejamento\Compras\</t>
  </si>
  <si>
    <t>MINISTERIO DAS RELACOES EXTERIORES</t>
  </si>
  <si>
    <t>10.208.12.38</t>
  </si>
  <si>
    <t>74-E6-E2-D2-3C-3C</t>
  </si>
  <si>
    <t>NB-KAMILA-STAFF</t>
  </si>
  <si>
    <t>kamiladsv</t>
  </si>
  <si>
    <t>C:\Users\kamiladsv\Desktop\</t>
  </si>
  <si>
    <t>Planilha nova setembro.xlsx</t>
  </si>
  <si>
    <t>/o=exchangelabs/ou=exchange administrative group (fydibohf23spdlt)/cn=recipients/cn=9ec7344ac9ca4c3d93340a066ae57ae1-paula mayum;suporte.vmc@bradescocartoes.com.br;</t>
  </si>
  <si>
    <t>RES: Consulta de Dados - ATLANTICA HOTELS- 78649</t>
  </si>
  <si>
    <t>ATLANTICA HOTELS INT.xlsx</t>
  </si>
  <si>
    <t>/o=exchangelabs/ou=exchange administrative group (fydibohf23spdlt)/cn=recipients/cn=9ec7344ac9ca4c3d93340a066ae57ae1-paula mayum,suporte.vmc@bradescocartoes.com.br</t>
  </si>
  <si>
    <t>0ANALYSIS_PATTERN - 2019-11-01T083558.533.csv</t>
  </si>
  <si>
    <t>10.200.99.70</t>
  </si>
  <si>
    <t>Código sem Doação CP 19 e 20.xls</t>
  </si>
  <si>
    <t>HOTEL DIRETO LTDA.xlsx</t>
  </si>
  <si>
    <t>10/31/2019 18:23:29</t>
  </si>
  <si>
    <t>/o=exchangelabs/ou=exchange administrative group (fydibohf23spdlt)/cn=recipients/cn=2361e4251bf74fc4a50ab766b8d95847-algar tech;/o=exchangelabs/ou=exchange administrative group (fydibohf23spdlt)/cn=recipients/cn=5b573f4befac4475aa016fa1a1706cf0-roberto da;/o=exchangelabs/ou=exchange administrative group (fydibohf23spdlt)/cn=recipients/cn=8c89829ad534498fa4c85b5ac11174f1-suelen more;/o=exchangelabs/ou=exchange administrative group (fydibohf23spdlt)/cn=recipients/cn=97028c61ebe04c3ca84c604712943944-fabiano wil;</t>
  </si>
  <si>
    <t>RES: PR216380 - SD e FS in house - Group Voith</t>
  </si>
  <si>
    <t>216380_Demonstrativo_de_Custo.xlsx</t>
  </si>
  <si>
    <t>/o=exchangelabs/ou=exchange administrative group (fydibohf23spdlt)/cn=recipients/cn=2361e4251bf74fc4a50ab766b8d95847-algar tech,/o=exchangelabs/ou=exchange administrative group (fydibohf23spdlt)/cn=recipients/cn=5b573f4befac4475aa016fa1a1706cf0-roberto da,/o=exchangelabs/ou=exchange administrative group (fydibohf23spdlt)/cn=recipients/cn=8c89829ad534498fa4c85b5ac11174f1-suelen more,/o=exchangelabs/ou=exchange administrative group (fydibohf23spdlt)/cn=recipients/cn=97028c61ebe04c3ca84c604712943944-fabiano wil</t>
  </si>
  <si>
    <t>10/31/2019 18:03:32</t>
  </si>
  <si>
    <t>10/30/2019 18:45:18</t>
  </si>
  <si>
    <t>/o=exchangelabs/ou=exchange administrative group (fydibohf23spdlt)/cn=recipients/cn=372a4aee70df4061aed129651510b96b-raul montei;/o=exchangelabs/ou=exchange administrative group (fydibohf23spdlt)/cn=recipients/cn=8c89829ad534498fa4c85b5ac11174f1-suelen more;/o=exchangelabs/ou=exchange administrative group (fydibohf23spdlt)/cn=recipients/cn=97028c61ebe04c3ca84c604712943944-fabiano wil;marcelom@algartech.com;</t>
  </si>
  <si>
    <t>ENC: revisao final - Banco PAN - 30out19</t>
  </si>
  <si>
    <t>/o=exchangelabs/ou=exchange administrative group (fydibohf23spdlt)/cn=recipients/cn=372a4aee70df4061aed129651510b96b-raul montei,/o=exchangelabs/ou=exchange administrative group (fydibohf23spdlt)/cn=recipients/cn=8c89829ad534498fa4c85b5ac11174f1-suelen more,/o=exchangelabs/ou=exchange administrative group (fydibohf23spdlt)/cn=recipients/cn=97028c61ebe04c3ca84c604712943944-fabiano wil,marcelom@algartech.com</t>
  </si>
  <si>
    <t>10/31/2019 17:26:16</t>
  </si>
  <si>
    <t>/o=exchangelabs/ou=exchange administrative group (fydibohf23spdlt)/cn=recipients/cn=372a4aee70df4061aed129651510b96b-raul montei;/o=exchangelabs/ou=exchange administrative group (fydibohf23spdlt)/cn=recipients/cn=f7a4290a46314a3cbb0d392508a7b5c5-luciana sil;adinepd@algartech.com;afonsodc@algartech.com;alessiors@algartech.com;carlosfn@algartech.com;dioniziorn@algartech.com;patriciaars@algartech.com;suelenmm@algartech.com;</t>
  </si>
  <si>
    <t>Ata de Reunião - Esteira de Vendas</t>
  </si>
  <si>
    <t>Cópia de Matriz de Responsabilidades (RACI) Projeto Exponencial.xlsx</t>
  </si>
  <si>
    <t>/o=exchangelabs/ou=exchange administrative group (fydibohf23spdlt)/cn=recipients/cn=372a4aee70df4061aed129651510b96b-raul montei,/o=exchangelabs/ou=exchange administrative group (fydibohf23spdlt)/cn=recipients/cn=f7a4290a46314a3cbb0d392508a7b5c5-luciana sil,adinepd@algartech.com,afonsodc@algartech.com,alessiors@algartech.com,carlosfn@algartech.com,dioniziorn@algartech.com,patriciaars@algartech.com,suelenmm@algartech.com</t>
  </si>
  <si>
    <t>10/30/2019 22:16:30</t>
  </si>
  <si>
    <t>10.200.35.98</t>
  </si>
  <si>
    <t>mail.google.com/_/upload?authuser=0&amp;dcp=asu-n&amp;upload_id=AEnB2UppGxnlh5ik6EPYRpVIhe6bXtiJ9-dhVqEJyccm_8Q1ALlu1y6qM-ONoIom2jUAVKKB7YQb3sHim4bWcITzGw7fkItSSXI8h5Tc5ZiiNd97Vf8AcGU&amp;upload_protocol=resumable</t>
  </si>
  <si>
    <t>Plano Financeiro PGE2 EXCEL.xlsx</t>
  </si>
  <si>
    <t>Ofertas da Internet Cp 19 e 20-2019.xls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2f4bb3276da2464096fd9ebe23e1d908-marla jorda;/o=exchangelabs/ou=exchange administrative group (fydibohf23spdlt)/cn=recipients/cn=3a354b5804b342fe8b535455ff89c941-mariana fre;/o=exchangelabs/ou=exchange administrative group (fydibohf23spdlt)/cn=recipients/cn=8448bc0d964c4200bf3bd8bd54310da1-kesley isai;/o=exchangelabs/ou=exchange administrative group (fydibohf23spdlt)/cn=recipients/cn=b00eb05119d14bbeac53a3bf5979e6c2-elena crist;/o=exchangelabs/ou=exchange administrative group (fydibohf23spdlt)/cn=recipients/cn=f0e6b231679d41b89fbbc682e6e3a6ca-daiane barb;</t>
  </si>
  <si>
    <t>RES: Definição Meta Novembro novas ações</t>
  </si>
  <si>
    <t>Meta plan x Real Novas Ações v2 oficial por operador.xlsb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2f4bb3276da2464096fd9ebe23e1d908-marla jorda,/o=exchangelabs/ou=exchange administrative group (fydibohf23spdlt)/cn=recipients/cn=3a354b5804b342fe8b535455ff89c941-mariana fre,/o=exchangelabs/ou=exchange administrative group (fydibohf23spdlt)/cn=recipients/cn=8448bc0d964c4200bf3bd8bd54310da1-kesley isai,/o=exchangelabs/ou=exchange administrative group (fydibohf23spdlt)/cn=recipients/cn=b00eb05119d14bbeac53a3bf5979e6c2-elena crist,/o=exchangelabs/ou=exchange administrative group (fydibohf23spdlt)/cn=recipients/cn=f0e6b231679d41b89fbbc682e6e3a6ca-daiane barb</t>
  </si>
  <si>
    <t>CURVA NORMAL - 31/10/2019</t>
  </si>
  <si>
    <t>mail.google.com/_/upload?authuser=1&amp;dcp=asu-n&amp;upload_id=AEnB2UrxdtajfW5txntewOZZoluBj8ST4HqA4bQp2Zs1BH7u9h6OBq8HVuIuIoWlhMidpJNBtYmWw5o_NZ1c6siXhrHkqLpro_t0RGz8XqEdPLsqXDi0fHU&amp;upload_protocol=resumable</t>
  </si>
  <si>
    <t>WAYNER 10_19- Acompanhamento Faturamento.v5.xlsb</t>
  </si>
  <si>
    <t>mail.google.com/_/upload?authuser=0&amp;dcp=asu-n&amp;upload_id=AEnB2Up4XV-S9LA5Rataan9OqORriXxqt0KcHsVgORonhELzvrgnTh1Gch2u3urP0XMOQebTTqtOOHZkZU1l2uttqU5a1I2Z7xOhlESG5q9ON8Uh5C_Ou3o&amp;upload_protocol=resumable</t>
  </si>
  <si>
    <t>/o=exchangelabs/ou=exchange administrative group (fydibohf23spdlt)/cn=recipients/cn=e1e1f9dca23c43db9655205b0386bad9-felipe mart;</t>
  </si>
  <si>
    <t>ENC: PMO - CAPEX Longo Prazo - Necessidade de informações - meta de retorno: até 16/08 - quinta-feira - 17:00h - IMPORTANTE e URGENTE</t>
  </si>
  <si>
    <t>Cópia de PMO - Capex_Longo Prazo_rev_AGO_2018 (003).xlsx</t>
  </si>
  <si>
    <t>/o=exchangelabs/ou=exchange administrative group (fydibohf23spdlt)/cn=recipients/cn=e1e1f9dca23c43db9655205b0386bad9-felipe mart</t>
  </si>
  <si>
    <t>mail.google.com/_/upload?authuser=1&amp;dcp=asu-n&amp;upload_id=AEnB2Upoi-v31RX2YyVB1RCs5V7SqSbtM3_59LEVoZ92MiSniAdxFen6RjfywK2LafF34di4JIwLeb96tt_Gly1PNPhWxDU3QfjhYdJ9BZK_0DShMdT8YnA&amp;upload_protocol=resumable</t>
  </si>
  <si>
    <t>C:\Users\karlosgc\Dropbox\NB-AlgarTech\BIG_DATA\Ativo\</t>
  </si>
  <si>
    <t>Descrição Campos Ativo.xlsx</t>
  </si>
  <si>
    <t>Indicadores Atendimento Humano - PA Digital - ASC - Genesys.xlsx</t>
  </si>
  <si>
    <t>Indicadores Bot - PA Digital - ASC - Genesys.xlsx</t>
  </si>
  <si>
    <t>Regras de Cálculo - Ativo.xlsx</t>
  </si>
  <si>
    <t>jordana.borin@bradesco.com.br;</t>
  </si>
  <si>
    <t>Cartões.xls</t>
  </si>
  <si>
    <t>jordana.borin@bradesco.com.br</t>
  </si>
  <si>
    <t>C:\Users\elainemdlp\OD\Templates\</t>
  </si>
  <si>
    <t>Classificação de Ativos - Novo Template.xlsx</t>
  </si>
  <si>
    <t>C:\Users\ricardobal\OneDrive - Grupo Algar\Algar Tecnologia\COMISSIONAMENTO\2019\3 TRI\</t>
  </si>
  <si>
    <t>Pré-Apuração Julho e Agosto e Setembro_Ricardo.xlsx</t>
  </si>
  <si>
    <t>Projetos TI 2021-2024 - Longo Prazo V6.xlsx</t>
  </si>
  <si>
    <t>C:\Users\karlosgc\Dropbox\NB-AlgarTech\BIG_DATA\Receptivo\</t>
  </si>
  <si>
    <t>ENC: Chamado: 3395870;</t>
  </si>
  <si>
    <t>PMO__-__Detalhamento_de_Itens__-__Aquisicao_de_Microondas CON-3395870.xlsx</t>
  </si>
  <si>
    <t>ENC: Chamado: 3395949;</t>
  </si>
  <si>
    <t>PMO__-__Detalhamento_de_Itens__-__Aquisicao_de_Video_Wall CON-3395949.xlsx</t>
  </si>
  <si>
    <t>mail.google.com/_/upload?authuser=1&amp;dcp=asu-n&amp;upload_id=AEnB2Uo0G8AFAg2-L7n0F4yZOaMxD3_tNSb8XIvy3hPVtWW_8PDmKVaQshFcG5SxR60pn-cHe_G-rWXtzULOEJuY5IqahyQMFJ6_Y8GhycQUu2PXhcldEeI&amp;upload_protocol=resumable</t>
  </si>
  <si>
    <t>FAT B - BBN Denise.xlsx</t>
  </si>
  <si>
    <t>indicadores_receptivos.xlsx</t>
  </si>
  <si>
    <t>Categorizações Out19 BBlend.xlsx</t>
  </si>
  <si>
    <t>/o=exchangelabs/ou=exchange administrative group (fydibohf23spdlt)/cn=recipients/cn=de309567271c4871b341e820d0b7364e-luiz carlos;/o=exchangelabs/ou=exchange administrative group (fydibohf23spdlt)/cn=recipients/cn=userd3ef8196;</t>
  </si>
  <si>
    <t>ENC: Demanda Black Friday - Compra certa</t>
  </si>
  <si>
    <t>Compra Certa - Black Friday 385k receita.xlsb</t>
  </si>
  <si>
    <t>/o=exchangelabs/ou=exchange administrative group (fydibohf23spdlt)/cn=recipients/cn=de309567271c4871b341e820d0b7364e-luiz carlos,/o=exchangelabs/ou=exchange administrative group (fydibohf23spdlt)/cn=recipients/cn=userd3ef8196</t>
  </si>
  <si>
    <t>10/31/2019 21:32:58</t>
  </si>
  <si>
    <t>COMPARATIVOS (1).xlsx</t>
  </si>
  <si>
    <t>Apuração Vendas Extra CP 15-2019 NCM EVAS.xls</t>
  </si>
  <si>
    <t>Apuração de Vendas Extra C.17.2019 NCM GS.xls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2f4bb3276da2464096fd9ebe23e1d908-marla jorda;/o=exchangelabs/ou=exchange administrative group (fydibohf23spdlt)/cn=recipients/cn=363af2e6e56746febce0b409a64e9677-anne caroli;/o=exchangelabs/ou=exchange administrative group (fydibohf23spdlt)/cn=recipients/cn=3a354b5804b342fe8b535455ff89c941-mariana fre;/o=exchangelabs/ou=exchange administrative group (fydibohf23spdlt)/cn=recipients/cn=52684aee05874b27a5c249763c2fe008-andre mota;/o=exchangelabs/ou=exchange administrative group (fydibohf23spdlt)/cn=recipients/cn=8448bc0d964c4200bf3bd8bd54310da1-kesley isai;/o=exchangelabs/ou=exchange administrative group (fydibohf23spdlt)/cn=recipients/cn=a201dc4b105e45dbba6cabc753faf828-dc940</t>
  </si>
  <si>
    <t>ERRAT Definição Meta Novembro novas ações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2f4bb3276da2464096fd9ebe23e1d908-marla jorda,/o=exchangelabs/ou=exchange administrative group (fydibohf23spdlt)/cn=recipients/cn=363af2e6e56746febce0b409a64e9677-anne caroli,/o=exchangelabs/ou=exchange administrative group (fydibohf23spdlt)/cn=recipients/cn=3a354b5804b342fe8b535455ff89c941-mariana fre,/o=exchangelabs/ou=exchange administrative group (fydibohf23spdlt)/cn=recipients/cn=52684aee05874b27a5c249763c2fe008-andre mota,/o=exchangelabs/ou=exchange administrative group (fydibohf23spdlt)/cn=recipients/cn=8448bc0d964c4200bf3bd8bd54310da1-kesley isai,/o=exchangelabs/ou=exchange administrative group (fydibohf23spdlt)/cn=recipients/cn=a201dc4b105e45dbba6cabc753faf828-dc940</t>
  </si>
  <si>
    <t>abilenerdm@algartech.com.br;adalgisats@algartech.com.br;crcevmc@algartech.com.br;diegorm@algartech.com.br;emissaogerenciadapj@algartech.com.br;hamiltoniof@algartech.com.br;pablo.faria@temposervicos.com.br;</t>
  </si>
  <si>
    <t>RES: EMISSAO BTB XX BRASIL PLURAL CONSULTORIA E ASSESSORIA LTDA CRM:006280001101</t>
  </si>
  <si>
    <t>abilenerdm@algartech.com.br,adalgisats@algartech.com.br,crcevmc@algartech.com.br,diegorm@algartech.com.br,emissaogerenciadapj@algartech.com.br,hamiltoniof@algartech.com.br,pablo.faria@temposervicos.com.br</t>
  </si>
  <si>
    <t>Ganhadoras Maquiagem C.14 e 15.2019 GS.xls</t>
  </si>
  <si>
    <t>Apuração Maquiagem C.16.2019 GS.xls</t>
  </si>
  <si>
    <t>Apuração Maquiagem C.16.2019 EVA.xls</t>
  </si>
  <si>
    <t>Apuração Maquiagem C.14 a 16.2019 EVA.xls</t>
  </si>
  <si>
    <t>ENC: Lista de Presença Módulo - Comportamental</t>
  </si>
  <si>
    <t>Lista Participantes Treinamento TOP Módulo 1.xlsx</t>
  </si>
  <si>
    <t>davi.pecin@grupomendes.com.br;esaton@kpmg.com.br;evandro@grupomendes.com.br;ewerton@grupomendes.com.br;jecivania.silva@bradesco.com.br;thiago@grupomendes.com.br;</t>
  </si>
  <si>
    <t>RES: GRUPO MENDES / BRADESCO CARTÕES</t>
  </si>
  <si>
    <t>davi.pecin@grupomendes.com.br,esaton@kpmg.com.br,evandro@grupomendes.com.br,ewerton@grupomendes.com.br,jecivania.silva@bradesco.com.br,thiago@grupomendes.com.br</t>
  </si>
  <si>
    <t>ENC: Report Intradiário - Atendimento Algar Tech - 01/11/2019 - Acumulado até 9 hrs</t>
  </si>
  <si>
    <t>10.200.99.129</t>
  </si>
  <si>
    <t>/o=exchangelabs/ou=exchange administrative group (fydibohf23spdlt)/cn=recipients/cn=670d10f0276c47ba89a984b1a225496b-victor gala;/o=exchangelabs/ou=exchange administrative group (fydibohf23spdlt)/cn=recipients/cn=f0ff087361a245daa16e71ac77ecc3f0-ivan costa;</t>
  </si>
  <si>
    <t>/o=exchangelabs/ou=exchange administrative group (fydibohf23spdlt)/cn=recipients/cn=670d10f0276c47ba89a984b1a225496b-victor gala,/o=exchangelabs/ou=exchange administrative group (fydibohf23spdlt)/cn=recipients/cn=f0ff087361a245daa16e71ac77ecc3f0-ivan costa</t>
  </si>
  <si>
    <t>/o=exchangelabs/ou=exchange administrative group (fydibohf23spdlt)/cn=recipients/cn=004fbe04a76042fda28a404cff30f61b-vinicius ma;/o=exchangelabs/ou=exchange administrative group (fydibohf23spdlt)/cn=recipients/cn=38bffaaccd0949f9804fcde336e4fb36-emilio sant;/o=exchangelabs/ou=exchange administrative group (fydibohf23spdlt)/cn=recipients/cn=d634880a7abd41c6afd38546d3ce7eaa-andressa fi;</t>
  </si>
  <si>
    <t>/o=exchangelabs/ou=exchange administrative group (fydibohf23spdlt)/cn=recipients/cn=004fbe04a76042fda28a404cff30f61b-vinicius ma,/o=exchangelabs/ou=exchange administrative group (fydibohf23spdlt)/cn=recipients/cn=38bffaaccd0949f9804fcde336e4fb36-emilio sant,/o=exchangelabs/ou=exchange administrative group (fydibohf23spdlt)/cn=recipients/cn=d634880a7abd41c6afd38546d3ce7eaa-andressa fi</t>
  </si>
  <si>
    <t>mail.google.com/_/upload?authuser=1&amp;dcp=asu-n&amp;upload_id=AEnB2Upp0PC3T3Qqw8g76fQ1fSBA3wsScs0GE6xGJC6IY5UZ4OvWbmgbW_WPoVPRvY_abAM4HnJyFJOinfzcLzgnyqc53htOUnzK1IWbRrETngpNxDK9cR4&amp;upload_protocol=resumable</t>
  </si>
  <si>
    <t>Pendentes_ Andressa.xlsx</t>
  </si>
  <si>
    <t>supermercado novembro.xlsx</t>
  </si>
  <si>
    <t>C:\Users\rodrigombu\OneDrive - Grupo Algar\Operações\CPC\</t>
  </si>
  <si>
    <t>Equipe Vinicius Grevy.xlsx</t>
  </si>
  <si>
    <t>tullyo.luciano@gmail.com</t>
  </si>
  <si>
    <t>mail.google.com/_/upload?authuser=0&amp;dcp=asu-n&amp;upload_id=AEnB2UrWdOMGx3EX1ESIu63O1pwovqzIc4TBNaM61joUz_ocuYLBLYADAbJXAsJVeYUO6G5xgfleBRRRxszH1aMBHmxiZhU4Ng&amp;upload_protocol=resumable</t>
  </si>
  <si>
    <t>PERDAS COM SEGURO.xlsx</t>
  </si>
  <si>
    <t>/o=exchangelabs/ou=exchange administrative group (fydibohf23spdlt)/cn=recipients/cn=8d77119d2f8247d39c0b1cfda92ac304-matheus pei;</t>
  </si>
  <si>
    <t>NEXT201901031.xlsx</t>
  </si>
  <si>
    <t>/o=exchangelabs/ou=exchange administrative group (fydibohf23spdlt)/cn=recipients/cn=8d77119d2f8247d39c0b1cfda92ac304-matheus pei</t>
  </si>
  <si>
    <t>c:\users\denisevca\desktop\</t>
  </si>
  <si>
    <t>cópia de protocolo para envio de correspondências_ engeset.xlsx</t>
  </si>
  <si>
    <t>Cadastro de arquivo - Proaco</t>
  </si>
  <si>
    <t>(Hibrido) Formulario de abertura de relacionamento.xlsx</t>
  </si>
  <si>
    <t>/o=exchangelabs/ou=exchange administrative group (fydibohf23spdlt)/cn=recipients/cn=8f185d9b3bd9437bbda2e6edb3323202-natalia men;/o=exchangelabs/ou=exchange administrative group (fydibohf23spdlt)/cn=recipients/cn=e70cc16764ef4e4fac6e4581f29c2881-valeria bet;/o=exchangelabs/ou=exchange administrative group (fydibohf23spdlt)/cn=recipients/cn=user776b6484;</t>
  </si>
  <si>
    <t>/o=exchangelabs/ou=exchange administrative group (fydibohf23spdlt)/cn=recipients/cn=8f185d9b3bd9437bbda2e6edb3323202-natalia men,/o=exchangelabs/ou=exchange administrative group (fydibohf23spdlt)/cn=recipients/cn=e70cc16764ef4e4fac6e4581f29c2881-valeria bet,/o=exchangelabs/ou=exchange administrative group (fydibohf23spdlt)/cn=recipients/cn=user776b6484</t>
  </si>
  <si>
    <t>ENC: Produção hora a hora Formalização AMEX 28/10</t>
  </si>
  <si>
    <t>Cópia de Produção-Hora-a-Hora AMEX D-1_.xlsx</t>
  </si>
  <si>
    <t>/o=exchangelabs/ou=exchange administrative group (fydibohf23spdlt)/cn=recipients/cn=55f846c335d7437f892f0b0d49c89e92-celma ribei;valdiney_oliveira@zipmail.com.br;</t>
  </si>
  <si>
    <t>Balancetes Algar Tech Nacionais</t>
  </si>
  <si>
    <t>092019_341.xlsx</t>
  </si>
  <si>
    <t>/o=exchangelabs/ou=exchange administrative group (fydibohf23spdlt)/cn=recipients/cn=55f846c335d7437f892f0b0d49c89e92-celma ribei,valdiney_oliveira@zipmail.com.br</t>
  </si>
  <si>
    <t>/o=exchangelabs/ou=exchange administrative group (fydibohf23spdlt)/cn=recipients/cn=0b6a994899de4cd3af0f6d1091e97ebf-arones abre;/o=exchangelabs/ou=exchange administrative group (fydibohf23spdlt)/cn=recipients/cn=372a4aee70df4061aed129651510b96b-raul montei;/o=exchangelabs/ou=exchange administrative group (fydibohf23spdlt)/cn=recipients/cn=43a054bacf514a8a9cdcb240b072cd47-cecilia mul;/o=exchangelabs/ou=exchange administrative group (fydibohf23spdlt)/cn=recipients/cn=4adb6e0b3de84bf2bfdb543494159749-leandro lim;/o=exchangelabs/ou=exchange administrative group (fydibohf23spdlt)/cn=recipients/cn=54861e79125f48cc952d00cf8160b9a8-jeferson fe;/o=exchangelabs/ou=exchange administrative group (fydibohf23spdlt)/cn=recipients/cn=78e8c35ad19040c9aaf5ff65743e172b-adenilson b;/o=exchangelabs/ou=exchange administrative group (fydibohf23spdlt)/cn=recipients/cn=9a65d8734c444cbc8372a614d17d98e1-lucia maalo;/o=exchangelabs/ou=exchange administrative group (fydibohf23spdlt)/cn=recipients/cn=a27fa8e27f784e18b4732301ab7a6457-luci</t>
  </si>
  <si>
    <t>ENC: Contatos para comunicação Projeto Pangeia</t>
  </si>
  <si>
    <t>Contatos Clientes Projeto Pangeia.xlsx</t>
  </si>
  <si>
    <t>/o=exchangelabs/ou=exchange administrative group (fydibohf23spdlt)/cn=recipients/cn=0b6a994899de4cd3af0f6d1091e97ebf-arones abre,/o=exchangelabs/ou=exchange administrative group (fydibohf23spdlt)/cn=recipients/cn=372a4aee70df4061aed129651510b96b-raul montei,/o=exchangelabs/ou=exchange administrative group (fydibohf23spdlt)/cn=recipients/cn=43a054bacf514a8a9cdcb240b072cd47-cecilia mul,/o=exchangelabs/ou=exchange administrative group (fydibohf23spdlt)/cn=recipients/cn=4adb6e0b3de84bf2bfdb543494159749-leandro lim,/o=exchangelabs/ou=exchange administrative group (fydibohf23spdlt)/cn=recipients/cn=54861e79125f48cc952d00cf8160b9a8-jeferson fe,/o=exchangelabs/ou=exchange administrative group (fydibohf23spdlt)/cn=recipients/cn=78e8c35ad19040c9aaf5ff65743e172b-adenilson b,/o=exchangelabs/ou=exchange administrative group (fydibohf23spdlt)/cn=recipients/cn=9a65d8734c444cbc8372a614d17d98e1-lucia maalo,/o=exchangelabs/ou=exchange administrative group (fydibohf23spdlt)/cn=recipients/cn=a27fa8e27f784e18b4732301ab7a6457-luci</t>
  </si>
  <si>
    <t>DRE_CSC 2020 previa do oficial.xlsx</t>
  </si>
  <si>
    <t>/o=exchangelabs/ou=exchange administrative group (fydibohf23spdlt)/cn=recipients/cn=c08089b92f0643f18c949cb099a06593-tamara luis;</t>
  </si>
  <si>
    <t>ENC: RL GRC</t>
  </si>
  <si>
    <t>/o=exchangelabs/ou=exchange administrative group (fydibohf23spdlt)/cn=recipients/cn=c08089b92f0643f18c949cb099a06593-tamara luis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287c26b08a0f48578479a15a452f025d-edilson rod;/o=exchangelabs/ou=exchange administrative group (fydibohf23spdlt)/cn=recipients/cn=54abac0a4fdc4ad1bec39bb51d85eab1-victor hugo;/o=exchangelabs/ou=exchange administrative group (fydibohf23spdlt)/cn=recipients/cn=d73c2a72ee8e45cfac0a50efc708425b-marissa amo;/o=exchangelabs/ou=exchange administrative group (fydibohf23spdlt)/cn=recipients/cn=userdc05fc7c;</t>
  </si>
  <si>
    <t>RES: Forecast Nov - S&amp;OP .</t>
  </si>
  <si>
    <t>112019_Forecast de Receita Oficial_2019_v2.xlsx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287c26b08a0f48578479a15a452f025d-edilson rod,/o=exchangelabs/ou=exchange administrative group (fydibohf23spdlt)/cn=recipients/cn=54abac0a4fdc4ad1bec39bb51d85eab1-victor hugo,/o=exchangelabs/ou=exchange administrative group (fydibohf23spdlt)/cn=recipients/cn=d73c2a72ee8e45cfac0a50efc708425b-marissa amo,/o=exchangelabs/ou=exchange administrative group (fydibohf23spdlt)/cn=recipients/cn=userdc05fc7c</t>
  </si>
  <si>
    <t>ENC: Ata de Reunião - Esteira de Vendas</t>
  </si>
  <si>
    <t>/o=exchangelabs/ou=exchange administrative group (fydibohf23spdlt)/cn=recipients/cn=109f6d628834480fabc1188cbdef64fa-antonia apa;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c3577a5d878e4f9891bd5a4026e498e3-natalia rod;/o=exchangelabs/ou=exchange administrative group (fydibohf23spdlt)/cn=recipients/cn=fe134ce6f7124ebfa00395a14326bd71-luciana ber;/o=exchangelabs/ou=exchange administrative group (fydibohf23spdlt)/cn=recipients/cn=user9f44a979;angelinegn@algartech.com;</t>
  </si>
  <si>
    <t>/o=exchangelabs/ou=exchange administrative group (fydibohf23spdlt)/cn=recipients/cn=109f6d628834480fabc1188cbdef64fa-antonia apa,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c3577a5d878e4f9891bd5a4026e498e3-natalia rod,/o=exchangelabs/ou=exchange administrative group (fydibohf23spdlt)/cn=recipients/cn=fe134ce6f7124ebfa00395a14326bd71-luciana ber,/o=exchangelabs/ou=exchange administrative group (fydibohf23spdlt)/cn=recipients/cn=user9f44a979,angelinegn@algartech.com</t>
  </si>
  <si>
    <t>C:\Users\rodrigombu\OneDrive - Grupo Algar\Whirlpool\2019\10 - Outubro\Arquivo\N3\</t>
  </si>
  <si>
    <t>Volume Trabalhado e TMT N3.xls</t>
  </si>
  <si>
    <t>ENC: IMPRIMIR</t>
  </si>
  <si>
    <t>Protocolo para imprimir - DHL EXPRESS.xlsx</t>
  </si>
  <si>
    <t>/o=exchangelabs/ou=exchange administrative group (fydibohf23spdlt)/cn=recipients/cn=287c26b08a0f48578479a15a452f025d-edilson rod;/o=exchangelabs/ou=exchange administrative group (fydibohf23spdlt)/cn=recipients/cn=c514dbe8b91547adb4618232d1a650ba-afonso domi;</t>
  </si>
  <si>
    <t>/o=exchangelabs/ou=exchange administrative group (fydibohf23spdlt)/cn=recipients/cn=287c26b08a0f48578479a15a452f025d-edilson rod,/o=exchangelabs/ou=exchange administrative group (fydibohf23spdlt)/cn=recipients/cn=c514dbe8b91547adb4618232d1a650ba-afonso domi</t>
  </si>
  <si>
    <t>ENC: Volume Gerenciadas Amex e Visa - 01/11</t>
  </si>
  <si>
    <t>\\acsfs\ACS\Suporte à Operações\02 - Faturamento\2019\10 - Outubro\NEXT\</t>
  </si>
  <si>
    <t>Memória de Cálculo - faturamento Call Center Setembro.xlsx</t>
  </si>
  <si>
    <t>PA LOGADA - PA IMPRODUTIVAW</t>
  </si>
  <si>
    <t>PA-QUEBRADO_INTERVALO-OUTUBRO.xlsx</t>
  </si>
  <si>
    <t>/o=exchangelabs/ou=exchange administrative group (fydibohf23spdlt)/cn=recipients/cn=54861e79125f48cc952d00cf8160b9a8-jeferson fe;/o=exchangelabs/ou=exchange administrative group (fydibohf23spdlt)/cn=recipients/cn=8ab5e44d485043d59eb4f21463e63e6a-tays dos sa;/o=exchangelabs/ou=exchange administrative group (fydibohf23spdlt)/cn=recipients/cn=8f4e3aa524514f919832da77d1e13730-giselle nar;/o=exchangelabs/ou=exchange administrative group (fydibohf23spdlt)/cn=recipients/cn=92f840270c3143f3a4d11a96cbe1c928-marcela car;/o=exchangelabs/ou=exchange administrative group (fydibohf23spdlt)/cn=recipients/cn=d6cce5a70d504cc2ad89cee834cd59a9-luciana rib;</t>
  </si>
  <si>
    <t>RES: 215424 - AVON Reformulação Redes Sociais</t>
  </si>
  <si>
    <t>Estudos_Mídias Avon_v3.xlsx</t>
  </si>
  <si>
    <t>/o=exchangelabs/ou=exchange administrative group (fydibohf23spdlt)/cn=recipients/cn=54861e79125f48cc952d00cf8160b9a8-jeferson fe,/o=exchangelabs/ou=exchange administrative group (fydibohf23spdlt)/cn=recipients/cn=8ab5e44d485043d59eb4f21463e63e6a-tays dos sa,/o=exchangelabs/ou=exchange administrative group (fydibohf23spdlt)/cn=recipients/cn=8f4e3aa524514f919832da77d1e13730-giselle nar,/o=exchangelabs/ou=exchange administrative group (fydibohf23spdlt)/cn=recipients/cn=92f840270c3143f3a4d11a96cbe1c928-marcela car,/o=exchangelabs/ou=exchange administrative group (fydibohf23spdlt)/cn=recipients/cn=d6cce5a70d504cc2ad89cee834cd59a9-luciana rib</t>
  </si>
  <si>
    <t>/o=exchangelabs/ou=exchange administrative group (fydibohf23spdlt)/cn=recipients/cn=109f6d628834480fabc1188cbdef64fa-antonia apa;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c3577a5d878e4f9891bd5a4026e498e3-natalia rod;/o=exchangelabs/ou=exchange administrative group (fydibohf23spdlt)/cn=recipients/cn=c94f984236114f79aef3c3ce07971988-leticia gom;/o=exchangelabs/ou=exchange administrative group (fydibohf23spdlt)/cn=recipients/cn=fe134ce6f7124ebfa00395a14326bd71-luciana ber;/o=exchangelabs/ou=exchange administrative group (fydibohf23spdlt)/cn=recipients/cn=user9f44a979;angelinegn@algartech.com;</t>
  </si>
  <si>
    <t>/o=exchangelabs/ou=exchange administrative group (fydibohf23spdlt)/cn=recipients/cn=109f6d628834480fabc1188cbdef64fa-antonia apa,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c3577a5d878e4f9891bd5a4026e498e3-natalia rod,/o=exchangelabs/ou=exchange administrative group (fydibohf23spdlt)/cn=recipients/cn=c94f984236114f79aef3c3ce07971988-leticia gom,/o=exchangelabs/ou=exchange administrative group (fydibohf23spdlt)/cn=recipients/cn=fe134ce6f7124ebfa00395a14326bd71-luciana ber,/o=exchangelabs/ou=exchange administrative group (fydibohf23spdlt)/cn=recipients/cn=user9f44a979,angelinegn@algartech.com</t>
  </si>
  <si>
    <t>/o=exchangelabs/ou=exchange administrative group (fydibohf23spdlt)/cn=recipients/cn=9932c4aaf3fc41ea840766c299f76e8d-andrea lace;rafaelsan@algartech.com.br;</t>
  </si>
  <si>
    <t>ENC: Custos do Projeto - Digitalização QPREA</t>
  </si>
  <si>
    <t>PoC - Investimento-v1.xlsx</t>
  </si>
  <si>
    <t>/o=exchangelabs/ou=exchange administrative group (fydibohf23spdlt)/cn=recipients/cn=9932c4aaf3fc41ea840766c299f76e8d-andrea lace,rafaelsan@algartech.com.br</t>
  </si>
  <si>
    <t>C:\Users\rodrigombu\OneDrive - Grupo Algar\Whirlpool\2019\11 - Novembro\Arquivo\RAF\</t>
  </si>
  <si>
    <t>Produção</t>
  </si>
  <si>
    <t>Produção-Hora-a-Hora AMEX D-1_.xlsx</t>
  </si>
  <si>
    <t>RES: Produção</t>
  </si>
  <si>
    <t>/o=exchangelabs/ou=exchange administrative group (fydibohf23spdlt)/cn=recipients/cn=822f65115a2046059fff20a916dd90e9-thais marti;/o=exchangelabs/ou=exchange administrative group (fydibohf23spdlt)/cn=recipients/cn=aff8c3b9538840fe9b9778861292fbea-everton pau;</t>
  </si>
  <si>
    <t>ENC: Report Intradiário - Atendimento Cerrado - 01/11/2019 - Acumulado até 11 hrs</t>
  </si>
  <si>
    <t>/o=exchangelabs/ou=exchange administrative group (fydibohf23spdlt)/cn=recipients/cn=822f65115a2046059fff20a916dd90e9-thais marti,/o=exchangelabs/ou=exchange administrative group (fydibohf23spdlt)/cn=recipients/cn=aff8c3b9538840fe9b9778861292fbea-everton pau</t>
  </si>
  <si>
    <t>Acompanhamento NPS - Out-2019 - Fechamento - 10-2019.xlsm</t>
  </si>
  <si>
    <t>ENC: ASLCP Brazil [Internal Control 743] - User review (2nd Sem/2019) - Due Date: Nov 8th</t>
  </si>
  <si>
    <t>743_ASLCP_Brazil_Matrix - Rosana Scalabrin.xlsx</t>
  </si>
  <si>
    <t>Cópia de Pendencias FPW - 13112018v.xlsx</t>
  </si>
  <si>
    <t>/o=exchangelabs/ou=exchange administrative group (fydibohf23spdlt)/cn=recipients/cn=userd31d4141;</t>
  </si>
  <si>
    <t>ENC: Portal Synergy ** Urgente**</t>
  </si>
  <si>
    <t>Consolidado Synergy.xlsx</t>
  </si>
  <si>
    <t>/o=exchangelabs/ou=exchange administrative group (fydibohf23spdlt)/cn=recipients/cn=userd31d4141</t>
  </si>
  <si>
    <t>lucasm@algartech.com;luizfsm@algartech.com;marceloat@algartech.com;maurojmdo@algartech.com;rafaelbdt@algartech.com;</t>
  </si>
  <si>
    <t>RDM´s em execução - report semanal 01-11-19.xls</t>
  </si>
  <si>
    <t>lucasm@algartech.com,luizfsm@algartech.com,marceloat@algartech.com,maurojmdo@algartech.com,rafaelbdt@algartech.com</t>
  </si>
  <si>
    <t>\\acsfs\Deptos\DME\CME - Coordenacao de Marketing e Estrategia\Inteligência de Mercado\Análise de Indústrias\2019\Segmentação por oferta\Brasil\Segmentação e Contas Final\</t>
  </si>
  <si>
    <t>Segmentação de Contas Alvo GIAT vf.xlsx</t>
  </si>
  <si>
    <t>mirianozawa@hotmail.com;</t>
  </si>
  <si>
    <t>Contas Alvo Consolidado +Governo.xlsx</t>
  </si>
  <si>
    <t>mirianozawa@hotmail.com</t>
  </si>
  <si>
    <t>858b6d4e-d277-4253-bac3-9ba96fb5ed3a; __trf.src=encoded_eyjmaxjzdf9zzxnzaw9uijp7inzhbhvlijoiahr0chm6ly93d3cuz29vz2xllmnvbs8ilcjlehryyv9wyxjhbxmiont9fswiy3vycmvudf9zzxnzaw9uijp7inzhbhvlijoiahr0chm6ly93d3cuz29vz2xllmnvbs8ilcjlehryyv9wyxjhbxmiont9fswiy3jlyxrl</t>
  </si>
  <si>
    <t>C:\Users\diegoodz\Desktop\Escala TRN\</t>
  </si>
  <si>
    <t>Cópia de TRN 06 e 07 Novembro (003).xlsx</t>
  </si>
  <si>
    <t>/o=exchangelabs/ou=exchange administrative group (fydibohf23spdlt)/cn=recipients/cn=3a354b5804b342fe8b535455ff89c941-mariana fre;</t>
  </si>
  <si>
    <t>/o=exchangelabs/ou=exchange administrative group (fydibohf23spdlt)/cn=recipients/cn=3a354b5804b342fe8b535455ff89c941-mariana fre</t>
  </si>
  <si>
    <t>KPMG</t>
  </si>
  <si>
    <t>Modelo Erlan - KPMG.xlsx</t>
  </si>
  <si>
    <t>/o=exchangelabs/ou=exchange administrative group (fydibohf23spdlt)/cn=recipients/cn=8b5b63d67af648d081a40c45cc800804-fabiana per;isabelaaf@algartech.com.br;ligiagb@algartech.com.br;marciohpr@algartech.com.br;suzanasb@algartech.com.br;vivianega@algartech.com.br;</t>
  </si>
  <si>
    <t>RES: Produção hora a hora Formalização AMEX 31/10</t>
  </si>
  <si>
    <t>Produção AMEX Outubro_.xlsx</t>
  </si>
  <si>
    <t>/o=exchangelabs/ou=exchange administrative group (fydibohf23spdlt)/cn=recipients/cn=8b5b63d67af648d081a40c45cc800804-fabiana per,isabelaaf@algartech.com.br,ligiagb@algartech.com.br,marciohpr@algartech.com.br,suzanasb@algartech.com.br,vivianega@algartech.com.br</t>
  </si>
  <si>
    <t>C:\Users\filemoncmj\OneDrive - Grupo Algar\01. Algar Tech\01. Projetos de Clientes\47. Prudential\08. TH\</t>
  </si>
  <si>
    <t>Cargos ISD e GIAT - TH e Operação - Revisão Outubro.xlsx</t>
  </si>
  <si>
    <t>Orçamento_2019_v2</t>
  </si>
  <si>
    <t>Orçamento_2019_v2 (003).xlsx</t>
  </si>
  <si>
    <t>RES: IMPORTANTE - Ocorrências no ponto período de 01 A 24/10</t>
  </si>
  <si>
    <t>Ocorrência0110a31102019.xlsm</t>
  </si>
  <si>
    <t>RES: Dados Faturamento _ Outubro</t>
  </si>
  <si>
    <t>Financeiro Novembro.xlsx</t>
  </si>
  <si>
    <t>10.200.200.31</t>
  </si>
  <si>
    <t>https://cscatende.algarnet.com.br/html/hd/hdscriptresposta/request/uploadincidentattachment.php?cdclassificacao=7&amp;action=1&amp;lastpositionattachement=undefined&amp;cdquestao=9557&amp;idmaisanexos=t</t>
  </si>
  <si>
    <t>Operação Leonora</t>
  </si>
  <si>
    <t>/o=exchangelabs/ou=exchange administrative group (fydibohf23spdlt)/cn=recipients/cn=0795838d79a14bcaabfa98fc69aaefbb-business pe;/o=exchangelabs/ou=exchange administrative group (fydibohf23spdlt)/cn=recipients/cn=2361e4251bf74fc4a50ab766b8d95847-algar tech;/o=exchangelabs/ou=exchange administrative group (fydibohf23spdlt)/cn=recipients/cn=2d3379e2d04c40db810b4b1f41dd2aea-erica carol;/o=exchangelabs/ou=exchange administrative group (fydibohf23spdlt)/cn=recipients/cn=372a4aee70df4061aed129651510b96b-raul montei;/o=exchangelabs/ou=exchange administrative group (fydibohf23spdlt)/cn=recipients/cn=38cb943dd1ac413a953757a4a5a53053-fabio welze;/o=exchangelabs/ou=exchange administrative group (fydibohf23spdlt)/cn=recipients/cn=8c89829ad534498fa4c85b5ac11174f1-suelen more;</t>
  </si>
  <si>
    <t>RES: RES: RES: Prazo de pagamento - Contrato Grupo Marista</t>
  </si>
  <si>
    <t>Cópia de 172213 - Operação Marista - v6.xlsb</t>
  </si>
  <si>
    <t>/o=exchangelabs/ou=exchange administrative group (fydibohf23spdlt)/cn=recipients/cn=0795838d79a14bcaabfa98fc69aaefbb-business pe,/o=exchangelabs/ou=exchange administrative group (fydibohf23spdlt)/cn=recipients/cn=2361e4251bf74fc4a50ab766b8d95847-algar tech,/o=exchangelabs/ou=exchange administrative group (fydibohf23spdlt)/cn=recipients/cn=2d3379e2d04c40db810b4b1f41dd2aea-erica carol,/o=exchangelabs/ou=exchange administrative group (fydibohf23spdlt)/cn=recipients/cn=372a4aee70df4061aed129651510b96b-raul montei,/o=exchangelabs/ou=exchange administrative group (fydibohf23spdlt)/cn=recipients/cn=38cb943dd1ac413a953757a4a5a53053-fabio welze,/o=exchangelabs/ou=exchange administrative group (fydibohf23spdlt)/cn=recipients/cn=8c89829ad534498fa4c85b5ac11174f1-suelen more</t>
  </si>
  <si>
    <t>10.200.58.137</t>
  </si>
  <si>
    <t>10.200.57.249</t>
  </si>
  <si>
    <t>/o=exchangelabs/ou=exchange administrative group (fydibohf23spdlt)/cn=recipients/cn=03a1bc99308a456db7c0105407689b39-gilda elain;/o=exchangelabs/ou=exchange administrative group (fydibohf23spdlt)/cn=recipients/cn=0cec7376894d4cf598c7d569fd0deb33-daniel henr;/o=exchangelabs/ou=exchange administrative group (fydibohf23spdlt)/cn=recipients/cn=168e05cabbf14ae289464a0c09955b31-sara ferrei;/o=exchangelabs/ou=exchange administrative group (fydibohf23spdlt)/cn=recipients/cn=18538d61f6f342f7a3d2db08df47d617-vanusa prec;/o=exchangelabs/ou=exchange administrative group (fydibohf23spdlt)/cn=recipients/cn=3262123ab1534746a91b362bb3b84436-higor silva;/o=exchangelabs/ou=exchange administrative group (fydibohf23spdlt)/cn=recipients/cn=33d249108a194f94ad1c0c445c411f81-sabrina vie;/o=exchangelabs/ou=exchange administrative group (fydibohf23spdlt)/cn=recipients/cn=503a4cae25a0474e8b364b01d4d28bc4-thais mozel;/o=exchangelabs/ou=exchange administrative group (fydibohf23spdlt)/cn=recipients/cn=54abac0a4fdc4ad1bec39bb51d85eab1-vict</t>
  </si>
  <si>
    <t>REVISÃO PACOTE VIAGENS 2020</t>
  </si>
  <si>
    <t>Modelo DRE 2020.xlsx</t>
  </si>
  <si>
    <t>/o=exchangelabs/ou=exchange administrative group (fydibohf23spdlt)/cn=recipients/cn=03a1bc99308a456db7c0105407689b39-gilda elain,/o=exchangelabs/ou=exchange administrative group (fydibohf23spdlt)/cn=recipients/cn=0cec7376894d4cf598c7d569fd0deb33-daniel henr,/o=exchangelabs/ou=exchange administrative group (fydibohf23spdlt)/cn=recipients/cn=168e05cabbf14ae289464a0c09955b31-sara ferrei,/o=exchangelabs/ou=exchange administrative group (fydibohf23spdlt)/cn=recipients/cn=18538d61f6f342f7a3d2db08df47d617-vanusa prec,/o=exchangelabs/ou=exchange administrative group (fydibohf23spdlt)/cn=recipients/cn=3262123ab1534746a91b362bb3b84436-higor silva,/o=exchangelabs/ou=exchange administrative group (fydibohf23spdlt)/cn=recipients/cn=33d249108a194f94ad1c0c445c411f81-sabrina vie,/o=exchangelabs/ou=exchange administrative group (fydibohf23spdlt)/cn=recipients/cn=503a4cae25a0474e8b364b01d4d28bc4-thais mozel,/o=exchangelabs/ou=exchange administrative group (fydibohf23spdlt)/cn=recipients/cn=54abac0a4fdc4ad1bec39bb51d85eab1-vict</t>
  </si>
  <si>
    <t>C:\Users\lucianafaa\OneDrive - Grupo Algar\2019\PROJETOS\WFM\EXECUCAO\FASE 01 - RECEPTIVO\GMO\RES Status Report - WFM-21-06- plano gmo.msg\s1\</t>
  </si>
  <si>
    <t>carlosasa@algartech.com;clovesgdcn@algartech.com;emersondav@algartech.com;ewertonrm@algartech.com;fabiano.oliveira@itamaraty.gov.br;fabianopdo@algartech.com;franklin.watanabe@tse.jus.br;henriquefs@algartech.com;marcoacpj@algartech.com;marcosaas@algartech.com;renatadds@algartech.com;ricardojha@algartech.com;wesleydal@algartech.com;</t>
  </si>
  <si>
    <t>Ocorrência Outubro.xlsm</t>
  </si>
  <si>
    <t>carlosasa@algartech.com,clovesgdcn@algartech.com,emersondav@algartech.com,ewertonrm@algartech.com,fabiano.oliveira@itamaraty.gov.br,fabianopdo@algartech.com,franklin.watanabe@tse.jus.br,henriquefs@algartech.com,marcoacpj@algartech.com,marcosaas@algartech.com,renatadds@algartech.com,ricardojha@algartech.com,wesleydal@algartech.com</t>
  </si>
  <si>
    <t>C:\Users\lucianafaa\OneDrive - Grupo Algar\2019\PROJETOS\PROGRAMA\CRM\EXECUCAO\Apresentação CRM 11-06.ppt\s2\</t>
  </si>
  <si>
    <t>mail.google.com/_/upload?authuser=0&amp;dcp=asu-n&amp;upload_id=AEnB2UqzNn7FYkMiM5v941wen2PPxNaGNc3frXfF_q4Zy8_17T8vgA6pcl9UWV8xgCcIc2OfzwFrlUHAUI5hmH3oB0i7SE9XEg&amp;upload_protocol=resumable</t>
  </si>
  <si>
    <t>C:\Users\lucianafaa\OneDrive - Grupo Algar\2019\PROJETOS\PROGRAMA\CUSTOMER SUCCESS- LUIS\DADOS\Informações contratos- CLIENTES 1 ONDA.msg\s1\</t>
  </si>
  <si>
    <t>Contratos_030719.xlsx</t>
  </si>
  <si>
    <t>Gestao - Recursos Humanos (RH)_RENNER VISA.xlsx</t>
  </si>
  <si>
    <t>6 - Gestao - Logins de Usuario (LU) Renner.xlsx</t>
  </si>
  <si>
    <t>10.200.36.139</t>
  </si>
  <si>
    <t>\\acsfs\deptos\secretarias diretoria\assessoras\contratos - algar tech\2019\protocolos - devoluções\protocolos\</t>
  </si>
  <si>
    <t>12 - novembro.xlsx</t>
  </si>
  <si>
    <t>10.250.254.38</t>
  </si>
  <si>
    <t>C:\Temporarios\</t>
  </si>
  <si>
    <t>BatimentoCargos.xlsx</t>
  </si>
  <si>
    <t>ENC: Lançamentos Bradesco Cartões</t>
  </si>
  <si>
    <t>Relatório Despesas - Viagens - CR 340002049.xlsx</t>
  </si>
  <si>
    <t>Cópia de Base BW % Conversão - Out-2019 - Fechamento - V2.xlsm</t>
  </si>
  <si>
    <t>Produtividade RAF - Out-2019 - Fechamento.xlsm</t>
  </si>
  <si>
    <t>/o=exchangelabs/ou=exchange administrative group (fydibohf23spdlt)/cn=recipients/cn=a78e1f3a05e0474e992f78312705e08c-higor carri;</t>
  </si>
  <si>
    <t>/o=exchangelabs/ou=exchange administrative group (fydibohf23spdlt)/cn=recipients/cn=a78e1f3a05e0474e992f78312705e08c-higor carri</t>
  </si>
  <si>
    <t>mail.google.com/_/upload?authuser=1&amp;dcp=asu-n&amp;upload_id=AEnB2UqDuvSyysGBs56jmALqHi2C1AOLwtzMJAGQKUjUvFLjdxInar1NIJoMYc4knCsDk4j5C9z_g3obEy8j1rAtcTa1_ixoDwYwPv7_f7MVqmxkolo_6VA&amp;upload_protocol=resumable</t>
  </si>
  <si>
    <t>\\acsfs\DEPTOS\Controladoria\Planejamento\GFC\24. Auditoria\2019\Cisão Algar TI\Cisão Algar TI (5)\Banco Bradesco Cartões\</t>
  </si>
  <si>
    <t>Evidência Provisão Bradescard Transaçao 66903.xlsm</t>
  </si>
  <si>
    <t>Rescisórias Bradesco - preclosing 2019</t>
  </si>
  <si>
    <t>C:\Users\lucianafaa\OneDrive - Grupo Algar\2019\PROJETOS\WFM\EXECUCAO\FASE 01 - RECEPTIVO\GMO\Plano de GMO_WFM_vfinal-19-7.msg\s1\</t>
  </si>
  <si>
    <t>/o=exchangelabs/ou=exchange administrative group (fydibohf23spdlt)/cn=recipients/cn=161c8ab454bb4f4ebde8223bf694a34b-pedro felip;/o=exchangelabs/ou=exchange administrative group (fydibohf23spdlt)/cn=recipients/cn=fd2d5a624425483791c8b4298854e6b3-anderson de;</t>
  </si>
  <si>
    <t>ENC: Prévia - Quitação Banco de Horas 01 a 24/10 - FOLHA NOV</t>
  </si>
  <si>
    <t>/o=exchangelabs/ou=exchange administrative group (fydibohf23spdlt)/cn=recipients/cn=161c8ab454bb4f4ebde8223bf694a34b-pedro felip,/o=exchangelabs/ou=exchange administrative group (fydibohf23spdlt)/cn=recipients/cn=fd2d5a624425483791c8b4298854e6b3-anderson de</t>
  </si>
  <si>
    <t>\\acsfs\DEPTOS\Controladoria\Planejamento\GFC\24. Auditoria\2019\Cisão Algar TI\Cisão Algar TI (5)\Banco Bradesco Cartões\Banco Bradesco Cartões.zip\</t>
  </si>
  <si>
    <t>Evidˆncia ProvisÆo Bradescard Transa‡ao 66903.xlsm</t>
  </si>
  <si>
    <t>Evidˆncia ProvisÆo Bradesco Transa‡Æo 9956.xlsm</t>
  </si>
  <si>
    <t>Evidˆncia Provisao Bradesco Transa‡Æo 10136.xlsm</t>
  </si>
  <si>
    <t>Evidˆncia ProvisÆo Tempo Servi‡os Transa‡Æo 10127.xlsm</t>
  </si>
  <si>
    <t>Base BW % Conversão - Out-2019 - Fechamento - V2.xlsm</t>
  </si>
  <si>
    <t>/o=exchangelabs/ou=exchange administrative group (fydibohf23spdlt)/cn=recipients/cn=0a87f2cad91d442c9f093f600a4c5266-vanessa rod;/o=exchangelabs/ou=exchange administrative group (fydibohf23spdlt)/cn=recipients/cn=545f738e0fe740ba856f4eb6ef0135e0-vinicius si;/o=exchangelabs/ou=exchange administrative group (fydibohf23spdlt)/cn=recipients/cn=d1d015f213f648abbf348b5ccdf8e9d9-senilda per;/o=exchangelabs/ou=exchange administrative group (fydibohf23spdlt)/cn=recipients/cn=dd910368577c476fa125a61033b7deb1-gean carlos;/o=exchangelabs/ou=exchange administrative group (fydibohf23spdlt)/cn=recipients/cn=eb3a8d47e16546c381d649c124fcfbb7-cpc - contr;</t>
  </si>
  <si>
    <t>ENC: Ajuda - Pesquisa Evento de Natal 2019</t>
  </si>
  <si>
    <t>Cópia de LISTA_RAS_.xlsx</t>
  </si>
  <si>
    <t>/o=exchangelabs/ou=exchange administrative group (fydibohf23spdlt)/cn=recipients/cn=0a87f2cad91d442c9f093f600a4c5266-vanessa rod,/o=exchangelabs/ou=exchange administrative group (fydibohf23spdlt)/cn=recipients/cn=545f738e0fe740ba856f4eb6ef0135e0-vinicius si,/o=exchangelabs/ou=exchange administrative group (fydibohf23spdlt)/cn=recipients/cn=d1d015f213f648abbf348b5ccdf8e9d9-senilda per,/o=exchangelabs/ou=exchange administrative group (fydibohf23spdlt)/cn=recipients/cn=dd910368577c476fa125a61033b7deb1-gean carlos,/o=exchangelabs/ou=exchange administrative group (fydibohf23spdlt)/cn=recipients/cn=eb3a8d47e16546c381d649c124fcfbb7-cpc - contr</t>
  </si>
  <si>
    <t>/o=exchangelabs/ou=exchange administrative group (fydibohf23spdlt)/cn=recipients/cn=54861e79125f48cc952d00cf8160b9a8-jeferson fe;/o=exchangelabs/ou=exchange administrative group (fydibohf23spdlt)/cn=recipients/cn=8ab5e44d485043d59eb4f21463e63e6a-tays dos sa;/o=exchangelabs/ou=exchange administrative group (fydibohf23spdlt)/cn=recipients/cn=8f4e3aa524514f919832da77d1e13730-giselle nar;/o=exchangelabs/ou=exchange administrative group (fydibohf23spdlt)/cn=recipients/cn=d6cce5a70d504cc2ad89cee834cd59a9-luciana rib;/o=exchangelabs/ou=exchange administrative group (fydibohf23spdlt)/cn=recipients/cn=usere11ed38c;</t>
  </si>
  <si>
    <t>215424 Plan Precificacao C018 B018 - Somente GRC PMO N3 v3.xlsb</t>
  </si>
  <si>
    <t>/o=exchangelabs/ou=exchange administrative group (fydibohf23spdlt)/cn=recipients/cn=54861e79125f48cc952d00cf8160b9a8-jeferson fe,/o=exchangelabs/ou=exchange administrative group (fydibohf23spdlt)/cn=recipients/cn=8ab5e44d485043d59eb4f21463e63e6a-tays dos sa,/o=exchangelabs/ou=exchange administrative group (fydibohf23spdlt)/cn=recipients/cn=8f4e3aa524514f919832da77d1e13730-giselle nar,/o=exchangelabs/ou=exchange administrative group (fydibohf23spdlt)/cn=recipients/cn=d6cce5a70d504cc2ad89cee834cd59a9-luciana rib,/o=exchangelabs/ou=exchange administrative group (fydibohf23spdlt)/cn=recipients/cn=usere11ed38c</t>
  </si>
  <si>
    <t>/o=exchangelabs/ou=exchange administrative group (fydibohf23spdlt)/cn=recipients/cn=2083875ab19146848e9acf6dbac781d4-cleiton gom;/o=exchangelabs/ou=exchange administrative group (fydibohf23spdlt)/cn=recipients/cn=5876a52919c440598f015f22bceb7eeb-antonio car;reginaldo.severino@cscalgar.com.br;</t>
  </si>
  <si>
    <t>RES: MEDIÇÃO ESCOLTA ALGAR X RHINO</t>
  </si>
  <si>
    <t>MEDIÇÃO ESCOLTA ALGAR.xlsm</t>
  </si>
  <si>
    <t>/o=exchangelabs/ou=exchange administrative group (fydibohf23spdlt)/cn=recipients/cn=2083875ab19146848e9acf6dbac781d4-cleiton gom,/o=exchangelabs/ou=exchange administrative group (fydibohf23spdlt)/cn=recipients/cn=5876a52919c440598f015f22bceb7eeb-antonio car,reginaldo.severino@cscalgar.com.br</t>
  </si>
  <si>
    <t>FOCUS GRUP.xlsx</t>
  </si>
  <si>
    <t>C:\Users\ricardobal\OneDrive - Grupo Algar\Algar Tecnologia\01 - CLIENTES\DOCUMENTOS DE APOIO\MARKETING\</t>
  </si>
  <si>
    <t>Algar Tech - Marketing - Planejamento 2019 - Prévia de Receita 2018 08 06 Ricardo Borges.xlsx</t>
  </si>
  <si>
    <t>RH Export Renner.xls</t>
  </si>
  <si>
    <t>ENC: Base Célula de ativação - Fechamento Cp 18-2019</t>
  </si>
  <si>
    <t>informações_FechCp18_loa_10_4_NCM.xlsx</t>
  </si>
  <si>
    <t>/o=exchangelabs/ou=exchange administrative group (fydibohf23spdlt)/cn=recipients/cn=46b1d57dae39409a8ab1d4bc11c620af-thalyta ale;/o=exchangelabs/ou=exchange administrative group (fydibohf23spdlt)/cn=recipients/cn=746f10dd924a4e7dbfe2f813f74b1f2c-gilmar pres;/o=exchangelabs/ou=exchange administrative group (fydibohf23spdlt)/cn=recipients/cn=77d79854ca654c63999edee259f8c40c-arthur alve;/o=exchangelabs/ou=exchange administrative group (fydibohf23spdlt)/cn=recipients/cn=f878ae58590e41cbabba2fa1ee2ae905-izadora nas;</t>
  </si>
  <si>
    <t>RES: Indicadores das operações</t>
  </si>
  <si>
    <t>WHP_Outubro19.xls</t>
  </si>
  <si>
    <t>/o=exchangelabs/ou=exchange administrative group (fydibohf23spdlt)/cn=recipients/cn=46b1d57dae39409a8ab1d4bc11c620af-thalyta ale,/o=exchangelabs/ou=exchange administrative group (fydibohf23spdlt)/cn=recipients/cn=746f10dd924a4e7dbfe2f813f74b1f2c-gilmar pres,/o=exchangelabs/ou=exchange administrative group (fydibohf23spdlt)/cn=recipients/cn=77d79854ca654c63999edee259f8c40c-arthur alve,/o=exchangelabs/ou=exchange administrative group (fydibohf23spdlt)/cn=recipients/cn=f878ae58590e41cbabba2fa1ee2ae905-izadora nas</t>
  </si>
  <si>
    <t>ENC: REVISÃO PACOTE VIAGENS 2020</t>
  </si>
  <si>
    <t>/o=exchangelabs/ou=exchange administrative group (fydibohf23spdlt)/cn=recipients/cn=193111e7cb1243aca81f50bb2378ef54-yasmin mart;atendimento@lacosflores.com.br;</t>
  </si>
  <si>
    <t>Dados para cadastro de fornecedor</t>
  </si>
  <si>
    <t>/o=exchangelabs/ou=exchange administrative group (fydibohf23spdlt)/cn=recipients/cn=193111e7cb1243aca81f50bb2378ef54-yasmin mart,atendimento@lacosflores.com.br</t>
  </si>
  <si>
    <t>Produtividade CRC Amex e CRC VMC - Outubro.zip\</t>
  </si>
  <si>
    <t>ENC: 215424 - AVON Reformulação Redes Sociais</t>
  </si>
  <si>
    <t>2º Bateria de testes Robô Chat.xlsx</t>
  </si>
  <si>
    <t>/o=exchangelabs/ou=exchange administrative group (fydibohf23spdlt)/cn=recipients/cn=5c0e0b883c0f4ccbb2cf13db05a00b36-luciene ivo;/o=exchangelabs/ou=exchange administrative group (fydibohf23spdlt)/cn=recipients/cn=72cf7e0bd1fe499886b9c12b4b5b52b6-inacio anto;adriana.moraes@bradesco.com.br;claudia.m.barbosa@bradesco.com.br;</t>
  </si>
  <si>
    <t>RES: == Metas UPH ==</t>
  </si>
  <si>
    <t>uph nov.xlsx</t>
  </si>
  <si>
    <t>/o=exchangelabs/ou=exchange administrative group (fydibohf23spdlt)/cn=recipients/cn=5c0e0b883c0f4ccbb2cf13db05a00b36-luciene ivo,/o=exchangelabs/ou=exchange administrative group (fydibohf23spdlt)/cn=recipients/cn=72cf7e0bd1fe499886b9c12b4b5b52b6-inacio anto,adriana.moraes@bradesco.com.br,claudia.m.barbosa@bradesco.com.br</t>
  </si>
  <si>
    <t>H:\Controladoria\Planejamento\GFC\24. Auditoria\2019\Cisão Algar TI\Caixa\</t>
  </si>
  <si>
    <t>Evidência Caixa Capitalização - Set.19.xlsx</t>
  </si>
  <si>
    <t>BKO.xlsx</t>
  </si>
  <si>
    <t>10.200.35.110</t>
  </si>
  <si>
    <t>ENC: BP Sicoob</t>
  </si>
  <si>
    <t>152004 Sicoob BP - 24 meses PA + Digital FINAL v19.4.xlsb</t>
  </si>
  <si>
    <t>/o=exchangelabs/ou=exchange administrative group (fydibohf23spdlt)/cn=recipients/cn=0b12aab521944ecb8b32eb8c0929be5c-rafael gonz;/o=exchangelabs/ou=exchange administrative group (fydibohf23spdlt)/cn=recipients/cn=user8e89d2d7;eliane.martins@bv.com.br;jose.gomes@bv.com.br;</t>
  </si>
  <si>
    <t>RES: SLIDE- DIÁRIO DE BORDO</t>
  </si>
  <si>
    <t>Diário de Bordo BV Financeira Algar - 2019.xlsb</t>
  </si>
  <si>
    <t>/o=exchangelabs/ou=exchange administrative group (fydibohf23spdlt)/cn=recipients/cn=0b12aab521944ecb8b32eb8c0929be5c-rafael gonz,/o=exchangelabs/ou=exchange administrative group (fydibohf23spdlt)/cn=recipients/cn=user8e89d2d7,eliane.martins@bv.com.br,jose.gomes@bv.com.br</t>
  </si>
  <si>
    <t>10.12.243.140</t>
  </si>
  <si>
    <t>Usuários Beedoo.xls</t>
  </si>
  <si>
    <t>Base BW % Conversão - Out-2019 - Fechamento.xlsm</t>
  </si>
  <si>
    <t>Farol Churn - Fechamento - Out/2019</t>
  </si>
  <si>
    <t>9C-30-5B-FC-8A-67</t>
  </si>
  <si>
    <t>D:\ALGAR TECH\001 - Cloud MSP\Treinamentos\AWS\</t>
  </si>
  <si>
    <t>C:\Users\rodrigombu\OneDrive - Grupo Algar\Whirlpool\2019\11 - Novembro\Arquivo\NPS\5 Star\</t>
  </si>
  <si>
    <t>Modelo - Relatório de Visitas Forum</t>
  </si>
  <si>
    <t>Modelo_RelatórioDeVisitas .xlsx</t>
  </si>
  <si>
    <t>mail.google.com/_/upload?authuser=0&amp;dcp=asu-n&amp;upload_id=AEnB2UqVLdvA13y7ApKUJCZUOcGqobjHJO0EXa2oSOurqCxY0KcZOhDF9A7afF8iRVGEAYciRuVT_5gRwjwcN9jzw_AmFU3Xhg&amp;upload_protocol=resumable</t>
  </si>
  <si>
    <t>leandrolds@algartech.com;matheusmm@algartech.com;patriciaac@algartech.com;paulohm@algartech.com;renatobrl@algartech.com;vivianeppe@algartech.com;</t>
  </si>
  <si>
    <t>TB03_20191101_160905.xls</t>
  </si>
  <si>
    <t>leandrolds@algartech.com,matheusmm@algartech.com,patriciaac@algartech.com,paulohm@algartech.com,renatobrl@algartech.com,vivianeppe@algartech.com</t>
  </si>
  <si>
    <t>ENC: Indicadores das operações</t>
  </si>
  <si>
    <t>10.200.61.189</t>
  </si>
  <si>
    <t>katiargf@algartech.com;solange.contriciani@bradesco.com.br;thais.p.ferreira@bradesco.com.br;</t>
  </si>
  <si>
    <t>Volumetria outubro - RE (3).xlsx</t>
  </si>
  <si>
    <t>katiargf@algartech.com,solange.contriciani@bradesco.com.br,thais.p.ferreira@bradesco.com.br</t>
  </si>
  <si>
    <t>mail.google.com/_/upload?authuser=0&amp;dcp=asu-n&amp;upload_id=AEnB2UqGrluX2nYHja9uH2eo1o5njLY11MujjHCepu20Dgf8E8NLCJa08mMA0XWTcrj-CwSCEhBliOeSEgymCF8LuEAgPfEL8Q&amp;upload_protocol=resumable</t>
  </si>
  <si>
    <t>Recursos Humanos (RH)_YOUCOM_VISA Fachion.xlsx</t>
  </si>
  <si>
    <t>Gestao - Logins de Usuario (LU) You.com.xlsx</t>
  </si>
  <si>
    <t>BANCO</t>
  </si>
  <si>
    <t>Banco de Dados Planilha 18.xlsx</t>
  </si>
  <si>
    <t>Gestao - Logins de Usuario (LU) MXX.xlsx</t>
  </si>
  <si>
    <t>Recursos Humanos (RH)_CAMICADO_VISA MXX.xlsx</t>
  </si>
  <si>
    <t>claudia.siqueira@temposervicos.com.br;coordenadorespf@algartech.com;demetrio.joaquim@bradesco.com.br;eunice.pimenta@algartech.com;fabiolacc@algartecnologia.com.br;fernanda.sperandio@bradesco.com.br;fernanda.sperandio@fisglobal.com;jacqueline.mariano@temposervicos.com.br;juliana.azevedo@fisglobal.com.;michelecdc@algartech.com;micheless@algartech.com;rodrigo.cunha@temposervicos.com.br;viviane.virgilio@temposervicos.com.br;</t>
  </si>
  <si>
    <t>Mis Pesquisa de Satisfação - URA - CONSOLIDADO OUTUBRO</t>
  </si>
  <si>
    <t>claudia.siqueira@temposervicos.com.br,coordenadorespf@algartech.com,demetrio.joaquim@bradesco.com.br,eunice.pimenta@algartech.com,fabiolacc@algartecnologia.com.br,fernanda.sperandio@bradesco.com.br,fernanda.sperandio@fisglobal.com,jacqueline.mariano@temposervicos.com.br,juliana.azevedo@fisglobal.com.,michelecdc@algartech.com,micheless@algartech.com,rodrigo.cunha@temposervicos.com.br,viviane.virgilio@temposervicos.com.br</t>
  </si>
  <si>
    <t>/o=exchangelabs/ou=exchange administrative group (fydibohf23spdlt)/cn=recipients/cn=43a054bacf514a8a9cdcb240b072cd47-cecilia mul;lamzehnhof@toyota.com.br;</t>
  </si>
  <si>
    <t>RES: Price Difference Report 28/10/2019 NDNS2032 35375 - ALGAR TECNOLOGI</t>
  </si>
  <si>
    <t>09 - Faturamento Toyota Mobility (004).xlsx</t>
  </si>
  <si>
    <t>/o=exchangelabs/ou=exchange administrative group (fydibohf23spdlt)/cn=recipients/cn=43a054bacf514a8a9cdcb240b072cd47-cecilia mul,lamzehnhof@toyota.com.br</t>
  </si>
  <si>
    <t>45144;alinescsi@algartecnologia.com.br;</t>
  </si>
  <si>
    <t>Dialogo Chat Humano - Elux.xlsx</t>
  </si>
  <si>
    <t>45144,alinescsi@algartecnologia.com.br</t>
  </si>
  <si>
    <t>mail.google.com/_/upload?authuser=1&amp;dcp=asu-n&amp;upload_id=AEnB2UoyYFnbmL7vgPS1Z6yrmgDznEKrHY2Pq3G-hQk8x0KhaK9A7byu6P4YC195hEAIvGEomwCsnh-XL0u4nq8LfIOb8gaCXA&amp;upload_protocol=resumable</t>
  </si>
  <si>
    <t>Formulario-Correcao_PO (Consolidado).v3.xlsx</t>
  </si>
  <si>
    <t>mail.google.com/_/upload?authuser=1&amp;dcp=asu-n&amp;upload_id=AEnB2UrVYIMvx3BK2bRLsCPMeKywPutzcPotpFhk_hj-FHo-BwNBZhDnND7mk4FepCKFteDRfqJ8oP5gUScyHwN0vHbdkclJXrLg8JfCIn6cnwboVeRxMSo&amp;upload_protocol=resumable</t>
  </si>
  <si>
    <t>RDM - WHIRLPOOL - URA SERVICE - APIS.xls</t>
  </si>
  <si>
    <t>ENC: CSC - Informações Baseline 2019 e 2020</t>
  </si>
  <si>
    <t>Relação dos repasses - baseline - nota de débito e Orçamento Empresas Algar CSC 01-11-19.xlsx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4097402e2d3e4073b597d33928140586-paulo sergi;/o=exchangelabs/ou=exchange administrative group (fydibohf23spdlt)/cn=recipients/cn=47dd31b5ac1847959bdefc467c1b7402-ferlem marl;/o=exchangelabs/ou=exchange administrative group (fydibohf23spdlt)/cn=recipients/cn=5eb8447f1992416c986b6f95f45fc7f7-jose paixao;/o=exchangelabs/ou=exchange administrative group (fydibohf23spdlt)/cn=recipients/cn=7ec9b79e321b423c9a6328e6d2a8765d-fabio cesar;/o=exchangelabs/ou=exchange administrative group (fydibohf23spdlt)/cn=recipients/cn=88c76f56ba274d40bc5ef03a7197e5b9-marcos pere;</t>
  </si>
  <si>
    <t>OS's TIM BBN - Atualizar Status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4097402e2d3e4073b597d33928140586-paulo sergi,/o=exchangelabs/ou=exchange administrative group (fydibohf23spdlt)/cn=recipients/cn=47dd31b5ac1847959bdefc467c1b7402-ferlem marl,/o=exchangelabs/ou=exchange administrative group (fydibohf23spdlt)/cn=recipients/cn=5eb8447f1992416c986b6f95f45fc7f7-jose paixao,/o=exchangelabs/ou=exchange administrative group (fydibohf23spdlt)/cn=recipients/cn=7ec9b79e321b423c9a6328e6d2a8765d-fabio cesar,/o=exchangelabs/ou=exchange administrative group (fydibohf23spdlt)/cn=recipients/cn=88c76f56ba274d40bc5ef03a7197e5b9-marcos pere</t>
  </si>
  <si>
    <t>/o=exchangelabs/ou=exchange administrative group (fydibohf23spdlt)/cn=recipients/cn=402535980e9d4d4788d63e3c9587e129-melissa fer;/o=exchangelabs/ou=exchange administrative group (fydibohf23spdlt)/cn=recipients/cn=4e42be0c35fe437c89a815dbb8f1ffeb-faturamento;/o=exchangelabs/ou=exchange administrative group (fydibohf23spdlt)/cn=recipients/cn=6ce156dc846b45c892e3a0a6a3df7cc3-jhoni do na;/o=exchangelabs/ou=exchange administrative group (fydibohf23spdlt)/cn=recipients/cn=97bf0b4d6b424f9fbf91192510276150-renata de o;/o=exchangelabs/ou=exchange administrative group (fydibohf23spdlt)/cn=recipients/cn=b5ef1f826e364d2aa99a0df5d1906feb-liliane apa;/o=exchangelabs/ou=exchange administrative group (fydibohf23spdlt)/cn=recipients/cn=userd5d32f69;</t>
  </si>
  <si>
    <t>RES: FATURAMENTO ALGAR PROJETO (ALPHAVILLE) - Outubro/2019 *** DADOS BANCARIOS ***</t>
  </si>
  <si>
    <t>RES FATURAMENTO NFE 21594 JARDIM ALPHA POTIGUAR EMPREENDIMENTOS IMOBILIARIOS LTDA.msg\s1\</t>
  </si>
  <si>
    <t>F.010-GSU_v00 - Ficha Cadastral de Fornecedores_Novo.xlsx</t>
  </si>
  <si>
    <t>/o=exchangelabs/ou=exchange administrative group (fydibohf23spdlt)/cn=recipients/cn=402535980e9d4d4788d63e3c9587e129-melissa fer,/o=exchangelabs/ou=exchange administrative group (fydibohf23spdlt)/cn=recipients/cn=4e42be0c35fe437c89a815dbb8f1ffeb-faturamento,/o=exchangelabs/ou=exchange administrative group (fydibohf23spdlt)/cn=recipients/cn=6ce156dc846b45c892e3a0a6a3df7cc3-jhoni do na,/o=exchangelabs/ou=exchange administrative group (fydibohf23spdlt)/cn=recipients/cn=97bf0b4d6b424f9fbf91192510276150-renata de o,/o=exchangelabs/ou=exchange administrative group (fydibohf23spdlt)/cn=recipients/cn=b5ef1f826e364d2aa99a0df5d1906feb-liliane apa,/o=exchangelabs/ou=exchange administrative group (fydibohf23spdlt)/cn=recipients/cn=userd5d32f69</t>
  </si>
  <si>
    <t>C:\Users\joaobab\OneDrive - Grupo Algar\temp\TI e TELECOM\Toyota\</t>
  </si>
  <si>
    <t>Toyota GRC - 2019-2020.xlsx</t>
  </si>
  <si>
    <t>RES: Operação Leonora</t>
  </si>
  <si>
    <t>/o=exchangelabs/ou=exchange administrative group (fydibohf23spdlt)/cn=recipients/cn=0e2eb71726a34a0da705bbb0bf5c0367-leonardo me;/o=exchangelabs/ou=exchange administrative group (fydibohf23spdlt)/cn=recipients/cn=287c26b08a0f48578479a15a452f025d-edilson rod;/o=exchangelabs/ou=exchange administrative group (fydibohf23spdlt)/cn=recipients/cn=372a4aee70df4061aed129651510b96b-raul montei;/o=exchangelabs/ou=exchange administrative group (fydibohf23spdlt)/cn=recipients/cn=49457acaa5584c6d8daec8f0ad186be2-carlos maur;/o=exchangelabs/ou=exchange administrative group (fydibohf23spdlt)/cn=recipients/cn=55f846c335d7437f892f0b0d49c89e92-celma ribei;/o=exchangelabs/ou=exchange administrative group (fydibohf23spdlt)/cn=recipients/cn=56c2af2d07fd48c0aebfc00ddc006494-alessio rod;/o=exchangelabs/ou=exchange administrative group (fydibohf23spdlt)/cn=recipients/cn=804f4398b96748e7962c1608bfe4071a-hewerson go;/o=exchangelabs/ou=exchange administrative group (fydibohf23spdlt)/cn=recipients/cn=8c253c95243a40aa99c9416b7eb70a2a-juli</t>
  </si>
  <si>
    <t>Status Report Semanal - Projeto Precificação - 20191101.pptx\</t>
  </si>
  <si>
    <t>/o=exchangelabs/ou=exchange administrative group (fydibohf23spdlt)/cn=recipients/cn=0e2eb71726a34a0da705bbb0bf5c0367-leonardo me,/o=exchangelabs/ou=exchange administrative group (fydibohf23spdlt)/cn=recipients/cn=287c26b08a0f48578479a15a452f025d-edilson rod,/o=exchangelabs/ou=exchange administrative group (fydibohf23spdlt)/cn=recipients/cn=372a4aee70df4061aed129651510b96b-raul montei,/o=exchangelabs/ou=exchange administrative group (fydibohf23spdlt)/cn=recipients/cn=49457acaa5584c6d8daec8f0ad186be2-carlos maur,/o=exchangelabs/ou=exchange administrative group (fydibohf23spdlt)/cn=recipients/cn=55f846c335d7437f892f0b0d49c89e92-celma ribei,/o=exchangelabs/ou=exchange administrative group (fydibohf23spdlt)/cn=recipients/cn=56c2af2d07fd48c0aebfc00ddc006494-alessio rod,/o=exchangelabs/ou=exchange administrative group (fydibohf23spdlt)/cn=recipients/cn=804f4398b96748e7962c1608bfe4071a-hewerson go,/o=exchangelabs/ou=exchange administrative group (fydibohf23spdlt)/cn=recipients/cn=8c253c95243a40aa99c9416b7eb70a2a-juli</t>
  </si>
  <si>
    <t>/o=exchangelabs/ou=exchange administrative group (fydibohf23spdlt)/cn=recipients/cn=3188323005a04a70962871b2b980355d-humberto pi;/o=exchangelabs/ou=exchange administrative group (fydibohf23spdlt)/cn=recipients/cn=8fc182d8ec964190abd5d149ac41ad8b-fabricio de;/o=exchangelabs/ou=exchange administrative group (fydibohf23spdlt)/cn=recipients/cn=user78fc8d63;</t>
  </si>
  <si>
    <t>ENC: Cadastro de fornecedor</t>
  </si>
  <si>
    <t>/o=exchangelabs/ou=exchange administrative group (fydibohf23spdlt)/cn=recipients/cn=3188323005a04a70962871b2b980355d-humberto pi,/o=exchangelabs/ou=exchange administrative group (fydibohf23spdlt)/cn=recipients/cn=8fc182d8ec964190abd5d149ac41ad8b-fabricio de,/o=exchangelabs/ou=exchange administrative group (fydibohf23spdlt)/cn=recipients/cn=user78fc8d63</t>
  </si>
  <si>
    <t>NPS_empresas.xlsx</t>
  </si>
  <si>
    <t>/o=exchangelabs/ou=exchange administrative group (fydibohf23spdlt)/cn=recipients/cn=545f738e0fe740ba856f4eb6ef0135e0-vinicius si;/o=exchangelabs/ou=exchange administrative group (fydibohf23spdlt)/cn=recipients/cn=a72a765de829420582b78941417073ac-karina rodr;/o=exchangelabs/ou=exchange administrative group (fydibohf23spdlt)/cn=recipients/cn=d1d015f213f648abbf348b5ccdf8e9d9-senilda per;adriana.oliveira@avon.com;alexmarques.silva@avon.com;anderson.negrisoli@avon.com;rosana.scalabrin@avon.com;</t>
  </si>
  <si>
    <t>RES: Portas de URA 3003</t>
  </si>
  <si>
    <t>Volumetria URA.xlsx</t>
  </si>
  <si>
    <t>/o=exchangelabs/ou=exchange administrative group (fydibohf23spdlt)/cn=recipients/cn=545f738e0fe740ba856f4eb6ef0135e0-vinicius si,/o=exchangelabs/ou=exchange administrative group (fydibohf23spdlt)/cn=recipients/cn=a72a765de829420582b78941417073ac-karina rodr,/o=exchangelabs/ou=exchange administrative group (fydibohf23spdlt)/cn=recipients/cn=d1d015f213f648abbf348b5ccdf8e9d9-senilda per,adriana.oliveira@avon.com,alexmarques.silva@avon.com,anderson.negrisoli@avon.com,rosana.scalabrin@avon.com</t>
  </si>
  <si>
    <t>C:\Users\hugooc\OneDrive - Grupo Algar\FABRICA\</t>
  </si>
  <si>
    <t>1 - Controle de Frentes de Relatórios.xlsx</t>
  </si>
  <si>
    <t>mail.google.com/_/upload?authuser=0&amp;dcp=asu-n&amp;upload_id=AEnB2UoOCD0QvfgWHAv73BPhCSYIwovIV3D51DB71D3frk96uHQ0v7ulOIS2eoqddOCtC1_L2q8ujh_MCj612MXtRW4-hxE0PWN1rFIOsu-CIP5XpC2eWNg&amp;upload_protocol=resumable</t>
  </si>
  <si>
    <t>C:\Users\gabrielar\</t>
  </si>
  <si>
    <t>base_teste_treino.csv</t>
  </si>
  <si>
    <t>mail.google.com/_/upload?authuser=0&amp;dcp=asu-n&amp;upload_id=AEnB2UrX0AqPCIW8gfIR1A4zy_S7tVFrSV4urCuFkvJUrj1b6ijMwhPQdIUG1Ix_W_vrofttGGISUkSUni1i1yzjsOwhtLE-9A&amp;upload_protocol=resumable</t>
  </si>
  <si>
    <t>export_dataframe.csv</t>
  </si>
  <si>
    <t>mail.google.com/_/upload?authuser=0&amp;dcp=asu-n&amp;upload_id=AEnB2UrhkiJz7Ypu09kWMbLNXEpS8Rs2C1rj4kwTvGvYWKivtlJA8zEKwc9y6LFOMIGAaH8sRpAONA4oPlAVasSN_FVv8whg0g&amp;upload_protocol=resumable</t>
  </si>
  <si>
    <t>export_dataframe.xlsx</t>
  </si>
  <si>
    <t>Materiais Beedoo.xlsx</t>
  </si>
  <si>
    <t>mail.google.com/_/upload?authuser=1&amp;dcp=asu-n&amp;upload_id=AEnB2Uo5zYpfmQPCqy-rUbSqZmV1Bhwwg-0OqI5w1Zgur7Nn8cZGWoBJJLymDtQa_itnkLRA6qi4-XZ9YcF_RZAn0HBJGm30lmoFZ1itJDEiTmck13nWxQU&amp;upload_protocol=resumable</t>
  </si>
  <si>
    <t>vocabulario atualizado- 02-11-19.xlsx</t>
  </si>
  <si>
    <t>5ogsqgney0gsttwzucf0zs8gro?fields=kind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quyaw..,createddate,disp,displ,displayna,displayname,domain,editable,emailaddress,explicitlytrashed,file(kind,fileextension,fileid,filesize,flaggedforabuse,foldercolor,folderfeatures,hasaugmentedpermissions,haschildfolders,hasthumbnail,hasvisitorpermissions,hidden,id,id),items(deleted,items(kind,ken,kind,labels(starred,lastmodifyingus,lastmodifyinguser(kind,lastviewedbymedate,mimetype,modifiedbymedate,modifieddate,ontainsunsubscribedchildren,organizationdisplayname,owners(kind,parents(id),passivelysubscribed,permissionid,permissionid�,picture,primarydomainname,primarysyncparentid,quotabytesused,recency,recencyreason,restricted,rpermissions</t>
  </si>
  <si>
    <t>10/31/2019 16:58:28</t>
  </si>
  <si>
    <t>E:\INVESTIMENTOS\OUTUBRO\</t>
  </si>
  <si>
    <t>Extrato Conta Corrente-311020191652- APLICADOS.xls</t>
  </si>
  <si>
    <t>E:\INVESTIMENTOS\OUTUBRO\Extrato Conta Corrente-311020191652- APLICADOS.xls</t>
  </si>
  <si>
    <t>10/31/2019 16:59:01</t>
  </si>
  <si>
    <t>10/31/2019 17:12:38</t>
  </si>
  <si>
    <t>10/23/2019 10:28:52</t>
  </si>
  <si>
    <t>10/23/2019 10:36:48</t>
  </si>
  <si>
    <t>10/23/2019 17:42:50</t>
  </si>
  <si>
    <t>/o=exchangelabs/ou=exchange administrative group (fydibohf23spdlt)/cn=recipients/cn=1867d5fca12044e08946537995369baf-diego rodri;/o=exchangelabs/ou=exchange administrative group (fydibohf23spdlt)/cn=recipients/cn=685a6c7fa4684b9ab51c683ec151a83c-kelly crist;/o=exchangelabs/ou=exchange administrative group (fydibohf23spdlt)/cn=recipients/cn=df47052fb7db4ea4ab2e02b0ddfdc5b6-ana laisa l;juliana@jdepaula.com.br;</t>
  </si>
  <si>
    <t>ENC: Tabela Quanti - Guia Exame de Diversidade</t>
  </si>
  <si>
    <t>Quantitativos-2019-10-23-20-26.xls</t>
  </si>
  <si>
    <t>/o=exchangelabs/ou=exchange administrative group (fydibohf23spdlt)/cn=recipients/cn=1867d5fca12044e08946537995369baf-diego rodri,/o=exchangelabs/ou=exchange administrative group (fydibohf23spdlt)/cn=recipients/cn=685a6c7fa4684b9ab51c683ec151a83c-kelly crist,/o=exchangelabs/ou=exchange administrative group (fydibohf23spdlt)/cn=recipients/cn=df47052fb7db4ea4ab2e02b0ddfdc5b6-ana laisa l,juliana@jdepaula.com.br</t>
  </si>
  <si>
    <t>10/24/2019 10:44:39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54abac0a4fdc4ad1bec39bb51d85eab1-victor hugo;/o=exchangelabs/ou=exchange administrative group (fydibohf23spdlt)/cn=recipients/cn=89e58c8da071492dbdcb4fee4156b705-gustavo alm;/o=exchangelabs/ou=exchange administrative group (fydibohf23spdlt)/cn=recipients/cn=8c89829ad534498fa4c85b5ac11174f1-suelen more;/o=exchangelabs/ou=exchange administrative group (fydibohf23spdlt)/cn=recipients/cn=userdc05fc7c;</t>
  </si>
  <si>
    <t>ENC: Orçamento 2020 - Programação de Férias</t>
  </si>
  <si>
    <t>PTH_01112019.xlsx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54abac0a4fdc4ad1bec39bb51d85eab1-victor hugo,/o=exchangelabs/ou=exchange administrative group (fydibohf23spdlt)/cn=recipients/cn=89e58c8da071492dbdcb4fee4156b705-gustavo alm,/o=exchangelabs/ou=exchange administrative group (fydibohf23spdlt)/cn=recipients/cn=8c89829ad534498fa4c85b5ac11174f1-suelen more,/o=exchangelabs/ou=exchange administrative group (fydibohf23spdlt)/cn=recipients/cn=userdc05fc7c</t>
  </si>
  <si>
    <t>/o=exchangelabs/ou=exchange administrative group (fydibohf23spdlt)/cn=recipients/cn=43a054bacf514a8a9cdcb240b072cd47-cecilia mul;/o=exchangelabs/ou=exchange administrative group (fydibohf23spdlt)/cn=recipients/cn=54861e79125f48cc952d00cf8160b9a8-jeferson fe;/o=exchangelabs/ou=exchange administrative group (fydibohf23spdlt)/cn=recipients/cn=a27fa8e27f784e18b4732301ab7a6457-luciana sil;/o=exchangelabs/ou=exchange administrative group (fydibohf23spdlt)/cn=recipients/cn=c514dbe8b91547adb4618232d1a650ba-afonso domi;/o=exchangelabs/ou=exchange administrative group (fydibohf23spdlt)/cn=recipients/cn=c82d742f5f1e4122a86db0495b71e095-nilton j. g;/o=exchangelabs/ou=exchange administrative group (fydibohf23spdlt)/cn=recipients/cn=cb5adfd7be5d42f39b6c2497336ba9d7-fernando gu;/o=exchangelabs/ou=exchange administrative group (fydibohf23spdlt)/cn=recipients/cn=cd93dacc38404a95a829585c2e317a9f-dionizio ri;</t>
  </si>
  <si>
    <t>/o=exchangelabs/ou=exchange administrative group (fydibohf23spdlt)/cn=recipients/cn=43a054bacf514a8a9cdcb240b072cd47-cecilia mul,/o=exchangelabs/ou=exchange administrative group (fydibohf23spdlt)/cn=recipients/cn=54861e79125f48cc952d00cf8160b9a8-jeferson fe,/o=exchangelabs/ou=exchange administrative group (fydibohf23spdlt)/cn=recipients/cn=a27fa8e27f784e18b4732301ab7a6457-luciana sil,/o=exchangelabs/ou=exchange administrative group (fydibohf23spdlt)/cn=recipients/cn=c514dbe8b91547adb4618232d1a650ba-afonso domi,/o=exchangelabs/ou=exchange administrative group (fydibohf23spdlt)/cn=recipients/cn=c82d742f5f1e4122a86db0495b71e095-nilton j. g,/o=exchangelabs/ou=exchange administrative group (fydibohf23spdlt)/cn=recipients/cn=cb5adfd7be5d42f39b6c2497336ba9d7-fernando gu,/o=exchangelabs/ou=exchange administrative group (fydibohf23spdlt)/cn=recipients/cn=cd93dacc38404a95a829585c2e317a9f-dionizio ri</t>
  </si>
  <si>
    <t>A4-1F-72-FD-F7-9E</t>
  </si>
  <si>
    <t>containsunsubscribedchildren,displa,display,displaynam,displayname,domain,emailaddr,emailaddress,explicitlytrashed,file(kind,fileid,filesize,hasthumbnail,hasvisitorpermissions,id,id),items(deleted,items(kind,jyncot_fdt4fcmzwkukuf5jun7zqqd7elxiq76o4dsujpf0rdskxqce1r7kfngyzlk7dz-y_heca-1alb8g6xhs0-mlpz8r6kla_hhgagfiifrgv3z2zbitg8b-ac-z7ax4h1p2te8i8bau7p38tqxs09pf_4fgkp3ns2b6mc2hjdpjyuio0uwdz0hstau114uo_btst837kqy6pskdovlodch5d1jt_3kb6cthtiu1yofhuevvn_svbbgkbukcxrcwamyh6cr5vtkf_lns-osmdwuices7wzcvmyyyzt9jnzz5pt8uh6ll_ppetvqk1h9q8mwoc9-f,ken,kind,lastmodifyingus,lastmodifyinguser(kind,lastviewedbymedate,mimetype,modifiedbymedate,modifieddate,ontainsunsubscribedchildren,owners(kind,permissionid,picture,quotabytesused,rpermissions,share,shared,sharedwithmedate,thumb,thumbnailversion,title,userperm,userpermission(role)</t>
  </si>
  <si>
    <t>mail.google.com/_/upload?authuser=1&amp;dcp=asu-n&amp;upload_id=AEnB2UpiLXYIOXnCOKBJa9fBJxBvxnDagE72HhLDqh1qwhSEBriQkmZhgIaIImSITy9eSUvMumJfHNmjs4Cj80-kVI15XRSi9A&amp;upload_protocol=resumable</t>
  </si>
  <si>
    <t>C:\Git\poc-bradesco-antifraude\assets\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30ee93c8ac3a402b98626eb34ed24781-lara lorran;/o=exchangelabs/ou=exchange administrative group (fydibohf23spdlt)/cn=recipients/cn=5694f7d2b5fa4976af2d1dc576e3b544-louany barb;/o=exchangelabs/ou=exchange administrative group (fydibohf23spdlt)/cn=recipients/cn=9bb376e8b4c74d45963b1165e99fb0ea-fernando ro;/o=exchangelabs/ou=exchange administrative group (fydibohf23spdlt)/cn=recipients/cn=a72fa73d2e1a464ba879e7629d58ef97-luana erlen;/o=exchangelabs/ou=exchange administrative group (fydibohf23spdlt)/cn=recipients/cn=f4de30cd53104832ac10bc8c610e453e-gustavo pae;</t>
  </si>
  <si>
    <t>Meta Qualidade - 1ª Semana de Novembro</t>
  </si>
  <si>
    <t>1ª semana Novembro Qualidade Monitorias.xlsx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30ee93c8ac3a402b98626eb34ed24781-lara lorran,/o=exchangelabs/ou=exchange administrative group (fydibohf23spdlt)/cn=recipients/cn=5694f7d2b5fa4976af2d1dc576e3b544-louany barb,/o=exchangelabs/ou=exchange administrative group (fydibohf23spdlt)/cn=recipients/cn=9bb376e8b4c74d45963b1165e99fb0ea-fernando ro,/o=exchangelabs/ou=exchange administrative group (fydibohf23spdlt)/cn=recipients/cn=a72fa73d2e1a464ba879e7629d58ef97-luana erlen,/o=exchangelabs/ou=exchange administrative group (fydibohf23spdlt)/cn=recipients/cn=f4de30cd53104832ac10bc8c610e453e-gustavo pae</t>
  </si>
  <si>
    <t>10.200.57.195</t>
  </si>
  <si>
    <t>10/31/2019 17:00:18</t>
  </si>
  <si>
    <t>10.200.57.208</t>
  </si>
  <si>
    <t>Abertura compras pacotes.xlsx</t>
  </si>
  <si>
    <t>ENC: Handover de entregáveis e rotinas</t>
  </si>
  <si>
    <t>ENC: CAPEX 2020 - Cenário Final</t>
  </si>
  <si>
    <t>/o=exchangelabs/ou=exchange administrative group (fydibohf23spdlt)/cn=recipients/cn=e9de10ddb8974241bea531a67e0995e2-gabrielly d;/o=exchangelabs/ou=exchange administrative group (fydibohf23spdlt)/cn=recipients/cn=ffac67121fe44ee99a9e20917aba08be-nubia fraga;</t>
  </si>
  <si>
    <t>ENC: Acordos Engeset "DE ACORDO"</t>
  </si>
  <si>
    <t>/o=exchangelabs/ou=exchange administrative group (fydibohf23spdlt)/cn=recipients/cn=e9de10ddb8974241bea531a67e0995e2-gabrielly d,/o=exchangelabs/ou=exchange administrative group (fydibohf23spdlt)/cn=recipients/cn=ffac67121fe44ee99a9e20917aba08be-nubia fraga</t>
  </si>
  <si>
    <t>Peça Oficial 2020 - Projetos - Grupo Tech_Retorno 2510 - Cópia.xlsx</t>
  </si>
  <si>
    <t>C:\Users\mariannacsm\OneDrive - Grupo Algar\0- PMO-POOL\PMO\CAPEX\CONSOLIDAÇÃO CAPEX 2020\</t>
  </si>
  <si>
    <t>C:\Users\mariannacsm\OneDrive - Grupo Algar\0- PMO-POOL\PMO\CAPEX\CONSOLIDAÇÃO CAPEX 2020\INFRAESTRUTURA\</t>
  </si>
  <si>
    <t>Apresentação PMO 2910.pptx</t>
  </si>
  <si>
    <t>Apresentação PMO 2910.pptx\</t>
  </si>
  <si>
    <t>/o=exchangelabs/ou=exchange administrative group (fydibohf23spdlt)/cn=recipients/cn=249f643ba1e044588b45a020c76dadde-daniel de o;/o=exchangelabs/ou=exchange administrative group (fydibohf23spdlt)/cn=recipients/cn=372a4aee70df4061aed129651510b96b-raul montei;/o=exchangelabs/ou=exchange administrative group (fydibohf23spdlt)/cn=recipients/cn=43a054bacf514a8a9cdcb240b072cd47-cecilia mul;/o=exchangelabs/ou=exchange administrative group (fydibohf23spdlt)/cn=recipients/cn=45f281eb2c55454da382ae61cb22aff4-fabiano mus;/o=exchangelabs/ou=exchange administrative group (fydibohf23spdlt)/cn=recipients/cn=9590810d44524cf49acee6103c18936a-denys guidi;/o=exchangelabs/ou=exchange administrative group (fydibohf23spdlt)/cn=recipients/cn=97d172c8919b4efe9c4a5cda6727a6c7-walter robe;neemias.costa@sap.com;tiago.paula@sap.com;</t>
  </si>
  <si>
    <t>/o=exchangelabs/ou=exchange administrative group (fydibohf23spdlt)/cn=recipients/cn=249f643ba1e044588b45a020c76dadde-daniel de o,/o=exchangelabs/ou=exchange administrative group (fydibohf23spdlt)/cn=recipients/cn=372a4aee70df4061aed129651510b96b-raul montei,/o=exchangelabs/ou=exchange administrative group (fydibohf23spdlt)/cn=recipients/cn=43a054bacf514a8a9cdcb240b072cd47-cecilia mul,/o=exchangelabs/ou=exchange administrative group (fydibohf23spdlt)/cn=recipients/cn=45f281eb2c55454da382ae61cb22aff4-fabiano mus,/o=exchangelabs/ou=exchange administrative group (fydibohf23spdlt)/cn=recipients/cn=9590810d44524cf49acee6103c18936a-denys guidi,/o=exchangelabs/ou=exchange administrative group (fydibohf23spdlt)/cn=recipients/cn=97d172c8919b4efe9c4a5cda6727a6c7-walter robe,neemias.costa@sap.com,tiago.paula@sap.com</t>
  </si>
  <si>
    <t>RES: [DHL] 216441- Implementação ISD Estella - DHL</t>
  </si>
  <si>
    <t>Levantamento Chatbot T-systems - Operação.xlsx</t>
  </si>
  <si>
    <t>/o=exchangelabs/ou=exchange administrative group (fydibohf23spdlt)/cn=recipients/cn=2144abc9537143519f505fcb8550b74c-juliana emi;/o=exchangelabs/ou=exchange administrative group (fydibohf23spdlt)/cn=recipients/cn=4b453b7f02914710b3e94bcf7b311ad4-fernando po;/o=exchangelabs/ou=exchange administrative group (fydibohf23spdlt)/cn=recipients/cn=ab45243d601947128cfe3dec663408bf-pamela tava;/o=exchangelabs/ou=exchange administrative group (fydibohf23spdlt)/cn=recipients/cn=e3778f57d65f4c17a6287602f9eb0cdc-alessandra;</t>
  </si>
  <si>
    <t>PLR - Indicar cliente do gerente e do coordenador</t>
  </si>
  <si>
    <t>Cliente x Gerente x Coordenador - GRC.xlsx</t>
  </si>
  <si>
    <t>/o=exchangelabs/ou=exchange administrative group (fydibohf23spdlt)/cn=recipients/cn=2144abc9537143519f505fcb8550b74c-juliana emi,/o=exchangelabs/ou=exchange administrative group (fydibohf23spdlt)/cn=recipients/cn=4b453b7f02914710b3e94bcf7b311ad4-fernando po,/o=exchangelabs/ou=exchange administrative group (fydibohf23spdlt)/cn=recipients/cn=ab45243d601947128cfe3dec663408bf-pamela tava,/o=exchangelabs/ou=exchange administrative group (fydibohf23spdlt)/cn=recipients/cn=e3778f57d65f4c17a6287602f9eb0cdc-alessandra</t>
  </si>
  <si>
    <t>10.200.61.98</t>
  </si>
  <si>
    <t>/o=exchangelabs/ou=exchange administrative group (fydibohf23spdlt)/cn=recipients/cn=fe134ce6f7124ebfa00395a14326bd71-luciana ber;rodolfo.delfino@edpbr.com.br;</t>
  </si>
  <si>
    <t>Faturamento Algar Setembro e Outubro</t>
  </si>
  <si>
    <t>Resultado 10-2019.xlsx</t>
  </si>
  <si>
    <t>/o=exchangelabs/ou=exchange administrative group (fydibohf23spdlt)/cn=recipients/cn=fe134ce6f7124ebfa00395a14326bd71-luciana ber,rodolfo.delfino@edpbr.com.br</t>
  </si>
  <si>
    <t>Pipeline Out-19.xlsx</t>
  </si>
  <si>
    <t>ENC: Solicitação de Compra de Notebook</t>
  </si>
  <si>
    <t>PMO_Algar_Tech_-__DETALHAMENTO_DE_ITENS_DE_AQUISIÃƒÃƒES_PARA_PROJETOS_cl.._.xlsx</t>
  </si>
  <si>
    <t>BASE_CARIMBOS_ERRO_OP_0510_0910.csv</t>
  </si>
  <si>
    <t>/o=exchangelabs/ou=exchange administrative group (fydibohf23spdlt)/cn=recipients/cn=0ca6cc8d100949a7866a928f62ef5778-rosilene de;/o=exchangelabs/ou=exchange administrative group (fydibohf23spdlt)/cn=recipients/cn=3188323005a04a70962871b2b980355d-humberto pi;/o=exchangelabs/ou=exchange administrative group (fydibohf23spdlt)/cn=recipients/cn=4adb6e0b3de84bf2bfdb543494159749-leandro lim;/o=exchangelabs/ou=exchange administrative group (fydibohf23spdlt)/cn=recipients/cn=56c2af2d07fd48c0aebfc00ddc006494-alessio rod;/o=exchangelabs/ou=exchange administrative group (fydibohf23spdlt)/cn=recipients/cn=6ff53932294845d0b04d14dd23bb8e8b-ana carla m;/o=exchangelabs/ou=exchange administrative group (fydibohf23spdlt)/cn=recipients/cn=823ff3c9d5fe49399d544dd8d287e4b4-alexandre m;/o=exchangelabs/ou=exchange administrative group (fydibohf23spdlt)/cn=recipients/cn=a35622ae1b534401a6dd99bd801d1f97-marcos paul;/o=exchangelabs/ou=exchange administrative group (fydibohf23spdlt)/cn=recipients/cn=a387251d6d8c4b729d17257b1403e985-rodr</t>
  </si>
  <si>
    <t>RE: RES: Proposta comercial Máscara para acompanhar SMS</t>
  </si>
  <si>
    <t>/o=exchangelabs/ou=exchange administrative group (fydibohf23spdlt)/cn=recipients/cn=0ca6cc8d100949a7866a928f62ef5778-rosilene de,/o=exchangelabs/ou=exchange administrative group (fydibohf23spdlt)/cn=recipients/cn=3188323005a04a70962871b2b980355d-humberto pi,/o=exchangelabs/ou=exchange administrative group (fydibohf23spdlt)/cn=recipients/cn=4adb6e0b3de84bf2bfdb543494159749-leandro lim,/o=exchangelabs/ou=exchange administrative group (fydibohf23spdlt)/cn=recipients/cn=56c2af2d07fd48c0aebfc00ddc006494-alessio rod,/o=exchangelabs/ou=exchange administrative group (fydibohf23spdlt)/cn=recipients/cn=6ff53932294845d0b04d14dd23bb8e8b-ana carla m,/o=exchangelabs/ou=exchange administrative group (fydibohf23spdlt)/cn=recipients/cn=823ff3c9d5fe49399d544dd8d287e4b4-alexandre m,/o=exchangelabs/ou=exchange administrative group (fydibohf23spdlt)/cn=recipients/cn=a35622ae1b534401a6dd99bd801d1f97-marcos paul,/o=exchangelabs/ou=exchange administrative group (fydibohf23spdlt)/cn=recipients/cn=a387251d6d8c4b729d17257b1403e985-rodr</t>
  </si>
  <si>
    <t>10.200.200.81</t>
  </si>
  <si>
    <t>/o=exchangelabs/ou=exchange administrative group (fydibohf23spdlt)/cn=recipients/cn=6f29016a6e3a4b449c4914b80b0569b4-raphael vie;</t>
  </si>
  <si>
    <t>Quinzena 1.xls.xlsx</t>
  </si>
  <si>
    <t>/o=exchangelabs/ou=exchange administrative group (fydibohf23spdlt)/cn=recipients/cn=6f29016a6e3a4b449c4914b80b0569b4-raphael vie</t>
  </si>
  <si>
    <t>RES: _ Apresentação Pesquisa</t>
  </si>
  <si>
    <t>C:\Users\filemoncmj\OneDrive - Grupo Algar\01. Algar Tech\01. Projetos de Clientes\47. Prudential\03. Proposta Técnica e Comercial\Resumo Executivo\Prudential - Resumo Executivo_Outubro v2.pptx\</t>
  </si>
  <si>
    <t>192.168.1.100</t>
  </si>
  <si>
    <t>brunoafs@algartech.com;brunocfi@algartech.com;carloswbj@algartech.com;cleitongp@algartech.com;cristianor@algartech.com;elinconpa@algartech.com;ericpcp@algartech.com;fabioch@algartecnologia.com.br;fernandords@algartech.com;flaviom@algartech.com;gilsonal@algartech.com;gustavosc@algartech.com;jeffersonsa@algartech.com;jeffetherrc@algartech.com;joaquimefr@algartech.com;josafa@algartech.com;josepsda@algartech.com;kelvinab@algartech.com;lucianopa@algartech.com;marcos.pereira@algartech.com;mariliamc@algartech.com;niltonfc@algartech.com;paulocruz@algartech.com;rafaelldn@algartech.com;ramonyags@algartech.com;robertordsf@algartech.com;roldneysf@algartech.com;rosimarlr@algartech.com;rossianoap@algartech.com;tatiane.oliveira@algartech.com;vanessacs@algartech.com;viniciusja@algartech.com;wesleycb@algartech.com;</t>
  </si>
  <si>
    <t>Modelo sobreaviso (004).xlsx</t>
  </si>
  <si>
    <t>brunoafs@algartech.com,brunocfi@algartech.com,carloswbj@algartech.com,cleitongp@algartech.com,cristianor@algartech.com,elinconpa@algartech.com,ericpcp@algartech.com,fabioch@algartecnologia.com.br,fernandords@algartech.com,flaviom@algartech.com,gilsonal@algartech.com,gustavosc@algartech.com,jeffersonsa@algartech.com,jeffetherrc@algartech.com,joaquimefr@algartech.com,josafa@algartech.com,josepsda@algartech.com,kelvinab@algartech.com,lucianopa@algartech.com,marcos.pereira@algartech.com,mariliamc@algartech.com,niltonfc@algartech.com,paulocruz@algartech.com,rafaelldn@algartech.com,ramonyags@algartech.com,robertordsf@algartech.com,roldneysf@algartech.com,rosimarlr@algartech.com,rossianoap@algartech.com,tatiane.oliveira@algartech.com,vanessacs@algartech.com,viniciusja@algartech.com,wesleycb@algartech.com</t>
  </si>
  <si>
    <t>/o=exchangelabs/ou=exchange administrative group (fydibohf23spdlt)/cn=recipients/cn=56dc126fba5b4a5f8fb1cd7e4f10477d-thais olive;/o=exchangelabs/ou=exchange administrative group (fydibohf23spdlt)/cn=recipients/cn=60c79fa1bc994449ac17a5e2109f7abd-claudio fer;/o=exchangelabs/ou=exchange administrative group (fydibohf23spdlt)/cn=recipients/cn=8da96f497b5c46ee81c2775857a1df84-pedro henri;/o=exchangelabs/ou=exchange administrative group (fydibohf23spdlt)/cn=recipients/cn=ab46a8675a184bef8d8f2440330cff44-daise jesus;/o=exchangelabs/ou=exchange administrative group (fydibohf23spdlt)/cn=recipients/cn=b712c36eebee42428d3790abe2696417-romario gom;/o=exchangelabs/ou=exchange administrative group (fydibohf23spdlt)/cn=recipients/cn=ca7d1b1aa98d482ca2c948b11f486f8b-cynnara pim;</t>
  </si>
  <si>
    <t>RES: Planejamento next Manifestações - Outubro/2019</t>
  </si>
  <si>
    <t>11 - PLANEJAMENTO_NEXT_MANIFESTAÇÕES-2019.xlsx</t>
  </si>
  <si>
    <t>/o=exchangelabs/ou=exchange administrative group (fydibohf23spdlt)/cn=recipients/cn=56dc126fba5b4a5f8fb1cd7e4f10477d-thais olive,/o=exchangelabs/ou=exchange administrative group (fydibohf23spdlt)/cn=recipients/cn=60c79fa1bc994449ac17a5e2109f7abd-claudio fer,/o=exchangelabs/ou=exchange administrative group (fydibohf23spdlt)/cn=recipients/cn=8da96f497b5c46ee81c2775857a1df84-pedro henri,/o=exchangelabs/ou=exchange administrative group (fydibohf23spdlt)/cn=recipients/cn=ab46a8675a184bef8d8f2440330cff44-daise jesus,/o=exchangelabs/ou=exchange administrative group (fydibohf23spdlt)/cn=recipients/cn=b712c36eebee42428d3790abe2696417-romario gom,/o=exchangelabs/ou=exchange administrative group (fydibohf23spdlt)/cn=recipients/cn=ca7d1b1aa98d482ca2c948b11f486f8b-cynnara pim</t>
  </si>
  <si>
    <t>Modelo sobreaviso dezembro.xlsx</t>
  </si>
  <si>
    <t>Plano Financeiro PGE2 V02 11.xlsx</t>
  </si>
  <si>
    <t>mail.google.com/_/upload?authuser=0&amp;dcp=asu-n&amp;upload_id=AEnB2UrEkP46x4Bvvgz0MypKiubeYtNYi26Jno867hOo8t4dWY0yFzBAaW5AZbAAnqqZB0dnRnNj3_OKTMMdvSg1tTc2Fogp3w&amp;upload_protocol=resumable</t>
  </si>
  <si>
    <t>Plano Financeiro PGE2 Versão Final.xlsx</t>
  </si>
  <si>
    <t>/o=exchangelabs/ou=exchange administrative group (fydibohf23spdlt)/cn=recipients/cn=027c2da1ea5a42378a892f895ed29947-andressa tu;/o=exchangelabs/ou=exchange administrative group (fydibohf23spdlt)/cn=recipients/cn=cd93dacc38404a95a829585c2e317a9f-dionizio ri;</t>
  </si>
  <si>
    <t>RES: Contatos para comunicação Projeto Pangeia</t>
  </si>
  <si>
    <t>/o=exchangelabs/ou=exchange administrative group (fydibohf23spdlt)/cn=recipients/cn=027c2da1ea5a42378a892f895ed29947-andressa tu,/o=exchangelabs/ou=exchange administrative group (fydibohf23spdlt)/cn=recipients/cn=cd93dacc38404a95a829585c2e317a9f-dionizio ri</t>
  </si>
  <si>
    <t>C:\Users\hugooc\OneDrive - Grupo Algar\FABRICA\FABRICA DESENVOLVEDORES\</t>
  </si>
  <si>
    <t>ENC: Black List</t>
  </si>
  <si>
    <t>Blacklist_Bradesco.csv</t>
  </si>
  <si>
    <t>ENC: Relatório de Vendas OUT.2019 - Financeira - Prévia Fechamento</t>
  </si>
  <si>
    <t>0ANALYSIS_PATTERN - 2019-11-04T091022.128.csv</t>
  </si>
  <si>
    <t>ENC: Plano de Juniorização Cerrado.xlsx</t>
  </si>
  <si>
    <t>10.200.32.79</t>
  </si>
  <si>
    <t>54-BF-64-F5-7F-F2</t>
  </si>
  <si>
    <t>Prévia Financeira Outubro</t>
  </si>
  <si>
    <t>Outubro - 31.10.xlsx</t>
  </si>
  <si>
    <t>10.200.99.37</t>
  </si>
  <si>
    <t>Materiais Beedoo Mayza.xlsx</t>
  </si>
  <si>
    <t>0ANALYSIS_PATTERN - 2019-11-04T091546.415.csv</t>
  </si>
  <si>
    <t>G:\BKP NOTE RODRIGO - FULL\RODRIGO\PARTICULAR\CASA\2018\</t>
  </si>
  <si>
    <t>G:\BKP NOTE RODRIGO - FULL\RODRIGO\PARTICULAR\CASA\2018\Contas_2018.xlsx</t>
  </si>
  <si>
    <t>G:\BKP NOTE RODRIGO - FULL\RODRIGO\PARTICULAR\karla - AADL\</t>
  </si>
  <si>
    <t>G:\BKP NOTE RODRIGO - FULL\RODRIGO\PARTICULAR\karla - AADL\Lista de presença 2019.xlsx vertical fevereiro.xlsx</t>
  </si>
  <si>
    <t>G:\BKP NOTE RODRIGO - FULL\RODRIGO\PARTICULAR\karla - AADL\Lista de presença 2019.xlsx VERTICAL.xlsx</t>
  </si>
  <si>
    <t>G:\BKP NOTE RODRIGO - FULL\RODRIGO\PARTICULAR\karla - AADL\Lista final do ônibus.xlsx</t>
  </si>
  <si>
    <t>G:\BKP NOTE RODRIGO - FULL\RODRIGO\PARTICULAR\karla - AADL\pedido_detalhado_269_1000066261.xls</t>
  </si>
  <si>
    <t>G:\BKP NOTE RODRIGO - FULL\RODRIGO\PARTICULAR\karla - AADL\pen drive\karla - AADL\</t>
  </si>
  <si>
    <t>G:\BKP NOTE RODRIGO - FULL\RODRIGO\PARTICULAR\karla - AADL\pen drive\karla - AADL\Lista de presença 2019.xlsx AADL.xlsx</t>
  </si>
  <si>
    <t>G:\BKP NOTE RODRIGO - FULL\RODRIGO\PARTICULAR\karla - AADL\pen drive\karla - AADL\Lista de presença 2019.xlsx AADL.xlsx Março.xlsx</t>
  </si>
  <si>
    <t>G:\BKP NOTE RODRIGO - FULL\RODRIGO\PARTICULAR\karla - AADL\pen drive\karla - AADL\Lista de presença 2019.xlsx Fevereiro.xlsx</t>
  </si>
  <si>
    <t>G:\BKP NOTE RODRIGO - FULL\RODRIGO\PARTICULAR\TRIP´S\2018\Europa-2018\</t>
  </si>
  <si>
    <t>G:\BKP NOTE RODRIGO - FULL\RODRIGO\PARTICULAR\TRIP´S\2018\Europa-2018\roteiro_europa.xlsx</t>
  </si>
  <si>
    <t>G:\BKP NOTE RODRIGO - FULL\ALGAR TECH\004 - Projetos Cloud\03 - CCoE\documentation\01-Projetos\AlgarTech-Gitlab\02-Arquivos\</t>
  </si>
  <si>
    <t>credentials-SMTP.csv</t>
  </si>
  <si>
    <t>G:\BKP NOTE RODRIGO - FULL\ALGAR TECH\004 - Projetos Cloud\03 - CCoE\documentation\01-Projetos\AlgarTech-Gitlab\02-Arquivos\credentials-SMTP.csv</t>
  </si>
  <si>
    <t>dns-records.CSV</t>
  </si>
  <si>
    <t>G:\BKP NOTE RODRIGO - FULL\ALGAR TECH\004 - Projetos Cloud\03 - CCoE\documentation\01-Projetos\AlgarTech-Gitlab\02-Arquivos\dns-records.CSV</t>
  </si>
  <si>
    <t>DNS_Configuration (2).csv</t>
  </si>
  <si>
    <t>G:\BKP NOTE RODRIGO - FULL\ALGAR TECH\004 - Projetos Cloud\03 - CCoE\documentation\01-Projetos\AlgarTech-Gitlab\02-Arquivos\DNS_Configuration (2).csv</t>
  </si>
  <si>
    <t>G:\BKP NOTE RODRIGO - FULL\ALGAR TECH\004 - Projetos Cloud\03 - CCoE\documentation\01-Projetos\AlgarTech-Landing-Zone\02 - Stacks\AlgarTech-Setup-LZ-InstanceSheduled\</t>
  </si>
  <si>
    <t>instancias.xlsx</t>
  </si>
  <si>
    <t>G:\BKP NOTE RODRIGO - FULL\ALGAR TECH\004 - Projetos Cloud\03 - CCoE\documentation\01-Projetos\AlgarTech-Landing-Zone\02 - Stacks\AlgarTech-Setup-LZ-InstanceSheduled\instancias.xlsx</t>
  </si>
  <si>
    <t>G:\BKP NOTE RODRIGO - FULL\ALGAR TECH\004 - Projetos Cloud\03 - CCoE\documentation\01-Projetos\AlgarTech-Landing-Zone\02 - Stacks\AlgarTech-Setup-LZ-Security\GuardDuty\</t>
  </si>
  <si>
    <t>accountsaws.csv</t>
  </si>
  <si>
    <t>G:\BKP NOTE RODRIGO - FULL\ALGAR TECH\004 - Projetos Cloud\03 - CCoE\documentation\01-Projetos\AlgarTech-Landing-Zone\02 - Stacks\AlgarTech-Setup-LZ-Security\GuardDuty\accountsaws.csv</t>
  </si>
  <si>
    <t>G:\BKP NOTE RODRIGO - FULL\ALGAR TECH\004 - Projetos Cloud\03 - CCoE\documentation\01-Projetos\AlgarTech-Landing-Zone\02 - Stacks\AlgarTech-Setup-LZ-Security\SecurityHub\</t>
  </si>
  <si>
    <t>Security Hub-template.csv</t>
  </si>
  <si>
    <t>G:\BKP NOTE RODRIGO - FULL\ALGAR TECH\004 - Projetos Cloud\03 - CCoE\documentation\01-Projetos\AlgarTech-Landing-Zone\02 - Stacks\AlgarTech-Setup-LZ-Security\SecurityHub\Security Hub-template.csv</t>
  </si>
  <si>
    <t>C:\Users\rodrigofrs\Google Drive\Contas Casa\</t>
  </si>
  <si>
    <t>10.211.2.173</t>
  </si>
  <si>
    <t>64-1C-67-9C-32-15</t>
  </si>
  <si>
    <t>C:\Users\leonardo.caetano\OneDrive - Grupo Algar\Mesa Digital - GAT\_ISD\Componetizações Operações\T-Systems\T-Systems\</t>
  </si>
  <si>
    <t>C:\Users\leonardo.caetano\Desktop\</t>
  </si>
  <si>
    <t>Estella_6_Últimos_Meses.xlsx</t>
  </si>
  <si>
    <t>/o=exchangelabs/ou=exchange administrative group (fydibohf23spdlt)/cn=recipients/cn=fe134ce6f7124ebfa00395a14326bd71-luciana ber;/o=exchangelabs/ou=exchange administrative group (fydibohf23spdlt)/cn=recipients/cn=fe8fdec9c88140d18f5303035fad45f0-ricardo bor;wesley@champion.ind.br;</t>
  </si>
  <si>
    <t>ENC: Fechamento Outubro</t>
  </si>
  <si>
    <t>Faturado Algar Agosto Setembro Outubro.xlsx</t>
  </si>
  <si>
    <t>/o=exchangelabs/ou=exchange administrative group (fydibohf23spdlt)/cn=recipients/cn=fe134ce6f7124ebfa00395a14326bd71-luciana ber,/o=exchangelabs/ou=exchange administrative group (fydibohf23spdlt)/cn=recipients/cn=fe8fdec9c88140d18f5303035fad45f0-ricardo bor,wesley@champion.ind.br</t>
  </si>
  <si>
    <t>20-04-0F-FD-36-4C</t>
  </si>
  <si>
    <t>10.211.10.112</t>
  </si>
  <si>
    <t>C:\Users\nadiagds\OneDrive - Grupo Algar\Mesa Digital\ISD_Gerência de Projetos\ISD_KICK OFF_STATUS REPORT\BANCO BMG\Status Report ISD Clientes GAT - BANCO BMGvOut_2019.pptx\</t>
  </si>
  <si>
    <t>/o=exchangelabs/ou=exchange administrative group (fydibohf23spdlt)/cn=recipients/cn=0b12aab521944ecb8b32eb8c0929be5c-rafael gonz;/o=exchangelabs/ou=exchange administrative group (fydibohf23spdlt)/cn=recipients/cn=545f738e0fe740ba856f4eb6ef0135e0-vinicius si;/o=exchangelabs/ou=exchange administrative group (fydibohf23spdlt)/cn=recipients/cn=8ab5e44d485043d59eb4f21463e63e6a-tays dos sa;/o=exchangelabs/ou=exchange administrative group (fydibohf23spdlt)/cn=recipients/cn=be0b59caa4dc43e39afaa089f44ef778-leonardo al;</t>
  </si>
  <si>
    <t>ENC: Forecast - Janeiro 2020 - Algar</t>
  </si>
  <si>
    <t>Curvas e réguas - Capacity Jan 2020 Algar.xlsx</t>
  </si>
  <si>
    <t>/o=exchangelabs/ou=exchange administrative group (fydibohf23spdlt)/cn=recipients/cn=0b12aab521944ecb8b32eb8c0929be5c-rafael gonz,/o=exchangelabs/ou=exchange administrative group (fydibohf23spdlt)/cn=recipients/cn=545f738e0fe740ba856f4eb6ef0135e0-vinicius si,/o=exchangelabs/ou=exchange administrative group (fydibohf23spdlt)/cn=recipients/cn=8ab5e44d485043d59eb4f21463e63e6a-tays dos sa,/o=exchangelabs/ou=exchange administrative group (fydibohf23spdlt)/cn=recipients/cn=be0b59caa4dc43e39afaa089f44ef778-leonardo al</t>
  </si>
  <si>
    <t>10/31/2019 20:19:55</t>
  </si>
  <si>
    <t>Resultado 2015</t>
  </si>
  <si>
    <t>CH01-20_20191104_093947.xls</t>
  </si>
  <si>
    <t>10.200.57.96</t>
  </si>
  <si>
    <t>Pontos do dia 03/11</t>
  </si>
  <si>
    <t>Ocorrências 03-11 Ponto.xlsx</t>
  </si>
  <si>
    <t>/o=exchangelabs/ou=exchange administrative group (fydibohf23spdlt)/cn=recipients/cn=77d2a15e162941f5b8ad84d928392e5e-dolvane rod;/o=exchangelabs/ou=exchange administrative group (fydibohf23spdlt)/cn=recipients/cn=8c89829ad534498fa4c85b5ac11174f1-suelen more;</t>
  </si>
  <si>
    <t>Projeto Precificação - Teste nova planilha</t>
  </si>
  <si>
    <t>Testes v2.zip\</t>
  </si>
  <si>
    <t>215367 - Plan Precificacao Nova v2.xlsb</t>
  </si>
  <si>
    <t>/o=exchangelabs/ou=exchange administrative group (fydibohf23spdlt)/cn=recipients/cn=77d2a15e162941f5b8ad84d928392e5e-dolvane rod,/o=exchangelabs/ou=exchange administrative group (fydibohf23spdlt)/cn=recipients/cn=8c89829ad534498fa4c85b5ac11174f1-suelen more</t>
  </si>
  <si>
    <t>camilat@algartech.com;elba.ribeiro@bradesco.com.br;mariana.pains@bradesco.com.br;sgsd-implementacao@algartech.com;</t>
  </si>
  <si>
    <t>Agenda Semanal 04-11 a 08-11 Histórico 28-10 a 01-11.xlsx</t>
  </si>
  <si>
    <t>camilat@algartech.com,elba.ribeiro@bradesco.com.br,mariana.pains@bradesco.com.br,sgsd-implementacao@algartech.com</t>
  </si>
  <si>
    <t>C:\Users\fabianacscg\Desktop\Inter\</t>
  </si>
  <si>
    <t>Tempo de TRN legado - cerrado.xlsx</t>
  </si>
  <si>
    <t>mail.google.com/_/upload?authuser=1&amp;dcp=asu-n&amp;upload_id=AEnB2UpYdNd9puc8gi7aGfh-hwcgKszxG_X4faq1ZrYEbO7qHe0ZFqZWEp4dIZPcIcb5I51cvyUgc1nsQWcAEiVMT-znwidzVLQ7DAeHiD5TybyfFLsn2s4&amp;upload_protocol=resumable</t>
  </si>
  <si>
    <t>Atualização Endereço.v2 (Contrato postergado).csv</t>
  </si>
  <si>
    <t>10.200.35.250</t>
  </si>
  <si>
    <t>C:\Users\rodrigormc\AppData\Local\Temp\Boletim Semanal_01-11 - Comercial Algar.pptx\</t>
  </si>
  <si>
    <t>mail.google.com/_/upload?authuser=0&amp;dcp=asu-n&amp;upload_id=AEnB2UrPCjydYZ3w8v-3n-KTFslb6x69FABFyTu4mJBN-t46LR1yntLRTbUwKamgflLw7T0lss2PvD3lPX3STQT0vekSDrli8a-hym0KOXNZHw2aKOIuMQs&amp;upload_protocol=resumable</t>
  </si>
  <si>
    <t>Resumo para Wexley.xlsx</t>
  </si>
  <si>
    <t>/o=exchangelabs/ou=exchange administrative group (fydibohf23spdlt)/cn=recipients/cn=2072905e221e44cd93713caf57a4301f-roberta igi;/o=exchangelabs/ou=exchange administrative group (fydibohf23spdlt)/cn=recipients/cn=690534bfcd7340c7beff9dafbdbfc25f-paulo henri;/o=exchangelabs/ou=exchange administrative group (fydibohf23spdlt)/cn=recipients/cn=e6b7580a624e482b95aa2b9747aa6d6d-paulo sergi;/o=exchangelabs/ou=exchange administrative group (fydibohf23spdlt)/cn=recipients/cn=ea256770748c47aebb733d587d4c0a71-maria vitor;</t>
  </si>
  <si>
    <t>/o=exchangelabs/ou=exchange administrative group (fydibohf23spdlt)/cn=recipients/cn=2072905e221e44cd93713caf57a4301f-roberta igi,/o=exchangelabs/ou=exchange administrative group (fydibohf23spdlt)/cn=recipients/cn=690534bfcd7340c7beff9dafbdbfc25f-paulo henri,/o=exchangelabs/ou=exchange administrative group (fydibohf23spdlt)/cn=recipients/cn=e6b7580a624e482b95aa2b9747aa6d6d-paulo sergi,/o=exchangelabs/ou=exchange administrative group (fydibohf23spdlt)/cn=recipients/cn=ea256770748c47aebb733d587d4c0a71-maria vitor</t>
  </si>
  <si>
    <t>ENC: PR217396 2019 - IBM 891901D2F2 - Field Brasil - Quotation Number 891901D2F2</t>
  </si>
  <si>
    <t>Equipamentos por Localidade.xlsx</t>
  </si>
  <si>
    <t>mail.google.com/_/upload?authuser=1&amp;dcp=asu-n&amp;upload_id=AEnB2Up--9dwKittUMOoq-yRFV9C9MKF5Y7KdNjbeCvoMegK2kVXe6U5hepQxaxTOXX2fkTVQl5Qze6bUv-LEKkq5foCfPLRbw&amp;upload_protocol=resumable</t>
  </si>
  <si>
    <t>workplace_employees_info_2019-11-04-05_04.xlsx</t>
  </si>
  <si>
    <t>Provisões e Transferências</t>
  </si>
  <si>
    <t>TRANSFERENCIAS - OUT.19.xls</t>
  </si>
  <si>
    <t>eduarda.rodrigues@trouwnutrition.com;</t>
  </si>
  <si>
    <t>RES: Fatura</t>
  </si>
  <si>
    <t>Trouw BTB - 10-11.xlsx</t>
  </si>
  <si>
    <t>eduarda.rodrigues@trouwnutrition.com</t>
  </si>
  <si>
    <t>/o=exchangelabs/ou=exchange administrative group (fydibohf23spdlt)/cn=recipients/cn=1698f5af44b14116ad2d0b751d584c7d-danilo rafa;/o=exchangelabs/ou=exchange administrative group (fydibohf23spdlt)/cn=recipients/cn=19563ef64edf42e7841a8719ae7bfe65-ythia karla;</t>
  </si>
  <si>
    <t>Ficha de Inscrição - Não Conformidades São Paulo 04.11.19.xlsx</t>
  </si>
  <si>
    <t>/o=exchangelabs/ou=exchange administrative group (fydibohf23spdlt)/cn=recipients/cn=1698f5af44b14116ad2d0b751d584c7d-danilo rafa,/o=exchangelabs/ou=exchange administrative group (fydibohf23spdlt)/cn=recipients/cn=19563ef64edf42e7841a8719ae7bfe65-ythia karla</t>
  </si>
  <si>
    <t>215369_Preco_rev01 - Copia.xlsb</t>
  </si>
  <si>
    <t>215369_Preco_rev02.xlsb</t>
  </si>
  <si>
    <t>mail.google.com/_/upload?authuser=0&amp;dcp=asu-n&amp;upload_id=AEnB2Uoigfl1iZ9SAOn3-4uVSJZsMCsxeqeSuVm4u-9rdDPZYq3-xGFubodxtOw-9FFOHPnpGEhO-DfGt-J6BIR26DOVLP19rXlKFvS-KHjf8ncxU2ak8Y8&amp;upload_protocol=resumable</t>
  </si>
  <si>
    <t>angicleiamen@algartech.com;caiocsc@algartech.com;claudioloa@algartech.com;erikafsa@algartech.com;felipeaferr@algartech.com;isabelafc@algartech.com;jackelinegn@algartech.com;patriciams@algartech.com;</t>
  </si>
  <si>
    <t>2019_11_04_Escala_NR17.xlsx</t>
  </si>
  <si>
    <t>angicleiamen@algartech.com,caiocsc@algartech.com,claudioloa@algartech.com,erikafsa@algartech.com,felipeaferr@algartech.com,isabelafc@algartech.com,jackelinegn@algartech.com,patriciams@algartech.com</t>
  </si>
  <si>
    <t>/o=exchangelabs/ou=exchange administrative group (fydibohf23spdlt)/cn=recipients/cn=080e83e29285438291c54f0de60e22c2-patricia me;/o=exchangelabs/ou=exchange administrative group (fydibohf23spdlt)/cn=recipients/cn=513fae2e820549e895ece6e12b713ee7-kelly silva;/o=exchangelabs/ou=exchange administrative group (fydibohf23spdlt)/cn=recipients/cn=723e5f081f0c495c9323df2e415e06e2-raul soares;/o=exchangelabs/ou=exchange administrative group (fydibohf23spdlt)/cn=recipients/cn=a7e592821d864418bccf1424f02e2670-felipe alve;/o=exchangelabs/ou=exchange administrative group (fydibohf23spdlt)/cn=recipients/cn=b4af4243d22d4dfa8c6b1830b913b4d3-caio cesar;/o=exchangelabs/ou=exchange administrative group (fydibohf23spdlt)/cn=recipients/cn=b67cad4ecfa344baaa94d716e7554f49-bruno camel;/o=exchangelabs/ou=exchange administrative group (fydibohf23spdlt)/cn=recipients/cn=c66693e3f68341bb969588e367d56f8a-erika ferre;/o=exchangelabs/ou=exchange administrative group (fydibohf23spdlt)/cn=recipients/cn=dd795498e2a4471baaf930e8307d0664-claud</t>
  </si>
  <si>
    <t>Agenda de Treinamento Novembro - Levantamento de Necessidades de TRN</t>
  </si>
  <si>
    <t>LNT Novembro 2019 Televendas, Digital e Retenção.xlsx</t>
  </si>
  <si>
    <t>/o=exchangelabs/ou=exchange administrative group (fydibohf23spdlt)/cn=recipients/cn=080e83e29285438291c54f0de60e22c2-patricia me,/o=exchangelabs/ou=exchange administrative group (fydibohf23spdlt)/cn=recipients/cn=513fae2e820549e895ece6e12b713ee7-kelly silva,/o=exchangelabs/ou=exchange administrative group (fydibohf23spdlt)/cn=recipients/cn=723e5f081f0c495c9323df2e415e06e2-raul soares,/o=exchangelabs/ou=exchange administrative group (fydibohf23spdlt)/cn=recipients/cn=a7e592821d864418bccf1424f02e2670-felipe alve,/o=exchangelabs/ou=exchange administrative group (fydibohf23spdlt)/cn=recipients/cn=b4af4243d22d4dfa8c6b1830b913b4d3-caio cesar,/o=exchangelabs/ou=exchange administrative group (fydibohf23spdlt)/cn=recipients/cn=b67cad4ecfa344baaa94d716e7554f49-bruno camel,/o=exchangelabs/ou=exchange administrative group (fydibohf23spdlt)/cn=recipients/cn=c66693e3f68341bb969588e367d56f8a-erika ferre,/o=exchangelabs/ou=exchange administrative group (fydibohf23spdlt)/cn=recipients/cn=dd795498e2a4471baaf930e8307d0664-claud</t>
  </si>
  <si>
    <t>C:\Users\lucianafaa\OneDrive - Grupo Algar\2019\PROJETOS\URR\ACTION\</t>
  </si>
  <si>
    <t>action itensv12-28-10v1 - Copia.xlsx</t>
  </si>
  <si>
    <t>10.201.151.39</t>
  </si>
  <si>
    <t>alinescsi@algartecnologia.com.br;carolinafdr@algartech.com;milenepf@algartech.com;patriciaars@algartech.com;rodrigoasi@algartech.com;rodrigommo@algartech.com;t_algar.gerharddt.schalcher@grupoboticario.com.br;</t>
  </si>
  <si>
    <t>Projetos CPS e CWB.xlsx</t>
  </si>
  <si>
    <t>alinescsi@algartecnologia.com.br,carolinafdr@algartech.com,milenepf@algartech.com,patriciaars@algartech.com,rodrigoasi@algartech.com,rodrigommo@algartech.com,t_algar.gerharddt.schalcher@grupoboticario.com.br</t>
  </si>
  <si>
    <t>54-BF-64-F5-7E-B2</t>
  </si>
  <si>
    <t>RES: Orçamento 2020 - Programação de Férias</t>
  </si>
  <si>
    <t>Cópia de SEM PROG FÉRIAS - Financeiro.xlsx</t>
  </si>
  <si>
    <t>C:\Users\elainemdlp\OD\_Projetos\Em andamento\T-SYSTEMS\</t>
  </si>
  <si>
    <t>/o=exchangelabs/ou=exchange administrative group (fydibohf23spdlt)/cn=recipients/cn=3820019b96e44b2492722599c934999a-fernando de;/o=exchangelabs/ou=exchange administrative group (fydibohf23spdlt)/cn=recipients/cn=b1d771656e5d46709d93295f07966125-pedro henri;</t>
  </si>
  <si>
    <t>/o=exchangelabs/ou=exchange administrative group (fydibohf23spdlt)/cn=recipients/cn=3820019b96e44b2492722599c934999a-fernando de,/o=exchangelabs/ou=exchange administrative group (fydibohf23spdlt)/cn=recipients/cn=b1d771656e5d46709d93295f07966125-pedro henri</t>
  </si>
  <si>
    <t>\\acsfs\engeset\COORDENAÇÃO CENTRO OESTE\Marcio\Banco de Horas\</t>
  </si>
  <si>
    <t>Banco de Horas - Cronograma Compensação_2019 Equipe Paulo Cruz.xlsx</t>
  </si>
  <si>
    <t>/o=exchangelabs/ou=exchange administrative group (fydibohf23spdlt)/cn=recipients/cn=728d1d4924f44f719f0b63307ba2e26f-guilherme d;</t>
  </si>
  <si>
    <t>ENC: Comprovantes - Bloqueios e Transferências BRADESCO</t>
  </si>
  <si>
    <t>TRANSFERENCIAS_BRADESCO - de 2015 a 2018.xlsx</t>
  </si>
  <si>
    <t>/o=exchangelabs/ou=exchange administrative group (fydibohf23spdlt)/cn=recipients/cn=728d1d4924f44f719f0b63307ba2e26f-guilherme d</t>
  </si>
  <si>
    <t>/o=exchangelabs/ou=exchange administrative group (fydibohf23spdlt)/cn=recipients/cn=891c08f4f04f4527be9bc1b3d75f6378-luiz fernan;/o=exchangelabs/ou=exchange administrative group (fydibohf23spdlt)/cn=recipients/cn=b16974d7de334bfabfe3dee1e8e47e59-sherley cri;</t>
  </si>
  <si>
    <t>RES: Confirmação Pedido de Compras - Task Vulnerabilidades</t>
  </si>
  <si>
    <t>Serasa.xlsb</t>
  </si>
  <si>
    <t>/o=exchangelabs/ou=exchange administrative group (fydibohf23spdlt)/cn=recipients/cn=891c08f4f04f4527be9bc1b3d75f6378-luiz fernan,/o=exchangelabs/ou=exchange administrative group (fydibohf23spdlt)/cn=recipients/cn=b16974d7de334bfabfe3dee1e8e47e59-sherley cri</t>
  </si>
  <si>
    <t>https://caey.fa.us2.oraclecloud.com/crmui/faces/fusewelcome?_adf.ctrl-state=v2y1ca1as_9</t>
  </si>
  <si>
    <t>C:\Users\lucianassa\Documents\Serasa\</t>
  </si>
  <si>
    <t>C:\Users\lucianassa\Documents\Serasa\Serasa.xlsb\</t>
  </si>
  <si>
    <t>Revisão CAPEX PPE Adicional</t>
  </si>
  <si>
    <t>Detalhamento CAPEX Estruturante LP GAT_v2.xlsx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28614d8761e04325aa4e17799ad94b43-suzie tavar;/o=exchangelabs/ou=exchange administrative group (fydibohf23spdlt)/cn=recipients/cn=287c26b08a0f48578479a15a452f025d-edilson rod;/o=exchangelabs/ou=exchange administrative group (fydibohf23spdlt)/cn=recipients/cn=34a28d636a1b4c86b1ec79baed4b846a-marco anton;/o=exchangelabs/ou=exchange administrative group (fydibohf23spdlt)/cn=recipients/cn=54abac0a4fdc4ad1bec39bb51d85eab1-victor hugo;/o=exchangelabs/ou=exchange administrative group (fydibohf23spdlt)/cn=recipients/cn=5cdc4a7b917a447c993600ca829a0a39-elis</t>
  </si>
  <si>
    <t>SEM PROG FÉRIAS.xlsx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28614d8761e04325aa4e17799ad94b43-suzie tavar,/o=exchangelabs/ou=exchange administrative group (fydibohf23spdlt)/cn=recipients/cn=287c26b08a0f48578479a15a452f025d-edilson rod,/o=exchangelabs/ou=exchange administrative group (fydibohf23spdlt)/cn=recipients/cn=34a28d636a1b4c86b1ec79baed4b846a-marco anton,/o=exchangelabs/ou=exchange administrative group (fydibohf23spdlt)/cn=recipients/cn=54abac0a4fdc4ad1bec39bb51d85eab1-victor hugo,/o=exchangelabs/ou=exchange administrative group (fydibohf23spdlt)/cn=recipients/cn=5cdc4a7b917a447c993600ca829a0a39-elis</t>
  </si>
  <si>
    <t>10.200.58.6</t>
  </si>
  <si>
    <t>/o=exchangelabs/ou=exchange administrative group (fydibohf23spdlt)/cn=recipients/cn=user77161474;</t>
  </si>
  <si>
    <t>/o=exchangelabs/ou=exchange administrative group (fydibohf23spdlt)/cn=recipients/cn=user77161474</t>
  </si>
  <si>
    <t>Compromissos 2019 x GP.xlsx</t>
  </si>
  <si>
    <t>/o=exchangelabs/ou=exchange administrative group (fydibohf23spdlt)/cn=recipients/cn=004fbe04a76042fda28a404cff30f61b-vinicius ma;/o=exchangelabs/ou=exchange administrative group (fydibohf23spdlt)/cn=recipients/cn=1b4fe07f316b4c5fbd7323417e973dda-rosangela a;/o=exchangelabs/ou=exchange administrative group (fydibohf23spdlt)/cn=recipients/cn=204079a0e50e40a6a37bf2241ef87bf2-juliana can;/o=exchangelabs/ou=exchange administrative group (fydibohf23spdlt)/cn=recipients/cn=3231d815809d4256b0da40dff50c3bbc-thiago sora;/o=exchangelabs/ou=exchange administrative group (fydibohf23spdlt)/cn=recipients/cn=365a174aa87c4e7791042b5696995b1b-marcos rola;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59e2d42e513e4613a23971f0060032ed-gabr</t>
  </si>
  <si>
    <t>Necessidade P.A's - Dezembro/19</t>
  </si>
  <si>
    <t>Operações_preencher DEZ19.xlsx</t>
  </si>
  <si>
    <t>/o=exchangelabs/ou=exchange administrative group (fydibohf23spdlt)/cn=recipients/cn=004fbe04a76042fda28a404cff30f61b-vinicius ma,/o=exchangelabs/ou=exchange administrative group (fydibohf23spdlt)/cn=recipients/cn=1b4fe07f316b4c5fbd7323417e973dda-rosangela a,/o=exchangelabs/ou=exchange administrative group (fydibohf23spdlt)/cn=recipients/cn=204079a0e50e40a6a37bf2241ef87bf2-juliana can,/o=exchangelabs/ou=exchange administrative group (fydibohf23spdlt)/cn=recipients/cn=3231d815809d4256b0da40dff50c3bbc-thiago sora,/o=exchangelabs/ou=exchange administrative group (fydibohf23spdlt)/cn=recipients/cn=365a174aa87c4e7791042b5696995b1b-marcos rola,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59e2d42e513e4613a23971f0060032ed-gabr</t>
  </si>
  <si>
    <t>https://caey.fa.us2.oraclecloud.com/crmui/faces/fusewelcome?_adf.ctrl-state=rdxrndewn_5</t>
  </si>
  <si>
    <t>C:\Users\sherleyce\Desktop\RES OPP 214379 - EMAIL COM INFORMACAO VALOR P.O.msg\s1\</t>
  </si>
  <si>
    <t>C:\Users\sherleyce\Desktop\RES OPP 214379 - EMAIL COM INFORMACAO VALOR P.O.msg\s1\Serasa.xlsb\</t>
  </si>
  <si>
    <t>ENC: Necessidade P.A's - Dezembro/19</t>
  </si>
  <si>
    <t>/o=exchangelabs/ou=exchange administrative group (fydibohf23spdlt)/cn=recipients/cn=d73974a6e555442cafd74cda95746e86-denia alves;</t>
  </si>
  <si>
    <t>ENC: EDP - Homologação</t>
  </si>
  <si>
    <t>Caderno de teste EDP.xlsx</t>
  </si>
  <si>
    <t>/o=exchangelabs/ou=exchange administrative group (fydibohf23spdlt)/cn=recipients/cn=d73974a6e555442cafd74cda95746e86-denia alves</t>
  </si>
  <si>
    <t>mail.google.com/_/upload?authuser=0&amp;dcp=asu-n&amp;upload_id=AEnB2UqRjC3mtoNVM-EMW0xmkdjydL84WFpHob-ghtUjuydYR3vCJqIzCV_yrp44JNehzJznsLuC-Za_464sdo4UYye6nrkDAIYms6kzQ3lhayQXXGq2JF8&amp;upload_protocol=resumable</t>
  </si>
  <si>
    <t>andreamdal@algartech.com;edsonsdo@algartech.com;marciarsa@algartech.com;michelbdsa@algartech.com;</t>
  </si>
  <si>
    <t>2019_11_04_Escala_NR17_YOUSE.xlsx</t>
  </si>
  <si>
    <t>andreamdal@algartech.com,edsonsdo@algartech.com,marciarsa@algartech.com,michelbdsa@algartech.com</t>
  </si>
  <si>
    <t>ENC: Reunião Vale</t>
  </si>
  <si>
    <t>Rotinas atualizado.xlsx</t>
  </si>
  <si>
    <t>ENC: VALIDAÇÃO FORECAST NOV-DEZ.19</t>
  </si>
  <si>
    <t>/o=exchangelabs/ou=exchange administrative group (fydibohf23spdlt)/cn=recipients/cn=083204b1bd464d0fbbd2451a3a305923-katia gonca;/o=exchangelabs/ou=exchange administrative group (fydibohf23spdlt)/cn=recipients/cn=6b7310ceb9ad44d1813476fff531a12a-2e2e0ff3-a4;/o=exchangelabs/ou=exchange administrative group (fydibohf23spdlt)/cn=recipients/cn=c22b2d8de1594760baec681322c0933f-fernanda ma;/o=exchangelabs/ou=exchange administrative group (fydibohf23spdlt)/cn=recipients/cn=userd3ef8196;diego_r_ferreira@whirlpool.com;pedro_b_nascimento@whirlpool.com;thalita_y_cardoso@whirlpool.com;</t>
  </si>
  <si>
    <t>/o=exchangelabs/ou=exchange administrative group (fydibohf23spdlt)/cn=recipients/cn=083204b1bd464d0fbbd2451a3a305923-katia gonca,/o=exchangelabs/ou=exchange administrative group (fydibohf23spdlt)/cn=recipients/cn=6b7310ceb9ad44d1813476fff531a12a-2e2e0ff3-a4,/o=exchangelabs/ou=exchange administrative group (fydibohf23spdlt)/cn=recipients/cn=c22b2d8de1594760baec681322c0933f-fernanda ma,/o=exchangelabs/ou=exchange administrative group (fydibohf23spdlt)/cn=recipients/cn=userd3ef8196,diego_r_ferreira@whirlpool.com,pedro_b_nascimento@whirlpool.com,thalita_y_cardoso@whirlpool.com</t>
  </si>
  <si>
    <t>D:\ALGAR TECH\004 - Projetos Cloud\03 - CCoE\documentation\01-Projetos\AlgarTech-IniciativaReduçãoCustos\Report\</t>
  </si>
  <si>
    <t>Redução de Custos AWS.xlsx</t>
  </si>
  <si>
    <t>10.200.32.112</t>
  </si>
  <si>
    <t>mail.google.com/_/upload?authuser=0&amp;dcp=asu-n&amp;upload_id=AEnB2Upgdk2ldrH9hWsqJE1YkvBcSs-hWiJmO_ASe3ix50FrIWIlSv25Er3MZ12oxD-dqAxKVQMUBoKkRQzfvkskQXW2q7NSN8xdq1FwIEOiY_1u82OycQw&amp;upload_protocol=resumable</t>
  </si>
  <si>
    <t>C:\Users\fabriciovs\Desktop\LPU Servidores Qradar\</t>
  </si>
  <si>
    <t>LPU ALGAR - R640 - Siem.xlsm</t>
  </si>
  <si>
    <t>/o=exchangelabs/ou=exchange administrative group (fydibohf23spdlt)/cn=recipients/cn=2cb7e4b90b4549118932fae0224d4434-lucimar sil;/o=exchangelabs/ou=exchange administrative group (fydibohf23spdlt)/cn=recipients/cn=376dc21df9294b1e98e06de29a805db8-algar tech;/o=exchangelabs/ou=exchange administrative group (fydibohf23spdlt)/cn=recipients/cn=6fbc44b6d6b549208175d5a27201bd13-cintia nune;/o=exchangelabs/ou=exchange administrative group (fydibohf23spdlt)/cn=recipients/cn=8d66bf0fd9334a81b7c67eda8652a948-guilherme c;/o=exchangelabs/ou=exchange administrative group (fydibohf23spdlt)/cn=recipients/cn=a392ff1274234709ab9d06a27700bb42-luana freit;/o=exchangelabs/ou=exchange administrative group (fydibohf23spdlt)/cn=recipients/cn=fe8fdec9c88140d18f5303035fad45f0-ricardo bor;</t>
  </si>
  <si>
    <t>RES: ADITIVO CONTRATO DE COBRANÇA COM ALGAR TELECOM.</t>
  </si>
  <si>
    <t>Evolução Cobrança - Algar Telecom 2019.xlsx</t>
  </si>
  <si>
    <t>/o=exchangelabs/ou=exchange administrative group (fydibohf23spdlt)/cn=recipients/cn=2cb7e4b90b4549118932fae0224d4434-lucimar sil,/o=exchangelabs/ou=exchange administrative group (fydibohf23spdlt)/cn=recipients/cn=376dc21df9294b1e98e06de29a805db8-algar tech,/o=exchangelabs/ou=exchange administrative group (fydibohf23spdlt)/cn=recipients/cn=6fbc44b6d6b549208175d5a27201bd13-cintia nune,/o=exchangelabs/ou=exchange administrative group (fydibohf23spdlt)/cn=recipients/cn=8d66bf0fd9334a81b7c67eda8652a948-guilherme c,/o=exchangelabs/ou=exchange administrative group (fydibohf23spdlt)/cn=recipients/cn=a392ff1274234709ab9d06a27700bb42-luana freit,/o=exchangelabs/ou=exchange administrative group (fydibohf23spdlt)/cn=recipients/cn=fe8fdec9c88140d18f5303035fad45f0-ricardo bor</t>
  </si>
  <si>
    <t>10.207.12.81</t>
  </si>
  <si>
    <t>achei</t>
  </si>
  <si>
    <t>tabela_10.A.01_6.xlsx</t>
  </si>
  <si>
    <t>SEM PROG FÉRIAS_Daiane.xlsx</t>
  </si>
  <si>
    <t>/o=exchangelabs/ou=exchange administrative group (fydibohf23spdlt)/cn=recipients/cn=1698f5af44b14116ad2d0b751d584c7d-danilo rafa;/o=exchangelabs/ou=exchange administrative group (fydibohf23spdlt)/cn=recipients/cn=19563ef64edf42e7841a8719ae7bfe65-ythia karla;contato@energiaon-line.com;</t>
  </si>
  <si>
    <t>/o=exchangelabs/ou=exchange administrative group (fydibohf23spdlt)/cn=recipients/cn=1698f5af44b14116ad2d0b751d584c7d-danilo rafa,/o=exchangelabs/ou=exchange administrative group (fydibohf23spdlt)/cn=recipients/cn=19563ef64edf42e7841a8719ae7bfe65-ythia karla,contato@energiaon-line.com</t>
  </si>
  <si>
    <t>10.200.35.111</t>
  </si>
  <si>
    <t>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206cd06fb7b4255ae57b9ce929cb6b3-mateus land;/o=exchangelabs/ou=exchange administrative group (fydibohf23spdlt)/cn=recipients/cn=d88a7a6edf3c4cd1adfe6fb303685120-renato frei;/o=exchangelabs/ou=exchange administrative group (fydibohf23spdlt)/cn=recipients/cn=usere11ed38c;ligiamss@algartech.com;</t>
  </si>
  <si>
    <t>RES: RES: OKRs</t>
  </si>
  <si>
    <t>Oportunidades por data fechamento - detalhado - emissão proposta v1.xlsx</t>
  </si>
  <si>
    <t>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206cd06fb7b4255ae57b9ce929cb6b3-mateus land,/o=exchangelabs/ou=exchange administrative group (fydibohf23spdlt)/cn=recipients/cn=d88a7a6edf3c4cd1adfe6fb303685120-renato frei,/o=exchangelabs/ou=exchange administrative group (fydibohf23spdlt)/cn=recipients/cn=usere11ed38c,ligiamss@algartech.com</t>
  </si>
  <si>
    <t>folha_retificadora.xlsx</t>
  </si>
  <si>
    <t>ENC: ASLCP _Rosana Scalabrin - 743_USER_ACCESS REVIEW</t>
  </si>
  <si>
    <t>ASLCP IC743 ROSANA SCALABRIN.xlsx</t>
  </si>
  <si>
    <t>/o=exchangelabs/ou=exchange administrative group (fydibohf23spdlt)/cn=recipients/cn=5dd03a66f797451390d7113259343399-aline da si;/o=exchangelabs/ou=exchange administrative group (fydibohf23spdlt)/cn=recipients/cn=6fbc44b6d6b549208175d5a27201bd13-cintia nune;</t>
  </si>
  <si>
    <t>/o=exchangelabs/ou=exchange administrative group (fydibohf23spdlt)/cn=recipients/cn=5dd03a66f797451390d7113259343399-aline da si,/o=exchangelabs/ou=exchange administrative group (fydibohf23spdlt)/cn=recipients/cn=6fbc44b6d6b549208175d5a27201bd13-cintia nune</t>
  </si>
  <si>
    <t>c:\users\tullyols\downloads\</t>
  </si>
  <si>
    <t>10.200.99.126</t>
  </si>
  <si>
    <t>10 - Protocolos ASC.xlsx</t>
  </si>
  <si>
    <t>ana.almeida@temposervicos.com.br;isabelaaf@algartech.com.br;ligiagb@algartech.com.br;suzanasb@algartech.com.br;</t>
  </si>
  <si>
    <t>ENC: Volumes Formalização PJ AMEX 04/11/2019</t>
  </si>
  <si>
    <t>ana.almeida@temposervicos.com.br,isabelaaf@algartech.com.br,ligiagb@algartech.com.br,suzanasb@algartech.com.br</t>
  </si>
  <si>
    <t>D:\OneDrive\AlgarTech\Pré-Vendas\Cliente\2019\Ruff\216442 - Orçamento Servidor\</t>
  </si>
  <si>
    <t>Preco_Cenario01_NovoServidor - Copia.xlsb</t>
  </si>
  <si>
    <t>Preco_Cenario02_Upgrade.xlsb</t>
  </si>
  <si>
    <t>/o=exchangelabs/ou=exchange administrative group (fydibohf23spdlt)/cn=recipients/cn=52684aee05874b27a5c249763c2fe008-andre mota;/o=exchangelabs/ou=exchange administrative group (fydibohf23spdlt)/cn=recipients/cn=6fbc44b6d6b549208175d5a27201bd13-cintia nune;</t>
  </si>
  <si>
    <t>/o=exchangelabs/ou=exchange administrative group (fydibohf23spdlt)/cn=recipients/cn=52684aee05874b27a5c249763c2fe008-andre mota,/o=exchangelabs/ou=exchange administrative group (fydibohf23spdlt)/cn=recipients/cn=6fbc44b6d6b549208175d5a27201bd13-cintia nune</t>
  </si>
  <si>
    <t>## CERTIFICADOS ##</t>
  </si>
  <si>
    <t>branneve 1.xlsx</t>
  </si>
  <si>
    <t>/o=exchangelabs/ou=exchange administrative group (fydibohf23spdlt)/cn=recipients/cn=b79663656cc44aa3bf06617d1695ae51-carlos faci;/o=exchangelabs/ou=exchange administrative group (fydibohf23spdlt)/cn=recipients/cn=f7a4290a46314a3cbb0d392508a7b5c5-luciana sil;</t>
  </si>
  <si>
    <t>/o=exchangelabs/ou=exchange administrative group (fydibohf23spdlt)/cn=recipients/cn=b79663656cc44aa3bf06617d1695ae51-carlos faci,/o=exchangelabs/ou=exchange administrative group (fydibohf23spdlt)/cn=recipients/cn=f7a4290a46314a3cbb0d392508a7b5c5-luciana sil</t>
  </si>
  <si>
    <t>10.208.12.79</t>
  </si>
  <si>
    <t>/o=exchangelabs/ou=exchange administrative group (fydibohf23spdlt)/cn=recipients/cn=a6fdcf35c45e45dfadc49f28aecbf053-ingo rodrig;/o=exchangelabs/ou=exchange administrative group (fydibohf23spdlt)/cn=recipients/cn=ece15ffd767d4c3fa09934598464b80f-alexandre a;</t>
  </si>
  <si>
    <t>ENC: SO_Competência OUT (de 21/09 a 20/10/19)-Atendimento SCC</t>
  </si>
  <si>
    <t>SO_Competência OUT_Atendimento SCC.xlsx</t>
  </si>
  <si>
    <t>/o=exchangelabs/ou=exchange administrative group (fydibohf23spdlt)/cn=recipients/cn=a6fdcf35c45e45dfadc49f28aecbf053-ingo rodrig,/o=exchangelabs/ou=exchange administrative group (fydibohf23spdlt)/cn=recipients/cn=ece15ffd767d4c3fa09934598464b80f-alexandre a</t>
  </si>
  <si>
    <t>10.200.32.113</t>
  </si>
  <si>
    <t>/o=exchangelabs/ou=exchange administrative group (fydibohf23spdlt)/cn=recipients/cn=0ca6cc8d100949a7866a928f62ef5778-rosilene de;/o=exchangelabs/ou=exchange administrative group (fydibohf23spdlt)/cn=recipients/cn=6189712535ea4b50a3625910837af2c9-larissa bra;hugo_cesar_rodrigues_dos_santos_algar@whirlpool.com;</t>
  </si>
  <si>
    <t>RES: Fechamento Acompanhamento - Segurança do Produto - Set/2019</t>
  </si>
  <si>
    <t>Acompanhamento - Segurança do Produto - 201910 - Fechamento.xlsx</t>
  </si>
  <si>
    <t>/o=exchangelabs/ou=exchange administrative group (fydibohf23spdlt)/cn=recipients/cn=0ca6cc8d100949a7866a928f62ef5778-rosilene de,/o=exchangelabs/ou=exchange administrative group (fydibohf23spdlt)/cn=recipients/cn=6189712535ea4b50a3625910837af2c9-larissa bra,hugo_cesar_rodrigues_dos_santos_algar@whirlpool.com</t>
  </si>
  <si>
    <t>10.201.28.55</t>
  </si>
  <si>
    <t>adrianaafss@algartech.com;danielab@algartech.com;diogogbb@algartech.com;extern.rafaelbiondi@extaccount.com;grazielabo@algartech.com;priscilacy@algartech.com;sabrinavds@algartech.com;valeriase@algartech.com;viniciusmlf@algartech.com;</t>
  </si>
  <si>
    <t>Painel Financeiro (Parcial).xlsb</t>
  </si>
  <si>
    <t>adrianaafss@algartech.com,danielab@algartech.com,diogogbb@algartech.com,extern.rafaelbiondi@extaccount.com,grazielabo@algartech.com,priscilacy@algartech.com,sabrinavds@algartech.com,valeriase@algartech.com,viniciusmlf@algartech.com</t>
  </si>
  <si>
    <t>ENC: VALIDAÇÃO FORECAST NOV-DEZ.19 - CONSIDERAR ESSE</t>
  </si>
  <si>
    <t>/o=exchangelabs/ou=exchange administrative group (fydibohf23spdlt)/cn=recipients/cn=fe134ce6f7124ebfa00395a14326bd71-luciana ber;alexmarques.silva@avon.com;anderson.negrisoli@avon.com;raquel.moraes@avon.com;</t>
  </si>
  <si>
    <t>Demonstrativo de Faturamento_ Outubro 2019 ** Fechamento</t>
  </si>
  <si>
    <t>/o=exchangelabs/ou=exchange administrative group (fydibohf23spdlt)/cn=recipients/cn=fe134ce6f7124ebfa00395a14326bd71-luciana ber,alexmarques.silva@avon.com,anderson.negrisoli@avon.com,raquel.moraes@avon.com</t>
  </si>
  <si>
    <t>Painel Novembro</t>
  </si>
  <si>
    <t>Novembro_ Casos Especiais.xlsm</t>
  </si>
  <si>
    <t>/o=exchangelabs/ou=exchange administrative group (fydibohf23spdlt)/cn=recipients/cn=6fbc44b6d6b549208175d5a27201bd13-cintia nune;wasleylc@algartech.com;</t>
  </si>
  <si>
    <t>/o=exchangelabs/ou=exchange administrative group (fydibohf23spdlt)/cn=recipients/cn=6fbc44b6d6b549208175d5a27201bd13-cintia nune,wasleylc@algartech.com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adriana.oliveira@avon.com;</t>
  </si>
  <si>
    <t>RES: Ajuda - Pesquisa Evento de Natal 2019</t>
  </si>
  <si>
    <t>20191101 PESQUISA LISTA RA1.xls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,adriana.oliveira@avon.com</t>
  </si>
  <si>
    <t>C:\Users\brunop\Desktop\Docs Visão Receptivo\Indicadores\</t>
  </si>
  <si>
    <t>ENC: Relatório de Vendas NOV.2019 - Financeira</t>
  </si>
  <si>
    <t>Relatório vendas Financeira - Nov.19.zip\</t>
  </si>
  <si>
    <t>Relat¢rio vendas Financeira - Nov.19.xlsm</t>
  </si>
  <si>
    <t>/o=exchangelabs/ou=exchange administrative group (fydibohf23spdlt)/cn=recipients/cn=2efe26bca22a43cc89c6ed48ba5e50b4-luciano cor;/o=exchangelabs/ou=exchange administrative group (fydibohf23spdlt)/cn=recipients/cn=3d559cad8a6b4c9ba2e512604e1484a2-marcelo mal;/o=exchangelabs/ou=exchange administrative group (fydibohf23spdlt)/cn=recipients/cn=b194f014572c4c36b52132f9199df1aa-jairo junio;</t>
  </si>
  <si>
    <t>ENC: URGENTE - Unimed - Custo de Desmobilização</t>
  </si>
  <si>
    <t>ID 193293 - Unimed RJ - Serviços Adicionais - Plan Precificacao C017 B017 03_11_2019 r3.xlsb</t>
  </si>
  <si>
    <t>/o=exchangelabs/ou=exchange administrative group (fydibohf23spdlt)/cn=recipients/cn=2efe26bca22a43cc89c6ed48ba5e50b4-luciano cor,/o=exchangelabs/ou=exchange administrative group (fydibohf23spdlt)/cn=recipients/cn=3d559cad8a6b4c9ba2e512604e1484a2-marcelo mal,/o=exchangelabs/ou=exchange administrative group (fydibohf23spdlt)/cn=recipients/cn=b194f014572c4c36b52132f9199df1aa-jairo junio</t>
  </si>
  <si>
    <t>Daily Operador_01-11-2019.xlsx</t>
  </si>
  <si>
    <t>ENC: Fechamento Whirlpool Cobrança</t>
  </si>
  <si>
    <t>patriciaac@algartech.com;paulohm@algartech.com;vivianeppe@algartech.com;</t>
  </si>
  <si>
    <t>Daily Unificado Correntista_201911.xlsx</t>
  </si>
  <si>
    <t>patriciaac@algartech.com,paulohm@algartech.com,vivianeppe@algartech.com</t>
  </si>
  <si>
    <t>Abrir chamado pagamento de HE</t>
  </si>
  <si>
    <t>Abrir Chamado_Template HE GAT.xlsx</t>
  </si>
  <si>
    <t>danielavg@algartech.com;danielsmo@algartech.com;danubiacsm@algartecnologia.com.br;dayanedor@algartech.com;fabiorb@algartech.com;heitorft@algartech.com;hugo_cesar_rodrigues_dos_santos_algar@whirlpool.com;ivancj@algartech.com;marcelovf@algartech.com;thais_coimbra_fonseca_algar@whirlpool.com;</t>
  </si>
  <si>
    <t>danielavg@algartech.com,danielsmo@algartech.com,danubiacsm@algartecnologia.com.br,dayanedor@algartech.com,fabiorb@algartech.com,heitorft@algartech.com,hugo_cesar_rodrigues_dos_santos_algar@whirlpool.com,ivancj@algartech.com,marcelovf@algartech.com,thais_coimbra_fonseca_algar@whirlpool.com</t>
  </si>
  <si>
    <t>/o=exchangelabs/ou=exchange administrative group (fydibohf23spdlt)/cn=recipients/cn=7f100576a0d642769861fae5d58c2022-diego barda;/o=exchangelabs/ou=exchange administrative group (fydibohf23spdlt)/cn=recipients/cn=9c85290e8238419a823a4b55320e99cb-andre luis;/o=exchangelabs/ou=exchange administrative group (fydibohf23spdlt)/cn=recipients/cn=f878ae58590e41cbabba2fa1ee2ae905-izadora nas;joao@jew.com.br;</t>
  </si>
  <si>
    <t>ENC: Mailing para enriquecimento - Toyota</t>
  </si>
  <si>
    <t>Mailing_Toyota_Enriquecimento.xlsx</t>
  </si>
  <si>
    <t>/o=exchangelabs/ou=exchange administrative group (fydibohf23spdlt)/cn=recipients/cn=7f100576a0d642769861fae5d58c2022-diego barda,/o=exchangelabs/ou=exchange administrative group (fydibohf23spdlt)/cn=recipients/cn=9c85290e8238419a823a4b55320e99cb-andre luis,/o=exchangelabs/ou=exchange administrative group (fydibohf23spdlt)/cn=recipients/cn=f878ae58590e41cbabba2fa1ee2ae905-izadora nas,joao@jew.com.br</t>
  </si>
  <si>
    <t>D:\OneDrive\AlgarTech\Pré-Vendas\Cliente\2019\Coty\216454 - Licenciamento Microsoft\</t>
  </si>
  <si>
    <t>10.200.61.7</t>
  </si>
  <si>
    <t>Cópia de Contatos Clientes Projeto Pangeia.xlsx</t>
  </si>
  <si>
    <t>Preco_Cenario01_NovoServidor.xlsb</t>
  </si>
  <si>
    <t>mail.google.com/_/upload?authuser=1&amp;dcp=asu-n&amp;upload_id=AEnB2UpxkDN1Dgt4SMAh-cLZ0AuD_JQdZdCLcNgMSMSEFAL5xlsi3bzAbX9_RjkTjJqrzqH8vncNLxcgxlot-G_IusnfjOHf_A&amp;upload_protocol=resumable</t>
  </si>
  <si>
    <t>C:\Users\renataalves\Desktop\</t>
  </si>
  <si>
    <t>Objetivos_equipe_Inovação_2sem2019.xlsx</t>
  </si>
  <si>
    <t>C:\Users\rodrigombu\OneDrive - Grupo Algar\Whirlpool\2019\10 - Outubro\Arquivo\URA\</t>
  </si>
  <si>
    <t>Acompanhamento Intradiário Unificado PF + Pjotinha - Outubro fechamento.xlsm</t>
  </si>
  <si>
    <t>ENC: Chamado: CCC-3403062; Validação de Ganhos CCC - Capex e Opex - Outubro 2019 - Algar Tech - Solicitante adicional inserido ao chamado</t>
  </si>
  <si>
    <t>Validação de Saving CCC - Capex e Opex - Outubro 2019 - Algar Tech.xlsx</t>
  </si>
  <si>
    <t>D:\ALGAR TECH\001 - Cloud MSP\Parcerias\Cloud Provider\AWS\</t>
  </si>
  <si>
    <t>OPPS.xlsx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1023d5718cf74aad8f1f7f0d507959c2-michel ribe;/o=exchangelabs/ou=exchange administrative group (fydibohf23spdlt)/cn=recipients/cn=3a10c1d788234688b257ab253389ec06-mateus mala;/o=exchangelabs/ou=exchange administrative group (fydibohf23spdlt)/cn=recipients/cn=a9a1fe1d51ef4ee29617a1c11aa10050-marinalva i;/o=exchangelabs/ou=exchange administrative group (fydibohf23spdlt)/cn=recipients/cn=ca1f2dadbd0542a8ad075275acf52ff3-rondinele s;guilherme_andrade@whirlpool.com;luanda_s_almeida@whirlpool.com;</t>
  </si>
  <si>
    <t>Dashboard PA Digital - 201910 - Fechamento.xlsx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1023d5718cf74aad8f1f7f0d507959c2-michel ribe,/o=exchangelabs/ou=exchange administrative group (fydibohf23spdlt)/cn=recipients/cn=3a10c1d788234688b257ab253389ec06-mateus mala,/o=exchangelabs/ou=exchange administrative group (fydibohf23spdlt)/cn=recipients/cn=a9a1fe1d51ef4ee29617a1c11aa10050-marinalva i,/o=exchangelabs/ou=exchange administrative group (fydibohf23spdlt)/cn=recipients/cn=ca1f2dadbd0542a8ad075275acf52ff3-rondinele s,guilherme_andrade@whirlpool.com,luanda_s_almeida@whirlpool.com</t>
  </si>
  <si>
    <t>c:\users\ricardobal\onedrive - grupo algar\algar tecnologia\01 - clientes\documentos de apoio\</t>
  </si>
  <si>
    <t>protocolo para envio de correspondências.xlsx</t>
  </si>
  <si>
    <t>/o=exchangelabs/ou=exchange administrative group (fydibohf23spdlt)/cn=recipients/cn=8a9fe860e53144b2b136d2fead3ac642-aline alves;</t>
  </si>
  <si>
    <t>Arquivos Cloud MSP</t>
  </si>
  <si>
    <t>Potencial Cloud MSP x GIAT.xlsx</t>
  </si>
  <si>
    <t>/o=exchangelabs/ou=exchange administrative group (fydibohf23spdlt)/cn=recipients/cn=8a9fe860e53144b2b136d2fead3ac642-aline alves</t>
  </si>
  <si>
    <t>10.200.58.192</t>
  </si>
  <si>
    <t>IFRS16_TECH.xlsx</t>
  </si>
  <si>
    <t>ENC: [Racional Rateio] Contratos 2020</t>
  </si>
  <si>
    <t>/o=exchangelabs/ou=exchange administrative group (fydibohf23spdlt)/cn=recipients/cn=1635ed1077024674b65c52767dacde9a-jullian pac;/o=exchangelabs/ou=exchange administrative group (fydibohf23spdlt)/cn=recipients/cn=1e212ef08dab4f26b88cba944f2ab7cb-pmo.governa;/o=exchangelabs/ou=exchange administrative group (fydibohf23spdlt)/cn=recipients/cn=249f643ba1e044588b45a020c76dadde-daniel de o;/o=exchangelabs/ou=exchange administrative group (fydibohf23spdlt)/cn=recipients/cn=24c8d9bc36d947ed91ad5f4dde4373e6-ana carolin;/o=exchangelabs/ou=exchange administrative group (fydibohf23spdlt)/cn=recipients/cn=65d35bc38c6743d7a55b3ae9726a5893-diego ribei;/o=exchangelabs/ou=exchange administrative group (fydibohf23spdlt)/cn=recipients/cn=7a5ceaeaef9041b49ad4d0d90f19ee70-marianna co;camila.tirso@bradesco.com.br;camilat@algartech.com;</t>
  </si>
  <si>
    <t>RES: Solicitação de Compra de Notebook</t>
  </si>
  <si>
    <t>/o=exchangelabs/ou=exchange administrative group (fydibohf23spdlt)/cn=recipients/cn=1635ed1077024674b65c52767dacde9a-jullian pac,/o=exchangelabs/ou=exchange administrative group (fydibohf23spdlt)/cn=recipients/cn=1e212ef08dab4f26b88cba944f2ab7cb-pmo.governa,/o=exchangelabs/ou=exchange administrative group (fydibohf23spdlt)/cn=recipients/cn=249f643ba1e044588b45a020c76dadde-daniel de o,/o=exchangelabs/ou=exchange administrative group (fydibohf23spdlt)/cn=recipients/cn=24c8d9bc36d947ed91ad5f4dde4373e6-ana carolin,/o=exchangelabs/ou=exchange administrative group (fydibohf23spdlt)/cn=recipients/cn=65d35bc38c6743d7a55b3ae9726a5893-diego ribei,/o=exchangelabs/ou=exchange administrative group (fydibohf23spdlt)/cn=recipients/cn=7a5ceaeaef9041b49ad4d0d90f19ee70-marianna co,camila.tirso@bradesco.com.br,camilat@algartech.com</t>
  </si>
  <si>
    <t>action itensv12-04-11.xlsx</t>
  </si>
  <si>
    <t>ENC: Apresentação projeto precificação</t>
  </si>
  <si>
    <t>Status Report Semanal - Projeto Precificação - RESUMO GERAL.pptx\</t>
  </si>
  <si>
    <t>/o=exchangelabs/ou=exchange administrative group (fydibohf23spdlt)/cn=recipients/cn=2d3379e2d04c40db810b4b1f41dd2aea-erica carol;/o=exchangelabs/ou=exchange administrative group (fydibohf23spdlt)/cn=recipients/cn=33d249108a194f94ad1c0c445c411f81-sabrina vie;/o=exchangelabs/ou=exchange administrative group (fydibohf23spdlt)/cn=recipients/cn=376dc21df9294b1e98e06de29a805db8-algar tech;/o=exchangelabs/ou=exchange administrative group (fydibohf23spdlt)/cn=recipients/cn=509f93c55ee04a2db0c238b7a3e5d9a0-edval jose;/o=exchangelabs/ou=exchange administrative group (fydibohf23spdlt)/cn=recipients/cn=728d1d4924f44f719f0b63307ba2e26f-guilherme d;/o=exchangelabs/ou=exchange administrative group (fydibohf23spdlt)/cn=recipients/cn=76d765d676864fe79b29c865fa21a2c7-leticia rez;/o=exchangelabs/ou=exchange administrative group (fydibohf23spdlt)/cn=recipients/cn=a4d4dbc88c434f8ba2bceed730d83878-marcellus r;</t>
  </si>
  <si>
    <t>Explicações de desvios Orçado x Caixa - Recebimentos - Out/19 e Previsto Nov/19</t>
  </si>
  <si>
    <t>112019_DFC_OFICIAL_REAL - 2PROJ.xlsx</t>
  </si>
  <si>
    <t>/o=exchangelabs/ou=exchange administrative group (fydibohf23spdlt)/cn=recipients/cn=2d3379e2d04c40db810b4b1f41dd2aea-erica carol,/o=exchangelabs/ou=exchange administrative group (fydibohf23spdlt)/cn=recipients/cn=33d249108a194f94ad1c0c445c411f81-sabrina vie,/o=exchangelabs/ou=exchange administrative group (fydibohf23spdlt)/cn=recipients/cn=376dc21df9294b1e98e06de29a805db8-algar tech,/o=exchangelabs/ou=exchange administrative group (fydibohf23spdlt)/cn=recipients/cn=509f93c55ee04a2db0c238b7a3e5d9a0-edval jose,/o=exchangelabs/ou=exchange administrative group (fydibohf23spdlt)/cn=recipients/cn=728d1d4924f44f719f0b63307ba2e26f-guilherme d,/o=exchangelabs/ou=exchange administrative group (fydibohf23spdlt)/cn=recipients/cn=76d765d676864fe79b29c865fa21a2c7-leticia rez,/o=exchangelabs/ou=exchange administrative group (fydibohf23spdlt)/cn=recipients/cn=a4d4dbc88c434f8ba2bceed730d83878-marcellus r</t>
  </si>
  <si>
    <t>10.200.58.237</t>
  </si>
  <si>
    <t>ENC: RFP - Realizar um assessment de segurança de TI</t>
  </si>
  <si>
    <t>Escopo_Análise_Segurança - Rafael Ramos.xlsx</t>
  </si>
  <si>
    <t>Cartinhas do Papai Noel.xlsx</t>
  </si>
  <si>
    <t>C:\Users\alefl\OneDrive - Grupo Algar\Relatorio\Panorama\rede social\</t>
  </si>
  <si>
    <t>11042019_AdHoc_60424c40-8ac2-424d-8cf3-001e807aecfa_.csv</t>
  </si>
  <si>
    <t>mail.google.com/_/upload?authuser=0&amp;dcp=asu-n&amp;upload_id=AEnB2UqLSnvEOJAVnwvASorvtzlIVpwEbQ0ShIfxYPADvet63VwjxHvLRteySiPuFW_YoVejyhsKt6ftDrmZxgWdz9SoOEioVlcYi17vPZXM2ucTVRpcQzs&amp;upload_protocol=resumable</t>
  </si>
  <si>
    <t>10.200.35.239</t>
  </si>
  <si>
    <t>/o=exchangelabs/ou=exchange administrative group (fydibohf23spdlt)/cn=recipients/cn=3daf2f0b162f40c696c00f9ecbb7d69a-ana laura t;helidafp@algartech.com.br;</t>
  </si>
  <si>
    <t>ENC: Report Intradiário - Atendimento Cerrado - 04/11/2019 - Acumulado até 13 hrs</t>
  </si>
  <si>
    <t>/o=exchangelabs/ou=exchange administrative group (fydibohf23spdlt)/cn=recipients/cn=3daf2f0b162f40c696c00f9ecbb7d69a-ana laura t,helidafp@algartech.com.br</t>
  </si>
  <si>
    <t>/o=exchangelabs/ou=exchange administrative group (fydibohf23spdlt)/cn=recipients/cn=026b94ca382e4c53b6edc028cfd1185a-alvaro brun;/o=exchangelabs/ou=exchange administrative group (fydibohf23spdlt)/cn=recipients/cn=3daf2f0b162f40c696c00f9ecbb7d69a-ana laura t;daniellagc@algartech.com.br;helidafp@algartech.com.br;tatianef@algartech.com.br;</t>
  </si>
  <si>
    <t>ENC: Report Intradiário - Atendimento Algar Tech - 04/11/2019 - Acumulado até 13 hrs</t>
  </si>
  <si>
    <t>/o=exchangelabs/ou=exchange administrative group (fydibohf23spdlt)/cn=recipients/cn=026b94ca382e4c53b6edc028cfd1185a-alvaro brun,/o=exchangelabs/ou=exchange administrative group (fydibohf23spdlt)/cn=recipients/cn=3daf2f0b162f40c696c00f9ecbb7d69a-ana laura t,daniellagc@algartech.com.br,helidafp@algartech.com.br,tatianef@algartech.com.br</t>
  </si>
  <si>
    <t>/o=exchangelabs/ou=exchange administrative group (fydibohf23spdlt)/cn=recipients/cn=33d249108a194f94ad1c0c445c411f81-sabrina vie;/o=exchangelabs/ou=exchange administrative group (fydibohf23spdlt)/cn=recipients/cn=6bc6ced03b1b4fafa41bb5c70c178940-antonio per;/o=exchangelabs/ou=exchange administrative group (fydibohf23spdlt)/cn=recipients/cn=b1a72fc2d0234efca84c7771ea70c7ee-roberta cri;/o=exchangelabs/ou=exchange administrative group (fydibohf23spdlt)/cn=recipients/cn=f50351055a2944cebcbdc18a918945d6-gustavo res;</t>
  </si>
  <si>
    <t>/o=exchangelabs/ou=exchange administrative group (fydibohf23spdlt)/cn=recipients/cn=33d249108a194f94ad1c0c445c411f81-sabrina vie,/o=exchangelabs/ou=exchange administrative group (fydibohf23spdlt)/cn=recipients/cn=6bc6ced03b1b4fafa41bb5c70c178940-antonio per,/o=exchangelabs/ou=exchange administrative group (fydibohf23spdlt)/cn=recipients/cn=b1a72fc2d0234efca84c7771ea70c7ee-roberta cri,/o=exchangelabs/ou=exchange administrative group (fydibohf23spdlt)/cn=recipients/cn=f50351055a2944cebcbdc18a918945d6-gustavo res</t>
  </si>
  <si>
    <t>/o=exchangelabs/ou=exchange administrative group (fydibohf23spdlt)/cn=recipients/cn=356687541e6d4dba87a6d07b3c4b9c4a-paulinia av;/o=exchangelabs/ou=exchange administrative group (fydibohf23spdlt)/cn=recipients/cn=81f72ed6e9d042e3bed0cec08d488854-vinicius go;/o=exchangelabs/ou=exchange administrative group (fydibohf23spdlt)/cn=recipients/cn=dd910368577c476fa125a61033b7deb1-gean carlos;/o=exchangelabs/ou=exchange administrative group (fydibohf23spdlt)/cn=recipients/cn=e174366906884bd1b4d4c5ddfc8c9433-rodrigo men;</t>
  </si>
  <si>
    <t>Digital_NOV.xlsx</t>
  </si>
  <si>
    <t>/o=exchangelabs/ou=exchange administrative group (fydibohf23spdlt)/cn=recipients/cn=356687541e6d4dba87a6d07b3c4b9c4a-paulinia av,/o=exchangelabs/ou=exchange administrative group (fydibohf23spdlt)/cn=recipients/cn=81f72ed6e9d042e3bed0cec08d488854-vinicius go,/o=exchangelabs/ou=exchange administrative group (fydibohf23spdlt)/cn=recipients/cn=dd910368577c476fa125a61033b7deb1-gean carlos,/o=exchangelabs/ou=exchange administrative group (fydibohf23spdlt)/cn=recipients/cn=e174366906884bd1b4d4c5ddfc8c9433-rodrigo men</t>
  </si>
  <si>
    <t>ENC: PR217395 2019 - IBM 421901C870 - Manutenção - Quotation Number 421901C870</t>
  </si>
  <si>
    <t>Cotação 01112019 Server and Storage.xlsx</t>
  </si>
  <si>
    <t>ENC: Arquivos Cloud MSP</t>
  </si>
  <si>
    <t>/o=exchangelabs/ou=exchange administrative group (fydibohf23spdlt)/cn=recipients/cn=168e05cabbf14ae289464a0c09955b31-sara ferrei;/o=exchangelabs/ou=exchange administrative group (fydibohf23spdlt)/cn=recipients/cn=287c26b08a0f48578479a15a452f025d-edilson rod;/o=exchangelabs/ou=exchange administrative group (fydibohf23spdlt)/cn=recipients/cn=54abac0a4fdc4ad1bec39bb51d85eab1-victor hugo;/o=exchangelabs/ou=exchange administrative group (fydibohf23spdlt)/cn=recipients/cn=b194f014572c4c36b52132f9199df1aa-jairo junio;/o=exchangelabs/ou=exchange administrative group (fydibohf23spdlt)/cn=recipients/cn=f98150252e7d4ec38856314e08392d87-angeline gu;/o=exchangelabs/ou=exchange administrative group (fydibohf23spdlt)/cn=recipients/cn=group4c97f68d;henriqueac@algartech.com;</t>
  </si>
  <si>
    <t>RES: [Visão Gerencial] DC Jaraguá 2017</t>
  </si>
  <si>
    <t>Visão Executiva Receita Infra TI 2019.xls</t>
  </si>
  <si>
    <t>/o=exchangelabs/ou=exchange administrative group (fydibohf23spdlt)/cn=recipients/cn=168e05cabbf14ae289464a0c09955b31-sara ferrei,/o=exchangelabs/ou=exchange administrative group (fydibohf23spdlt)/cn=recipients/cn=287c26b08a0f48578479a15a452f025d-edilson rod,/o=exchangelabs/ou=exchange administrative group (fydibohf23spdlt)/cn=recipients/cn=54abac0a4fdc4ad1bec39bb51d85eab1-victor hugo,/o=exchangelabs/ou=exchange administrative group (fydibohf23spdlt)/cn=recipients/cn=b194f014572c4c36b52132f9199df1aa-jairo junio,/o=exchangelabs/ou=exchange administrative group (fydibohf23spdlt)/cn=recipients/cn=f98150252e7d4ec38856314e08392d87-angeline gu,/o=exchangelabs/ou=exchange administrative group (fydibohf23spdlt)/cn=recipients/cn=group4c97f68d,henriqueac@algartech.com</t>
  </si>
  <si>
    <t>C:\Users\tiagorpf\OneDrive - Grupo Algar\Desenvolvimento\INTRADIARIOS\</t>
  </si>
  <si>
    <t>Acompanhamento Intradiário SAC + Ret ECOHOUSE - Contemplando Pausa 0 - Copia.xlsm</t>
  </si>
  <si>
    <t>GERENCIAL - STH X BP - Copia.xlsx</t>
  </si>
  <si>
    <t>cristinahe@algartech.com;fredericobs@algartecnologia.com.br;jullian.faria@algartech.com;leandrolds@algartech.com;polati@algartech.com;</t>
  </si>
  <si>
    <t>C:\Users\moiragt\Downloads\Financeiro.vfcalibrada.pptx\</t>
  </si>
  <si>
    <t>cristinahe@algartech.com,fredericobs@algartecnologia.com.br,jullian.faria@algartech.com,leandrolds@algartech.com,polati@algartech.com</t>
  </si>
  <si>
    <t>/o=exchangelabs/ou=exchange administrative group (fydibohf23spdlt)/cn=recipients/cn=372a4aee70df4061aed129651510b96b-raul montei;/o=exchangelabs/ou=exchange administrative group (fydibohf23spdlt)/cn=recipients/cn=a111820ea97a440c83191c55259f676f-marcelo rod;raphael.oliveira@grupopan.com;rogerio.lsantos@grupopan.com;</t>
  </si>
  <si>
    <t>RES: Agradecimento reunião Algar / Banco PAN - Próximos passos</t>
  </si>
  <si>
    <t>Rampa - Banco PAN - REvisão Final.xlsx</t>
  </si>
  <si>
    <t>/o=exchangelabs/ou=exchange administrative group (fydibohf23spdlt)/cn=recipients/cn=372a4aee70df4061aed129651510b96b-raul montei,/o=exchangelabs/ou=exchange administrative group (fydibohf23spdlt)/cn=recipients/cn=a111820ea97a440c83191c55259f676f-marcelo rod,raphael.oliveira@grupopan.com,rogerio.lsantos@grupopan.com</t>
  </si>
  <si>
    <t>RES: 3003</t>
  </si>
  <si>
    <t>/o=exchangelabs/ou=exchange administrative group (fydibohf23spdlt)/cn=recipients/cn=0163bfef0e474630bdcf0a3698e9ffd4-amanda ferr;/o=exchangelabs/ou=exchange administrative group (fydibohf23spdlt)/cn=recipients/cn=26a18e4ace4f4981b19d4efc5cccf985-uenia ribei;/o=exchangelabs/ou=exchange administrative group (fydibohf23spdlt)/cn=recipients/cn=356687541e6d4dba87a6d07b3c4b9c4a-paulinia av;/o=exchangelabs/ou=exchange administrative group (fydibohf23spdlt)/cn=recipients/cn=56dc126fba5b4a5f8fb1cd7e4f10477d-thais olive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93a9a0598b8d4b6ab10f3b1e2184d2e4-leonardo al;/o=exchangelabs/ou=exchange administrative group (fydibohf23spdlt)/cn=recipients/cn=aff8c3b9538840fe9b9778861292fbea-ever</t>
  </si>
  <si>
    <t>Casos Especias Amex - Parcial Outubro</t>
  </si>
  <si>
    <t>Casos Especiais - Novembro.xlsm</t>
  </si>
  <si>
    <t>/o=exchangelabs/ou=exchange administrative group (fydibohf23spdlt)/cn=recipients/cn=0163bfef0e474630bdcf0a3698e9ffd4-amanda ferr,/o=exchangelabs/ou=exchange administrative group (fydibohf23spdlt)/cn=recipients/cn=26a18e4ace4f4981b19d4efc5cccf985-uenia ribei,/o=exchangelabs/ou=exchange administrative group (fydibohf23spdlt)/cn=recipients/cn=356687541e6d4dba87a6d07b3c4b9c4a-paulinia av,/o=exchangelabs/ou=exchange administrative group (fydibohf23spdlt)/cn=recipients/cn=56dc126fba5b4a5f8fb1cd7e4f10477d-thais olive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93a9a0598b8d4b6ab10f3b1e2184d2e4-leonardo al,/o=exchangelabs/ou=exchange administrative group (fydibohf23spdlt)/cn=recipients/cn=aff8c3b9538840fe9b9778861292fbea-ever</t>
  </si>
  <si>
    <t>C:\Users\douglassp\OneDrive - Grupo Algar\KPI TH\</t>
  </si>
  <si>
    <t>Indicadores_ROM_20180130 - Copia.xlsb</t>
  </si>
  <si>
    <t>Usuários do Beedoo.xlsx</t>
  </si>
  <si>
    <t>ANTECIPAÇÃO NOV/19</t>
  </si>
  <si>
    <t>11. Demonstrativo de Faturamento Novembro 2019 Avon Antecipação.xlsx</t>
  </si>
  <si>
    <t>Casos Especiais Amex - Parcial Novembro</t>
  </si>
  <si>
    <t>Hora-Hora - TLV D2C OUT 19.xlsx</t>
  </si>
  <si>
    <t>Informação pagamento Minoritários.</t>
  </si>
  <si>
    <t>Relatório PUT - Minoritários.xlsx</t>
  </si>
  <si>
    <t>/o=exchangelabs/ou=exchange administrative group (fydibohf23spdlt)/cn=recipients/cn=0bafe1ed27024338be4e911e19871cd1-william rob;/o=exchangelabs/ou=exchange administrative group (fydibohf23spdlt)/cn=recipients/cn=34a28d636a1b4c86b1ec79baed4b846a-marco anton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c82d742f5f1e4122a86db0495b71e095-nilton j. g;</t>
  </si>
  <si>
    <t>ENC: Cotaçao 5919198878 / PO IBM80405 CEMAR</t>
  </si>
  <si>
    <t>193321_IBM_CEMAR_Field Service_v5.2_adapt_(BP_C017_B017) (002).xlsb</t>
  </si>
  <si>
    <t>/o=exchangelabs/ou=exchange administrative group (fydibohf23spdlt)/cn=recipients/cn=0bafe1ed27024338be4e911e19871cd1-william rob,/o=exchangelabs/ou=exchange administrative group (fydibohf23spdlt)/cn=recipients/cn=34a28d636a1b4c86b1ec79baed4b846a-marco anton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c82d742f5f1e4122a86db0495b71e095-nilton j. g</t>
  </si>
  <si>
    <t>D:\OneDrive\AlgarTech\Pré-Vendas\Cliente\2019\CNEC\205398 - Redesenho Ambiente Vigente\</t>
  </si>
  <si>
    <t>mail.google.com/_/upload?authuser=1&amp;dcp=asu-n&amp;upload_id=AEnB2UryDk9wj0txcUqbjlD54E9Su98PEsa2hRJxRxhJKvpd9wGZVTl_4zK8Fp6inKJtHJAeLa80LJcEVMf5Cm61528Y-CpZBhP8SIXTlG5EJB6AoexNzWE&amp;upload_protocol=resumable</t>
  </si>
  <si>
    <t>ALGAR TELECOM - SETEMBRO.xlsx</t>
  </si>
  <si>
    <t>C:\Users\gildaepma\Downloads\</t>
  </si>
  <si>
    <t>data (1).xlsx</t>
  </si>
  <si>
    <t>ligiagb@algartech.com.br;vanusaos@algartech.com.br;</t>
  </si>
  <si>
    <t>ligiagb@algartech.com.br,vanusaos@algartech.com.br</t>
  </si>
  <si>
    <t>C:\Users\lucianocle\OneDrive\Pessoal\Investimentos\Day Trade\Estrategia Day Trade\</t>
  </si>
  <si>
    <t>Meta mensal.xlsx</t>
  </si>
  <si>
    <t>leonardocso@algartech.com</t>
  </si>
  <si>
    <t>amauryspj@algartech.com;antoniaama@algartech.com;cassiaafa@algartech.com;cliente_bra@algartech.com.br;deboraaxm@algartech.com;fabiorb@algartech.com;igoros@algartech.com;murilopd@algartech.com;rafaelco@algartech.com;renatobrl@algartech.com;sabrinadtdmc@algartech.com;victormg@algartech.com;</t>
  </si>
  <si>
    <t>C:\Users\leonardocso\Downloads\</t>
  </si>
  <si>
    <t>Scripts TELECOB.xlsx</t>
  </si>
  <si>
    <t>amauryspj@algartech.com,antoniaama@algartech.com,cassiaafa@algartech.com,cliente_bra@algartech.com.br,deboraaxm@algartech.com,fabiorb@algartech.com,igoros@algartech.com,murilopd@algartech.com,rafaelco@algartech.com,renatobrl@algartech.com,sabrinadtdmc@algartech.com,victormg@algartech.com</t>
  </si>
  <si>
    <t>/o=exchangelabs/ou=exchange administrative group (fydibohf23spdlt)/cn=recipients/cn=1635ed1077024674b65c52767dacde9a-jullian pac;/o=exchangelabs/ou=exchange administrative group (fydibohf23spdlt)/cn=recipients/cn=6bc6ced03b1b4fafa41bb5c70c178940-antonio per;/o=exchangelabs/ou=exchange administrative group (fydibohf23spdlt)/cn=recipients/cn=75264223359c4821a33cd42fd92e07c7-cpc - acomp;/o=exchangelabs/ou=exchange administrative group (fydibohf23spdlt)/cn=recipients/cn=82e9af7034e542b3a622ab8e7d09ff5d-ricardo de;/o=exchangelabs/ou=exchange administrative group (fydibohf23spdlt)/cn=recipients/cn=9c71bc5f5a3648bbbb5f6bedb86e15a6-marcelo buz;/o=exchangelabs/ou=exchange administrative group (fydibohf23spdlt)/cn=recipients/cn=a78f7dae304e472e9f75bd537683f6e5-hugo de oli;/o=exchangelabs/ou=exchange administrative group (fydibohf23spdlt)/cn=recipients/cn=b1a72fc2d0234efca84c7771ea70c7ee-roberta cri;/o=exchangelabs/ou=exchange administrative group (fydibohf23spdlt)/cn=recipients/cn=d73c2a72ee8e45cfac0a50efc708425b-maris</t>
  </si>
  <si>
    <t>RES: IMPORTANTE: Evolução de Indicadores Operacionais</t>
  </si>
  <si>
    <t>RL Per Capita.pptx\</t>
  </si>
  <si>
    <t>/o=exchangelabs/ou=exchange administrative group (fydibohf23spdlt)/cn=recipients/cn=1635ed1077024674b65c52767dacde9a-jullian pac,/o=exchangelabs/ou=exchange administrative group (fydibohf23spdlt)/cn=recipients/cn=6bc6ced03b1b4fafa41bb5c70c178940-antonio per,/o=exchangelabs/ou=exchange administrative group (fydibohf23spdlt)/cn=recipients/cn=75264223359c4821a33cd42fd92e07c7-cpc - acomp,/o=exchangelabs/ou=exchange administrative group (fydibohf23spdlt)/cn=recipients/cn=82e9af7034e542b3a622ab8e7d09ff5d-ricardo de,/o=exchangelabs/ou=exchange administrative group (fydibohf23spdlt)/cn=recipients/cn=9c71bc5f5a3648bbbb5f6bedb86e15a6-marcelo buz,/o=exchangelabs/ou=exchange administrative group (fydibohf23spdlt)/cn=recipients/cn=a78f7dae304e472e9f75bd537683f6e5-hugo de oli,/o=exchangelabs/ou=exchange administrative group (fydibohf23spdlt)/cn=recipients/cn=b1a72fc2d0234efca84c7771ea70c7ee-roberta cri,/o=exchangelabs/ou=exchange administrative group (fydibohf23spdlt)/cn=recipients/cn=d73c2a72ee8e45cfac0a50efc708425b-maris</t>
  </si>
  <si>
    <t>C:\Users\lucianocle\OneDrive\Pessoal\Investimentos\Day Trade\Planilha de Acompanhamento\Meta\</t>
  </si>
  <si>
    <t>Planilha diaria Day Trade - OK.xlsx</t>
  </si>
  <si>
    <t>/o=exchangelabs/ou=exchange administrative group (fydibohf23spdlt)/cn=recipients/cn=25608f1384044cbcb7c92bae5c1067d6-dener ferre;/o=exchangelabs/ou=exchange administrative group (fydibohf23spdlt)/cn=recipients/cn=726858f262f449b3961fa2ea8f183ca5-lazaro anto;/o=exchangelabs/ou=exchange administrative group (fydibohf23spdlt)/cn=recipients/cn=ca2b330491c64bef97562516bb13cad8-ismael fagu;/o=exchangelabs/ou=exchange administrative group (fydibohf23spdlt)/cn=recipients/cn=ed7177b19184439da4bf9fd8b9467a8c-eduardo hen;/o=exchangelabs/ou=exchange administrative group (fydibohf23spdlt)/cn=recipients/cn=renato bruno ribeiro lopes - 004319;</t>
  </si>
  <si>
    <t>Diferença SMS Base DEEP CENTER</t>
  </si>
  <si>
    <t>SMS_IBI.xlsx</t>
  </si>
  <si>
    <t>/o=exchangelabs/ou=exchange administrative group (fydibohf23spdlt)/cn=recipients/cn=25608f1384044cbcb7c92bae5c1067d6-dener ferre,/o=exchangelabs/ou=exchange administrative group (fydibohf23spdlt)/cn=recipients/cn=726858f262f449b3961fa2ea8f183ca5-lazaro anto,/o=exchangelabs/ou=exchange administrative group (fydibohf23spdlt)/cn=recipients/cn=ca2b330491c64bef97562516bb13cad8-ismael fagu,/o=exchangelabs/ou=exchange administrative group (fydibohf23spdlt)/cn=recipients/cn=ed7177b19184439da4bf9fd8b9467a8c-eduardo hen,/o=exchangelabs/ou=exchange administrative group (fydibohf23spdlt)/cn=recipients/cn=renato bruno ribeiro lopes - 004319</t>
  </si>
  <si>
    <t>c:\users\lannatga\downloads\</t>
  </si>
  <si>
    <t>cartinhas do papai noel.xlsx</t>
  </si>
  <si>
    <t>mail.google.com/_/upload?authuser=1&amp;dcp=asu-n&amp;upload_id=AEnB2Uo8o_ny5TxU9Xclt7MUJQ9-cQbyVmRzrpn_sGdWBHMoOcv9cu38dLnJ_7qA7UEX-dh-6JyzddxerLO4SJcFog0M3rGlog&amp;upload_protocol=resumable</t>
  </si>
  <si>
    <t>/o=exchangelabs/ou=exchange administrative group (fydibohf23spdlt)/cn=recipients/cn=0163bfef0e474630bdcf0a3698e9ffd4-amanda ferr;/o=exchangelabs/ou=exchange administrative group (fydibohf23spdlt)/cn=recipients/cn=356687541e6d4dba87a6d07b3c4b9c4a-paulinia av;/o=exchangelabs/ou=exchange administrative group (fydibohf23spdlt)/cn=recipients/cn=56dc126fba5b4a5f8fb1cd7e4f10477d-thais olive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a6ba306bde72439c8d608df7df1957f9-larice nasc;/o=exchangelabs/ou=exchange administrative group (fydibohf23spdlt)/cn=recipients/cn=aff8c3b9538840fe9b9778861292fbea-everton pau;brunosr@algartech.com.br;jackson.diniz@bradesco.com.br;jhonatan.ventino@temposervicos.com.br;liliane.carole@temposervicos</t>
  </si>
  <si>
    <t>Painel UNE - Parcial Novembro</t>
  </si>
  <si>
    <t>UNE Novembro.xlsm</t>
  </si>
  <si>
    <t>/o=exchangelabs/ou=exchange administrative group (fydibohf23spdlt)/cn=recipients/cn=0163bfef0e474630bdcf0a3698e9ffd4-amanda ferr,/o=exchangelabs/ou=exchange administrative group (fydibohf23spdlt)/cn=recipients/cn=356687541e6d4dba87a6d07b3c4b9c4a-paulinia av,/o=exchangelabs/ou=exchange administrative group (fydibohf23spdlt)/cn=recipients/cn=56dc126fba5b4a5f8fb1cd7e4f10477d-thais olive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a6ba306bde72439c8d608df7df1957f9-larice nasc,/o=exchangelabs/ou=exchange administrative group (fydibohf23spdlt)/cn=recipients/cn=aff8c3b9538840fe9b9778861292fbea-everton pau,brunosr@algartech.com.br,jackson.diniz@bradesco.com.br,jhonatan.ventino@temposervicos.com.br,liliane.carole@temposervicos</t>
  </si>
  <si>
    <t>RES: Projeto MRV</t>
  </si>
  <si>
    <t>MC.xlsx</t>
  </si>
  <si>
    <t>/o=exchangelabs/ou=exchange administrative group (fydibohf23spdlt)/cn=recipients/cn=54861e79125f48cc952d00cf8160b9a8-jeferson fe;/o=exchangelabs/ou=exchange administrative group (fydibohf23spdlt)/cn=recipients/cn=a72a765de829420582b78941417073ac-karina rodr;/o=exchangelabs/ou=exchange administrative group (fydibohf23spdlt)/cn=recipients/cn=fe134ce6f7124ebfa00395a14326bd71-luciana ber;alexmarques.silva@avon.com;anderson.negrisoli@avon.com;raquel.moraes@avon.com;</t>
  </si>
  <si>
    <t>Demonstrativo de Faturamento_ Novembro 2019 ** Antecipação</t>
  </si>
  <si>
    <t>/o=exchangelabs/ou=exchange administrative group (fydibohf23spdlt)/cn=recipients/cn=54861e79125f48cc952d00cf8160b9a8-jeferson fe,/o=exchangelabs/ou=exchange administrative group (fydibohf23spdlt)/cn=recipients/cn=a72a765de829420582b78941417073ac-karina rodr,/o=exchangelabs/ou=exchange administrative group (fydibohf23spdlt)/cn=recipients/cn=fe134ce6f7124ebfa00395a14326bd71-luciana ber,alexmarques.silva@avon.com,anderson.negrisoli@avon.com,raquel.moraes@avon.com</t>
  </si>
  <si>
    <t>/o=exchangelabs/ou=exchange administrative group (fydibohf23spdlt)/cn=recipients/cn=0ad67812a921472ea75457aad47f39a8-kallil vice;kallil.hanna_ext@ldc.com;</t>
  </si>
  <si>
    <t>FAT - 2018 a 2019</t>
  </si>
  <si>
    <t>Controle diário Jan a Dez 2018.xlsx</t>
  </si>
  <si>
    <t>/o=exchangelabs/ou=exchange administrative group (fydibohf23spdlt)/cn=recipients/cn=0ad67812a921472ea75457aad47f39a8-kallil vice,kallil.hanna_ext@ldc.com</t>
  </si>
  <si>
    <t>/o=exchangelabs/ou=exchange administrative group (fydibohf23spdlt)/cn=recipients/cn=9a36eb09c20c4ec48450317ca2a84bc1-marcos mars;/o=exchangelabs/ou=exchange administrative group (fydibohf23spdlt)/cn=recipients/cn=a4d4dbc88c434f8ba2bceed730d83878-marcellus r;</t>
  </si>
  <si>
    <t>ENC: Relatórios Gerenciais Aplicações / Captações - Algar Tech - Outubro / 19</t>
  </si>
  <si>
    <t>Posição Desdobr Fornecedor_Algar Tech _ Out19.xlsx</t>
  </si>
  <si>
    <t>/o=exchangelabs/ou=exchange administrative group (fydibohf23spdlt)/cn=recipients/cn=9a36eb09c20c4ec48450317ca2a84bc1-marcos mars,/o=exchangelabs/ou=exchange administrative group (fydibohf23spdlt)/cn=recipients/cn=a4d4dbc88c434f8ba2bceed730d83878-marcellus r</t>
  </si>
  <si>
    <t>rosana.scalabrin@avon.com;</t>
  </si>
  <si>
    <t>RES: ASLCP Brazil [Internal Control 743] - User review (2nd Sem/2019) - Due Date: Nov 8th</t>
  </si>
  <si>
    <t>rosana.scalabrin@avon.com</t>
  </si>
  <si>
    <t>/o=exchangelabs/ou=exchange administrative group (fydibohf23spdlt)/cn=recipients/cn=083204b1bd464d0fbbd2451a3a305923-katia gonca;/o=exchangelabs/ou=exchange administrative group (fydibohf23spdlt)/cn=recipients/cn=0f02f70736ad4f83b81217ad3e6c73a5-rogerio gon;/o=exchangelabs/ou=exchange administrative group (fydibohf23spdlt)/cn=recipients/cn=3604eabf59564dc8baa49b62a099a560-tatielly sa;/o=exchangelabs/ou=exchange administrative group (fydibohf23spdlt)/cn=recipients/cn=a35622ae1b534401a6dd99bd801d1f97-marcos paul;/o=exchangelabs/ou=exchange administrative group (fydibohf23spdlt)/cn=recipients/cn=user9ad76612;/o=exchangelabs/ou=exchange administrative group (fydibohf23spdlt)/cn=recipients/cn=userd3ef8196;</t>
  </si>
  <si>
    <t>ENC: Resultado Hora - Hora TLV D2C - Out/19</t>
  </si>
  <si>
    <t>/o=exchangelabs/ou=exchange administrative group (fydibohf23spdlt)/cn=recipients/cn=083204b1bd464d0fbbd2451a3a305923-katia gonca,/o=exchangelabs/ou=exchange administrative group (fydibohf23spdlt)/cn=recipients/cn=0f02f70736ad4f83b81217ad3e6c73a5-rogerio gon,/o=exchangelabs/ou=exchange administrative group (fydibohf23spdlt)/cn=recipients/cn=3604eabf59564dc8baa49b62a099a560-tatielly sa,/o=exchangelabs/ou=exchange administrative group (fydibohf23spdlt)/cn=recipients/cn=a35622ae1b534401a6dd99bd801d1f97-marcos paul,/o=exchangelabs/ou=exchange administrative group (fydibohf23spdlt)/cn=recipients/cn=user9ad76612,/o=exchangelabs/ou=exchange administrative group (fydibohf23spdlt)/cn=recipients/cn=userd3ef8196</t>
  </si>
  <si>
    <t>C:\Users\mariannacsm\OneDrive - Grupo Algar\0- PMO-POOL\PMO\CAPEX\</t>
  </si>
  <si>
    <t>CAPEX _ Responsaveis.xlsx</t>
  </si>
  <si>
    <t>/o=exchangelabs/ou=exchange administrative group (fydibohf23spdlt)/cn=recipients/cn=19e1a2319fff47b59c502f41cebee6af-marcio pere;/o=exchangelabs/ou=exchange administrative group (fydibohf23spdlt)/cn=recipients/cn=77d2a15e162941f5b8ad84d928392e5e-dolvane rod;/o=exchangelabs/ou=exchange administrative group (fydibohf23spdlt)/cn=recipients/cn=8c89829ad534498fa4c85b5ac11174f1-suelen more;/o=exchangelabs/ou=exchange administrative group (fydibohf23spdlt)/cn=recipients/cn=a7d54e15e3a94d53b0b5014d75c8d080-wanessa bor;</t>
  </si>
  <si>
    <t>RES: Projeto Precificação - Teste nova planilha</t>
  </si>
  <si>
    <t>216428_IBM_CMOC_Field_SP_v1_(C017_B017).xlsb</t>
  </si>
  <si>
    <t>/o=exchangelabs/ou=exchange administrative group (fydibohf23spdlt)/cn=recipients/cn=19e1a2319fff47b59c502f41cebee6af-marcio pere,/o=exchangelabs/ou=exchange administrative group (fydibohf23spdlt)/cn=recipients/cn=77d2a15e162941f5b8ad84d928392e5e-dolvane rod,/o=exchangelabs/ou=exchange administrative group (fydibohf23spdlt)/cn=recipients/cn=8c89829ad534498fa4c85b5ac11174f1-suelen more,/o=exchangelabs/ou=exchange administrative group (fydibohf23spdlt)/cn=recipients/cn=a7d54e15e3a94d53b0b5014d75c8d080-wanessa bor</t>
  </si>
  <si>
    <t>C:\Users\lucianafaa\OneDrive - Grupo Algar\2019\PROJETOS\REAJUSTE DE CONTRATO\PLANILHA REAJUSTES\STATUS REPORT\STATUS SEMANAL\05-11\</t>
  </si>
  <si>
    <t>10.200.32.203</t>
  </si>
  <si>
    <t>64-1C-67-9C-32-03</t>
  </si>
  <si>
    <t>mail.google.com/_/upload?authuser=0&amp;dcp=asu-n&amp;upload_id=AEnB2UovPBsFa1hVWyWnVEfwG8nv-m3dANHIDNqU3kb6GuUtsjbbXu_3GTjS_osJUGSAcsQlnRH7hfuIiDISyurE1sQTTog96faqjfZouqVs_5tMgWqSbi0&amp;upload_protocol=resumable</t>
  </si>
  <si>
    <t>\\acsfs\dsti\CES - Coordenacao de Entrega de Serviços\02 - Comum\01 - Gestao da Area\Financeiro\3. Faturamento\2018\</t>
  </si>
  <si>
    <t>Visão Executiva R.B Infra TI CPS 2018.xlsx</t>
  </si>
  <si>
    <t>ID 193293 - URGENTE - Unimed RJ</t>
  </si>
  <si>
    <t>ID 193293 - NOC Unimed - C017 B017 - 03_11_2019 r4.xlsb</t>
  </si>
  <si>
    <t>10.200.58.222</t>
  </si>
  <si>
    <t>54-BF-64-F5-7C-DA</t>
  </si>
  <si>
    <t>C:\Users\renataalves\Desktop\Inovação\Ecossistema de Inovação\</t>
  </si>
  <si>
    <t>CRM ECOSSISTEMA DE INOVAÇÃO ATUALIZAÇÃO FINALIZADO.xlsx</t>
  </si>
  <si>
    <t>Ecossistema POA.xlsx</t>
  </si>
  <si>
    <t>C:\Users\renataalves\Desktop\Inovação\Prêmios, Rankings e Anuários\</t>
  </si>
  <si>
    <t>Iniviativas Digital Práticas de Cobrança.xlsx</t>
  </si>
  <si>
    <t>PrêmioClienteSALista de Convidados2018_DDT.xlsx</t>
  </si>
  <si>
    <t>C:\Users\renataalves\Desktop\Inovação\Cultura Interna de Inovação\</t>
  </si>
  <si>
    <t>Ideias de Cultura de Inovação.xlsx</t>
  </si>
  <si>
    <t>C:\Users\renataalves\Desktop\Inovação\Lab Talks\Planejamento\</t>
  </si>
  <si>
    <t>Lista de participantes - Lab_Talks_.xlsx</t>
  </si>
  <si>
    <t>Programação LAB TALKS 2019.xlsx</t>
  </si>
  <si>
    <t>C:\Users\renataalves\Desktop\Inovação\Programa Open Innovation LAB\SELEÇÃO\</t>
  </si>
  <si>
    <t>Cadastros Open-Innovation Final_Seleção.xlsx</t>
  </si>
  <si>
    <t>Cadastros Open-Innovation Final - 29-01-19.xlsx</t>
  </si>
  <si>
    <t>C:\Users\renataalves\Desktop\Inovação\Curadoria dos laboratórios de Inovação\</t>
  </si>
  <si>
    <t>Formulario para ser preenchido para eventos LAB.xlsx</t>
  </si>
  <si>
    <t>INDICADORES Programação Innovation LAB 2018.xlsx</t>
  </si>
  <si>
    <t>INVENTÁRIO DE ITENS INNOVATION LAB.xlsx</t>
  </si>
  <si>
    <t>C:\Users\renataalves\Desktop\Inovação\Ecossistema de Inovação\Missão Israel\</t>
  </si>
  <si>
    <t>Missão Israel_custo viagem.xlsx</t>
  </si>
  <si>
    <t>C:\Users\renataalves\Desktop\Inovação\Ecossistema de Inovação\Missão POA\</t>
  </si>
  <si>
    <t>Missão Inovação POA.xlsx</t>
  </si>
  <si>
    <t>C:\Users\renataalves\Desktop\Inovação\Ecossistema de Inovação\Projeto CUBO\</t>
  </si>
  <si>
    <t>VantagemInovaBRA.xlsx</t>
  </si>
  <si>
    <t>C:\Users\renataalves\Desktop\Inovação\Prêmios, Rankings e Anuários\Análise Ranking Valor Inovação\</t>
  </si>
  <si>
    <t>Ranking valor.xlsx</t>
  </si>
  <si>
    <t>C:\Users\renataalves\Desktop\Inovação\Prêmios, Rankings e Anuários\Executivo de TI do Ano\</t>
  </si>
  <si>
    <t>Dados digital.xlsx</t>
  </si>
  <si>
    <t>VendasGATcomTransformacaoDigital.xlsx</t>
  </si>
  <si>
    <t>antoniojr@algartech.com;brunocss@algartech.com;gustavorn@algartech.com;lucianabo@algartech.com;marissaar@algartech.com;rodrigormc@algartech.com;sabrinadtdmc@algartech.com;sabrinavds@algartech.com;talitaps@algartech.com;tatianedc@algartech.com;</t>
  </si>
  <si>
    <t>112019_Forecast de Receita Oficial_2019 - Consolidado.xlsx</t>
  </si>
  <si>
    <t>antoniojr@algartech.com,brunocss@algartech.com,gustavorn@algartech.com,lucianabo@algartech.com,marissaar@algartech.com,rodrigormc@algartech.com,sabrinadtdmc@algartech.com,sabrinavds@algartech.com,talitaps@algartech.com,tatianedc@algartech.com</t>
  </si>
  <si>
    <t>C:\Users\elainemdlp\OD\_Projetos\Em andamento\Expansao Caixa\03 - Execucao\Infra\</t>
  </si>
  <si>
    <t>Etapa 7.xlsx</t>
  </si>
  <si>
    <t>Expansão Caixa: Implantação 11 PA PA´s</t>
  </si>
  <si>
    <t>C:\Users\renataalves\Desktop\Inovação\DT WEEK\2018\</t>
  </si>
  <si>
    <t>Cronograma e Orçamentov3.xlsx</t>
  </si>
  <si>
    <t>Indicadores DT Week 2018_Consolidar.xlsx</t>
  </si>
  <si>
    <t>C:\Users\renataalves\Desktop\Inovação\Cultura Interna de Inovação\Projeto Lab Station\</t>
  </si>
  <si>
    <t>ProjetoLAB _Orçamento_Patrocinadores.xlsx</t>
  </si>
  <si>
    <t>C:\Users\renataalves\Desktop\Inovação\DT WEEK\2017\</t>
  </si>
  <si>
    <t>Cronograma e Orçamentov2.xlsx</t>
  </si>
  <si>
    <t>C:\Users\renataalves\Desktop\Inovação\DT WEEK\Orçamento\</t>
  </si>
  <si>
    <t>312_19518 ALGAR TECH - Contratação Food Bikes.xls</t>
  </si>
  <si>
    <t>C:\Users\renataalves\Desktop\Inovação\DT WEEK\Cronograma\</t>
  </si>
  <si>
    <t>PlanodeComunicaçãoTD_V2.xlsx</t>
  </si>
  <si>
    <t>Rateio Marketing Copiadora.xlsx</t>
  </si>
  <si>
    <t>C:\Users\renataalves\Desktop\Inovação\Curadoria dos laboratórios de Inovação\InovaBra Habitat\</t>
  </si>
  <si>
    <t>PlanoTechTalks_InovaBRA.xlsx</t>
  </si>
  <si>
    <t>C:\Users\renataalves\Desktop\Inovação\Curadoria dos laboratórios de Inovação\Book Palestrantes Digital transformation\</t>
  </si>
  <si>
    <t>Book palestrantes.xlsx</t>
  </si>
  <si>
    <t>C:\Users\renataalves\Desktop\Inovação\Curadoria dos laboratórios de Inovação\DigitAL GARage\</t>
  </si>
  <si>
    <t>Detalhamento_Digital_Garage_(1).xlsx</t>
  </si>
  <si>
    <t>C:\Users\renataalves\Desktop\Inovação\Curadoria dos laboratórios de Inovação\EVENTOS INNOVATION LAB\</t>
  </si>
  <si>
    <t>Workshop Oracle MySQL_23 DE MAIO.xlsx</t>
  </si>
  <si>
    <t>C:\Users\renataalves\Desktop\Inovação\Curadoria dos laboratórios de Inovação\Mailings Eventos InnovationLAB\</t>
  </si>
  <si>
    <t>23_05 - Workshop Oracle MySQL Enterprise Edition e Proteção de Dados (respostas).xlsx</t>
  </si>
  <si>
    <t>C:\Users\renataalves\Desktop\Inovação\Curadoria dos laboratórios de Inovação\Innovation LAB República\</t>
  </si>
  <si>
    <t>Orçamento Innovation LAB - SP.xlsx</t>
  </si>
  <si>
    <t>Cópia de Lista de participantes - Cultura_de_Inovao_-_Como_a_Amazon_Inova (PRESENTE).xlsx</t>
  </si>
  <si>
    <t>CONSOLIDADO_DT Week - Mailing de particpantes de eventos Algar Tech.xlsx</t>
  </si>
  <si>
    <t>Lista Algar Tech_BRF_Encontro Comunicação Innovation LAB.xlsx</t>
  </si>
  <si>
    <t>Lista de participantes - Cultura_de_Inovao_-_Como_a_Amazon_Inova (484438).xlsx</t>
  </si>
  <si>
    <t>Lista de participantes - Curso_UaiJUG_-_ADF_de_Criao_de_MicroServios_com_Spring_boot (310980).xlsx</t>
  </si>
  <si>
    <t>Lista de participantes - Cultura_de_Inovao_-_Como_a_Amazon_Inova (PRESENTE).xlsx</t>
  </si>
  <si>
    <t>Lista de participantes - Design_como_meio_para_direcionar_o_comportamento_das_pessoas (1).xlsx</t>
  </si>
  <si>
    <t>Lista de participantes - Eu_empreendeDOR (359022).xlsx</t>
  </si>
  <si>
    <t>Lista de participantes - Design_Sprint_Workshop (381940).xlsx</t>
  </si>
  <si>
    <t>Lista de participantes - Encontre_seu_propsito_e_as_novas_direes (1).xlsx</t>
  </si>
  <si>
    <t>Lista de participantes - Palestra_Como_a_Gesto_de_Mudana_pode_alavancar_os_resultados_dos_projetos (284655).xlsx</t>
  </si>
  <si>
    <t>Lista de participantes - Palestra_Customer_Experience_CX_-_DTWeekAlgarTech (284648).xlsx</t>
  </si>
  <si>
    <t>Lista de participantes - Palestra_Data_Analytics_-_DTWeekAlgarTech (284609).xlsx</t>
  </si>
  <si>
    <t>Lista de participantes - Palestra_Desmistificando_a_inteligncia_artificial_-_DTWeekAlgarTech (286306).xlsx</t>
  </si>
  <si>
    <t>Lista de participantes - Palestra_Inteligncia_Artificial_-_DTWeekAlgarTech (284596).xlsx</t>
  </si>
  <si>
    <t>Lista de participantes - Palestra_DUDA_negociadora_virtual_-_DTWeekAlgarTech (286149).xlsx</t>
  </si>
  <si>
    <t>Lista de participantes - Palestra_Que_diabos__essa_tal_de_exponencialidade (1).xlsx</t>
  </si>
  <si>
    <t>Relação participantes Workshop Cocriação Casa Garcia 21-08.xlsx</t>
  </si>
  <si>
    <t>ViistantesBRAIN.xlsx</t>
  </si>
  <si>
    <t>C:\Users\renataalves\Desktop\Inovação\Curadoria dos laboratórios de Inovação\Identidade Visual dos laboratórios\</t>
  </si>
  <si>
    <t>448_ 20397 ALGAR TECH = Re posição Display Estela.xls</t>
  </si>
  <si>
    <t>C:\Users\renataalves\Desktop\Inovação\Curadoria dos laboratórios de Inovação\Orçamento Compras e Infraestrutura LABS\</t>
  </si>
  <si>
    <t>Cópia de Aquisições - InnovationLab.xlsx</t>
  </si>
  <si>
    <t>Orçamento Innovation LAB 2sem 2018.xlsx</t>
  </si>
  <si>
    <t>C:\Users\renataalves\Desktop\Inovação\Ecossistema de Inovação\Influenciadores Ecossistema\Planejamneto 2018 Ecossistema\</t>
  </si>
  <si>
    <t>024_19628 ALGAR TECH = Influencers e Ecossistema Digital a.xls</t>
  </si>
  <si>
    <t>CLUESTER INFLUENCERS E INOVAÇÃO - 2018 final.xlsx</t>
  </si>
  <si>
    <t>https://isd2.algar.tech/bot/upload-intencao/</t>
  </si>
  <si>
    <t>Informacao_Consultar_chamado.csv</t>
  </si>
  <si>
    <t>C:\Users\leonardoefo\Grupo Algar\Waleska Maria Miranda Storti - Gestão área\Orçamento 2020\</t>
  </si>
  <si>
    <t>Desmobilização GST.xlsx</t>
  </si>
  <si>
    <t>C:\Users\renataalves\Desktop\Inovação\DT WEEK\2018\Orçamentos e propostas\</t>
  </si>
  <si>
    <t>Inscrições - Robótica CAMPINAS.xlsx</t>
  </si>
  <si>
    <t>MentoryDTWeek.xlsx</t>
  </si>
  <si>
    <t>C:\Users\renataalves\Desktop\Inovação\DT WEEK\2019\IV Abril\</t>
  </si>
  <si>
    <t>Lições Aprendidas DT Week.xlsx</t>
  </si>
  <si>
    <t>DT Week Algar Tech inscritos e participantes_LISTA_BOXT.xlsx</t>
  </si>
  <si>
    <t>C:\Users\renataalves\Desktop\Inovação\DT WEEK\2019\V Outubro\</t>
  </si>
  <si>
    <t>ACESSO VIP BRAIN_TELECOM.xlsx</t>
  </si>
  <si>
    <t>MOSTRA INOVAÇÃO _ALGAR TECHv2.xlsx</t>
  </si>
  <si>
    <t>Planejamento V DT Weekv2.xlsx</t>
  </si>
  <si>
    <t>Programação_Innovation Week (1).xlsx</t>
  </si>
  <si>
    <t>C:\Users\renataalves\Desktop\Inovação\DT WEEK\2017\Orçamento\</t>
  </si>
  <si>
    <t>C:\Users\renataalves\Desktop\Inovação\DT WEEK\2017\Cronograma\</t>
  </si>
  <si>
    <t>Semana da Transformação Digital_papeis.xlsx</t>
  </si>
  <si>
    <t>C:\Users\renataalves\Desktop\Inovação\Curadoria dos laboratórios de Inovação\InovaBra Habitat\Evento de Inauguração_12 de abril\</t>
  </si>
  <si>
    <t>Planejamento do Evento e checklistv2.xlsx</t>
  </si>
  <si>
    <t>RSVP_Convidados_Inauguração_InovaBraVFINAL.xlsx</t>
  </si>
  <si>
    <t>C:\Users\renataalves\Desktop\Inovação\Curadoria dos laboratórios de Inovação\InovaBra Habitat\Tech Talks InovaBRA\</t>
  </si>
  <si>
    <t>informacao_reset_senha_AD.csv</t>
  </si>
  <si>
    <t>vanessa.terron@avon.com;</t>
  </si>
  <si>
    <t>ENC: Report Filas Backoffice</t>
  </si>
  <si>
    <t>Filas Backoffice Novembro.xlsx</t>
  </si>
  <si>
    <t>vanessa.terron@avon.com</t>
  </si>
  <si>
    <t>Ferramentas de Monitoração.xlsx</t>
  </si>
  <si>
    <t>C:\Users\renataalves\Desktop\Inovação\Curadoria dos laboratórios de Inovação\InovaBra Habitat\Orçamento\</t>
  </si>
  <si>
    <t>143_19897 ALGAR TECH = Banner Roll Up Inova Bra a.xls</t>
  </si>
  <si>
    <t>C:\Users\renataalves\Desktop\Inovação\Curadoria dos laboratórios de Inovação\DigitAL GARage\COMPRAS\</t>
  </si>
  <si>
    <t>Detalhamento Digital Garage.xlsx</t>
  </si>
  <si>
    <t>C:\Users\renataalves\Desktop\Inovação\Curadoria dos laboratórios de Inovação\InovaBra Habitat\Planejamento Espaço InovaBra\</t>
  </si>
  <si>
    <t>CronogramaInovaBRA.xlsx</t>
  </si>
  <si>
    <t>C:\Users\renataalves\Desktop\Inovação\Curadoria dos laboratórios de Inovação\EVENTOS INNOVATION LAB\Curso JAVA\</t>
  </si>
  <si>
    <t>Lista de Interessados_Curso Java.xlsx</t>
  </si>
  <si>
    <t>SelecionadosCursoJAVA.xlsx</t>
  </si>
  <si>
    <t>SelecionadosCursoJAVASYMPLA.xlsx</t>
  </si>
  <si>
    <t>Seleção de participantes - Curso_UaiJUG_-_ADF_de_Criao_de_MicroServios_com_Spring_boot - v1 (310980) (002).xlsx</t>
  </si>
  <si>
    <t>C:\Users\renataalves\Desktop\Inovação\Curadoria dos laboratórios de Inovação\DigitAL GARage\PMO\</t>
  </si>
  <si>
    <t>Detalhamento Digital Garage_CSC.xlsx</t>
  </si>
  <si>
    <t>C:\Users\renataalves\Desktop\Inovação\Curadoria dos laboratórios de Inovação\Mailings Eventos InnovationLAB\III DT Week\</t>
  </si>
  <si>
    <t>Lista de participantes - DT_Week_Algar_Tech_-_Oficina_2310_Maquiagem_Drag_e_Social_com_Victria_Mller (383328).xlsx</t>
  </si>
  <si>
    <t>Lista de participantes - DT_Week_Algar_Tech_-_Oficina_2410_Maquiagem_Drag_e_Social_com_Victria_Mller (386790).xlsx</t>
  </si>
  <si>
    <t>Lista de participantes - DT_Week_Algar_Tech_-_Palestra_2310_Jornada_do_Cliente_na_Comunicao_e_People_Marketing (383350).xlsx</t>
  </si>
  <si>
    <t>Lista de participantes - DT_Week_Algar_Tech_-_Palestra_2210_Customer_Engagement_x_Customer_Experience_e_a_Relao_com_NPS (383127).xlsx</t>
  </si>
  <si>
    <t>Lista de participantes - DT_Week_Algar_Tech_-_Palestra_2410_DSD_-_Digital_Smile_Design_Conceito_com_Marcus_Fahd (385511).xlsx</t>
  </si>
  <si>
    <t>Lista de participantes - DT_Week_Algar_Tech_-_Palestra_2410_Quebrando_as_regras_da_Imagem_Profissional_com_Lorena_Borges (383098).xlsx</t>
  </si>
  <si>
    <t>Lista de participantes - DT_Week_Algar_Tech_-_Palestra_2510_A_Democratizao_da_Influncia_com_Henrique_Barbosa (383368) (1).xlsx</t>
  </si>
  <si>
    <t>Lista de participantes - DT_Week_Algar_Tech_-_Palestra_2510_Exerccio_Fsico_Qual_a_chave_para_o_resultado_com_Lesley (383427).xlsx</t>
  </si>
  <si>
    <t>Lista de participantes - DT_Week_Algar_Tech_-_Palestra_2510_Propsito_e_Inovao-Um_novo_jeito_de_relacionar_nos_negcios (383390) (1).xlsx</t>
  </si>
  <si>
    <t>Lista de participantes - DT_Week_Algar_Tech_-_Workshop_2510_Construa_seu_prprio_Drone (376738).xlsx</t>
  </si>
  <si>
    <t>Lista de participantes - DT_Week_Algar_Tech_-_Palestra_dia_2610_Projeto_Autoridade_Nacional_de_Proteo_de_Dados (373915) (3).xlsx</t>
  </si>
  <si>
    <t>Lista de participantes - DT_Week_Algar_Tech_-_Workshop_Lego_Scrum_Game (373947) (1).xlsx</t>
  </si>
  <si>
    <t>Lista de participantes - DT_Week_Algar_Tech_-__Palestra_2210_O_Futuro__Agora_com_Ligia_Zotinii (373866).xlsx</t>
  </si>
  <si>
    <t>Lista de participantes - DT_Week_Algar_Tech_2510_Mostra_de_Drones_ (373812).xlsx</t>
  </si>
  <si>
    <t>C:\Users\renataalves\Desktop\Inovação\Curadoria dos laboratórios de Inovação\Patrocínios Innovation LAB\CITIES\</t>
  </si>
  <si>
    <t>RodadadeNegóciosSebrae.xlsx</t>
  </si>
  <si>
    <t>raissaasn@algartech.com;</t>
  </si>
  <si>
    <t>ENC: Análise de Improdutividade - Out/19 (Gerencial)</t>
  </si>
  <si>
    <t>Avaliação de Improdutividade - Out19.xlsx</t>
  </si>
  <si>
    <t>raissaasn@algartech.com</t>
  </si>
  <si>
    <t>C:\Users\renataalves\Desktop\Inovação\DT WEEK\2019\IV Abril\Comunicação\</t>
  </si>
  <si>
    <t>Cronograma de ações.com.xlsx</t>
  </si>
  <si>
    <t>Equivlência Comercial - DT Week.xlsx</t>
  </si>
  <si>
    <t>C:\Users\renataalves\Desktop\Inovação\DT WEEK\2019\IV Abril\Palestrantes\</t>
  </si>
  <si>
    <t>CONVIDADOS E PALESTRANTES DT WEEK.xlsx</t>
  </si>
  <si>
    <t>C:\Users\renataalves\Desktop\Inovação\DT WEEK\2019\IV Abril\Planejamento\</t>
  </si>
  <si>
    <t>DT Week - Programação confirmada v15.xlsx</t>
  </si>
  <si>
    <t>DTWeek_PLANEJAMENCO COMPLETO.xlsx</t>
  </si>
  <si>
    <t>Gráficos IV DT WEEK_FINAL.xlsx</t>
  </si>
  <si>
    <t>Relatorio de Exibição Apoio DT WEEK ALGAR de 17-04 à 24-04.xls</t>
  </si>
  <si>
    <t>C:\Users\renataalves\Desktop\Inovação\Curadoria dos laboratórios de Inovação\InovaBra Habitat\Orçamento\REPROVADOS\</t>
  </si>
  <si>
    <t>018_19630 ALGAR TECH - Inova Bra.xls</t>
  </si>
  <si>
    <t>alencar.zanella@bradesco.com.br;csc.viagens@lojasrenner.com.br;diana.zeck@lojasrenner.com.br;juliane.lima@lojasrenner.com.br;</t>
  </si>
  <si>
    <t>Intellilink - Logins de Usuario - You.com.xlsx</t>
  </si>
  <si>
    <t>alencar.zanella@bradesco.com.br,csc.viagens@lojasrenner.com.br,diana.zeck@lojasrenner.com.br,juliane.lima@lojasrenner.com.br</t>
  </si>
  <si>
    <t>Relatório Benrolf</t>
  </si>
  <si>
    <t>Relatório Prazo Mobilização. Pendencias Benrolf 2019.xlsx</t>
  </si>
  <si>
    <t>C:\Users\renataalves\Desktop\Inovação\DT WEEK\2019\IV Abril\Planejamento\LISTA PORTARIA\</t>
  </si>
  <si>
    <t>CONVIDADOS E PALESTRANTES DT WEEK VIP.xlsx</t>
  </si>
  <si>
    <t>C:\Users\renataalves\Desktop\Inovação\DT WEEK\2019\IV Abril\Planejamento\mailingDTWeek\</t>
  </si>
  <si>
    <t>Lista de participantes - DT_Week_Algar_Tech_25_-_Workshop_Prototipe (513250).xlsx</t>
  </si>
  <si>
    <t>Lista de participantes - DT_Week_Algar_Tech_dia_22_-_local_UNIUBE (494610).xlsx</t>
  </si>
  <si>
    <t>Lista de participantes - DT_Week_Algar_Tech_dia_23_-_local_anima_lab_UNA_Karaiba (502518).xlsx</t>
  </si>
  <si>
    <t>Lista de participantes - DT_Week_Algar_Tech_dia_23_-_local_Algar_Tech (494462).xlsx</t>
  </si>
  <si>
    <t>Lista de participantes - DT_Week_Algar_Tech_dia_23_-_local_ESAMC (509446).xlsx</t>
  </si>
  <si>
    <t>Lista de participantes - DT_Week_Algar_Tech_dia_24_-_local_anima_lab_UNA_Karaiba (502540).xlsx</t>
  </si>
  <si>
    <t>Lista de participantes - DT_Week_Algar_Tech_dia_24_-_local_Brain (502200).xlsx</t>
  </si>
  <si>
    <t>Lista de participantes - DT_Week_Algar_Tech_dia_24_-_local_Digital_Garage (509455).xlsx</t>
  </si>
  <si>
    <t>Lista de participantes - DT_Week_Algar_Tech_dia_24_-_local_ESAMC (509454).xlsx</t>
  </si>
  <si>
    <t>Lista de participantes - DT_Week_Algar_Tech_dia_24_-_local_Prefeitura_Municipal_de_Uberlndia (502222).xlsx</t>
  </si>
  <si>
    <t>Lista de participantes - DT_Week_Algar_Tech_dia_24_-_local_UNIUBE (509828).xlsx</t>
  </si>
  <si>
    <t>Lista de participantes - DT_Week_Algar_Tech_dia_25_-_local_Brain (502209).xlsx</t>
  </si>
  <si>
    <t>Lista de participantes - DT_Week_Algar_Tech_dia_25_-_local_Faculdade_Pitgoras (505728).xlsx</t>
  </si>
  <si>
    <t>Lista de participantes - DT_Week_Algar_Tech_dia_25_-_local_Espao_Eureka (501588).xlsx</t>
  </si>
  <si>
    <t>Lista de participantes - DT_Week_Algar_Tech_dia_26_-_local_anima_lab_UNA_Karaiba (503807).xlsx</t>
  </si>
  <si>
    <t>Lista de participantes - DT_Week_Algar_Tech_dia_26_-_local_ESAMC (509460).xlsx</t>
  </si>
  <si>
    <t>Lista de participantes - DT_Week_Algar_Tech_dia_27_-_local_Algar_Tech (509181).xlsx</t>
  </si>
  <si>
    <t>C:\Users\renataalves\Desktop\Inovação\DT WEEK\2019\IV Abril\Planejamento\Orçamentos e COMPRAS\</t>
  </si>
  <si>
    <t>Cronograma e Orçamento 2019 DTWEEK_FINAL.xlsx</t>
  </si>
  <si>
    <t>Formulario Cadastro de Novos Fornecedores - Algar Tech.xlsx</t>
  </si>
  <si>
    <t>Orçamento DT Week_PacoteEventos.xlsx</t>
  </si>
  <si>
    <t>/o=exchangelabs/ou=exchange administrative group (fydibohf23spdlt)/cn=recipients/cn=109f6d628834480fabc1188cbdef64fa-antonia apa;/o=exchangelabs/ou=exchange administrative group (fydibohf23spdlt)/cn=recipients/cn=81f72ed6e9d042e3bed0cec08d488854-vinicius go;leonardo.chacur@ascbrazil.com.br;thiagorrg@algartech.com;</t>
  </si>
  <si>
    <t>RES: Whirlpool - Reunião para avaliação geral (custo vs capacidade )</t>
  </si>
  <si>
    <t>/o=exchangelabs/ou=exchange administrative group (fydibohf23spdlt)/cn=recipients/cn=109f6d628834480fabc1188cbdef64fa-antonia apa,/o=exchangelabs/ou=exchange administrative group (fydibohf23spdlt)/cn=recipients/cn=81f72ed6e9d042e3bed0cec08d488854-vinicius go,leonardo.chacur@ascbrazil.com.br,thiagorrg@algartech.com</t>
  </si>
  <si>
    <t>rateios@algartech.com;</t>
  </si>
  <si>
    <t>\\cppfs\cpdeptos\Inteligencia Operacional\Rosangela\Controle Beedoo (rateio)\</t>
  </si>
  <si>
    <t>10 - Controle de Licenças Beedoo - Outubro.xlsx</t>
  </si>
  <si>
    <t>rateios@algartech.com</t>
  </si>
  <si>
    <t>Preco_Redesenho_NovoAditivo_CloudPrivado_V1.xlsb</t>
  </si>
  <si>
    <t>C:\Users\mariannacsm\OneDrive - Grupo Algar\0- PMO-POOL\POOL\05 - Oportunidades Compras\02 - External NFs\</t>
  </si>
  <si>
    <t>Consolidar na base antiga 0411.xlsx</t>
  </si>
  <si>
    <t>C:\Users\mariannacsm\OneDrive - Grupo Algar\0- PMO-POOL\POOL\01 - Análises CCC\10 - Análises Outubro\</t>
  </si>
  <si>
    <t>Validação de Saving CCC - Outubro 2019.xlsx</t>
  </si>
  <si>
    <t>ENC: Rateio Beedoo Mês de Outubro</t>
  </si>
  <si>
    <t>c:\a2\paulao\folhaponto\maio-2019\</t>
  </si>
  <si>
    <t>entrega folha de ponto maio.xlsx</t>
  </si>
  <si>
    <t>\\acsfs\DEPTOS\Controladoria\3. CSC\CONTROLES CSC\7-Orçamento 2020\Recebidos CSC\RECEBIDO EM 25.10.2019\</t>
  </si>
  <si>
    <t>07 Algar GRUPO TECH Fat_Direto_OFICIAL_2020_V1.xlsx</t>
  </si>
  <si>
    <t>190256 BP VALECARD v2 C018 B018.xlsb</t>
  </si>
  <si>
    <t>C:\Users\renatofol\OneDrive - Grupo Algar\ALGAR_-_Transformação Digital\Consultoria CX\Documentações\TIME CX\Clientes\Vale Card\190256 BP VALECARD v2 C018 B018.xlsb\</t>
  </si>
  <si>
    <t>Planilha Faturamento Infra TI Outubro 2019</t>
  </si>
  <si>
    <t>10.TI TEC Faturamento Outubro 19 Consolidado .xls</t>
  </si>
  <si>
    <t>RES: Fechamento de incentivo</t>
  </si>
  <si>
    <t>Pesquisa de Satisfação - Out19.xlsx</t>
  </si>
  <si>
    <t>/o=exchangelabs/ou=exchange administrative group (fydibohf23spdlt)/cn=recipients/cn=a72a765de829420582b78941417073ac-karina rodr;/o=exchangelabs/ou=exchange administrative group (fydibohf23spdlt)/cn=recipients/cn=d1d015f213f648abbf348b5ccdf8e9d9-senilda per;</t>
  </si>
  <si>
    <t>Departamental Avon SAC - Out.19</t>
  </si>
  <si>
    <t>Departamental Avon SAC - Out.19.xlsx</t>
  </si>
  <si>
    <t>/o=exchangelabs/ou=exchange administrative group (fydibohf23spdlt)/cn=recipients/cn=a72a765de829420582b78941417073ac-karina rodr,/o=exchangelabs/ou=exchange administrative group (fydibohf23spdlt)/cn=recipients/cn=d1d015f213f648abbf348b5ccdf8e9d9-senilda per</t>
  </si>
  <si>
    <t>C:\Users\ricardobal\OneDrive - Grupo Algar\Algar Tecnologia\01 - CLIENTES\</t>
  </si>
  <si>
    <t>Analitico Outubro.xls</t>
  </si>
  <si>
    <t>Departamental Caixa Capitalização - Out.19</t>
  </si>
  <si>
    <t>Departamental Caixa Capitalização - Out.19.xlsx</t>
  </si>
  <si>
    <t>ENC: Reporte diário Formalização PJ VISA 04/11/2019</t>
  </si>
  <si>
    <t>Acompanhamento Intradiário TSC CORP - SEM Pausa 0.xlsm</t>
  </si>
  <si>
    <t>/o=exchangelabs/ou=exchange administrative group (fydibohf23spdlt)/cn=recipients/cn=usera699e94b;</t>
  </si>
  <si>
    <t>Departamental Operações Marília - Out.19</t>
  </si>
  <si>
    <t>Departamental Operações Marília - Out.19.xlsx</t>
  </si>
  <si>
    <t>/o=exchangelabs/ou=exchange administrative group (fydibohf23spdlt)/cn=recipients/cn=usera699e94b</t>
  </si>
  <si>
    <t>Departamental Operações Wasley - Out.19</t>
  </si>
  <si>
    <t>Departamental Operações Wasley - Out.19.xlsx</t>
  </si>
  <si>
    <t>/o=exchangelabs/ou=exchange administrative group (fydibohf23spdlt)/cn=recipients/cn=0ca6cc8d100949a7866a928f62ef5778-rosilene de;/o=exchangelabs/ou=exchange administrative group (fydibohf23spdlt)/cn=recipients/cn=8d66bf0fd9334a81b7c67eda8652a948-guilherme c;/o=exchangelabs/ou=exchange administrative group (fydibohf23spdlt)/cn=recipients/cn=a72a765de829420582b78941417073ac-karina rodr;/o=exchangelabs/ou=exchange administrative group (fydibohf23spdlt)/cn=recipients/cn=a75579a499254c2291e852b70c4d70d1-eunice apar;/o=exchangelabs/ou=exchange administrative group (fydibohf23spdlt)/cn=recipients/cn=e39e329fc16a43329eb2766bae675122-mariana gon;/o=exchangelabs/ou=exchange administrative group (fydibohf23spdlt)/cn=recipients/cn=userd3ef8196;</t>
  </si>
  <si>
    <t>Departamental Whirlpool - Out.19</t>
  </si>
  <si>
    <t>Departamental Whirlpool - Out.19.xlsx</t>
  </si>
  <si>
    <t>/o=exchangelabs/ou=exchange administrative group (fydibohf23spdlt)/cn=recipients/cn=0ca6cc8d100949a7866a928f62ef5778-rosilene de,/o=exchangelabs/ou=exchange administrative group (fydibohf23spdlt)/cn=recipients/cn=8d66bf0fd9334a81b7c67eda8652a948-guilherme c,/o=exchangelabs/ou=exchange administrative group (fydibohf23spdlt)/cn=recipients/cn=a72a765de829420582b78941417073ac-karina rodr,/o=exchangelabs/ou=exchange administrative group (fydibohf23spdlt)/cn=recipients/cn=a75579a499254c2291e852b70c4d70d1-eunice apar,/o=exchangelabs/ou=exchange administrative group (fydibohf23spdlt)/cn=recipients/cn=e39e329fc16a43329eb2766bae675122-mariana gon,/o=exchangelabs/ou=exchange administrative group (fydibohf23spdlt)/cn=recipients/cn=userd3ef8196</t>
  </si>
  <si>
    <t>CR 350000503 - Criação INDIRETOS OUTROS CUSTOS - RECEITA (ENGESET).xlsx</t>
  </si>
  <si>
    <t>10.200.60.232</t>
  </si>
  <si>
    <t>80-86-F2-FE-80-CB</t>
  </si>
  <si>
    <t>NB-FABIANACSCG</t>
  </si>
  <si>
    <t>moanapg</t>
  </si>
  <si>
    <t>mail.google.com/_/upload?authuser=1&amp;dcp=asu-n&amp;upload_id=AEnB2Uq1mGNSr32OIKwyUg0bW4wRYjmrCO0ZMH29dWW21ZZu1krf3ShTwe1V2TSySbPYruq46hP9ngWLn1FBir4AOu71aO3Khg&amp;upload_protocol=resumable</t>
  </si>
  <si>
    <t>C:\Users\moanapg\Desktop\</t>
  </si>
  <si>
    <t>AGITA E AJA_MOANA PAULINA GARCIA_04-11-2019_1.xlsm</t>
  </si>
  <si>
    <t>ENC: Produtividade CRCe até 03/11</t>
  </si>
  <si>
    <t>Produtividade CRC Amex e CRC VMC - Novembro.xlsb</t>
  </si>
  <si>
    <t>mail.google.com/_/upload?authuser=1&amp;dcp=asu-n&amp;upload_id=AEnB2Upp2HIhpUF1uULT3_9O-rlFKmTmOmur1HYUvEE9zW1h1yS-3o2wVBe6nVR2wFXIdYRqZPVc6eFq7pNSRP6qN79Ijk8dGw&amp;upload_protocol=resumable</t>
  </si>
  <si>
    <t>C:\Users\renataalves\Desktop\3REUGER_GRC.pptx\</t>
  </si>
  <si>
    <t>C:\Users\ricardoft\OneDrive - Grupo Algar\Documentos\Projetos\2019\Toyota\</t>
  </si>
  <si>
    <t>Tabela de valores e Horas extras_Toyota.xlsx</t>
  </si>
  <si>
    <t>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a6182d6c8b9844449ff592af92493de1-pricila lim;/o=exchangelabs/ou=exchange administrative group (fydibohf23spdlt)/cn=recipients/cn=a67b870d47244fa19f0fe0fbb7458d8d-igo henriqu;kfantaguzzi@triplait.com;</t>
  </si>
  <si>
    <t>Propostas Técnica e Comercial Algar</t>
  </si>
  <si>
    <t>6Anexo VI RFP - Tabela de precificação - atualizada Algar.xlsx</t>
  </si>
  <si>
    <t>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a6182d6c8b9844449ff592af92493de1-pricila lim,/o=exchangelabs/ou=exchange administrative group (fydibohf23spdlt)/cn=recipients/cn=a67b870d47244fa19f0fe0fbb7458d8d-igo henriqu,kfantaguzzi@triplait.com</t>
  </si>
  <si>
    <t>RES: Projeto Ensejo - Informações de ativos dos demais contratos</t>
  </si>
  <si>
    <t>Itens de estoque.xlsx</t>
  </si>
  <si>
    <t>eunice.pimenta@algartech.com;fabianacscg@algartech.com;</t>
  </si>
  <si>
    <t>Reporte ID ÚNICO_04.11.xlsx</t>
  </si>
  <si>
    <t>eunice.pimenta@algartech.com,fabianacscg@algartech.com</t>
  </si>
  <si>
    <t>ISD_XGBOOST_RESULTS_201911.xlsx</t>
  </si>
  <si>
    <t>Indicadores Outubro- PCD</t>
  </si>
  <si>
    <t>Outubro 19- Tech.xlsm</t>
  </si>
  <si>
    <t>/o=exchangelabs/ou=exchange administrative group (fydibohf23spdlt)/cn=recipients/cn=685a6c7fa4684b9ab51c683ec151a83c-kelly crist;/o=exchangelabs/ou=exchange administrative group (fydibohf23spdlt)/cn=recipients/cn=df47052fb7db4ea4ab2e02b0ddfdc5b6-ana laisa l;</t>
  </si>
  <si>
    <t>ENC: Indicadores Outubro- PCD</t>
  </si>
  <si>
    <t>/o=exchangelabs/ou=exchange administrative group (fydibohf23spdlt)/cn=recipients/cn=685a6c7fa4684b9ab51c683ec151a83c-kelly crist,/o=exchangelabs/ou=exchange administrative group (fydibohf23spdlt)/cn=recipients/cn=df47052fb7db4ea4ab2e02b0ddfdc5b6-ana laisa l</t>
  </si>
  <si>
    <t>Controle de Jornada.xlsx</t>
  </si>
  <si>
    <t>Fatura</t>
  </si>
  <si>
    <t>mail.google.com/_/upload?authuser=0&amp;dcp=asu-n&amp;upload_id=AEnB2Urqsb80Ne_RhVPzW5s39TmSTjk2Mrx3Qfm3CaZCch57Qb0VlDY6A8B1WA0P-hGVdHnkfNxfovnMJNliVDQFDXbVWFyX8ikE5ChKEIxSBp5tNNo_Zn8&amp;upload_protocol=resumable</t>
  </si>
  <si>
    <t>C:\Users\raphaelapm\Desktop\MATERIAL DYNAMICS\Demandas Em Atendimento_DOING\18_Ago_Vale PJ_TOxxxxx - Implantação Oparação Vale\2 - Arquivos de Carga\</t>
  </si>
  <si>
    <t>Modelo Rotinas.xlsx</t>
  </si>
  <si>
    <t>dennergm@algartech.com;gabrielbc@algartech.com;</t>
  </si>
  <si>
    <t>Responsável por empresa.xml</t>
  </si>
  <si>
    <t>dennergm@algartech.com,gabrielbc@algartech.com</t>
  </si>
  <si>
    <t>Skils Sinergia - 15-01-18.xls</t>
  </si>
  <si>
    <t>Horas Logadas SAC e Retenção.xlsx</t>
  </si>
  <si>
    <t>0ANALYSIS_PATTERN - 2019-11-05T082706.605.csv</t>
  </si>
  <si>
    <t>0ANALYSIS_PATTERN - 2019-11-05T083146.004.csv</t>
  </si>
  <si>
    <t>/o=exchangelabs/ou=exchange administrative group (fydibohf23spdlt)/cn=recipients/cn=47dd31b5ac1847959bdefc467c1b7402-ferlem marl;</t>
  </si>
  <si>
    <t>Cronograma Implantação</t>
  </si>
  <si>
    <t>Cronograma Implantação 28_10.xlsx</t>
  </si>
  <si>
    <t>/o=exchangelabs/ou=exchange administrative group (fydibohf23spdlt)/cn=recipients/cn=47dd31b5ac1847959bdefc467c1b7402-ferlem marl</t>
  </si>
  <si>
    <t>GST - 2020.xlsx</t>
  </si>
  <si>
    <t>ENC Clientes Fechado x Internalizados - Reajustes - 2019.msg\s1\</t>
  </si>
  <si>
    <t>eversonmc@algartech.com.br;ideniraa@algartech.com.br;</t>
  </si>
  <si>
    <t>Re Reservar Salas - Lançamento campanha e TRN produtos.msg\s1\</t>
  </si>
  <si>
    <t>eversonmc@algartech.com.br,ideniraa@algartech.com.br</t>
  </si>
  <si>
    <t>Reajustes Contratuais Fechados 2019 (jan a set) - Faturamento.xlsx</t>
  </si>
  <si>
    <t>C:\Users\mariannacsm\OneDrive - Grupo Algar\0- PMO-POOL\PMO\CAPEX\CONSOLIDAÇÃO CAPEX 2020\TECNOLOGIA\</t>
  </si>
  <si>
    <t>Consolidação Demandas Tecnologia.xlsx</t>
  </si>
  <si>
    <t>Trilha supervisores</t>
  </si>
  <si>
    <t>Consolidado trilha formação inicial.xlsx</t>
  </si>
  <si>
    <t>Dados sinergy</t>
  </si>
  <si>
    <t>/o=exchangelabs/ou=exchange administrative group (fydibohf23spdlt)/cn=recipients/cn=1981433b28a2405b86112019a8b25d8f-rodinei per;/o=exchangelabs/ou=exchange administrative group (fydibohf23spdlt)/cn=recipients/cn=546d63420d554c4d858776a48a93ef0f-gustavo de;/o=exchangelabs/ou=exchange administrative group (fydibohf23spdlt)/cn=recipients/cn=c29ec9dae022497281c840087cccddec-patricia ar;/o=exchangelabs/ou=exchange administrative group (fydibohf23spdlt)/cn=recipients/cn=cb5adfd7be5d42f39b6c2497336ba9d7-fernando gu;/o=exchangelabs/ou=exchange administrative group (fydibohf23spdlt)/cn=recipients/cn=fb208f421ae04825a24a31527949a9b4-mariane pri;</t>
  </si>
  <si>
    <t>RES: Reunião de apresentação - Algar</t>
  </si>
  <si>
    <t>Números Consultoria_ajustado Algar.xlsx</t>
  </si>
  <si>
    <t>/o=exchangelabs/ou=exchange administrative group (fydibohf23spdlt)/cn=recipients/cn=1981433b28a2405b86112019a8b25d8f-rodinei per,/o=exchangelabs/ou=exchange administrative group (fydibohf23spdlt)/cn=recipients/cn=546d63420d554c4d858776a48a93ef0f-gustavo de,/o=exchangelabs/ou=exchange administrative group (fydibohf23spdlt)/cn=recipients/cn=c29ec9dae022497281c840087cccddec-patricia ar,/o=exchangelabs/ou=exchange administrative group (fydibohf23spdlt)/cn=recipients/cn=cb5adfd7be5d42f39b6c2497336ba9d7-fernando gu,/o=exchangelabs/ou=exchange administrative group (fydibohf23spdlt)/cn=recipients/cn=fb208f421ae04825a24a31527949a9b4-mariane pri</t>
  </si>
  <si>
    <t>GRC_EPO 9.pptx</t>
  </si>
  <si>
    <t>GRC_EPO 9.pptx\</t>
  </si>
  <si>
    <t>10.201.30.66</t>
  </si>
  <si>
    <t>grazielabo@algartech.com;</t>
  </si>
  <si>
    <t>Plano de Ação Yahsat v2.xlsx</t>
  </si>
  <si>
    <t>grazielabo@algartech.com</t>
  </si>
  <si>
    <t>CURVA NORMAL - 04/11/2019</t>
  </si>
  <si>
    <t>ENC: RELATORIOS EDP</t>
  </si>
  <si>
    <t>PaulaEDP.7z\</t>
  </si>
  <si>
    <t>PaulaEDP.xlsb</t>
  </si>
  <si>
    <t>RES: Intradiario</t>
  </si>
  <si>
    <t>Acompanhamento Intradiário TSC CORP.xlsm</t>
  </si>
  <si>
    <t>/o=exchangelabs/ou=exchange administrative group (fydibohf23spdlt)/cn=recipients/cn=1d548783c10f4c62bcdf5de7a0f55a3e-lucas marqu;/o=exchangelabs/ou=exchange administrative group (fydibohf23spdlt)/cn=recipients/cn=1e212ef08dab4f26b88cba944f2ab7cb-pmo.governa;/o=exchangelabs/ou=exchange administrative group (fydibohf23spdlt)/cn=recipients/cn=443a648e2bd247c69659ca2ac6a18582-adriele fer;/o=exchangelabs/ou=exchange administrative group (fydibohf23spdlt)/cn=recipients/cn=44f0a666541444e787f23979b24aa3bd-reginaldo r;</t>
  </si>
  <si>
    <t>Acompanhamento Capex 2019</t>
  </si>
  <si>
    <t>ACOMPANHAMENTO CAPEX 2019 v04_11v2.pptx\</t>
  </si>
  <si>
    <t>/o=exchangelabs/ou=exchange administrative group (fydibohf23spdlt)/cn=recipients/cn=1d548783c10f4c62bcdf5de7a0f55a3e-lucas marqu,/o=exchangelabs/ou=exchange administrative group (fydibohf23spdlt)/cn=recipients/cn=1e212ef08dab4f26b88cba944f2ab7cb-pmo.governa,/o=exchangelabs/ou=exchange administrative group (fydibohf23spdlt)/cn=recipients/cn=443a648e2bd247c69659ca2ac6a18582-adriele fer,/o=exchangelabs/ou=exchange administrative group (fydibohf23spdlt)/cn=recipients/cn=44f0a666541444e787f23979b24aa3bd-reginaldo r</t>
  </si>
  <si>
    <t>C:\Users\adevilsonfa.ACS\Desktop\Material Academia do Varejo BH - BSB OFICIAL.pptx\</t>
  </si>
  <si>
    <t>/o=exchangelabs/ou=exchange administrative group (fydibohf23spdlt)/cn=recipients/cn=1d548783c10f4c62bcdf5de7a0f55a3e-lucas marqu;/o=exchangelabs/ou=exchange administrative group (fydibohf23spdlt)/cn=recipients/cn=65d35bc38c6743d7a55b3ae9726a5893-diego ribei;</t>
  </si>
  <si>
    <t>Consolidação CAPEX 2020 - Tecnologia e Inovação</t>
  </si>
  <si>
    <t>/o=exchangelabs/ou=exchange administrative group (fydibohf23spdlt)/cn=recipients/cn=1d548783c10f4c62bcdf5de7a0f55a3e-lucas marqu,/o=exchangelabs/ou=exchange administrative group (fydibohf23spdlt)/cn=recipients/cn=65d35bc38c6743d7a55b3ae9726a5893-diego ribei</t>
  </si>
  <si>
    <t>Consolidação Demandas Infra.xlsx</t>
  </si>
  <si>
    <t>mail.google.com/_/upload?authuser=0&amp;dcp=asu-n&amp;upload_id=AEnB2UoAZwZDDznxRxtP4dzJRqeayGcuF8ov9EU8Lcaucr3BhPZmE_95YZ7mu5vWgOZdiIEK0jQEWwVYky6VxtsCQjwjvDJFr8s5W6JUk1W6C5PHCdwp-Jw&amp;upload_protocol=resumable</t>
  </si>
  <si>
    <t>10-2019 Macro Justificativas.xlsx</t>
  </si>
  <si>
    <t>Associaodos MG2.xlt</t>
  </si>
  <si>
    <t>Acompanhamento NPS - TRACK SALES e 5 STAR - Nov/2019</t>
  </si>
  <si>
    <t>/o=exchangelabs/ou=exchange administrative group (fydibohf23spdlt)/cn=recipients/cn=e894bfa401c848dc9e25ced4ad1f3dd7-luciana fer;/o=exchangelabs/ou=exchange administrative group (fydibohf23spdlt)/cn=recipients/cn=f50351055a2944cebcbdc18a918945d6-gustavo res;</t>
  </si>
  <si>
    <t>Reajustes Fechados de JAN -SET-19.xlsx</t>
  </si>
  <si>
    <t>/o=exchangelabs/ou=exchange administrative group (fydibohf23spdlt)/cn=recipients/cn=e894bfa401c848dc9e25ced4ad1f3dd7-luciana fer,/o=exchangelabs/ou=exchange administrative group (fydibohf23spdlt)/cn=recipients/cn=f50351055a2944cebcbdc18a918945d6-gustavo res</t>
  </si>
  <si>
    <t>adrianoms@algartech.com;alinemds@algartech.com;anapscl@algartech.com;cristinahe@algartech.com;fabianapm@algartech.com;fabio.ribeiro@algarnet.onmicrosoft.com;fabiolacc@algartecnologia.com.br;fredericobs@algartecnologia.com.br;katiargf@algartech.com;kelencgt@algartech.com;khassiomp@algartech.com;leandrolds@algartech.com;luanaaoli@algartech.com;lucieneili@algartech.com;rafaelaas@algartech.com;rodrigormc@algartech.com;sabrinadtdmc@algartech.com;sabrinagc@algartech.com;tatianedc@algartech.com;</t>
  </si>
  <si>
    <t>Departamental Outubro.xlsx</t>
  </si>
  <si>
    <t>adrianoms@algartech.com,alinemds@algartech.com,anapscl@algartech.com,cristinahe@algartech.com,fabianapm@algartech.com,fabio.ribeiro@algarnet.onmicrosoft.com,fabiolacc@algartecnologia.com.br,fredericobs@algartecnologia.com.br,katiargf@algartech.com,kelencgt@algartech.com,khassiomp@algartech.com,leandrolds@algartech.com,luanaaoli@algartech.com,lucieneili@algartech.com,rafaelaas@algartech.com,rodrigormc@algartech.com,sabrinadtdmc@algartech.com,sabrinagc@algartech.com,tatianedc@algartech.com</t>
  </si>
  <si>
    <t>C:\Users\renatofol\OneDrive - Grupo Algar\ALGAR_-_Transformação Digital\Consultoria CX\Documentações\TIME CX\DC Corpororativo\</t>
  </si>
  <si>
    <t>C:\Users\douglassp\OneDrive - Grupo Algar\Projetos\GRC 4.0\Apresentações\Projeto RE9_Julio_v2.pptx\</t>
  </si>
  <si>
    <t>C:\Users\rafaelbdt\Documents\</t>
  </si>
  <si>
    <t>Migração Sage.xlsx</t>
  </si>
  <si>
    <t>/o=exchangelabs/ou=exchange administrative group (fydibohf23spdlt)/cn=recipients/cn=249f643ba1e044588b45a020c76dadde-daniel de o;/o=exchangelabs/ou=exchange administrative group (fydibohf23spdlt)/cn=recipients/cn=372a4aee70df4061aed129651510b96b-raul montei;/o=exchangelabs/ou=exchange administrative group (fydibohf23spdlt)/cn=recipients/cn=45f281eb2c55454da382ae61cb22aff4-fabiano mus;/o=exchangelabs/ou=exchange administrative group (fydibohf23spdlt)/cn=recipients/cn=c514dbe8b91547adb4618232d1a650ba-afonso domi;/o=exchangelabs/ou=exchange administrative group (fydibohf23spdlt)/cn=recipients/cn=d376cbd484f64104bc8476daf590c7dc-paulo eduar;</t>
  </si>
  <si>
    <t>RES: SAP</t>
  </si>
  <si>
    <t>BP_Cenário_3.xlsx</t>
  </si>
  <si>
    <t>/o=exchangelabs/ou=exchange administrative group (fydibohf23spdlt)/cn=recipients/cn=249f643ba1e044588b45a020c76dadde-daniel de o,/o=exchangelabs/ou=exchange administrative group (fydibohf23spdlt)/cn=recipients/cn=372a4aee70df4061aed129651510b96b-raul montei,/o=exchangelabs/ou=exchange administrative group (fydibohf23spdlt)/cn=recipients/cn=45f281eb2c55454da382ae61cb22aff4-fabiano mus,/o=exchangelabs/ou=exchange administrative group (fydibohf23spdlt)/cn=recipients/cn=c514dbe8b91547adb4618232d1a650ba-afonso domi,/o=exchangelabs/ou=exchange administrative group (fydibohf23spdlt)/cn=recipients/cn=d376cbd484f64104bc8476daf590c7dc-paulo eduar</t>
  </si>
  <si>
    <t>ENC: Prática Atendimento - Clientes da Prática Atendimento</t>
  </si>
  <si>
    <t>/o=exchangelabs/ou=exchange administrative group (fydibohf23spdlt)/cn=recipients/cn=443a648e2bd247c69659ca2ac6a18582-adriele fer;/o=exchangelabs/ou=exchange administrative group (fydibohf23spdlt)/cn=recipients/cn=89e58c8da071492dbdcb4fee4156b705-gustavo alm;</t>
  </si>
  <si>
    <t>Análise CAPEX Evolução de Vendas GAT</t>
  </si>
  <si>
    <t>Pasta7.xlsx</t>
  </si>
  <si>
    <t>/o=exchangelabs/ou=exchange administrative group (fydibohf23spdlt)/cn=recipients/cn=443a648e2bd247c69659ca2ac6a18582-adriele fer,/o=exchangelabs/ou=exchange administrative group (fydibohf23spdlt)/cn=recipients/cn=89e58c8da071492dbdcb4fee4156b705-gustavo alm</t>
  </si>
  <si>
    <t>/o=exchangelabs/ou=exchange administrative group (fydibohf23spdlt)/cn=recipients/cn=66edf19ebc2742d0aad16b8a34a09b10-andre luiz;alexandre.barbosa@unionsistemas.com.br;</t>
  </si>
  <si>
    <t>Sistema 2 x 120 KW</t>
  </si>
  <si>
    <t>PROP1555.11.2018 - ALGAR TECH - RETROFIT SEDE_28jun2019.xlsx</t>
  </si>
  <si>
    <t>/o=exchangelabs/ou=exchange administrative group (fydibohf23spdlt)/cn=recipients/cn=66edf19ebc2742d0aad16b8a34a09b10-andre luiz,alexandre.barbosa@unionsistemas.com.br</t>
  </si>
  <si>
    <t>c:\users\iramildass\desktop\</t>
  </si>
  <si>
    <t>/o=exchangelabs/ou=exchange administrative group (fydibohf23spdlt)/cn=recipients/cn=1e45e12566d4418ba0325de92fea64a4-akassia bez;/o=exchangelabs/ou=exchange administrative group (fydibohf23spdlt)/cn=recipients/cn=2b69c7de1a3641269a7eed0596e1ddc2-wayner oliv;/o=exchangelabs/ou=exchange administrative group (fydibohf23spdlt)/cn=recipients/cn=35600680776041e0b2e3612c7a4448ea-laura venan;/o=exchangelabs/ou=exchange administrative group (fydibohf23spdlt)/cn=recipients/cn=57b3e0724b2344fcbd88f738d223dd7a-leticia bor;/o=exchangelabs/ou=exchange administrative group (fydibohf23spdlt)/cn=recipients/cn=9e20ba3b6afd447db98f75fb7bdc7037-francisco e;</t>
  </si>
  <si>
    <t>NFAT OUTUBRO 2019.xlsx</t>
  </si>
  <si>
    <t>/o=exchangelabs/ou=exchange administrative group (fydibohf23spdlt)/cn=recipients/cn=1e45e12566d4418ba0325de92fea64a4-akassia bez,/o=exchangelabs/ou=exchange administrative group (fydibohf23spdlt)/cn=recipients/cn=2b69c7de1a3641269a7eed0596e1ddc2-wayner oliv,/o=exchangelabs/ou=exchange administrative group (fydibohf23spdlt)/cn=recipients/cn=35600680776041e0b2e3612c7a4448ea-laura venan,/o=exchangelabs/ou=exchange administrative group (fydibohf23spdlt)/cn=recipients/cn=57b3e0724b2344fcbd88f738d223dd7a-leticia bor,/o=exchangelabs/ou=exchange administrative group (fydibohf23spdlt)/cn=recipients/cn=9e20ba3b6afd447db98f75fb7bdc7037-francisco e</t>
  </si>
  <si>
    <t>RES: Departamental Outubro 2019</t>
  </si>
  <si>
    <t>RECUP DE CUSTO_CINTIA NUNES - OUT.19.xlsx</t>
  </si>
  <si>
    <t>19_11_05 _ Relatório Pipeline Comentado e Fora de Pipe.</t>
  </si>
  <si>
    <t>19_11_05_ Pipeline Comentado_Afonso.xlsx</t>
  </si>
  <si>
    <t>anaedsp@algartech.com;danieldom@algartech.com;fabianowo@algartech.com;ricardobal@algartech.com;</t>
  </si>
  <si>
    <t>xxx-Projeto PPA-v16p.xlsx</t>
  </si>
  <si>
    <t>anaedsp@algartech.com,danieldom@algartech.com,fabianowo@algartech.com,ricardobal@algartech.com</t>
  </si>
  <si>
    <t>174252-BP Preço C015 B014 Desonerada_v3_Final_150119.xlsb</t>
  </si>
  <si>
    <t>C:\Users\douglasxm\Desktop\174252-BP Preço C015 B014 Desonerada_v3_Final_150119.xlsb\</t>
  </si>
  <si>
    <t>19_11_05_ Pipeline Comentado_Raul.xlsx</t>
  </si>
  <si>
    <t>/o=exchangelabs/ou=exchange administrative group (fydibohf23spdlt)/cn=recipients/cn=0e2eb71726a34a0da705bbb0bf5c0367-leonardo me;</t>
  </si>
  <si>
    <t>07 - JULHO - Projeto Precificação - VIla_25.07.pptx\</t>
  </si>
  <si>
    <t>/o=exchangelabs/ou=exchange administrative group (fydibohf23spdlt)/cn=recipients/cn=0e2eb71726a34a0da705bbb0bf5c0367-leonardo me</t>
  </si>
  <si>
    <t>joseebm@algartech.com.br;marciohpr@algartech.com.br;raphaelapm@algartech.com;vanusaos@algartech.com.br;</t>
  </si>
  <si>
    <t>Rotinas VALE</t>
  </si>
  <si>
    <t>'Rotinas VALE.xlsx</t>
  </si>
  <si>
    <t>joseebm@algartech.com.br,marciohpr@algartech.com.br,raphaelapm@algartech.com,vanusaos@algartech.com.br</t>
  </si>
  <si>
    <t>19_11_05_ Pipeline Comentado_Dionizio.xlsx</t>
  </si>
  <si>
    <t>FORMALIZAÇÃO VISA_AMEX_ OUTUBRO - 05-11-2019.xlsm</t>
  </si>
  <si>
    <t>antoniojr@algartech.com;danielhfe@algartech.com;gustavorn@algartech.com;henriqueac@algartech.com;lucianabo@algartech.com;sabrinavds@algartech.com;</t>
  </si>
  <si>
    <t>102019 - Macro Justificativa Novembro.xls</t>
  </si>
  <si>
    <t>antoniojr@algartech.com,danielhfe@algartech.com,gustavorn@algartech.com,henriqueac@algartech.com,lucianabo@algartech.com,sabrinavds@algartech.com</t>
  </si>
  <si>
    <t>Simulação EBIT - BV Financeira</t>
  </si>
  <si>
    <t>Simulação Ebit _ BV Financeira _ Outubro.19.xls</t>
  </si>
  <si>
    <t>RES: Produtividade do BKO e Prevenção Out/2019</t>
  </si>
  <si>
    <t>10 - Produtividade Prevenção Ativo.xlsx</t>
  </si>
  <si>
    <t>'premiumsupervisores@algartech.com.br';'raquelcl@algartech.com';'supervisores_rosilene@algartech.com.br';/o=exchangelabs/ou=exchange administrative group (fydibohf23spdlt)/cn=recipients/cn=f45617401bdf436baf70c45766699413-frederico b;alessandracm@algartech.com;anapscl@algartech.com;andressacpd@algartech.com;b2k-supervisoreseunice@algarnet.onmicrosoft.com;b2ksupervisoresrafaela@algartech.com;carolinaasil@algartech.com;contestacao_supervisores@algartech.com.br;dayarag@algartech.com;elencassiapo@algartech.com;eunice.pimenta@algartech.com;fernandaccn@algartech.com;heloisaal@algartech.com;igorars@algartech.com;jussaragp@algartech.com;katiargf@algartech.com;kelencgt@algartech.com;luanaaoli@algartech.com;mariajcb@algartech.com;michelecdc@algartech.com;micheless@algartech.com;premiumatendimento@algartech.com;primeatendimento@algartech.com;priscilalb@algartech.com;rafaelaas@algartech.com;rafaeldsa@algartech.com;sabrinagc@algartech.com;tassianecv@algartech.com;tatianamac@algartech.com;thaisalves.oliveira@temposervicos.</t>
  </si>
  <si>
    <t>Microanálise.xlsm</t>
  </si>
  <si>
    <t>'premiumsupervisores@algartech.com.br','raquelcl@algartech.com','supervisores_rosilene@algartech.com.br',/o=exchangelabs/ou=exchange administrative group (fydibohf23spdlt)/cn=recipients/cn=f45617401bdf436baf70c45766699413-frederico b,alessandracm@algartech.com,anapscl@algartech.com,andressacpd@algartech.com,b2k-supervisoreseunice@algarnet.onmicrosoft.com,b2ksupervisoresrafaela@algartech.com,carolinaasil@algartech.com,contestacao_supervisores@algartech.com.br,dayarag@algartech.com,elencassiapo@algartech.com,eunice.pimenta@algartech.com,fernandaccn@algartech.com,heloisaal@algartech.com,igorars@algartech.com,jussaragp@algartech.com,katiargf@algartech.com,kelencgt@algartech.com,luanaaoli@algartech.com,mariajcb@algartech.com,michelecdc@algartech.com,micheless@algartech.com,premiumatendimento@algartech.com,primeatendimento@algartech.com,priscilalb@algartech.com,rafaelaas@algartech.com,rafaeldsa@algartech.com,sabrinagc@algartech.com,tassianecv@algartech.com,tatianamac@algartech.com,thaisalves.oliveira@temposervicos.</t>
  </si>
  <si>
    <t>Árvores NPS - Modelo antigo e Modelo Novo</t>
  </si>
  <si>
    <t>UDI - WHIRLPOOL - NPS DETRATORES.xlsm</t>
  </si>
  <si>
    <t>mail.google.com/_/upload?authuser=1&amp;dcp=asu-n&amp;upload_id=AEnB2Uot09a1Ye-F0rkFCSJLQP-7VJ6WBXY5ZCRViCsT5eBtfElDZ4u7--swTNsrgahFbBA1A8mZ_6hAEK-MAmR6m0jpnANVQw&amp;upload_protocol=resumable</t>
  </si>
  <si>
    <t>C:\Users\lauravx\Documents\</t>
  </si>
  <si>
    <t>DENISE NFAT.xlsx</t>
  </si>
  <si>
    <t>/o=exchangelabs/ou=exchange administrative group (fydibohf23spdlt)/cn=recipients/cn=835c532cfb2546d29b9ec50eab1593d1-carla betan;</t>
  </si>
  <si>
    <t>RFP Unimed</t>
  </si>
  <si>
    <t>Dimensionamento do Serviço GIAT + Mon_Cog - Unimed Seguros.xlsm</t>
  </si>
  <si>
    <t>/o=exchangelabs/ou=exchange administrative group (fydibohf23spdlt)/cn=recipients/cn=835c532cfb2546d29b9ec50eab1593d1-carla betan</t>
  </si>
  <si>
    <t>19_11_05_ Pipeline Comentado_ LATAM</t>
  </si>
  <si>
    <t>19_11_05_ Pipeline Comentado_ LATAM.xlsx</t>
  </si>
  <si>
    <t>junior@quatrocor.com.br;</t>
  </si>
  <si>
    <t>RES: Apresentação</t>
  </si>
  <si>
    <t>junior@quatrocor.com.br</t>
  </si>
  <si>
    <t>C:\Users\rodrigofrs\Desktop\</t>
  </si>
  <si>
    <t>pontos-outubro.xlsx</t>
  </si>
  <si>
    <t>\\acsfs\DEPTOS\Governança da Estratégia\Planejamento\2020\Orçamento\Longo Prazo\Enviados para as áreas\Longo Prazo _ Modelo Apresentação_Financeiro.pptx\</t>
  </si>
  <si>
    <t>/o=exchangelabs/ou=exchange administrative group (fydibohf23spdlt)/cn=recipients/cn=5c622a418fd946f4953ddb5f89bb73ce-vanessa da;</t>
  </si>
  <si>
    <t>/o=exchangelabs/ou=exchange administrative group (fydibohf23spdlt)/cn=recipients/cn=5c622a418fd946f4953ddb5f89bb73ce-vanessa da</t>
  </si>
  <si>
    <t>/o=exchangelabs/ou=exchange administrative group (fydibohf23spdlt)/cn=recipients/cn=00dbcea0702d4358b7c66d1d0dd7b863-juliana tei;/o=exchangelabs/ou=exchange administrative group (fydibohf23spdlt)/cn=recipients/cn=833a4c5dadca435980ffa6269db0b404-deborah vie;</t>
  </si>
  <si>
    <t>RES: Parcial de Qualidade Outubro</t>
  </si>
  <si>
    <t>ALGAR - Fechamento OUTUBRO2019_Cobrança Banco.msg\s1\</t>
  </si>
  <si>
    <t>ALGAR_ Fechamento- Cobrança Banco - Outubro_2019 envio.xlsx</t>
  </si>
  <si>
    <t>/o=exchangelabs/ou=exchange administrative group (fydibohf23spdlt)/cn=recipients/cn=00dbcea0702d4358b7c66d1d0dd7b863-juliana tei,/o=exchangelabs/ou=exchange administrative group (fydibohf23spdlt)/cn=recipients/cn=833a4c5dadca435980ffa6269db0b404-deborah vie</t>
  </si>
  <si>
    <t>/o=exchangelabs/ou=exchange administrative group (fydibohf23spdlt)/cn=recipients/cn=122c3ad8b401472e84885d44a2466b4c-jair de pau;/o=exchangelabs/ou=exchange administrative group (fydibohf23spdlt)/cn=recipients/cn=49457acaa5584c6d8daec8f0ad186be2-carlos maur;/o=exchangelabs/ou=exchange administrative group (fydibohf23spdlt)/cn=recipients/cn=651324bc204a42f6bbcdf62273ebdc5c-aluisio ant;/o=exchangelabs/ou=exchange administrative group (fydibohf23spdlt)/cn=recipients/cn=65d35bc38c6743d7a55b3ae9726a5893-diego ribei;/o=exchangelabs/ou=exchange administrative group (fydibohf23spdlt)/cn=recipients/cn=fedd0b8e2dbf442f837981a40559d630-viviane bar;/o=exchangelabs/ou=exchange administrative group (fydibohf23spdlt)/cn=recipients/cn=user3949317b;/o=exchangelabs/ou=exchange administrative group (fydibohf23spdlt)/cn=recipients/cn=user78f7a52d;</t>
  </si>
  <si>
    <t>Apresentação Revisão de LP GAT + CAPEX</t>
  </si>
  <si>
    <t>/o=exchangelabs/ou=exchange administrative group (fydibohf23spdlt)/cn=recipients/cn=122c3ad8b401472e84885d44a2466b4c-jair de pau,/o=exchangelabs/ou=exchange administrative group (fydibohf23spdlt)/cn=recipients/cn=49457acaa5584c6d8daec8f0ad186be2-carlos maur,/o=exchangelabs/ou=exchange administrative group (fydibohf23spdlt)/cn=recipients/cn=651324bc204a42f6bbcdf62273ebdc5c-aluisio ant,/o=exchangelabs/ou=exchange administrative group (fydibohf23spdlt)/cn=recipients/cn=65d35bc38c6743d7a55b3ae9726a5893-diego ribei,/o=exchangelabs/ou=exchange administrative group (fydibohf23spdlt)/cn=recipients/cn=fedd0b8e2dbf442f837981a40559d630-viviane bar,/o=exchangelabs/ou=exchange administrative group (fydibohf23spdlt)/cn=recipients/cn=user3949317b,/o=exchangelabs/ou=exchange administrative group (fydibohf23spdlt)/cn=recipients/cn=user78f7a52d</t>
  </si>
  <si>
    <t>Atualização sistema de recuperação de custo</t>
  </si>
  <si>
    <t>Cadastro CR - Recuperação de Custo_v2.xlsx</t>
  </si>
  <si>
    <t>/o=exchangelabs/ou=exchange administrative group (fydibohf23spdlt)/cn=recipients/cn=1e212ef08dab4f26b88cba944f2ab7cb-pmo.governa;/o=exchangelabs/ou=exchange administrative group (fydibohf23spdlt)/cn=recipients/cn=287c26b08a0f48578479a15a452f025d-edilson rod;/o=exchangelabs/ou=exchange administrative group (fydibohf23spdlt)/cn=recipients/cn=65d35bc38c6743d7a55b3ae9726a5893-diego ribei;/o=exchangelabs/ou=exchange administrative group (fydibohf23spdlt)/cn=recipients/cn=66edf19ebc2742d0aad16b8a34a09b10-andre luiz;/o=exchangelabs/ou=exchange administrative group (fydibohf23spdlt)/cn=recipients/cn=8a0784ccebb14202a66b1b8f3a285b61-thais de al;/o=exchangelabs/ou=exchange administrative group (fydibohf23spdlt)/cn=recipients/cn=9c85290e8238419a823a4b55320e99cb-andre luis;/o=exchangelabs/ou=exchange administrative group (fydibohf23spdlt)/cn=recipients/cn=d9644ee8967f497e8a9f5314ba4500b5-gabriel jos;/o=exchangelabs/ou=exchange administrative group (fydibohf23spdlt)/cn=recipients/cn=user7c077f95;</t>
  </si>
  <si>
    <t>RES: [Substituição Disjuntores] - Risco de Atraso na Entrega</t>
  </si>
  <si>
    <t>RES Projeto Mini Disjuntores - TAP para Validação.msg\s274\</t>
  </si>
  <si>
    <t>/o=exchangelabs/ou=exchange administrative group (fydibohf23spdlt)/cn=recipients/cn=1e212ef08dab4f26b88cba944f2ab7cb-pmo.governa,/o=exchangelabs/ou=exchange administrative group (fydibohf23spdlt)/cn=recipients/cn=287c26b08a0f48578479a15a452f025d-edilson rod,/o=exchangelabs/ou=exchange administrative group (fydibohf23spdlt)/cn=recipients/cn=65d35bc38c6743d7a55b3ae9726a5893-diego ribei,/o=exchangelabs/ou=exchange administrative group (fydibohf23spdlt)/cn=recipients/cn=66edf19ebc2742d0aad16b8a34a09b10-andre luiz,/o=exchangelabs/ou=exchange administrative group (fydibohf23spdlt)/cn=recipients/cn=8a0784ccebb14202a66b1b8f3a285b61-thais de al,/o=exchangelabs/ou=exchange administrative group (fydibohf23spdlt)/cn=recipients/cn=9c85290e8238419a823a4b55320e99cb-andre luis,/o=exchangelabs/ou=exchange administrative group (fydibohf23spdlt)/cn=recipients/cn=d9644ee8967f497e8a9f5314ba4500b5-gabriel jos,/o=exchangelabs/ou=exchange administrative group (fydibohf23spdlt)/cn=recipients/cn=user7c077f95</t>
  </si>
  <si>
    <t>Erros de API - CSC Atende - Jú</t>
  </si>
  <si>
    <t>relatorio_de_requisicoes.xlsx</t>
  </si>
  <si>
    <t>/o=exchangelabs/ou=exchange administrative group (fydibohf23spdlt)/cn=recipients/cn=1698f5af44b14116ad2d0b751d584c7d-danilo rafa;/o=exchangelabs/ou=exchange administrative group (fydibohf23spdlt)/cn=recipients/cn=19563ef64edf42e7841a8719ae7bfe65-ythia karla;/o=exchangelabs/ou=exchange administrative group (fydibohf23spdlt)/cn=recipients/cn=64181a18b9164d10956ec48be12b9a5d-gisele cris;/o=exchangelabs/ou=exchange administrative group (fydibohf23spdlt)/cn=recipients/cn=b60c7f02b7944b639da5c2f90b0fe2f5-diogo soare;</t>
  </si>
  <si>
    <t>ENC: Indicadores de Outubro 2019</t>
  </si>
  <si>
    <t>Planilha de Estatística de Abertura de CAT (Outubro 2019).xlsx</t>
  </si>
  <si>
    <t>/o=exchangelabs/ou=exchange administrative group (fydibohf23spdlt)/cn=recipients/cn=1698f5af44b14116ad2d0b751d584c7d-danilo rafa,/o=exchangelabs/ou=exchange administrative group (fydibohf23spdlt)/cn=recipients/cn=19563ef64edf42e7841a8719ae7bfe65-ythia karla,/o=exchangelabs/ou=exchange administrative group (fydibohf23spdlt)/cn=recipients/cn=64181a18b9164d10956ec48be12b9a5d-gisele cris,/o=exchangelabs/ou=exchange administrative group (fydibohf23spdlt)/cn=recipients/cn=b60c7f02b7944b639da5c2f90b0fe2f5-diogo soare</t>
  </si>
  <si>
    <t>/o=exchangelabs/ou=exchange administrative group (fydibohf23spdlt)/cn=recipients/cn=372a4aee70df4061aed129651510b96b-raul montei;/o=exchangelabs/ou=exchange administrative group (fydibohf23spdlt)/cn=recipients/cn=f7a4290a46314a3cbb0d392508a7b5c5-luciana sil;apinto@netflix.com;</t>
  </si>
  <si>
    <t>Apresentação Programa Customer Sucess - Algartech / Netflix</t>
  </si>
  <si>
    <t>/o=exchangelabs/ou=exchange administrative group (fydibohf23spdlt)/cn=recipients/cn=372a4aee70df4061aed129651510b96b-raul montei,/o=exchangelabs/ou=exchange administrative group (fydibohf23spdlt)/cn=recipients/cn=f7a4290a46314a3cbb0d392508a7b5c5-luciana sil,apinto@netflix.com</t>
  </si>
  <si>
    <t>/o=exchangelabs/ou=exchange administrative group (fydibohf23spdlt)/cn=recipients/cn=c6b65bcbd0d144b2bde0a46a43adb9ad-lucas santo;</t>
  </si>
  <si>
    <t>Planilha Mapeamento de Clausula</t>
  </si>
  <si>
    <t>Mapeamento de cláusula V1_.xlsx</t>
  </si>
  <si>
    <t>/o=exchangelabs/ou=exchange administrative group (fydibohf23spdlt)/cn=recipients/cn=c6b65bcbd0d144b2bde0a46a43adb9ad-lucas santo</t>
  </si>
  <si>
    <t>FORMALIZAÇÃO VISA_AMEX_ Novembro - 05-11-2019.xlsm</t>
  </si>
  <si>
    <t>Senso critico regulamentado atual.xlsx</t>
  </si>
  <si>
    <t>Quebra Diária - Compra Certa _Novembro/2019</t>
  </si>
  <si>
    <t>11 - Quebra Diária - Compra Certa_Novembro 2019.xlsx</t>
  </si>
  <si>
    <t>/o=exchangelabs/ou=exchange administrative group (fydibohf23spdlt)/cn=recipients/cn=1635ed1077024674b65c52767dacde9a-jullian pac;/o=exchangelabs/ou=exchange administrative group (fydibohf23spdlt)/cn=recipients/cn=453b61456320491dad510b65b310018f-kelen crist;/o=exchangelabs/ou=exchange administrative group (fydibohf23spdlt)/cn=recipients/cn=52e670e2f8dd45f6bb83074a02c43b48-priscila ap;/o=exchangelabs/ou=exchange administrative group (fydibohf23spdlt)/cn=recipients/cn=88e4fcbd3ea14730a81286cc0683fb42-manoel eloy;/o=exchangelabs/ou=exchange administrative group (fydibohf23spdlt)/cn=recipients/cn=90bbd36f936b4bc78e1fbd0a7eb4aa7d-samantha du;/o=exchangelabs/ou=exchange administrative group (fydibohf23spdlt)/cn=recipients/cn=a78f7dae304e472e9f75bd537683f6e5-hugo de oli;/o=exchangelabs/ou=exchange administrative group (fydibohf23spdlt)/cn=recipients/cn=b712c36eebee42428d3790abe2696417-romario gom;/o=exchangelabs/ou=exchange administrative group (fydibohf23spdlt)/cn=recipients/cn=bcc9538754d3496ea31a487e560f8214-silv</t>
  </si>
  <si>
    <t>RES: Estudo do aumento de volume - Troca de Device</t>
  </si>
  <si>
    <t>Arquivo troca de device Day.xlsx</t>
  </si>
  <si>
    <t>/o=exchangelabs/ou=exchange administrative group (fydibohf23spdlt)/cn=recipients/cn=1635ed1077024674b65c52767dacde9a-jullian pac,/o=exchangelabs/ou=exchange administrative group (fydibohf23spdlt)/cn=recipients/cn=453b61456320491dad510b65b310018f-kelen crist,/o=exchangelabs/ou=exchange administrative group (fydibohf23spdlt)/cn=recipients/cn=52e670e2f8dd45f6bb83074a02c43b48-priscila ap,/o=exchangelabs/ou=exchange administrative group (fydibohf23spdlt)/cn=recipients/cn=88e4fcbd3ea14730a81286cc0683fb42-manoel eloy,/o=exchangelabs/ou=exchange administrative group (fydibohf23spdlt)/cn=recipients/cn=90bbd36f936b4bc78e1fbd0a7eb4aa7d-samantha du,/o=exchangelabs/ou=exchange administrative group (fydibohf23spdlt)/cn=recipients/cn=a78f7dae304e472e9f75bd537683f6e5-hugo de oli,/o=exchangelabs/ou=exchange administrative group (fydibohf23spdlt)/cn=recipients/cn=b712c36eebee42428d3790abe2696417-romario gom,/o=exchangelabs/ou=exchange administrative group (fydibohf23spdlt)/cn=recipients/cn=bcc9538754d3496ea31a487e560f8214-silv</t>
  </si>
  <si>
    <t>aline_alves_monteiro@yahoo.com.br;</t>
  </si>
  <si>
    <t>Atestado 04/11/2019</t>
  </si>
  <si>
    <t>Modelo Projeto Auto Coaching.xlsx</t>
  </si>
  <si>
    <t>aline_alves_monteiro@yahoo.com.br</t>
  </si>
  <si>
    <t>Razão Qlikview outubro/2019</t>
  </si>
  <si>
    <t>TB03_20191105_112130.xls</t>
  </si>
  <si>
    <t>ENC: M&amp;As</t>
  </si>
  <si>
    <t>Monitoramento de M&amp;As_vs02.xlsx</t>
  </si>
  <si>
    <t>RES: Material Reunião TATI - Clientes Dionízio (Potencial vendas).xlsx</t>
  </si>
  <si>
    <t>Material Reunião TATI - Clientes Dionízio (Potencial vendas) - Algar Telecom.xlsx</t>
  </si>
  <si>
    <t>/o=exchangelabs/ou=exchange administrative group (fydibohf23spdlt)/cn=recipients/cn=3188323005a04a70962871b2b980355d-humberto pi;/o=exchangelabs/ou=exchange administrative group (fydibohf23spdlt)/cn=recipients/cn=33d249108a194f94ad1c0c445c411f81-sabrina vie;/o=exchangelabs/ou=exchange administrative group (fydibohf23spdlt)/cn=recipients/cn=365a174aa87c4e7791042b5696995b1b-marcos rola;/o=exchangelabs/ou=exchange administrative group (fydibohf23spdlt)/cn=recipients/cn=5c622a418fd946f4953ddb5f89bb73ce-vanessa da;/o=exchangelabs/ou=exchange administrative group (fydibohf23spdlt)/cn=recipients/cn=c32cee7d339f4e7fab5beda7be171cc0-priscila ca;/o=exchangelabs/ou=exchange administrative group (fydibohf23spdlt)/cn=recipients/cn=c514dbe8b91547adb4618232d1a650ba-afonso domi;/o=exchangelabs/ou=exchange administrative group (fydibohf23spdlt)/cn=recipients/cn=cb5adfd7be5d42f39b6c2497336ba9d7-fernando gu;/o=exchangelabs/ou=exchange administrative group (fydibohf23spdlt)/cn=recipients/cn=e3778f57d65f4c17a6287602f9eb0cdc-aless</t>
  </si>
  <si>
    <t>Visão Final Orçamento Nespresso.xls</t>
  </si>
  <si>
    <t>/o=exchangelabs/ou=exchange administrative group (fydibohf23spdlt)/cn=recipients/cn=3188323005a04a70962871b2b980355d-humberto pi,/o=exchangelabs/ou=exchange administrative group (fydibohf23spdlt)/cn=recipients/cn=33d249108a194f94ad1c0c445c411f81-sabrina vie,/o=exchangelabs/ou=exchange administrative group (fydibohf23spdlt)/cn=recipients/cn=365a174aa87c4e7791042b5696995b1b-marcos rola,/o=exchangelabs/ou=exchange administrative group (fydibohf23spdlt)/cn=recipients/cn=5c622a418fd946f4953ddb5f89bb73ce-vanessa da,/o=exchangelabs/ou=exchange administrative group (fydibohf23spdlt)/cn=recipients/cn=c32cee7d339f4e7fab5beda7be171cc0-priscila ca,/o=exchangelabs/ou=exchange administrative group (fydibohf23spdlt)/cn=recipients/cn=c514dbe8b91547adb4618232d1a650ba-afonso domi,/o=exchangelabs/ou=exchange administrative group (fydibohf23spdlt)/cn=recipients/cn=cb5adfd7be5d42f39b6c2497336ba9d7-fernando gu,/o=exchangelabs/ou=exchange administrative group (fydibohf23spdlt)/cn=recipients/cn=e3778f57d65f4c17a6287602f9eb0cdc-aless</t>
  </si>
  <si>
    <t>reginaldort@algartech.com;</t>
  </si>
  <si>
    <t>C:\Users\alessandroam\OneDrive\OneDrive - Grupo Algar\01 - Historico\02 - Seg Informação\06 - CIPHER\Holding_20190905_CIPHER_ALGARTECH_ApresentacaoEncerramento_Completa.pptx\</t>
  </si>
  <si>
    <t>mail.google.com/_/upload?authuser=0&amp;dcp=asu-n&amp;upload_id=AEnB2UoC46NOFBDiSp_hs6Ml2sN1lhyQwnMkO1XwKGKzFQSmlbYnIR1GLYCG90y7w4NcJHhlU5sSBXYTskx3lcGTNMV0M6Iv89glGBbgcMqD08_sIEEwh28&amp;upload_protocol=resumable</t>
  </si>
  <si>
    <t>C:\Users\gustavoplo\Documents\Telecom\2- RETENÇÃO\2- Acompanhamento Curvas\</t>
  </si>
  <si>
    <t>2019_11_Projeto_Evolução_SOSTENES.xlsx</t>
  </si>
  <si>
    <t>/o=exchangelabs/ou=exchange administrative group (fydibohf23spdlt)/cn=recipients/cn=4a12565b1fd641949c422bae61f78467-antonia jaq;/o=exchangelabs/ou=exchange administrative group (fydibohf23spdlt)/cn=recipients/cn=7d13fcff1e804d05afcf907fc6d75650-piero crede;/o=exchangelabs/ou=exchange administrative group (fydibohf23spdlt)/cn=recipients/cn=8c89829ad534498fa4c85b5ac11174f1-suelen more;/o=exchangelabs/ou=exchange administrative group (fydibohf23spdlt)/cn=recipients/cn=a67b870d47244fa19f0fe0fbb7458d8d-igo henriqu;/o=exchangelabs/ou=exchange administrative group (fydibohf23spdlt)/cn=recipients/cn=c6f5c50e91244036872327464dc6624a-cinthia mar;</t>
  </si>
  <si>
    <t>ENC: RFQ Rollout Computadores - 217404 -</t>
  </si>
  <si>
    <t>Cronograma - Projeto Computadores.xlsx</t>
  </si>
  <si>
    <t>/o=exchangelabs/ou=exchange administrative group (fydibohf23spdlt)/cn=recipients/cn=4a12565b1fd641949c422bae61f78467-antonia jaq,/o=exchangelabs/ou=exchange administrative group (fydibohf23spdlt)/cn=recipients/cn=7d13fcff1e804d05afcf907fc6d75650-piero crede,/o=exchangelabs/ou=exchange administrative group (fydibohf23spdlt)/cn=recipients/cn=8c89829ad534498fa4c85b5ac11174f1-suelen more,/o=exchangelabs/ou=exchange administrative group (fydibohf23spdlt)/cn=recipients/cn=a67b870d47244fa19f0fe0fbb7458d8d-igo henriqu,/o=exchangelabs/ou=exchange administrative group (fydibohf23spdlt)/cn=recipients/cn=c6f5c50e91244036872327464dc6624a-cinthia mar</t>
  </si>
  <si>
    <t>marcellusrlj@algartech.com;rudneylc@algartech.com;</t>
  </si>
  <si>
    <t>CR's Bradesco.xlsb</t>
  </si>
  <si>
    <t>marcellusrlj@algartech.com,rudneylc@algartech.com</t>
  </si>
  <si>
    <t>mail.google.com/_/upload?authuser=0&amp;dcp=asu-n&amp;upload_id=AEnB2Up0M0GeuJcGZji1sui8gz2ORk9Tf8qZ2jhe8QkIR-tt6FqysAl8yKyuLQQATCodgBELYzNM1idDFjVRBX3os1IO7DbNIka4m-8w3nPqYRA22sO8IhM&amp;upload_protocol=resumable</t>
  </si>
  <si>
    <t>4 - [TEMPLATE - MIGRAÇÃO] Relação de Recursos_v1.xlsx</t>
  </si>
  <si>
    <t>/o=exchangelabs/ou=exchange administrative group (fydibohf23spdlt)/cn=recipients/cn=46e34a3dd66548f3b9bd29a71a9ad9be-iara santos;</t>
  </si>
  <si>
    <t>ENC: Report de resultados projetos avos de férias</t>
  </si>
  <si>
    <t>Report_Programação de férias 3010 - Marcelo.xlsx</t>
  </si>
  <si>
    <t>/o=exchangelabs/ou=exchange administrative group (fydibohf23spdlt)/cn=recipients/cn=46e34a3dd66548f3b9bd29a71a9ad9be-iara santos</t>
  </si>
  <si>
    <t>/o=exchangelabs/ou=exchange administrative group (fydibohf23spdlt)/cn=recipients/cn=bfa4be47b95e449d951ec48d7256253d-diretoria -;/o=exchangelabs/ou=exchange administrative group (fydibohf23spdlt)/cn=recipients/cn=f7a4290a46314a3cbb0d392508a7b5c5-luciana sil;/o=exchangelabs/ou=exchange administrative group (fydibohf23spdlt)/cn=recipients/cn=user3949317b;</t>
  </si>
  <si>
    <t>ENC: mateiral sobre industria financeira</t>
  </si>
  <si>
    <t>/o=exchangelabs/ou=exchange administrative group (fydibohf23spdlt)/cn=recipients/cn=bfa4be47b95e449d951ec48d7256253d-diretoria -,/o=exchangelabs/ou=exchange administrative group (fydibohf23spdlt)/cn=recipients/cn=f7a4290a46314a3cbb0d392508a7b5c5-luciana sil,/o=exchangelabs/ou=exchange administrative group (fydibohf23spdlt)/cn=recipients/cn=user3949317b</t>
  </si>
  <si>
    <t>ENC: Pipeline em execução</t>
  </si>
  <si>
    <t>/o=exchangelabs/ou=exchange administrative group (fydibohf23spdlt)/cn=recipients/cn=54861e79125f48cc952d00cf8160b9a8-jeferson fe;/o=exchangelabs/ou=exchange administrative group (fydibohf23spdlt)/cn=recipients/cn=cd93dacc38404a95a829585c2e317a9f-dionizio ri;</t>
  </si>
  <si>
    <t>ENC: Jurídico - STATUS VENDAS RELEVANTES - update 04/11/2019 - Assinatura de contrato</t>
  </si>
  <si>
    <t>JURÍDICO - VENDAS RELEVANTES UPDATE 04-11-2019.xlsb</t>
  </si>
  <si>
    <t>/o=exchangelabs/ou=exchange administrative group (fydibohf23spdlt)/cn=recipients/cn=54861e79125f48cc952d00cf8160b9a8-jeferson fe,/o=exchangelabs/ou=exchange administrative group (fydibohf23spdlt)/cn=recipients/cn=cd93dacc38404a95a829585c2e317a9f-dionizio ri</t>
  </si>
  <si>
    <t>/o=exchangelabs/ou=exchange administrative group (fydibohf23spdlt)/cn=recipients/cn=dbbd8f0ded684a0da1f86de885191588-gustavo mat;</t>
  </si>
  <si>
    <t>ENC: Prudential - Resumo Executivo Atualizado</t>
  </si>
  <si>
    <t>Prudential - Resumo Executivo_Outubro.pptx\</t>
  </si>
  <si>
    <t>/o=exchangelabs/ou=exchange administrative group (fydibohf23spdlt)/cn=recipients/cn=dbbd8f0ded684a0da1f86de885191588-gustavo mat</t>
  </si>
  <si>
    <t>ENC: Volume Gerenciadas Amex e Visa - 05/11</t>
  </si>
  <si>
    <t>/o=exchangelabs/ou=exchange administrative group (fydibohf23spdlt)/cn=recipients/cn=82e9af7034e542b3a622ab8e7d09ff5d-ricardo de;/o=exchangelabs/ou=exchange administrative group (fydibohf23spdlt)/cn=recipients/cn=b284454839e94314a90d49e7ec00864f-antonio car;</t>
  </si>
  <si>
    <t>Clientes e Praticas_Cadastro GRC(1).xlsb</t>
  </si>
  <si>
    <t>/o=exchangelabs/ou=exchange administrative group (fydibohf23spdlt)/cn=recipients/cn=82e9af7034e542b3a622ab8e7d09ff5d-ricardo de,/o=exchangelabs/ou=exchange administrative group (fydibohf23spdlt)/cn=recipients/cn=b284454839e94314a90d49e7ec00864f-antonio car</t>
  </si>
  <si>
    <t>/o=exchangelabs/ou=exchange administrative group (fydibohf23spdlt)/cn=recipients/cn=82e9af7034e542b3a622ab8e7d09ff5d-ricardo de;/o=exchangelabs/ou=exchange administrative group (fydibohf23spdlt)/cn=recipients/cn=9c71bc5f5a3648bbbb5f6bedb86e15a6-marcelo buz;/o=exchangelabs/ou=exchange administrative group (fydibohf23spdlt)/cn=recipients/cn=b284454839e94314a90d49e7ec00864f-antonio car;</t>
  </si>
  <si>
    <t>Indicadores.pptx</t>
  </si>
  <si>
    <t>Indicadores.pptx\</t>
  </si>
  <si>
    <t>/o=exchangelabs/ou=exchange administrative group (fydibohf23spdlt)/cn=recipients/cn=82e9af7034e542b3a622ab8e7d09ff5d-ricardo de,/o=exchangelabs/ou=exchange administrative group (fydibohf23spdlt)/cn=recipients/cn=9c71bc5f5a3648bbbb5f6bedb86e15a6-marcelo buz,/o=exchangelabs/ou=exchange administrative group (fydibohf23spdlt)/cn=recipients/cn=b284454839e94314a90d49e7ec00864f-antonio car</t>
  </si>
  <si>
    <t>Treinamento JAVA - Ticket 814010</t>
  </si>
  <si>
    <t>/o=exchangelabs/ou=exchange administrative group (fydibohf23spdlt)/cn=recipients/cn=545f738e0fe740ba856f4eb6ef0135e0-vinicius si;/o=exchangelabs/ou=exchange administrative group (fydibohf23spdlt)/cn=recipients/cn=80fb880d4e904fd9990f1ffec561717a-avon - supe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HE FRONT - 05 À 08/11</t>
  </si>
  <si>
    <t>HE - Nov.19.xlsx</t>
  </si>
  <si>
    <t>/o=exchangelabs/ou=exchange administrative group (fydibohf23spdlt)/cn=recipients/cn=545f738e0fe740ba856f4eb6ef0135e0-vinicius si,/o=exchangelabs/ou=exchange administrative group (fydibohf23spdlt)/cn=recipients/cn=80fb880d4e904fd9990f1ffec561717a-avon - supe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Fluxo de reset de senha com anotações</t>
  </si>
  <si>
    <t>ENC: Solicitação de cotação de valores - Processo 40143349H - Service Desk Cartões - Algartech</t>
  </si>
  <si>
    <t>Logins e senhas</t>
  </si>
  <si>
    <t>Análise quali FS - CALA CCO Services Market.xlsx</t>
  </si>
  <si>
    <t>C:\Users\douglassp\OneDrive - Grupo Algar\S&amp;OP\2019\11 - Novembro\</t>
  </si>
  <si>
    <t>SOPRL-19_v20190904.xlsb</t>
  </si>
  <si>
    <t>ENC: HE FRONT - 05 À 08/11</t>
  </si>
  <si>
    <t>mail.google.com/_/upload?authuser=0&amp;dcp=asu-n&amp;upload_id=AEnB2Uqx9GGuPNoxmtrgQgVwgNHsU7khbnRlRyX_JyACgO3FWTNF7hMJJHZYcRYidn194fM_UfxbWqzuMooKQbaaCDywCeF-KlRJXt-cbyetkEDi25U_IjE&amp;upload_protocol=resumable</t>
  </si>
  <si>
    <t>carmem.peres@bradesco.com.br;daniele.carvalho@bradesco.com.br;emerson.r.correia@bradesco.com.br;glauce.frias@bradesco.com.br;marina.yokogawa@bradesco.com.br;matheusmm@algartech.com;patriciaac@algartech.com;</t>
  </si>
  <si>
    <t>Relatório de Turnover e Absenteísmo - Outubro.xls</t>
  </si>
  <si>
    <t>carmem.peres@bradesco.com.br,daniele.carvalho@bradesco.com.br,emerson.r.correia@bradesco.com.br,glauce.frias@bradesco.com.br,marina.yokogawa@bradesco.com.br,matheusmm@algartech.com,patriciaac@algartech.com</t>
  </si>
  <si>
    <t>/o=exchangelabs/ou=exchange administrative group (fydibohf23spdlt)/cn=recipients/cn=027c2da1ea5a42378a892f895ed29947-andressa tu;/o=exchangelabs/ou=exchange administrative group (fydibohf23spdlt)/cn=recipients/cn=376dc21df9294b1e98e06de29a805db8-algar tech;/o=exchangelabs/ou=exchange administrative group (fydibohf23spdlt)/cn=recipients/cn=43a054bacf514a8a9cdcb240b072cd47-cecilia mul;/o=exchangelabs/ou=exchange administrative group (fydibohf23spdlt)/cn=recipients/cn=97bf0b4d6b424f9fbf91192510276150-renata de o;/o=exchangelabs/ou=exchange administrative group (fydibohf23spdlt)/cn=recipients/cn=d34862636b3f4dd788a4b79302af038e-simone ribe;/o=exchangelabs/ou=exchange administrative group (fydibohf23spdlt)/cn=recipients/cn=d73c2a72ee8e45cfac0a50efc708425b-marissa amo;/o=exchangelabs/ou=exchange administrative group (fydibohf23spdlt)/cn=recipients/cn=group72a1a4ca;</t>
  </si>
  <si>
    <t>RES: RES: RES: RES: RES: RES: ENC: RES: Diminuição de escopo e alteração no horário de trabalho.GMAC</t>
  </si>
  <si>
    <t>RES GMAC Diminuição de escopo e alteração no horário de trabalho. - Ratificando.msg\s1\</t>
  </si>
  <si>
    <t>/o=exchangelabs/ou=exchange administrative group (fydibohf23spdlt)/cn=recipients/cn=027c2da1ea5a42378a892f895ed29947-andressa tu,/o=exchangelabs/ou=exchange administrative group (fydibohf23spdlt)/cn=recipients/cn=376dc21df9294b1e98e06de29a805db8-algar tech,/o=exchangelabs/ou=exchange administrative group (fydibohf23spdlt)/cn=recipients/cn=43a054bacf514a8a9cdcb240b072cd47-cecilia mul,/o=exchangelabs/ou=exchange administrative group (fydibohf23spdlt)/cn=recipients/cn=97bf0b4d6b424f9fbf91192510276150-renata de o,/o=exchangelabs/ou=exchange administrative group (fydibohf23spdlt)/cn=recipients/cn=d34862636b3f4dd788a4b79302af038e-simone ribe,/o=exchangelabs/ou=exchange administrative group (fydibohf23spdlt)/cn=recipients/cn=d73c2a72ee8e45cfac0a50efc708425b-marissa amo,/o=exchangelabs/ou=exchange administrative group (fydibohf23spdlt)/cn=recipients/cn=group72a1a4ca</t>
  </si>
  <si>
    <t>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f00c439d0d474c0586a503a0209ed1f2-bruno wande;/o=exchangelabs/ou=exchange administrative group (fydibohf23spdlt)/cn=recipients/cn=usere11ed38c;</t>
  </si>
  <si>
    <t>Prática Atendimento - EBIT</t>
  </si>
  <si>
    <t>EBIT.xls</t>
  </si>
  <si>
    <t>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f00c439d0d474c0586a503a0209ed1f2-bruno wande,/o=exchangelabs/ou=exchange administrative group (fydibohf23spdlt)/cn=recipients/cn=usere11ed38c</t>
  </si>
  <si>
    <t>mail.google.com/_/upload?authuser=0&amp;dcp=asu-n&amp;upload_id=AEnB2UpfJW7UGUbwcTnTKFNdzC8zWmpc5x8h_xbZS0j-_Q27qFLxNTDDjOkqoD752D9rvt6dk8vr6EYhZK9LOE72fW2-1kup2A&amp;upload_protocol=resumable</t>
  </si>
  <si>
    <t>\\acsfs\dsti\CIT- Coordenação de Inteligência de Tecnologia\05 - Gerenciamento Orçamento e Contabilização\5. Contabilidade 2019\Justificativas Fechamento\2019\10. 2019\</t>
  </si>
  <si>
    <t>102019 - DTI_Henrique.xls</t>
  </si>
  <si>
    <t>10.200.61.2</t>
  </si>
  <si>
    <t>C:\Users\alefl\OneDrive - Grupo Algar\Qradar\</t>
  </si>
  <si>
    <t>2019-11-05-data_export.csv.zip</t>
  </si>
  <si>
    <t>C:\Users\alefl\OneDrive - Grupo Algar\Qradar\2019-11-05-data_export.csv.zip\</t>
  </si>
  <si>
    <t>2019-11-05-data_export.csv</t>
  </si>
  <si>
    <t>C:\Users\alefl\OneDrive - Grupo Algar\Qradar\2019-11-05-data_export.csv\</t>
  </si>
  <si>
    <t>/o=exchangelabs/ou=exchange administrative group (fydibohf23spdlt)/cn=recipients/cn=3188323005a04a70962871b2b980355d-humberto pi;/o=exchangelabs/ou=exchange administrative group (fydibohf23spdlt)/cn=recipients/cn=5037aa398cdf4d9cae5ff1914ad4e4b1-joao paulo;/o=exchangelabs/ou=exchange administrative group (fydibohf23spdlt)/cn=recipients/cn=58ffc1e01a9d4eec8e3d842278cac233-helio reis;/o=exchangelabs/ou=exchange administrative group (fydibohf23spdlt)/cn=recipients/cn=f00c439d0d474c0586a503a0209ed1f2-bruno wande;ligiamss@algartech.com;</t>
  </si>
  <si>
    <t>OKRs Squad Crescimento</t>
  </si>
  <si>
    <t>OKRs Squad Crescimento.xlsx</t>
  </si>
  <si>
    <t>/o=exchangelabs/ou=exchange administrative group (fydibohf23spdlt)/cn=recipients/cn=3188323005a04a70962871b2b980355d-humberto pi,/o=exchangelabs/ou=exchange administrative group (fydibohf23spdlt)/cn=recipients/cn=5037aa398cdf4d9cae5ff1914ad4e4b1-joao paulo,/o=exchangelabs/ou=exchange administrative group (fydibohf23spdlt)/cn=recipients/cn=58ffc1e01a9d4eec8e3d842278cac233-helio reis,/o=exchangelabs/ou=exchange administrative group (fydibohf23spdlt)/cn=recipients/cn=f00c439d0d474c0586a503a0209ed1f2-bruno wande,ligiamss@algartech.com</t>
  </si>
  <si>
    <t>mail.google.com/_/upload?authuser=1&amp;dcp=asu-n&amp;upload_id=AEnB2UoxIwT-ge_Da07PHZfgZlUnlZH1BVNj-aRnH7yFmqj0stFtZoRPrOc8tnSoK0638n1CpkSGgMeMnydMBVKNrdGmW0lGlA&amp;upload_protocol=resumable</t>
  </si>
  <si>
    <t>Atualização Endereço.v5.csv</t>
  </si>
  <si>
    <t>mail.google.com/_/upload?authuser=1&amp;dcp=asu-n&amp;upload_id=AEnB2UpARunaGH6uVsmn-LrYpmKclA1W8yY4Kke1wsHuE2Gkcjs4whzuJSnOLQqQp7gisKOpOqa2dCyj1I2Jsv56-87zsgisTt5VAGRbknCeeK43BTKpZVc&amp;upload_protocol=resumable</t>
  </si>
  <si>
    <t>Formulario-Correcao_PO.v5.xlsx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e174366906884bd1b4d4c5ddfc8c9433-rodrigo men;/o=exchangelabs/ou=exchange administrative group (fydibohf23spdlt)/cn=recipients/cn=user776b6484;hugo_cesar_rodrigues_dos_santos_algar@whirlpool.com;larissabdi@algartech.com;thais_coimbra_fonseca_algar@whirlpool.com;</t>
  </si>
  <si>
    <t>RES: Categorização Ecenter</t>
  </si>
  <si>
    <t>RES Whirlpool - Ações Cocriação - Árvore NPS.msg\s1\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e174366906884bd1b4d4c5ddfc8c9433-rodrigo men,/o=exchangelabs/ou=exchange administrative group (fydibohf23spdlt)/cn=recipients/cn=user776b6484,hugo_cesar_rodrigues_dos_santos_algar@whirlpool.com,larissabdi@algartech.com,thais_coimbra_fonseca_algar@whirlpool.com</t>
  </si>
  <si>
    <t>/o=exchangelabs/ou=exchange administrative group (fydibohf23spdlt)/cn=recipients/cn=b0dffb7bae8b4669bf2555c821ef7035-daniela vie;</t>
  </si>
  <si>
    <t>Plano de trabalho</t>
  </si>
  <si>
    <t>csat.xlsx</t>
  </si>
  <si>
    <t>/o=exchangelabs/ou=exchange administrative group (fydibohf23spdlt)/cn=recipients/cn=b0dffb7bae8b4669bf2555c821ef7035-daniela vie</t>
  </si>
  <si>
    <t>Material Reunião TATI - Clientes Dionízio (Potencial vendas)_Bradesco Jullian_v2.xlsx</t>
  </si>
  <si>
    <t>/o=exchangelabs/ou=exchange administrative group (fydibohf23spdlt)/cn=recipients/cn=696f712aa5c841708a095699a50884db-luan kevem;/o=exchangelabs/ou=exchange administrative group (fydibohf23spdlt)/cn=recipients/cn=6fbc44b6d6b549208175d5a27201bd13-cintia nune;/o=exchangelabs/ou=exchange administrative group (fydibohf23spdlt)/cn=recipients/cn=b284454839e94314a90d49e7ec00864f-antonio car;/o=exchangelabs/ou=exchange administrative group (fydibohf23spdlt)/cn=recipients/cn=d73974a6e555442cafd74cda95746e86-denia alves;elismael.menino@sicoob.com.br;rogerio.nascimento@sicoob.com.br;</t>
  </si>
  <si>
    <t>RES: Reunião 29/10 - Acompanhamento</t>
  </si>
  <si>
    <t>Pendencias Gerais - 05-11.xlsx</t>
  </si>
  <si>
    <t>/o=exchangelabs/ou=exchange administrative group (fydibohf23spdlt)/cn=recipients/cn=696f712aa5c841708a095699a50884db-luan kevem,/o=exchangelabs/ou=exchange administrative group (fydibohf23spdlt)/cn=recipients/cn=6fbc44b6d6b549208175d5a27201bd13-cintia nune,/o=exchangelabs/ou=exchange administrative group (fydibohf23spdlt)/cn=recipients/cn=b284454839e94314a90d49e7ec00864f-antonio car,/o=exchangelabs/ou=exchange administrative group (fydibohf23spdlt)/cn=recipients/cn=d73974a6e555442cafd74cda95746e86-denia alves,elismael.menino@sicoob.com.br,rogerio.nascimento@sicoob.com.br</t>
  </si>
  <si>
    <t>Report Backlog Toyota - RA</t>
  </si>
  <si>
    <t>10.219.100.18</t>
  </si>
  <si>
    <t>/o=exchangelabs/ou=exchange administrative group (fydibohf23spdlt)/cn=recipients/cn=002ec1cd4de64cd68f3e33ca3518cc0b-fernando ro;/o=exchangelabs/ou=exchange administrative group (fydibohf23spdlt)/cn=recipients/cn=8032a1dcc2fa4f349b576fb6c2f69d68-diego viera;/o=exchangelabs/ou=exchange administrative group (fydibohf23spdlt)/cn=recipients/cn=flavio martinez;</t>
  </si>
  <si>
    <t>ENC: Mensagem Automática [FMT Transmitter]: Penalidade FMT: TCO_Outubro.2019</t>
  </si>
  <si>
    <t>FMT_TCO_Outubro.2019.xlsx</t>
  </si>
  <si>
    <t>/o=exchangelabs/ou=exchange administrative group (fydibohf23spdlt)/cn=recipients/cn=002ec1cd4de64cd68f3e33ca3518cc0b-fernando ro,/o=exchangelabs/ou=exchange administrative group (fydibohf23spdlt)/cn=recipients/cn=8032a1dcc2fa4f349b576fb6c2f69d68-diego viera,/o=exchangelabs/ou=exchange administrative group (fydibohf23spdlt)/cn=recipients/cn=flavio martinez</t>
  </si>
  <si>
    <t>SOPRL-19_v20191105.xlsb</t>
  </si>
  <si>
    <t>/o=exchangelabs/ou=exchange administrative group (fydibohf23spdlt)/cn=recipients/cn=cd9a537135134b65a0d7151c4bba7129-brenda bruc;/o=exchangelabs/ou=exchange administrative group (fydibohf23spdlt)/cn=recipients/cn=user1afea7a7;</t>
  </si>
  <si>
    <t>RES: Relatório Pesquisa de Satisfação KAID N1</t>
  </si>
  <si>
    <t>/o=exchangelabs/ou=exchange administrative group (fydibohf23spdlt)/cn=recipients/cn=cd9a537135134b65a0d7151c4bba7129-brenda bruc,/o=exchangelabs/ou=exchange administrative group (fydibohf23spdlt)/cn=recipients/cn=user1afea7a7</t>
  </si>
  <si>
    <t>larissabdi@algartech.com;</t>
  </si>
  <si>
    <t>RES: URGENTE</t>
  </si>
  <si>
    <t>RES Categorização Ecenter.msg\s427\</t>
  </si>
  <si>
    <t>larissabdi@algartech.com</t>
  </si>
  <si>
    <t>Preclosing.xls</t>
  </si>
  <si>
    <t>/o=exchangelabs/ou=exchange administrative group (fydibohf23spdlt)/cn=recipients/cn=5676353c001f41558e00d4c7fa4fd023-aprova.vend;/o=exchangelabs/ou=exchange administrative group (fydibohf23spdlt)/cn=recipients/cn=891c08f4f04f4527be9bc1b3d75f6378-luiz fernan;/o=exchangelabs/ou=exchange administrative group (fydibohf23spdlt)/cn=recipients/cn=a27fa8e27f784e18b4732301ab7a6457-luciana sil;</t>
  </si>
  <si>
    <t>ENC: Confirmação Pedido de Compras - Task Vulnerabilidades - OPP 214379</t>
  </si>
  <si>
    <t>Serasa - Vulnerabilidade - Plan Precificacao C017 B017.xlsb</t>
  </si>
  <si>
    <t>/o=exchangelabs/ou=exchange administrative group (fydibohf23spdlt)/cn=recipients/cn=5676353c001f41558e00d4c7fa4fd023-aprova.vend,/o=exchangelabs/ou=exchange administrative group (fydibohf23spdlt)/cn=recipients/cn=891c08f4f04f4527be9bc1b3d75f6378-luiz fernan,/o=exchangelabs/ou=exchange administrative group (fydibohf23spdlt)/cn=recipients/cn=a27fa8e27f784e18b4732301ab7a6457-luciana sil</t>
  </si>
  <si>
    <t>C:\Users\ricardoft\OneDrive - Grupo Algar\Documentos\Projetos\2019\Segurança\</t>
  </si>
  <si>
    <t>Escopo_Análise_Segurança.xlsx</t>
  </si>
  <si>
    <t>viniciussdl@algartech.com;</t>
  </si>
  <si>
    <t>Fluxo de Consulta NF com anotações</t>
  </si>
  <si>
    <t>viniciussdl@algartech.com</t>
  </si>
  <si>
    <t>SOPRL-19_v20191105_v2.xlsb</t>
  </si>
  <si>
    <t>ebieleck@morphus.com.br;</t>
  </si>
  <si>
    <t>RES: Proposta Pentest [MORPHUS]</t>
  </si>
  <si>
    <t>ebieleck@morphus.com.br</t>
  </si>
  <si>
    <t>LPU FMM FMT TCO.xlsx</t>
  </si>
  <si>
    <t>Cruzamento Base Dados Frente Inter.xlsx</t>
  </si>
  <si>
    <t>c:\a2\paulao\reuniÕes\</t>
  </si>
  <si>
    <t>reuniÃo operacional-05-11-2019.xlsx</t>
  </si>
  <si>
    <t>ENC: Relatório de Vendas OUT.2019 - Financeira - Fechamento Oficial</t>
  </si>
  <si>
    <t>gilsonsj@algartech.com;</t>
  </si>
  <si>
    <t>gilsonsj@algartech.com</t>
  </si>
  <si>
    <t>carlosfn@algartech.com;</t>
  </si>
  <si>
    <t>RES: PPT Revisão BP LP LATAM</t>
  </si>
  <si>
    <t>Pipeline Detalhado Latam 2019_11_05.xlsx</t>
  </si>
  <si>
    <t>carlosfn@algartech.com</t>
  </si>
  <si>
    <t>10.200.60.118</t>
  </si>
  <si>
    <t>/o=exchangelabs/ou=exchange administrative group (fydibohf23spdlt)/cn=recipients/cn=1e2e97da71ef410ba6f7bc3d1bfa9175-antonio car;/o=exchangelabs/ou=exchange administrative group (fydibohf23spdlt)/cn=recipients/cn=a387251d6d8c4b729d17257b1403e985-rodrigo agn;/o=exchangelabs/ou=exchange administrative group (fydibohf23spdlt)/cn=recipients/cn=c29ec9dae022497281c840087cccddec-patricia ar;/o=exchangelabs/ou=exchange administrative group (fydibohf23spdlt)/cn=recipients/cn=cb5adfd7be5d42f39b6c2497336ba9d7-fernando gu;</t>
  </si>
  <si>
    <t>ENC: 217402 - RFP Cobrança Carrefour</t>
  </si>
  <si>
    <t>Banco CSF - Edital &amp; Anexos - RFP Serviços de Cobrança - NOV19.zip\Banco CSF - Edital &amp; Anexos - RFP Servi‡os de Cobran‡a - NOV19\</t>
  </si>
  <si>
    <t>Banco CSF - Call Center - Cobran‡a - RFQ REV1.0.xlsx</t>
  </si>
  <si>
    <t>/o=exchangelabs/ou=exchange administrative group (fydibohf23spdlt)/cn=recipients/cn=1e2e97da71ef410ba6f7bc3d1bfa9175-antonio car,/o=exchangelabs/ou=exchange administrative group (fydibohf23spdlt)/cn=recipients/cn=a387251d6d8c4b729d17257b1403e985-rodrigo agn,/o=exchangelabs/ou=exchange administrative group (fydibohf23spdlt)/cn=recipients/cn=c29ec9dae022497281c840087cccddec-patricia ar,/o=exchangelabs/ou=exchange administrative group (fydibohf23spdlt)/cn=recipients/cn=cb5adfd7be5d42f39b6c2497336ba9d7-fernando gu</t>
  </si>
  <si>
    <t>Saldo TI Novembro.xlsx</t>
  </si>
  <si>
    <t>10.200.99.69</t>
  </si>
  <si>
    <t>Status Entrega MALA DE BORDO - GS - Programa Mythology C. 16.xls</t>
  </si>
  <si>
    <t>Projeto SPOF Geradores - Fase 2</t>
  </si>
  <si>
    <t>Classificação de riscos para atividades contratadas.xlsx</t>
  </si>
  <si>
    <t>ENC: Departamental Caixa Capitalização - Out.19</t>
  </si>
  <si>
    <t>Fluxo de consulta status de chamado com anotações</t>
  </si>
  <si>
    <t>/o=exchangelabs/ou=exchange administrative group (fydibohf23spdlt)/cn=recipients/cn=0b12aab521944ecb8b32eb8c0929be5c-rafael gonz;/o=exchangelabs/ou=exchange administrative group (fydibohf23spdlt)/cn=recipients/cn=545f738e0fe740ba856f4eb6ef0135e0-vinicius si;/o=exchangelabs/ou=exchange administrative group (fydibohf23spdlt)/cn=recipients/cn=8ab5e44d485043d59eb4f21463e63e6a-tays dos sa;/o=exchangelabs/ou=exchange administrative group (fydibohf23spdlt)/cn=recipients/cn=b3b3e588898842db813e69c542d02bb6-elaine marc;/o=exchangelabs/ou=exchange administrative group (fydibohf23spdlt)/cn=recipients/cn=be0b59caa4dc43e39afaa089f44ef778-leonardo al;/o=exchangelabs/ou=exchange administrative group (fydibohf23spdlt)/cn=recipients/cn=c54bebbd63a1403e83787e59fcd1acdc-joao sergio;/o=exchangelabs/ou=exchange administrative group (fydibohf23spdlt)/cn=recipients/cn=d052f9c9a4404e849e00b751758229a8-carlos dos;/o=exchangelabs/ou=exchange administrative group (fydibohf23spdlt)/cn=recipients/cn=df6ea6cc78a840278b1e7acccac67692-thiag</t>
  </si>
  <si>
    <t>/o=exchangelabs/ou=exchange administrative group (fydibohf23spdlt)/cn=recipients/cn=0b12aab521944ecb8b32eb8c0929be5c-rafael gonz,/o=exchangelabs/ou=exchange administrative group (fydibohf23spdlt)/cn=recipients/cn=545f738e0fe740ba856f4eb6ef0135e0-vinicius si,/o=exchangelabs/ou=exchange administrative group (fydibohf23spdlt)/cn=recipients/cn=8ab5e44d485043d59eb4f21463e63e6a-tays dos sa,/o=exchangelabs/ou=exchange administrative group (fydibohf23spdlt)/cn=recipients/cn=b3b3e588898842db813e69c542d02bb6-elaine marc,/o=exchangelabs/ou=exchange administrative group (fydibohf23spdlt)/cn=recipients/cn=be0b59caa4dc43e39afaa089f44ef778-leonardo al,/o=exchangelabs/ou=exchange administrative group (fydibohf23spdlt)/cn=recipients/cn=c54bebbd63a1403e83787e59fcd1acdc-joao sergio,/o=exchangelabs/ou=exchange administrative group (fydibohf23spdlt)/cn=recipients/cn=d052f9c9a4404e849e00b751758229a8-carlos dos,/o=exchangelabs/ou=exchange administrative group (fydibohf23spdlt)/cn=recipients/cn=df6ea6cc78a840278b1e7acccac67692-thiag</t>
  </si>
  <si>
    <t>10.200.68.137</t>
  </si>
  <si>
    <t>/o=exchangelabs/ou=exchange administrative group (fydibohf23spdlt)/cn=recipients/cn=1698f5af44b14116ad2d0b751d584c7d-danilo rafa;/o=exchangelabs/ou=exchange administrative group (fydibohf23spdlt)/cn=recipients/cn=1867d5fca12044e08946537995369baf-diego rodri;/o=exchangelabs/ou=exchange administrative group (fydibohf23spdlt)/cn=recipients/cn=2144abc9537143519f505fcb8550b74c-juliana emi;/o=exchangelabs/ou=exchange administrative group (fydibohf23spdlt)/cn=recipients/cn=685a6c7fa4684b9ab51c683ec151a83c-kelly crist;/o=exchangelabs/ou=exchange administrative group (fydibohf23spdlt)/cn=recipients/cn=8c253c95243a40aa99c9416b7eb70a2a-julio cesar;/o=exchangelabs/ou=exchange administrative group (fydibohf23spdlt)/cn=recipients/cn=b63d7f09ae264ee197cf923a77c993b6-dgrc - gere;/o=exchangelabs/ou=exchange administrative group (fydibohf23spdlt)/cn=recipients/cn=groupef329f5e;pamelatc@algartech.com;</t>
  </si>
  <si>
    <t>## ESCALA ATUALIZADA ##</t>
  </si>
  <si>
    <t>/o=exchangelabs/ou=exchange administrative group (fydibohf23spdlt)/cn=recipients/cn=1698f5af44b14116ad2d0b751d584c7d-danilo rafa,/o=exchangelabs/ou=exchange administrative group (fydibohf23spdlt)/cn=recipients/cn=1867d5fca12044e08946537995369baf-diego rodri,/o=exchangelabs/ou=exchange administrative group (fydibohf23spdlt)/cn=recipients/cn=2144abc9537143519f505fcb8550b74c-juliana emi,/o=exchangelabs/ou=exchange administrative group (fydibohf23spdlt)/cn=recipients/cn=685a6c7fa4684b9ab51c683ec151a83c-kelly crist,/o=exchangelabs/ou=exchange administrative group (fydibohf23spdlt)/cn=recipients/cn=8c253c95243a40aa99c9416b7eb70a2a-julio cesar,/o=exchangelabs/ou=exchange administrative group (fydibohf23spdlt)/cn=recipients/cn=b63d7f09ae264ee197cf923a77c993b6-dgrc - gere,/o=exchangelabs/ou=exchange administrative group (fydibohf23spdlt)/cn=recipients/cn=groupef329f5e,pamelatc@algartech.com</t>
  </si>
  <si>
    <t>C:\Users\mariannacsm\OneDrive - Grupo Algar\0- PMO-POOL\COMPRAS\01 - Análises CCC\10 - Análises Outubro\</t>
  </si>
  <si>
    <t>10.200.57.69</t>
  </si>
  <si>
    <t>anapscl@algartech.com;antonio.p.albuquerque@next.b.br;daniel.cabeceira@next.b.br;daniel.paschoal@next.b.br;eder.nascimento@next.b.br;fabianapm@algartech.com;jullian.faria@algartech.com;milton.vieira@next.b.br;</t>
  </si>
  <si>
    <t>Trans Fa.xlsx</t>
  </si>
  <si>
    <t>anapscl@algartech.com,antonio.p.albuquerque@next.b.br,daniel.cabeceira@next.b.br,daniel.paschoal@next.b.br,eder.nascimento@next.b.br,fabianapm@algartech.com,jullian.faria@algartech.com,milton.vieira@next.b.br</t>
  </si>
  <si>
    <t>ENC: Departamental Outubro 2019</t>
  </si>
  <si>
    <t>Template Recuperações de Custos oficial.xlsx</t>
  </si>
  <si>
    <t>ENC: Algar Tech Day</t>
  </si>
  <si>
    <t>Tech Day _ Apresentação.pptx\</t>
  </si>
  <si>
    <t>mail.google.com/_/upload?authuser=0&amp;dcp=asu-n&amp;upload_id=AEnB2UoarM5N_1hfbk4OmFG7_5TI-oYXpYZE25ITdCAZdTtUxIh1rjenr0QfhpOhqwhN2wbr8X6_dPJfsG053TuEcT7bP64vkcQhSuY_qpW2MeCNddFDI1k&amp;upload_protocol=resumable</t>
  </si>
  <si>
    <t>04-11 URA - Requisições.xlsx</t>
  </si>
  <si>
    <t>mail.google.com/_/upload?authuser=0&amp;dcp=asu-n&amp;upload_id=AEnB2UrgSRPwWdFgay33lBDShRO-cR8akkc47TCDWb1YAagukhv5SfwObmF7vM-30jzKWi-0IG1eNcXhp0gb5e4Vs3UCo4oYQw&amp;upload_protocol=resumable</t>
  </si>
  <si>
    <t>01-11 URA - Requisição R#.xlsx</t>
  </si>
  <si>
    <t>victorgar@algartech.com</t>
  </si>
  <si>
    <t>C:\Users\victorvgar\Downloads\</t>
  </si>
  <si>
    <t>Entregas Qualidade.xlsx</t>
  </si>
  <si>
    <t>confecção de novas chaves dos armarios.xlsx</t>
  </si>
  <si>
    <t>mail.google.com/_/upload?authuser=0&amp;dcp=asu-n&amp;upload_id=AEnB2UppgWBEI86upw6wE9TRdsAgzU9Nl50ysNVmX2XlDNKp0w1ekr0BuFQt7WHQx5tdhc6R2zCF-aBqrI03h7THSggu8GwHSkMlpNr-NjttbjrKukOWx9g&amp;upload_protocol=resumable</t>
  </si>
  <si>
    <t>RES: (ERRATA) Prática Atendimento - EBIT</t>
  </si>
  <si>
    <t>/o=exchangelabs/ou=exchange administrative group (fydibohf23spdlt)/cn=recipients/cn=3188323005a04a70962871b2b980355d-humberto pi;/o=exchangelabs/ou=exchange administrative group (fydibohf23spdlt)/cn=recipients/cn=5037aa398cdf4d9cae5ff1914ad4e4b1-joao paulo;/o=exchangelabs/ou=exchange administrative group (fydibohf23spdlt)/cn=recipients/cn=8fc182d8ec964190abd5d149ac41ad8b-fabricio de;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/o=exchangelabs/ou=exchange administrative group (fydibohf23spdlt)/cn=recipients/cn=usere11ed38c;</t>
  </si>
  <si>
    <t>Squad DC - Indicadores</t>
  </si>
  <si>
    <t>Squad DC - OKRs v1.xlsx</t>
  </si>
  <si>
    <t>/o=exchangelabs/ou=exchange administrative group (fydibohf23spdlt)/cn=recipients/cn=3188323005a04a70962871b2b980355d-humberto pi,/o=exchangelabs/ou=exchange administrative group (fydibohf23spdlt)/cn=recipients/cn=5037aa398cdf4d9cae5ff1914ad4e4b1-joao paulo,/o=exchangelabs/ou=exchange administrative group (fydibohf23spdlt)/cn=recipients/cn=8fc182d8ec964190abd5d149ac41ad8b-fabricio de,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,/o=exchangelabs/ou=exchange administrative group (fydibohf23spdlt)/cn=recipients/cn=usere11ed38c</t>
  </si>
  <si>
    <t>ligiamss@algartech.com;</t>
  </si>
  <si>
    <t>ENC: Squad DC - Indicadores</t>
  </si>
  <si>
    <t>ligiamss@algartech.com</t>
  </si>
  <si>
    <t>Clientes por Gerente - Plataforma de Telecom.xlsx</t>
  </si>
  <si>
    <t>10.200.60.81</t>
  </si>
  <si>
    <t>/o=exchangelabs/ou=exchange administrative group (fydibohf23spdlt)/cn=recipients/cn=0ca6cc8d100949a7866a928f62ef5778-rosilene de;/o=exchangelabs/ou=exchange administrative group (fydibohf23spdlt)/cn=recipients/cn=a75579a499254c2291e852b70c4d70d1-eunice apar;/o=exchangelabs/ou=exchange administrative group (fydibohf23spdlt)/cn=recipients/cn=d1d015f213f648abbf348b5ccdf8e9d9-senilda per;/o=exchangelabs/ou=exchange administrative group (fydibohf23spdlt)/cn=recipients/cn=userd3ef8196;</t>
  </si>
  <si>
    <t>ENC: ## ESCALA ATUALIZADA ##</t>
  </si>
  <si>
    <t>/o=exchangelabs/ou=exchange administrative group (fydibohf23spdlt)/cn=recipients/cn=0ca6cc8d100949a7866a928f62ef5778-rosilene de,/o=exchangelabs/ou=exchange administrative group (fydibohf23spdlt)/cn=recipients/cn=a75579a499254c2291e852b70c4d70d1-eunice apar,/o=exchangelabs/ou=exchange administrative group (fydibohf23spdlt)/cn=recipients/cn=d1d015f213f648abbf348b5ccdf8e9d9-senilda per,/o=exchangelabs/ou=exchange administrative group (fydibohf23spdlt)/cn=recipients/cn=userd3ef8196</t>
  </si>
  <si>
    <t>20191101 PESQUISA LISTA RAS.xls</t>
  </si>
  <si>
    <t>/o=exchangelabs/ou=exchange administrative group (fydibohf23spdlt)/cn=recipients/cn=c6f5c50e91244036872327464dc6624a-cinthia mar;</t>
  </si>
  <si>
    <t>Capilaridade</t>
  </si>
  <si>
    <t>Capilaridade Field Service GAT v2.xlsx</t>
  </si>
  <si>
    <t>/o=exchangelabs/ou=exchange administrative group (fydibohf23spdlt)/cn=recipients/cn=c6f5c50e91244036872327464dc6624a-cinthia mar</t>
  </si>
  <si>
    <t>/o=exchangelabs/ou=exchange administrative group (fydibohf23spdlt)/cn=recipients/cn=545f738e0fe740ba856f4eb6ef0135e0-vinicius si;/o=exchangelabs/ou=exchange administrative group (fydibohf23spdlt)/cn=recipients/cn=56dc126fba5b4a5f8fb1cd7e4f10477d-thais olive;/o=exchangelabs/ou=exchange administrative group (fydibohf23spdlt)/cn=recipients/cn=d1d015f213f648abbf348b5ccdf8e9d9-senilda per;/o=exchangelabs/ou=exchange administrative group (fydibohf23spdlt)/cn=recipients/cn=dd910368577c476fa125a61033b7deb1-gean carlos;</t>
  </si>
  <si>
    <t>ENC: Pesquisa Attraction</t>
  </si>
  <si>
    <t>/o=exchangelabs/ou=exchange administrative group (fydibohf23spdlt)/cn=recipients/cn=545f738e0fe740ba856f4eb6ef0135e0-vinicius si,/o=exchangelabs/ou=exchange administrative group (fydibohf23spdlt)/cn=recipients/cn=56dc126fba5b4a5f8fb1cd7e4f10477d-thais olive,/o=exchangelabs/ou=exchange administrative group (fydibohf23spdlt)/cn=recipients/cn=d1d015f213f648abbf348b5ccdf8e9d9-senilda per,/o=exchangelabs/ou=exchange administrative group (fydibohf23spdlt)/cn=recipients/cn=dd910368577c476fa125a61033b7deb1-gean carlos</t>
  </si>
  <si>
    <t>RES: Relatório base (Departamental)</t>
  </si>
  <si>
    <t>Objetivos EVA Ação Extra CP 19 e 20.xls</t>
  </si>
  <si>
    <t>Sistemas Operação</t>
  </si>
  <si>
    <t>Sistemas Operação.xlsx</t>
  </si>
  <si>
    <t>/o=exchangelabs/ou=exchange administrative group (fydibohf23spdlt)/cn=recipients/cn=9c85290e8238419a823a4b55320e99cb-andre luis;/o=exchangelabs/ou=exchange administrative group (fydibohf23spdlt)/cn=recipients/cn=d9644ee8967f497e8a9f5314ba4500b5-gabriel jos;</t>
  </si>
  <si>
    <t>ENC: Projeto SPOF Geradores - Fase 2</t>
  </si>
  <si>
    <t>/o=exchangelabs/ou=exchange administrative group (fydibohf23spdlt)/cn=recipients/cn=9c85290e8238419a823a4b55320e99cb-andre luis,/o=exchangelabs/ou=exchange administrative group (fydibohf23spdlt)/cn=recipients/cn=d9644ee8967f497e8a9f5314ba4500b5-gabriel jos</t>
  </si>
  <si>
    <t>/o=exchangelabs/ou=exchange administrative group (fydibohf23spdlt)/cn=recipients/cn=2b05fb64124641c794278ebec1c98b6d-joao batist;</t>
  </si>
  <si>
    <t>Sistemas Avon</t>
  </si>
  <si>
    <t>/o=exchangelabs/ou=exchange administrative group (fydibohf23spdlt)/cn=recipients/cn=2b05fb64124641c794278ebec1c98b6d-joao batist</t>
  </si>
  <si>
    <t>Medium</t>
  </si>
  <si>
    <t>GOODYEAR</t>
  </si>
  <si>
    <t>CPPTRENDAV01</t>
  </si>
  <si>
    <t>10.201.204.14</t>
  </si>
  <si>
    <t>70-71-BC-36-D5-9C</t>
  </si>
  <si>
    <t>CPNESPA-50778</t>
  </si>
  <si>
    <t>jessicaphar</t>
  </si>
  <si>
    <t>https://mail.terra.com.br/ws/index.php?r=message/saveattachmentsajax2</t>
  </si>
  <si>
    <t>\\cppfs\cpdeptos\Operacao\Nespresso\Atendimento\NESPRESSO COBRANÇA B2B\Jéssica Rodrigues\Boletos\</t>
  </si>
  <si>
    <t>CLU_32964171_Pedido.PDF.pdf</t>
  </si>
  <si>
    <t>DLP_NESPRESSO</t>
  </si>
  <si>
    <t>US: PCI-DSS</t>
  </si>
  <si>
    <t>Status Entrega FOGÃO_TV - LT 2 - 04.11.19.xls</t>
  </si>
  <si>
    <t>Status MMA - Fogão e Smart TV 04.11 - 100% Entregue.xls</t>
  </si>
  <si>
    <t>Status MMA - Fogão e Smart TV 04.11 - 100 Entregue.xls</t>
  </si>
  <si>
    <t>/o=exchangelabs/ou=exchange administrative group (fydibohf23spdlt)/cn=recipients/cn=35309fb1a29c441a8083f702ecbb12d1-suporte sa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88e4fcbd3ea14730a81286cc0683fb42-manoel eloy;/o=exchangelabs/ou=exchange administrative group (fydibohf23spdlt)/cn=recipients/cn=a78f7dae304e472e9f75bd537683f6e5-hugo de oli;/o=exchangelabs/ou=exchange administrative group (fydibohf23spdlt)/cn=recipients/cn=b1a72fc2d0234efca84c7771ea70c7ee-roberta cri;/o=exchangelabs/ou=exchange administrative group (fydibohf23spdlt)/cn=recipients/cn=b712c36eebee42428d3790abe2696417-romario gom;/o=exchangelabs/ou=exchange administrative group (fydibohf23spdlt)/cn=recipients/cn=e4dbda4121b54299b4a719c6aa694894-alga</t>
  </si>
  <si>
    <t>11 -Next Template_Volumetria_ 2019 Oficial Algar Tech</t>
  </si>
  <si>
    <t>11 -Next Template_Volumetria_ 2019 Oficial Algar Tech.xlsm</t>
  </si>
  <si>
    <t>/o=exchangelabs/ou=exchange administrative group (fydibohf23spdlt)/cn=recipients/cn=35309fb1a29c441a8083f702ecbb12d1-suporte sa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88e4fcbd3ea14730a81286cc0683fb42-manoel eloy,/o=exchangelabs/ou=exchange administrative group (fydibohf23spdlt)/cn=recipients/cn=a78f7dae304e472e9f75bd537683f6e5-hugo de oli,/o=exchangelabs/ou=exchange administrative group (fydibohf23spdlt)/cn=recipients/cn=b1a72fc2d0234efca84c7771ea70c7ee-roberta cri,/o=exchangelabs/ou=exchange administrative group (fydibohf23spdlt)/cn=recipients/cn=b712c36eebee42428d3790abe2696417-romario gom,/o=exchangelabs/ou=exchange administrative group (fydibohf23spdlt)/cn=recipients/cn=e4dbda4121b54299b4a719c6aa694894-alga</t>
  </si>
  <si>
    <t>mail.google.com/_/upload?authuser=0&amp;dcp=asu-n&amp;upload_id=AEnB2Uq3Jk7pSDdGROkV6EuO1tmMfMi2Ohp9LdJ6ZXXhWwXGWCRw1TwZrTwDP_zNRlTJyAanaHN-7gCTLVWFFKKq3HJ1pTOHvXVGJWyrYsc6u6yOQcb1qy0&amp;upload_protocol=resumable</t>
  </si>
  <si>
    <t>amandacdr@algartech.com;helderra@algartech.com;luiz.m.carvalho@algartech.com;</t>
  </si>
  <si>
    <t>C:\Users\filemoncmj\OneDrive - Grupo Algar\01. Algar Tech\01. Projetos de Clientes\47. Prudential\06. TAP\PMO Algar Tech - TAP - Implantação ISD e GIAT Prudential.pptx\</t>
  </si>
  <si>
    <t>amandacdr@algartech.com,helderra@algartech.com,luiz.m.carvalho@algartech.com</t>
  </si>
  <si>
    <t>C:\Users\filemoncmj\OneDrive - Grupo Algar\01. Algar Tech\01. Projetos de Clientes\47. Prudential\06. TAP\PMO Algar Tech - TAP - Implantação ISD e GIAT Prudential.pptx\Consulta Disponibilidade de Ativos - Prudential.eml\</t>
  </si>
  <si>
    <t>https://s1.ariba.com/sourcing/main/aw</t>
  </si>
  <si>
    <t>C:\Users\sherleyce\Downloads\</t>
  </si>
  <si>
    <t>Certidão Negativa de Débitos junto ao FGTS.xls</t>
  </si>
  <si>
    <t>angela.garcia@bradesco.com.br;</t>
  </si>
  <si>
    <t>ENC: apresentação Tiago Agostinho</t>
  </si>
  <si>
    <t>Lista de Processos - Atendimento BO final.pptx\</t>
  </si>
  <si>
    <t>angela.garcia@bradesco.com.br</t>
  </si>
  <si>
    <t>Analise fria</t>
  </si>
  <si>
    <t>exibição de Localização Avançada de Log da Ocorrência.xlsx</t>
  </si>
  <si>
    <t>743_ASLCP_Brazil_Matrix - Alessandro Ferrari.xlsx</t>
  </si>
  <si>
    <t>/o=exchangelabs/ou=exchange administrative group (fydibohf23spdlt)/cn=recipients/cn=726858f262f449b3961fa2ea8f183ca5-lazaro anto;</t>
  </si>
  <si>
    <t>Ajuste BP</t>
  </si>
  <si>
    <t>/o=exchangelabs/ou=exchange administrative group (fydibohf23spdlt)/cn=recipients/cn=726858f262f449b3961fa2ea8f183ca5-lazaro anto</t>
  </si>
  <si>
    <t>/o=exchangelabs/ou=exchange administrative group (fydibohf23spdlt)/cn=recipients/cn=15c80c9b083f4281ab32995a83d93290-renato juni;/o=exchangelabs/ou=exchange administrative group (fydibohf23spdlt)/cn=recipients/cn=3b76b3dd02a14d289cc323d3c8d12b81-waleska mar;/o=exchangelabs/ou=exchange administrative group (fydibohf23spdlt)/cn=recipients/cn=43467e5cbde84ba4aa2c3ece1779e1ef-poliana cam;/o=exchangelabs/ou=exchange administrative group (fydibohf23spdlt)/cn=recipients/cn=e14276569479437cbc3dce948def791c-sandra mari;/o=exchangelabs/ou=exchange administrative group (fydibohf23spdlt)/cn=recipients/cn=e8f3542bfc144556bfda069280b71588-angela robe;</t>
  </si>
  <si>
    <t>Mapa Gestão de Saldos Impostos a Recuperar</t>
  </si>
  <si>
    <t>Modelo Saldo a Compensar.xlsx</t>
  </si>
  <si>
    <t>/o=exchangelabs/ou=exchange administrative group (fydibohf23spdlt)/cn=recipients/cn=15c80c9b083f4281ab32995a83d93290-renato juni,/o=exchangelabs/ou=exchange administrative group (fydibohf23spdlt)/cn=recipients/cn=3b76b3dd02a14d289cc323d3c8d12b81-waleska mar,/o=exchangelabs/ou=exchange administrative group (fydibohf23spdlt)/cn=recipients/cn=43467e5cbde84ba4aa2c3ece1779e1ef-poliana cam,/o=exchangelabs/ou=exchange administrative group (fydibohf23spdlt)/cn=recipients/cn=e14276569479437cbc3dce948def791c-sandra mari,/o=exchangelabs/ou=exchange administrative group (fydibohf23spdlt)/cn=recipients/cn=e8f3542bfc144556bfda069280b71588-angela robe</t>
  </si>
  <si>
    <t>10.213.2.22</t>
  </si>
  <si>
    <t>Flavio Martinez Gudeliauskas</t>
  </si>
  <si>
    <t>/o=exchangelabs/ou=exchange administrative group (fydibohf23spdlt)/cn=recipients/cn=b13ec0da748a4eaba66e47790e5763f0-gilmar dal;</t>
  </si>
  <si>
    <t>Base_Atualizada_GST_ (version 2) (version 1).xlsb</t>
  </si>
  <si>
    <t>/o=exchangelabs/ou=exchange administrative group (fydibohf23spdlt)/cn=recipients/cn=b13ec0da748a4eaba66e47790e5763f0-gilmar dal</t>
  </si>
  <si>
    <t>ENC: Base</t>
  </si>
  <si>
    <t>\\acsfs\deptos\DME\CME - Coordenacao de Marketing e Estrategia\Gestão de Vendas\Canais\2020\Latam\Revisão_LP_LATAM Marketing.pptx\</t>
  </si>
  <si>
    <t>ENC: Departamental Outubro</t>
  </si>
  <si>
    <t>Ofertas da internet CP 18, 19 e 20.xls</t>
  </si>
  <si>
    <t>ENC: (ERRATA) Prática Atendimento - EBIT</t>
  </si>
  <si>
    <t>mail.google.com/_/upload?authuser=0&amp;dcp=asu-n&amp;upload_id=AEnB2UpxkrOWIEi6fgDBW9qpLSXk46ef-abXgTCTQrNOpbLO_W2VqOxTzc8T9KHYpfrafJHfoZVzvL5TCQMOV0uvoPKVgmy5739w33R8yXcI9Cwac-UjaJ8&amp;upload_protocol=resumable</t>
  </si>
  <si>
    <t>ASSUNTOS e EVENTOS - VALE.xlsx</t>
  </si>
  <si>
    <t>C:\Users\rodrigombu\OneDrive - Grupo Algar\Whirlpool\2019\11 - Novembro\Arquivo\NPS\</t>
  </si>
  <si>
    <t>Árvore NPS - Devolutiva para ajuste Larissa - 05-11-19.xlsx</t>
  </si>
  <si>
    <t>RetornaCaminhosCategorizacaoMailing_Ajustada 05-11 - V4 - NPS.xlsm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marcia.lopes.asserth@avon.com;</t>
  </si>
  <si>
    <t>RES: RELATÓRIO MENSAL OUTUBRO/11</t>
  </si>
  <si>
    <t>10.Relatório Mensal Outubro19.xlsx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,marcia.lopes.asserth@avon.com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e0001a1553fb4b9a9be687db68a2ec15-yuri ian fr;hugo_cesar_rodrigues_dos_santos_algar@whirlpool.com;larissabdi@algartech.com;thais_coimbra_fonseca_algar@whirlpool.com;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e0001a1553fb4b9a9be687db68a2ec15-yuri ian fr,hugo_cesar_rodrigues_dos_santos_algar@whirlpool.com,larissabdi@algartech.com,thais_coimbra_fonseca_algar@whirlpool.com</t>
  </si>
  <si>
    <t>/o=exchangelabs/ou=exchange administrative group (fydibohf23spdlt)/cn=recipients/cn=1981433b28a2405b86112019a8b25d8f-rodinei per;/o=exchangelabs/ou=exchange administrative group (fydibohf23spdlt)/cn=recipients/cn=546d63420d554c4d858776a48a93ef0f-gustavo de;/o=exchangelabs/ou=exchange administrative group (fydibohf23spdlt)/cn=recipients/cn=c29ec9dae022497281c840087cccddec-patricia ar;/o=exchangelabs/ou=exchange administrative group (fydibohf23spdlt)/cn=recipients/cn=fb208f421ae04825a24a31527949a9b4-mariane pri;</t>
  </si>
  <si>
    <t>Dimensionamento Backoffice - Carrefour</t>
  </si>
  <si>
    <t>Dimensionamento_Bko_Carrefour_Volume Médio.xlsx</t>
  </si>
  <si>
    <t>/o=exchangelabs/ou=exchange administrative group (fydibohf23spdlt)/cn=recipients/cn=1981433b28a2405b86112019a8b25d8f-rodinei per,/o=exchangelabs/ou=exchange administrative group (fydibohf23spdlt)/cn=recipients/cn=546d63420d554c4d858776a48a93ef0f-gustavo de,/o=exchangelabs/ou=exchange administrative group (fydibohf23spdlt)/cn=recipients/cn=c29ec9dae022497281c840087cccddec-patricia ar,/o=exchangelabs/ou=exchange administrative group (fydibohf23spdlt)/cn=recipients/cn=fb208f421ae04825a24a31527949a9b4-mariane pri</t>
  </si>
  <si>
    <t>/o=exchangelabs/ou=exchange administrative group (fydibohf23spdlt)/cn=recipients/cn=90878932db2a45bb924c0e3aac6d5da2-jonatas lem;</t>
  </si>
  <si>
    <t>Volume Outubro</t>
  </si>
  <si>
    <t>info ricardo ignacio.xlsx</t>
  </si>
  <si>
    <t>/o=exchangelabs/ou=exchange administrative group (fydibohf23spdlt)/cn=recipients/cn=90878932db2a45bb924c0e3aac6d5da2-jonatas lem</t>
  </si>
  <si>
    <t>10.200.60.162</t>
  </si>
  <si>
    <t>/o=exchangelabs/ou=exchange administrative group (fydibohf23spdlt)/cn=recipients/cn=2504d5028b6b4fb89d14a5df6031358d-jane carla;/o=exchangelabs/ou=exchange administrative group (fydibohf23spdlt)/cn=recipients/cn=2b69c7de1a3641269a7eed0596e1ddc2-wayner oliv;/o=exchangelabs/ou=exchange administrative group (fydibohf23spdlt)/cn=recipients/cn=ed2578a7fad746b59b0f586e2ee82bbd-heliel de f;cristianecsa@algartech.com;</t>
  </si>
  <si>
    <t>Orçamento Depreciação 2020</t>
  </si>
  <si>
    <t>DRE_Depreciação_Final.xlsx</t>
  </si>
  <si>
    <t>/o=exchangelabs/ou=exchange administrative group (fydibohf23spdlt)/cn=recipients/cn=2504d5028b6b4fb89d14a5df6031358d-jane carla,/o=exchangelabs/ou=exchange administrative group (fydibohf23spdlt)/cn=recipients/cn=2b69c7de1a3641269a7eed0596e1ddc2-wayner oliv,/o=exchangelabs/ou=exchange administrative group (fydibohf23spdlt)/cn=recipients/cn=ed2578a7fad746b59b0f586e2ee82bbd-heliel de f,cristianecsa@algartech.com</t>
  </si>
  <si>
    <t>estabelecimentos - SAU AMEX.xlsx</t>
  </si>
  <si>
    <t>estabelecimentos - RE.xlsx</t>
  </si>
  <si>
    <t>mail.google.com/_/upload?authuser=0&amp;dcp=asu-n&amp;upload_id=AEnB2Uot4Hfv6gJzqkCPg3l7OqcAPXNNNbUQwCPEnleVZ1dui8u8g_zjufT7AMb5lS4w9njvskoeP9T1lcj93AZ47T64Rtq-vIWAxSN9Rr1dfmp1Cd3i4tE&amp;upload_protocol=resumable</t>
  </si>
  <si>
    <t>/o=exchangelabs/ou=exchange administrative group (fydibohf23spdlt)/cn=recipients/cn=04806745e2aa4c7393ba62d6efe81f9a-cf0eed8c-b4;/o=exchangelabs/ou=exchange administrative group (fydibohf23spdlt)/cn=recipients/cn=4fbcbdfa900b4cb195ac160568115bc2-ericson nog;/o=exchangelabs/ou=exchange administrative group (fydibohf23spdlt)/cn=recipients/cn=90bbd36f936b4bc78e1fbd0a7eb4aa7d-samantha du;/o=exchangelabs/ou=exchange administrative group (fydibohf23spdlt)/cn=recipients/cn=b712c36eebee42428d3790abe2696417-romario gom;</t>
  </si>
  <si>
    <t>RES: Escala Treinamento</t>
  </si>
  <si>
    <t>Planejamento TRN - MODELO.xlsx</t>
  </si>
  <si>
    <t>/o=exchangelabs/ou=exchange administrative group (fydibohf23spdlt)/cn=recipients/cn=04806745e2aa4c7393ba62d6efe81f9a-cf0eed8c-b4,/o=exchangelabs/ou=exchange administrative group (fydibohf23spdlt)/cn=recipients/cn=4fbcbdfa900b4cb195ac160568115bc2-ericson nog,/o=exchangelabs/ou=exchange administrative group (fydibohf23spdlt)/cn=recipients/cn=90bbd36f936b4bc78e1fbd0a7eb4aa7d-samantha du,/o=exchangelabs/ou=exchange administrative group (fydibohf23spdlt)/cn=recipients/cn=b712c36eebee42428d3790abe2696417-romario gom</t>
  </si>
  <si>
    <t>Status MMA - Micro-ondas 04.11.2019.xls</t>
  </si>
  <si>
    <t>Status MMA - Smartphones MultiLaser e J2 04.11.2019.xls</t>
  </si>
  <si>
    <t>http://shareit.global.avon.com/sites/arrmcm/forca-de-vendas/_layouts/upload.aspx?list={bfd161db-750f-4cbd-9e74-a6fb6ee0a6de}&amp;rootfolder=/sites/arrmcm/forca-de-vendas/revendedora/incentivos/meu mundo avon&amp;source=http://shareit.global.avon.com/sites/arrmcm/forca-de-vendas/revendedora/forms/allitems.aspx?folderctid=&amp;rootfolder=%2fsites%2farrmcm%2fforca%2dde%2dvendas%2frevendedora%2fincentivos%2fmeu%20mundo%20avon&amp;sortfield=modified&amp;sortdir=desc&amp;view=%7b993eba10%2d8cf7%2d4fbc%2dbe91%2de4ca00ce3956%7d</t>
  </si>
  <si>
    <t>Status MMA Tablet 04.11.2019.xls</t>
  </si>
  <si>
    <t>Status MMA - Impressoras 04.11.2019.xls</t>
  </si>
  <si>
    <t>/o=exchangelabs/ou=exchange administrative group (fydibohf23spdlt)/cn=recipients/cn=503a4cae25a0474e8b364b01d4d28bc4-thais mozel;/o=exchangelabs/ou=exchange administrative group (fydibohf23spdlt)/cn=recipients/cn=valeria de mello lima;</t>
  </si>
  <si>
    <t>RES: Ficha Cadastro Fornecedores</t>
  </si>
  <si>
    <t>/o=exchangelabs/ou=exchange administrative group (fydibohf23spdlt)/cn=recipients/cn=503a4cae25a0474e8b364b01d4d28bc4-thais mozel,/o=exchangelabs/ou=exchange administrative group (fydibohf23spdlt)/cn=recipients/cn=valeria de mello lima</t>
  </si>
  <si>
    <t>/o=exchangelabs/ou=exchange administrative group (fydibohf23spdlt)/cn=recipients/cn=5fc1879e1f014f199391214849626ab4-ana paula c;/o=exchangelabs/ou=exchange administrative group (fydibohf23spdlt)/cn=recipients/cn=8ffcdd39b62f4308b2f876f9624fa69a-wasley luiz;/o=exchangelabs/ou=exchange administrative group (fydibohf23spdlt)/cn=recipients/cn=edc736cbd2a041a6acd73cfd7a4435bd-leticia sou;/o=exchangelabs/ou=exchange administrative group (fydibohf23spdlt)/cn=recipients/cn=edson santos de oliveira;</t>
  </si>
  <si>
    <t>RES: Escala final de Semana - 9/11 e 10/11</t>
  </si>
  <si>
    <t>/o=exchangelabs/ou=exchange administrative group (fydibohf23spdlt)/cn=recipients/cn=5fc1879e1f014f199391214849626ab4-ana paula c,/o=exchangelabs/ou=exchange administrative group (fydibohf23spdlt)/cn=recipients/cn=8ffcdd39b62f4308b2f876f9624fa69a-wasley luiz,/o=exchangelabs/ou=exchange administrative group (fydibohf23spdlt)/cn=recipients/cn=edc736cbd2a041a6acd73cfd7a4435bd-leticia sou,/o=exchangelabs/ou=exchange administrative group (fydibohf23spdlt)/cn=recipients/cn=edson santos de oliveira</t>
  </si>
  <si>
    <t>/o=exchangelabs/ou=exchange administrative group (fydibohf23spdlt)/cn=recipients/cn=3daf2f0b162f40c696c00f9ecbb7d69a-ana laura t;/o=exchangelabs/ou=exchange administrative group (fydibohf23spdlt)/cn=recipients/cn=a4ba92cba10f4fe498074594f937f3b6-leandro lop;/o=exchangelabs/ou=exchange administrative group (fydibohf23spdlt)/cn=recipients/cn=b1a72fc2d0234efca84c7771ea70c7ee-roberta cri;ricardodfm@algartech.com;</t>
  </si>
  <si>
    <t>ENC: ERRATA: GARANTIA MINIMA SETEMBRO/2019 ● ALGAR</t>
  </si>
  <si>
    <t>/o=exchangelabs/ou=exchange administrative group (fydibohf23spdlt)/cn=recipients/cn=3daf2f0b162f40c696c00f9ecbb7d69a-ana laura t,/o=exchangelabs/ou=exchange administrative group (fydibohf23spdlt)/cn=recipients/cn=a4ba92cba10f4fe498074594f937f3b6-leandro lop,/o=exchangelabs/ou=exchange administrative group (fydibohf23spdlt)/cn=recipients/cn=b1a72fc2d0234efca84c7771ea70c7ee-roberta cri,ricardodfm@algartech.com</t>
  </si>
  <si>
    <t>Status MMA - Notebook 04.11.19.xls</t>
  </si>
  <si>
    <t>Status MMA Cafeteira - 04.11.19.xls</t>
  </si>
  <si>
    <t>Recuperação de Custo</t>
  </si>
  <si>
    <t>C:\Users\joaobab\OneDrive - Grupo Algar\temp\TI e TELECOM\Avon\</t>
  </si>
  <si>
    <t>Status de entrega SMART TV - MMA - 04.11.19.xls</t>
  </si>
  <si>
    <t>/o=exchangelabs/ou=exchange administrative group (fydibohf23spdlt)/cn=recipients/cn=c32cee7d339f4e7fab5beda7be171cc0-priscila ca;/o=exchangelabs/ou=exchange administrative group (fydibohf23spdlt)/cn=recipients/cn=f7a4290a46314a3cbb0d392508a7b5c5-luciana sil;</t>
  </si>
  <si>
    <t>RES: eNPS - Dia D Electrolux</t>
  </si>
  <si>
    <t>Algar_Tech-2019-11-05-opinions_report-mWafs.csv</t>
  </si>
  <si>
    <t>/o=exchangelabs/ou=exchange administrative group (fydibohf23spdlt)/cn=recipients/cn=c32cee7d339f4e7fab5beda7be171cc0-priscila ca,/o=exchangelabs/ou=exchange administrative group (fydibohf23spdlt)/cn=recipients/cn=f7a4290a46314a3cbb0d392508a7b5c5-luciana sil</t>
  </si>
  <si>
    <t>10.211.2.130</t>
  </si>
  <si>
    <t>/o=exchangelabs/ou=exchange administrative group (fydibohf23spdlt)/cn=recipients/cn=34a28d636a1b4c86b1ec79baed4b846a-marco anton;/o=exchangelabs/ou=exchange administrative group (fydibohf23spdlt)/cn=recipients/cn=a29bc7a558654fa68b114fd35ed681d3-thiago iane;</t>
  </si>
  <si>
    <t>RES: Cotação de Percall Noturno e Final de Semana</t>
  </si>
  <si>
    <t>Equipe CEMAR.xlsx</t>
  </si>
  <si>
    <t>/o=exchangelabs/ou=exchange administrative group (fydibohf23spdlt)/cn=recipients/cn=34a28d636a1b4c86b1ec79baed4b846a-marco anton,/o=exchangelabs/ou=exchange administrative group (fydibohf23spdlt)/cn=recipients/cn=a29bc7a558654fa68b114fd35ed681d3-thiago iane</t>
  </si>
  <si>
    <t>/o=exchangelabs/ou=exchange administrative group (fydibohf23spdlt)/cn=recipients/cn=55643a6cbd93423e8f0c948d862c9e35-marcelo ale;/o=exchangelabs/ou=exchange administrative group (fydibohf23spdlt)/cn=recipients/cn=89ca346ee974400aae0c2ce74e5bf4c3-ademir de s;/o=exchangelabs/ou=exchange administrative group (fydibohf23spdlt)/cn=recipients/cn=ab32eb07fe6a44bd974887f8bd7cb4aa-mayko freit;/o=exchangelabs/ou=exchange administrative group (fydibohf23spdlt)/cn=recipients/cn=wilson achilles alves pereira neto - 004255;</t>
  </si>
  <si>
    <t>Proposta Técnica Weg</t>
  </si>
  <si>
    <t>/o=exchangelabs/ou=exchange administrative group (fydibohf23spdlt)/cn=recipients/cn=55643a6cbd93423e8f0c948d862c9e35-marcelo ale,/o=exchangelabs/ou=exchange administrative group (fydibohf23spdlt)/cn=recipients/cn=89ca346ee974400aae0c2ce74e5bf4c3-ademir de s,/o=exchangelabs/ou=exchange administrative group (fydibohf23spdlt)/cn=recipients/cn=ab32eb07fe6a44bd974887f8bd7cb4aa-mayko freit,/o=exchangelabs/ou=exchange administrative group (fydibohf23spdlt)/cn=recipients/cn=wilson achilles alves pereira neto - 004255</t>
  </si>
  <si>
    <t>Proposta Suélen - 3TRI2019 - v2.xlsx</t>
  </si>
  <si>
    <t>Proposta Técnica Weg - Considerem esta última versão</t>
  </si>
  <si>
    <t>/o=exchangelabs/ou=exchange administrative group (fydibohf23spdlt)/cn=recipients/cn=e651a71f124c43ddaaa0887cae33fb6b-jackeline g;</t>
  </si>
  <si>
    <t>ENC: Apuração Lojinha do MPE e Digital</t>
  </si>
  <si>
    <t>Incentivo Concessão e Canal Digital.xlsx</t>
  </si>
  <si>
    <t>/o=exchangelabs/ou=exchange administrative group (fydibohf23spdlt)/cn=recipients/cn=e651a71f124c43ddaaa0887cae33fb6b-jackeline g</t>
  </si>
  <si>
    <t>C:\Users\rodrigormc\AppData\Local\Temp\ENC_ Solicitação de Gravação - EDUARDO LEIDERMANN BERGERSON_Reorientação_.msg\s130\</t>
  </si>
  <si>
    <t>ALGAR_Solicitação_Ligação 18.09.xlsx</t>
  </si>
  <si>
    <t>mail.google.com/_/upload?authuser=0&amp;dcp=asu-n&amp;upload_id=AEnB2UqbK6ixy72Rg314hshvJdO5jTj9wx7PRmK6lBYBG7Xd0zhs3IiPI1IJ-CN8gA4t37DkZxRZoR2s0TwqRdC2RnnIFFEhrnHY7dmZ4WNgvNQk6KYBR_A&amp;upload_protocol=resumable</t>
  </si>
  <si>
    <t>mail.google.com/_/upload?authuser=0&amp;dcp=asu-n&amp;upload_id=AEnB2Up0qkhUt081e_2nNEgPlG7xO2TI8sxQvOpG2eAnpclmOEqisnRLp0QaPH3T8v0ixid3GjRkkoTwjGeNDSsCyzXI29wwwYFSnTmInsrd5TLybksMjAE&amp;upload_protocol=resumable</t>
  </si>
  <si>
    <t>C:\Users\rodrigombu\OneDrive - Grupo Algar\Whirlpool\2019\07 - Julho\Arquivo\</t>
  </si>
  <si>
    <t>Distribuição Skill.xls</t>
  </si>
  <si>
    <t>Template_-_Gestao_de_Titulos Desconto 223.xlsx</t>
  </si>
  <si>
    <t>/o=exchangelabs/ou=exchange administrative group (fydibohf23spdlt)/cn=recipients/cn=823ff3c9d5fe49399d544dd8d287e4b4-alexandre m;</t>
  </si>
  <si>
    <t>Discagens URA</t>
  </si>
  <si>
    <t>/o=exchangelabs/ou=exchange administrative group (fydibohf23spdlt)/cn=recipients/cn=823ff3c9d5fe49399d544dd8d287e4b4-alexandre m</t>
  </si>
  <si>
    <t>/o=exchangelabs/ou=exchange administrative group (fydibohf23spdlt)/cn=recipients/cn=1635ed1077024674b65c52767dacde9a-jullian pac;/o=exchangelabs/ou=exchange administrative group (fydibohf23spdlt)/cn=recipients/cn=2361e4251bf74fc4a50ab766b8d95847-algar tech;/o=exchangelabs/ou=exchange administrative group (fydibohf23spdlt)/cn=recipients/cn=249f643ba1e044588b45a020c76dadde-daniel de o;/o=exchangelabs/ou=exchange administrative group (fydibohf23spdlt)/cn=recipients/cn=e5dfe65308934e02acfffcb2185133f4-daniel bier;/o=exchangelabs/ou=exchange administrative group (fydibohf23spdlt)/cn=recipients/cn=userdc05fc7c;</t>
  </si>
  <si>
    <t>RES: Solicitação de cotação de valores - Processo 40143349H - Service Desk Cartões - Algartech</t>
  </si>
  <si>
    <t>ENC Solicitação de cotação de valores - Processo 40143349H - Service Desk Cartões - Algartech.msg\s1\</t>
  </si>
  <si>
    <t>Planilha comercial de cotação (CENÁRIO 1 RFP) - Processo 40143349H.xlsx</t>
  </si>
  <si>
    <t>/o=exchangelabs/ou=exchange administrative group (fydibohf23spdlt)/cn=recipients/cn=1635ed1077024674b65c52767dacde9a-jullian pac,/o=exchangelabs/ou=exchange administrative group (fydibohf23spdlt)/cn=recipients/cn=2361e4251bf74fc4a50ab766b8d95847-algar tech,/o=exchangelabs/ou=exchange administrative group (fydibohf23spdlt)/cn=recipients/cn=249f643ba1e044588b45a020c76dadde-daniel de o,/o=exchangelabs/ou=exchange administrative group (fydibohf23spdlt)/cn=recipients/cn=e5dfe65308934e02acfffcb2185133f4-daniel bier,/o=exchangelabs/ou=exchange administrative group (fydibohf23spdlt)/cn=recipients/cn=userdc05fc7c</t>
  </si>
  <si>
    <t>camilat@algartech.com;cassiomb@algartecnologia.com.br;fernando.toledo@algar.com.br;wilker.miranda@algar.com.br;</t>
  </si>
  <si>
    <t>Emissão Extra Base Line Outubro 2019 (3).xlsx</t>
  </si>
  <si>
    <t>camilat@algartech.com,cassiomb@algartecnologia.com.br,fernando.toledo@algar.com.br,wilker.miranda@algar.com.br</t>
  </si>
  <si>
    <t>/o=exchangelabs/ou=exchange administrative group (fydibohf23spdlt)/cn=recipients/cn=15445d09bcc1488fa6db45ecd34481fe-ana elisa d;/o=exchangelabs/ou=exchange administrative group (fydibohf23spdlt)/cn=recipients/cn=249f643ba1e044588b45a020c76dadde-daniel de o;/o=exchangelabs/ou=exchange administrative group (fydibohf23spdlt)/cn=recipients/cn=8c89829ad534498fa4c85b5ac11174f1-suelen more;/o=exchangelabs/ou=exchange administrative group (fydibohf23spdlt)/cn=recipients/cn=fe8fdec9c88140d18f5303035fad45f0-ricardo bor;douglasxm@algartech.com;</t>
  </si>
  <si>
    <t>RES: Revisão Contratual Projetos GPON Algar Telecom - Urgente</t>
  </si>
  <si>
    <t>xxxxxx - BP - v1.xlsb</t>
  </si>
  <si>
    <t>/o=exchangelabs/ou=exchange administrative group (fydibohf23spdlt)/cn=recipients/cn=15445d09bcc1488fa6db45ecd34481fe-ana elisa d,/o=exchangelabs/ou=exchange administrative group (fydibohf23spdlt)/cn=recipients/cn=249f643ba1e044588b45a020c76dadde-daniel de o,/o=exchangelabs/ou=exchange administrative group (fydibohf23spdlt)/cn=recipients/cn=8c89829ad534498fa4c85b5ac11174f1-suelen more,/o=exchangelabs/ou=exchange administrative group (fydibohf23spdlt)/cn=recipients/cn=fe8fdec9c88140d18f5303035fad45f0-ricardo bor,douglasxm@algartech.com</t>
  </si>
  <si>
    <t>C:\Users\lucianocle\OneDrive\Pessoal\Investimentos\Aplicações\Carteira\</t>
  </si>
  <si>
    <t>Guia Melhores Fundos.xlsm.xlsx</t>
  </si>
  <si>
    <t>10.211.2.140</t>
  </si>
  <si>
    <t>T:\02 - FATURAMENTO\Base GAT\GAT - Planejamento e Gestao\Relatorio de Faturamento NF - AR\AR - Algar\2019\</t>
  </si>
  <si>
    <t>Controle Diario_Janeiro a Outubro_2019.xls</t>
  </si>
  <si>
    <t>Status de entrega - Fogão Fratello 04.11.19.xls</t>
  </si>
  <si>
    <t>RES: Linhas Telefones GST - VIVO - LEVANTAMENTO/BATIMENTO</t>
  </si>
  <si>
    <t>Departamental_ALGAR_TECNOOGIA.csv</t>
  </si>
  <si>
    <t>Cópia de Template Recuperações de Custos Luciana Outubro 2019.xlsx</t>
  </si>
  <si>
    <t>\\acsfs\ACS\Consultoria de Qualidade\Uberlândia\3. Monitores\07 - Avon\Docs para publicar\</t>
  </si>
  <si>
    <t>GCO Novembro - Atualizado.xls</t>
  </si>
  <si>
    <t>bbbssn@amazon.com;forasc@amazon.com;ghstopa@amazon.com;kmmelvey@amazon.com;</t>
  </si>
  <si>
    <t>2019_11_A100 Billing Detail Summary.xlsx</t>
  </si>
  <si>
    <t>bbbssn@amazon.com,forasc@amazon.com,ghstopa@amazon.com,kmmelvey@amazon.com</t>
  </si>
  <si>
    <t>DEPARMENTAL_TEC.csv</t>
  </si>
  <si>
    <t>D:\OneDrive\AlgarTech\Pré-Vendas\Cliente\2018\Ruff\141239 - Unificação de Propostas\</t>
  </si>
  <si>
    <t>Precificação Ruff - 141239_V6.xlsb</t>
  </si>
  <si>
    <t>\\acsfs\deptos\controladoria\17. cg financeiro\cg infra\2.faturamento\echostar\2019\11. novembro\</t>
  </si>
  <si>
    <t>2019-11_echostar energy bill.xlsx</t>
  </si>
  <si>
    <t>Recuperação de custo David Firmino</t>
  </si>
  <si>
    <t>00_Template Recuperação de Custos_David_Firmino.xlsx</t>
  </si>
  <si>
    <t>RES: CSC - Informações Baseline 2019 e 2020</t>
  </si>
  <si>
    <t>Baseline CSC.xlsx</t>
  </si>
  <si>
    <t>franciscoebf@algartecnologia.com.br;</t>
  </si>
  <si>
    <t>franciscoebf@algartecnologia.com.br</t>
  </si>
  <si>
    <t>ENC: Controle de horas extras ação Subsídios - Novembro</t>
  </si>
  <si>
    <t>Controle de horas extras ação Subsidios - Novembro.xlsx</t>
  </si>
  <si>
    <t>10.200.58.252</t>
  </si>
  <si>
    <t>Cópia de Material Reunião TATI - Clientes Dionízio (Potencial vendas).xlsx</t>
  </si>
  <si>
    <t>/o=exchangelabs/ou=exchange administrative group (fydibohf23spdlt)/cn=recipients/cn=670d10f0276c47ba89a984b1a225496b-victor gala;/o=exchangelabs/ou=exchange administrative group (fydibohf23spdlt)/cn=recipients/cn=a168406db08e4b3e86de955164a60cd5-robson henr;/o=exchangelabs/ou=exchange administrative group (fydibohf23spdlt)/cn=recipients/cn=d1d015f213f648abbf348b5ccdf8e9d9-senilda per;/o=exchangelabs/ou=exchange administrative group (fydibohf23spdlt)/cn=recipients/cn=f0ff087361a245daa16e71ac77ecc3f0-ivan costa;</t>
  </si>
  <si>
    <t>RES: Treinamento Algar - Sistema Coleta e Alteração Cadastral</t>
  </si>
  <si>
    <t>TRN Alteração Cadastral.xlsx</t>
  </si>
  <si>
    <t>/o=exchangelabs/ou=exchange administrative group (fydibohf23spdlt)/cn=recipients/cn=670d10f0276c47ba89a984b1a225496b-victor gala,/o=exchangelabs/ou=exchange administrative group (fydibohf23spdlt)/cn=recipients/cn=a168406db08e4b3e86de955164a60cd5-robson henr,/o=exchangelabs/ou=exchange administrative group (fydibohf23spdlt)/cn=recipients/cn=d1d015f213f648abbf348b5ccdf8e9d9-senilda per,/o=exchangelabs/ou=exchange administrative group (fydibohf23spdlt)/cn=recipients/cn=f0ff087361a245daa16e71ac77ecc3f0-ivan costa</t>
  </si>
  <si>
    <t>RES: Controle de horas extras ação Subsídios - Novembro</t>
  </si>
  <si>
    <t>Controle de Horas Extras Ação Subsídios - Novembro.19.xlsx</t>
  </si>
  <si>
    <t>/o=exchangelabs/ou=exchange administrative group (fydibohf23spdlt)/cn=recipients/cn=309572221fe14ce3af445b3983aaac9f-alizenete m;/o=exchangelabs/ou=exchange administrative group (fydibohf23spdlt)/cn=recipients/cn=e6c4f322af524fd6a099890518f034e7-marciel mal;celsoadsj@algartech.com;</t>
  </si>
  <si>
    <t>Ticket 817067</t>
  </si>
  <si>
    <t>/o=exchangelabs/ou=exchange administrative group (fydibohf23spdlt)/cn=recipients/cn=309572221fe14ce3af445b3983aaac9f-alizenete m,/o=exchangelabs/ou=exchange administrative group (fydibohf23spdlt)/cn=recipients/cn=e6c4f322af524fd6a099890518f034e7-marciel mal,celsoadsj@algartech.com</t>
  </si>
  <si>
    <t>/o=exchangelabs/ou=exchange administrative group (fydibohf23spdlt)/cn=recipients/cn=e6e28e2646d74f638943c02afdaa6d1e-luciana rod;</t>
  </si>
  <si>
    <t>ENC: [ AVON ] [ MESA ] Análise de Propostas na Mesa</t>
  </si>
  <si>
    <t>MESA002.ZIP\</t>
  </si>
  <si>
    <t>AVON - Propostas na Mesa 20191005 v2.xlsx</t>
  </si>
  <si>
    <t>/o=exchangelabs/ou=exchange administrative group (fydibohf23spdlt)/cn=recipients/cn=e6e28e2646d74f638943c02afdaa6d1e-luciana rod</t>
  </si>
  <si>
    <t>4c55a8c8-7033-4bca-8dfc-907ff30d491e;</t>
  </si>
  <si>
    <t>https://mail.globo.com/webmail/?_task=mail&amp;_id=820542845dc1ee8907145&amp;_uploadid=1572990657379&amp;_from=compose&amp;_action=upload</t>
  </si>
  <si>
    <t>zecacampelo@uol.com.br;</t>
  </si>
  <si>
    <t>C:\Users\lucianabo\Desktop\2019\11 - Novembro\</t>
  </si>
  <si>
    <t>Estrutura Compra Certa 2016 .xlsm</t>
  </si>
  <si>
    <t>https://zecacampelo@uol.com.br</t>
  </si>
  <si>
    <t>https://mail.globo.com/webmail/?_task=mail&amp;_id=820542845dc1ee8907145&amp;_uploadid=1572990856274&amp;_from=compose&amp;_action=upload</t>
  </si>
  <si>
    <t>DRE JAN Whirlpool 2016.xlsx</t>
  </si>
  <si>
    <t>/o=exchangelabs/ou=exchange administrative group (fydibohf23spdlt)/cn=recipients/cn=c212eb60f4be444cb64e0cc9b82f6e10-alessandro;/o=exchangelabs/ou=exchange administrative group (fydibohf23spdlt)/cn=recipients/cn=cea8f90fd1504597a9a1653ca1e83dbd-mariane sil;isabelladab@algartech.com;</t>
  </si>
  <si>
    <t>RES: Auditoria de Infra - Avon</t>
  </si>
  <si>
    <t>chamados Avon.xls</t>
  </si>
  <si>
    <t>/o=exchangelabs/ou=exchange administrative group (fydibohf23spdlt)/cn=recipients/cn=c212eb60f4be444cb64e0cc9b82f6e10-alessandro,/o=exchangelabs/ou=exchange administrative group (fydibohf23spdlt)/cn=recipients/cn=cea8f90fd1504597a9a1653ca1e83dbd-mariane sil,isabelladab@algartech.com</t>
  </si>
  <si>
    <t>https://mail.globo.com/webmail/?_task=mail&amp;_id=820542845dc1ee8907145&amp;_uploadid=1572991459727&amp;_from=compose&amp;_action=upload</t>
  </si>
  <si>
    <t>Programação Sexta.xls</t>
  </si>
  <si>
    <t>marcia.lopes.asserth@avon.com;rosana.scalabrin@avon.com;</t>
  </si>
  <si>
    <t>Usuários com Problemas</t>
  </si>
  <si>
    <t>Acessos aos sitemas Avon.xlsx</t>
  </si>
  <si>
    <t>marcia.lopes.asserth@avon.com,rosana.scalabrin@avon.com</t>
  </si>
  <si>
    <t>https://mail.globo.com/webmail/?_task=mail&amp;_id=820542845dc1ee8907145&amp;_uploadid=1572991658237&amp;_from=compose&amp;_action=upload</t>
  </si>
  <si>
    <t>CONSOLIDADO AHT WHIRLPOOL - OUTUBRO.xlsx</t>
  </si>
  <si>
    <t>/o=exchangelabs/ou=exchange administrative group (fydibohf23spdlt)/cn=recipients/cn=39b10ea69c23443aab7ad02aa1a69607-jose afonso;/o=exchangelabs/ou=exchange administrative group (fydibohf23spdlt)/cn=recipients/cn=545f738e0fe740ba856f4eb6ef0135e0-vinicius si;/o=exchangelabs/ou=exchange administrative group (fydibohf23spdlt)/cn=recipients/cn=746f10dd924a4e7dbfe2f813f74b1f2c-gilmar pres;</t>
  </si>
  <si>
    <t>ENC: Forecast - NOV e DEZ</t>
  </si>
  <si>
    <t>NOV &amp; DEZ _ Alinhado lider.xlsx</t>
  </si>
  <si>
    <t>/o=exchangelabs/ou=exchange administrative group (fydibohf23spdlt)/cn=recipients/cn=39b10ea69c23443aab7ad02aa1a69607-jose afonso,/o=exchangelabs/ou=exchange administrative group (fydibohf23spdlt)/cn=recipients/cn=545f738e0fe740ba856f4eb6ef0135e0-vinicius si,/o=exchangelabs/ou=exchange administrative group (fydibohf23spdlt)/cn=recipients/cn=746f10dd924a4e7dbfe2f813f74b1f2c-gilmar pres</t>
  </si>
  <si>
    <t>/o=exchangelabs/ou=exchange administrative group (fydibohf23spdlt)/cn=recipients/cn=670d10f0276c47ba89a984b1a225496b-victor gala;/o=exchangelabs/ou=exchange administrative group (fydibohf23spdlt)/cn=recipients/cn=f0ff087361a245daa16e71ac77ecc3f0-ivan costa;/o=exchangelabs/ou=exchange administrative group (fydibohf23spdlt)/cn=recipients/cn=fbbb462fed0b402bbe147770ea84cf9e-adriana cae;</t>
  </si>
  <si>
    <t>ENC: Plano de Ação - New Model</t>
  </si>
  <si>
    <t>/o=exchangelabs/ou=exchange administrative group (fydibohf23spdlt)/cn=recipients/cn=670d10f0276c47ba89a984b1a225496b-victor gala,/o=exchangelabs/ou=exchange administrative group (fydibohf23spdlt)/cn=recipients/cn=f0ff087361a245daa16e71ac77ecc3f0-ivan costa,/o=exchangelabs/ou=exchange administrative group (fydibohf23spdlt)/cn=recipients/cn=fbbb462fed0b402bbe147770ea84cf9e-adriana cae</t>
  </si>
  <si>
    <t>RES: Base de Pesquisas</t>
  </si>
  <si>
    <t>20191031 PESQUISA SATISFAÇÃO GERAL C15 ENV PEDIDOS.xls</t>
  </si>
  <si>
    <t>/o=exchangelabs/ou=exchange administrative group (fydibohf23spdlt)/cn=recipients/cn=0a87f2cad91d442c9f093f600a4c5266-vanessa rod;/o=exchangelabs/ou=exchange administrative group (fydibohf23spdlt)/cn=recipients/cn=28323580acf74fc1b8a136046b9f0fed-joao gabrie;/o=exchangelabs/ou=exchange administrative group (fydibohf23spdlt)/cn=recipients/cn=545f738e0fe740ba856f4eb6ef0135e0-vinicius si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Fechamento JOB - Out/19</t>
  </si>
  <si>
    <t>Meta conversação Out.19.xlsb</t>
  </si>
  <si>
    <t>/o=exchangelabs/ou=exchange administrative group (fydibohf23spdlt)/cn=recipients/cn=0a87f2cad91d442c9f093f600a4c5266-vanessa rod,/o=exchangelabs/ou=exchange administrative group (fydibohf23spdlt)/cn=recipients/cn=28323580acf74fc1b8a136046b9f0fed-joao gabrie,/o=exchangelabs/ou=exchange administrative group (fydibohf23spdlt)/cn=recipients/cn=545f738e0fe740ba856f4eb6ef0135e0-vinicius si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desafios orcamento 2020.xls</t>
  </si>
  <si>
    <t>alexandremp@algarnet.onmicrosoft.com;antoniocb@algartech.com;brunocfi@algartech.com;carlosjrf@algartech.com;cassiojd@algartech.com;cleitongp@algartech.com;ericpcp@algartech.com;fernandords@algartech.com;flaviom@algartech.com;joaquimefr@algartech.com;marciorct@algartech.com;marinasf@algartech.com;paulocruz@algartech.com;robertordsf@algartech.com;roldneysf@algartech.com;ruitb@algartech.com;vanessacs@algartech.com;wesleycb@algartech.com;</t>
  </si>
  <si>
    <t>Planilha de Contagem.xlsx</t>
  </si>
  <si>
    <t>alexandremp@algarnet.onmicrosoft.com,antoniocb@algartech.com,brunocfi@algartech.com,carlosjrf@algartech.com,cassiojd@algartech.com,cleitongp@algartech.com,ericpcp@algartech.com,fernandords@algartech.com,flaviom@algartech.com,joaquimefr@algartech.com,marciorct@algartech.com,marinasf@algartech.com,paulocruz@algartech.com,robertordsf@algartech.com,roldneysf@algartech.com,ruitb@algartech.com,vanessacs@algartech.com,wesleycb@algartech.com</t>
  </si>
  <si>
    <t>ENC: Linhas Telefones GST - VIVO - LEVANTAMENTO/BATIMENTO</t>
  </si>
  <si>
    <t>Cópia de Relação Telefones VIVO_MARILIA.xlsx</t>
  </si>
  <si>
    <t>10.200.57.42</t>
  </si>
  <si>
    <t>54-BF-64-F5-83-A0</t>
  </si>
  <si>
    <t>/o=exchangelabs/ou=exchange administrative group (fydibohf23spdlt)/cn=recipients/cn=5e4f874821654c518c8e7a286b4458e8-lidenor mar;</t>
  </si>
  <si>
    <t>Lista de presença da Capacitação em NR17</t>
  </si>
  <si>
    <t>Lista de presença da Capacitação em NR17.xlsx</t>
  </si>
  <si>
    <t>/o=exchangelabs/ou=exchange administrative group (fydibohf23spdlt)/cn=recipients/cn=5e4f874821654c518c8e7a286b4458e8-lidenor mar</t>
  </si>
  <si>
    <t>C:\Users\joaobab\OneDrive - Grupo Algar\temp\Avon\Arquitetura\</t>
  </si>
  <si>
    <t>TI.xlsx</t>
  </si>
  <si>
    <t>0ANALYSIS_PATTERN - 2019-11-06T081752.017.csv</t>
  </si>
  <si>
    <t>/o=exchangelabs/ou=exchange administrative group (fydibohf23spdlt)/cn=recipients/cn=1e2e97da71ef410ba6f7bc3d1bfa9175-antonio car;/o=exchangelabs/ou=exchange administrative group (fydibohf23spdlt)/cn=recipients/cn=b284454839e94314a90d49e7ec00864f-antonio car;/o=exchangelabs/ou=exchange administrative group (fydibohf23spdlt)/cn=recipients/cn=d05b086490f84e1380a430afb1101aa7-giofrerdane;/o=exchangelabs/ou=exchange administrative group (fydibohf23spdlt)/cn=recipients/cn=d1ca1bbb859d4bb997649640237ba7cd-paulla rena;elismael.menino@sicoob.com.br;lucasarfer@gmail.com;rogerio.nascimento@sicoob.com.br;</t>
  </si>
  <si>
    <t>RES: Validação faturamento Algar</t>
  </si>
  <si>
    <t>Fechamento Sicoob Outubro.xlsx</t>
  </si>
  <si>
    <t>/o=exchangelabs/ou=exchange administrative group (fydibohf23spdlt)/cn=recipients/cn=1e2e97da71ef410ba6f7bc3d1bfa9175-antonio car,/o=exchangelabs/ou=exchange administrative group (fydibohf23spdlt)/cn=recipients/cn=b284454839e94314a90d49e7ec00864f-antonio car,/o=exchangelabs/ou=exchange administrative group (fydibohf23spdlt)/cn=recipients/cn=d05b086490f84e1380a430afb1101aa7-giofrerdane,/o=exchangelabs/ou=exchange administrative group (fydibohf23spdlt)/cn=recipients/cn=d1ca1bbb859d4bb997649640237ba7cd-paulla rena,elismael.menino@sicoob.com.br,lucasarfer@gmail.com,rogerio.nascimento@sicoob.com.br</t>
  </si>
  <si>
    <t>0ANALYSIS_PATTERN - 2019-11-06T082210.462.csv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88e4fcbd3ea14730a81286cc0683fb42-manoel eloy;/o=exchangelabs/ou=exchange administrative group (fydibohf23spdlt)/cn=recipients/cn=a78f7dae304e472e9f75bd537683f6e5-hugo de oli;/o=exchangelabs/ou=exchange administrative group (fydibohf23spdlt)/cn=recipients/cn=b712c36eebee42428d3790abe2696417-romario gom;/o=exchangelabs/ou=exchange administrative group (fydibohf23spdlt)/cn=recipients/cn=c54bebbd63a1403e83787e59fcd1acdc-joao sergio;diogo@quilleconsultoria.com.br;sizania.miranda@next.b.br;</t>
  </si>
  <si>
    <t>RES: Relatórios next</t>
  </si>
  <si>
    <t>Relatórios next - MODELO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88e4fcbd3ea14730a81286cc0683fb42-manoel eloy,/o=exchangelabs/ou=exchange administrative group (fydibohf23spdlt)/cn=recipients/cn=a78f7dae304e472e9f75bd537683f6e5-hugo de oli,/o=exchangelabs/ou=exchange administrative group (fydibohf23spdlt)/cn=recipients/cn=b712c36eebee42428d3790abe2696417-romario gom,/o=exchangelabs/ou=exchange administrative group (fydibohf23spdlt)/cn=recipients/cn=c54bebbd63a1403e83787e59fcd1acdc-joao sergio,diogo@quilleconsultoria.com.br,sizania.miranda@next.b.br</t>
  </si>
  <si>
    <t>Valor pendente em Transitorio</t>
  </si>
  <si>
    <t>CH542_20191106_082910.xls</t>
  </si>
  <si>
    <t>alinesf@algartech.com;lauraaso@algartech.com;</t>
  </si>
  <si>
    <t>ações realizadas.xlsx</t>
  </si>
  <si>
    <t>alinesf@algartech.com,lauraaso@algartech.com</t>
  </si>
  <si>
    <t>C:\Users\iramildass\Desktop\Iramilda\Voluntariado\</t>
  </si>
  <si>
    <t>comite_atualizado_2019.xlsx</t>
  </si>
  <si>
    <t>/o=exchangelabs/ou=exchange administrative group (fydibohf23spdlt)/cn=recipients/cn=ab45243d601947128cfe3dec663408bf-pamela tava;/o=exchangelabs/ou=exchange administrative group (fydibohf23spdlt)/cn=recipients/cn=e3778f57d65f4c17a6287602f9eb0cdc-alessandra;</t>
  </si>
  <si>
    <t>ENC: PLR - Indicar cliente do gerente e do coordenador</t>
  </si>
  <si>
    <t>/o=exchangelabs/ou=exchange administrative group (fydibohf23spdlt)/cn=recipients/cn=ab45243d601947128cfe3dec663408bf-pamela tava,/o=exchangelabs/ou=exchange administrative group (fydibohf23spdlt)/cn=recipients/cn=e3778f57d65f4c17a6287602f9eb0cdc-alessandra</t>
  </si>
  <si>
    <t>Ocorrencias_029_01a03110.csv</t>
  </si>
  <si>
    <t>ENC: OCORRÊNCIAS 01 A 3110_028_029_033 EMISSÃO 0511</t>
  </si>
  <si>
    <t>OCORRÊNCIAS 01 A 3110_028_029_033 EMISSÃO 0511.xlsm</t>
  </si>
  <si>
    <t>/o=exchangelabs/ou=exchange administrative group (fydibohf23spdlt)/cn=recipients/cn=1262e099c0f24b3489b19e6494cd5fca-rayssa da c;/o=exchangelabs/ou=exchange administrative group (fydibohf23spdlt)/cn=recipients/cn=71d61cf74988455d8586a88b31233851-pablo mathe;/o=exchangelabs/ou=exchange administrative group (fydibohf23spdlt)/cn=recipients/cn=98317c61309146baaae737fd3a6c03f2-kamila da s;</t>
  </si>
  <si>
    <t>/o=exchangelabs/ou=exchange administrative group (fydibohf23spdlt)/cn=recipients/cn=1262e099c0f24b3489b19e6494cd5fca-rayssa da c,/o=exchangelabs/ou=exchange administrative group (fydibohf23spdlt)/cn=recipients/cn=71d61cf74988455d8586a88b31233851-pablo mathe,/o=exchangelabs/ou=exchange administrative group (fydibohf23spdlt)/cn=recipients/cn=98317c61309146baaae737fd3a6c03f2-kamila da s</t>
  </si>
  <si>
    <t>/o=exchangelabs/ou=exchange administrative group (fydibohf23spdlt)/cn=recipients/cn=71b1478bf72e4a12b8997150e0223e87-algar tech;/o=exchangelabs/ou=exchange administrative group (fydibohf23spdlt)/cn=recipients/cn=71d61cf74988455d8586a88b31233851-pablo mathe;</t>
  </si>
  <si>
    <t>/o=exchangelabs/ou=exchange administrative group (fydibohf23spdlt)/cn=recipients/cn=71b1478bf72e4a12b8997150e0223e87-algar tech,/o=exchangelabs/ou=exchange administrative group (fydibohf23spdlt)/cn=recipients/cn=71d61cf74988455d8586a88b31233851-pablo mathe</t>
  </si>
  <si>
    <t>/o=exchangelabs/ou=exchange administrative group (fydibohf23spdlt)/cn=recipients/cn=353ae92739f249c9a329d1d6d0ef1590-gabriela na;/o=exchangelabs/ou=exchange administrative group (fydibohf23spdlt)/cn=recipients/cn=71d61cf74988455d8586a88b31233851-pablo mathe;</t>
  </si>
  <si>
    <t>/o=exchangelabs/ou=exchange administrative group (fydibohf23spdlt)/cn=recipients/cn=353ae92739f249c9a329d1d6d0ef1590-gabriela na,/o=exchangelabs/ou=exchange administrative group (fydibohf23spdlt)/cn=recipients/cn=71d61cf74988455d8586a88b31233851-pablo mathe</t>
  </si>
  <si>
    <t>/o=exchangelabs/ou=exchange administrative group (fydibohf23spdlt)/cn=recipients/cn=71d61cf74988455d8586a88b31233851-pablo mathe;/o=exchangelabs/ou=exchange administrative group (fydibohf23spdlt)/cn=recipients/cn=d88356e5298a4a49acbf5c81d99047c7-walter torr;</t>
  </si>
  <si>
    <t>/o=exchangelabs/ou=exchange administrative group (fydibohf23spdlt)/cn=recipients/cn=71d61cf74988455d8586a88b31233851-pablo mathe,/o=exchangelabs/ou=exchange administrative group (fydibohf23spdlt)/cn=recipients/cn=d88356e5298a4a49acbf5c81d99047c7-walter torr</t>
  </si>
  <si>
    <t>Ocorrencias 029</t>
  </si>
  <si>
    <t>OCORRENCIAS_029_01A3110_EMISSAO0611.csv</t>
  </si>
  <si>
    <t>RES: Ocorrencias 028</t>
  </si>
  <si>
    <t>OCORRENCIAS_028_01A3110_EMISSAO0611.csv</t>
  </si>
  <si>
    <t>ESFORÇO_CPC - GREVY OUTUBRO 2019.xlsm</t>
  </si>
  <si>
    <t>dados clientees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88e4fcbd3ea14730a81286cc0683fb42-manoel eloy;/o=exchangelabs/ou=exchange administrative group (fydibohf23spdlt)/cn=recipients/cn=b712c36eebee42428d3790abe2696417-romario gom;</t>
  </si>
  <si>
    <t>RES: Dimensionamento Operacional</t>
  </si>
  <si>
    <t>11 -Next Template_Volumetria_ 2019 Oficial Algar Tech.msg\s1\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88e4fcbd3ea14730a81286cc0683fb42-manoel eloy,/o=exchangelabs/ou=exchange administrative group (fydibohf23spdlt)/cn=recipients/cn=b712c36eebee42428d3790abe2696417-romario gom</t>
  </si>
  <si>
    <t>Razao Carga Setup e Transitorio.xls</t>
  </si>
  <si>
    <t>C:\Users\alessandroam\OneDrive\OneDrive - Grupo Algar\01 - Historico\02 - Seg Informação\06 - CIPHER\</t>
  </si>
  <si>
    <t>Lista de Projetos PDS.xlsx</t>
  </si>
  <si>
    <t>Ligações x Categorizações</t>
  </si>
  <si>
    <t>Vale 1.xlsx</t>
  </si>
  <si>
    <t>\\acsfs\deptos\CEI - Coordenação de Engenharia e Infraestrutura\CEI – Manutenção\48 - PCM\Manutenção\11. Apresentações ppt\Resultados Manutenção\2019\11 - Outubro\Indicadores Manutenção 01-10-2019 até 31-10-2019.pptx\</t>
  </si>
  <si>
    <t>\\udpimgap01\Base de Conhecimento Data Center\02 - Arquivos Comuns\2.4 - Suporte Backup e Restore\Equipe Backup Restore\2.4.1 - Documentacao\2.5.6 Políticas de Backup\SAVIS DEFESA\</t>
  </si>
  <si>
    <t>Política Backup SAVIS DEFESA (VLAN 3174).xlsx</t>
  </si>
  <si>
    <t>C:\Users\luizavs\OneDrive - Grupo Algar\Backup PC Luiz\06-11-2019\LUIZ ALFREDO\01 - TELECOM\01 - TELEVENDAS\</t>
  </si>
  <si>
    <t>ÁRVORE CATEGORIZAÇÕES RET ATIVA.xlsx</t>
  </si>
  <si>
    <t>ÁRVORE CATEGORIZAÇÕES RET ATIVA (2).xlsx</t>
  </si>
  <si>
    <t>Wasley ABCD.xlsx</t>
  </si>
  <si>
    <t>VOLUMETRIA TLV.xlsx</t>
  </si>
  <si>
    <t>TABELA DE CAMPANHAS - URA ATIVA.xlsx</t>
  </si>
  <si>
    <t>SKILLS TLV.xlsx</t>
  </si>
  <si>
    <t>Relatório_OUT_20170223_20170306 v2.xlsx</t>
  </si>
  <si>
    <t>Relatório_IN_OUT_20170313_20170315.xlsx</t>
  </si>
  <si>
    <t>Relatório_IN_OUT_20170307_20170312.xlsx</t>
  </si>
  <si>
    <t>Relatório_IN_OUT_20170223_20170306.xlsx</t>
  </si>
  <si>
    <t>RECEITA JUNHO x META.xlsx</t>
  </si>
  <si>
    <t>RAIO-X OPERACIONAL.xlsx</t>
  </si>
  <si>
    <t>Provisão Faturamento TLV.xlsx</t>
  </si>
  <si>
    <t>Programação de Férias - Diretriz Diretoria.xlsx</t>
  </si>
  <si>
    <t>Programação de Férias - Diretriz Diretoria V4.xlsx</t>
  </si>
  <si>
    <t>Programação de Férias - Diretriz Diretoria V3.xlsx</t>
  </si>
  <si>
    <t>Programação de Férias - Diretriz Diretoria V2.xlsx</t>
  </si>
  <si>
    <t>Programação de Férias - Diretriz Diretoria Segundo Nível.xlsx</t>
  </si>
  <si>
    <t>Planejamento Volumes - 15-01-18.xlsx</t>
  </si>
  <si>
    <t>PLANEJAMENTO DE FÉRIAS.xlsx</t>
  </si>
  <si>
    <t>PLANEJAMENTO DE FÉRIAS setembro16.xlsx</t>
  </si>
  <si>
    <t>Painel TELEVENDAS.xlsx</t>
  </si>
  <si>
    <t>Painel Televendas (2).xlsx</t>
  </si>
  <si>
    <t>Painel COB TLV.xlsx</t>
  </si>
  <si>
    <t>PA x PMO.xlsx</t>
  </si>
  <si>
    <t>METAS ACOMPANHAMENTO DE RECEITA.xlsx</t>
  </si>
  <si>
    <t>METAS ACOMPANHAMENTO DE RECEITA SET-18.xlsx</t>
  </si>
  <si>
    <t>METAS ACOMPANHAMENTO DE RECEITA SET-18 V2.xlsx</t>
  </si>
  <si>
    <t>METAS ACOMPANHAMENTO DE RECEITA SET-17.xlsx</t>
  </si>
  <si>
    <t>METAS ACOMPANHAMENTO DE RECEITA OUT-18.xlsx</t>
  </si>
  <si>
    <t>METAS ACOMPANHAMENTO DE RECEITA OUT-18 v2.xlsx</t>
  </si>
  <si>
    <t>METAS ACOMPANHAMENTO DE RECEITA OUT-17.xlsx</t>
  </si>
  <si>
    <t>METAS ACOMPANHAMENTO DE RECEITA NOV-17.xlsx</t>
  </si>
  <si>
    <t>METAS ACOMPANHAMENTO DE RECEITA MAR17.xlsx</t>
  </si>
  <si>
    <t>METAS ACOMPANHAMENTO DE RECEITA MAR-18.xlsx</t>
  </si>
  <si>
    <t>METAS ACOMPANHAMENTO DE RECEITA MAR-18 V2.xlsx</t>
  </si>
  <si>
    <t>METAS ACOMPANHAMENTO DE RECEITA MAI17.xlsx</t>
  </si>
  <si>
    <t>METAS ACOMPANHAMENTO DE RECEITA MAI-18.xlsx</t>
  </si>
  <si>
    <t>METAS ACOMPANHAMENTO DE RECEITA MAI17 v2.xlsx</t>
  </si>
  <si>
    <t>METAS ACOMPANHAMENTO DE RECEITA MAI-18 v2.xlsx</t>
  </si>
  <si>
    <t>METAS ACOMPANHAMENTO DE RECEITA JUN17.xlsx</t>
  </si>
  <si>
    <t>METAS ACOMPANHAMENTO DE RECEITA JUN17 V2.xlsx</t>
  </si>
  <si>
    <t>METAS ACOMPANHAMENTO DE RECEITA JUL-18.xlsx</t>
  </si>
  <si>
    <t>METAS ACOMPANHAMENTO DE RECEITA JUL-17.xlsx</t>
  </si>
  <si>
    <t>METAS ACOMPANHAMENTO DE RECEITA JAN-18.xlsx</t>
  </si>
  <si>
    <t>METAS ACOMPANHAMENTO DE RECEITA FEV17.xlsx</t>
  </si>
  <si>
    <t>METAS ACOMPANHAMENTO DE RECEITA FEV-18.xlsx</t>
  </si>
  <si>
    <t>METAS ACOMPANHAMENTO DE RECEITA FEV-18 v3.xlsx</t>
  </si>
  <si>
    <t>METAS ACOMPANHAMENTO DE RECEITA FEV-18 v2.xlsx</t>
  </si>
  <si>
    <t>METAS ACOMPANHAMENTO DE RECEITA DEZ-17.xlsx</t>
  </si>
  <si>
    <t>METAS ACOMPANHAMENTO DE RECEITA AGO-18.xlsx</t>
  </si>
  <si>
    <t>METAS ACOMPANHAMENTO DE RECEITA AGO-17.xlsx</t>
  </si>
  <si>
    <t>METAS ACOMPANHAMENTO DE RECEITA ABR17.xlsx</t>
  </si>
  <si>
    <t>METAS ACOMPANHAMENTO DE RECEITA ABR-18.xlsx</t>
  </si>
  <si>
    <t>IDS SKILL TLV.xlsx</t>
  </si>
  <si>
    <t>EVIDENCIAS PRESENCE FORA DO HORÁRIO.xlsx</t>
  </si>
  <si>
    <t>ESCALA TOP PERFORMANCE 30-31-JAN.xlsx</t>
  </si>
  <si>
    <t>ESCALA TOP PERFORMANCE 19-20-OUT.xlsx</t>
  </si>
  <si>
    <t>ESCALA TOP PERFORMANCE 16-17-NOV.xlsx</t>
  </si>
  <si>
    <t>ESCALA TOP PERFORMANCE 15-16-FEV.xlsx</t>
  </si>
  <si>
    <t>ESCALA TOP PERFORMANCE 12-13-ABR.xlsx</t>
  </si>
  <si>
    <t>ESCALA TOP PERFORMANCE 10-11-OUT.xlsx</t>
  </si>
  <si>
    <t>ERROS QLIKVIEW.xlsx</t>
  </si>
  <si>
    <t>ERROS QLIKVIEW 2.xlsx</t>
  </si>
  <si>
    <t>EAD X LOA.xlsx</t>
  </si>
  <si>
    <t>DIGITAL Fev17.xlsx</t>
  </si>
  <si>
    <t>Devolutiva de Solicitações de Férias - Agosto-16.xlsx</t>
  </si>
  <si>
    <t>Desmobilização BKO TELEVENDAS.xls</t>
  </si>
  <si>
    <t>Dash SELEÇÕES - TLV MPE.xlsx</t>
  </si>
  <si>
    <t>Dados operação TLV Varejo.xlsx</t>
  </si>
  <si>
    <t>Dados operação TLV MPE.xlsx</t>
  </si>
  <si>
    <t>Cópia de Sugestão Árvore MOTIVOS_RETORNO.xlsx</t>
  </si>
  <si>
    <t>Cópia de Estrutura DRC 2018.xlsb</t>
  </si>
  <si>
    <t>Cópia de DIGITAL Mar17.xlsx</t>
  </si>
  <si>
    <t>Cópia de DIGITAL Abr17x.xlsx</t>
  </si>
  <si>
    <t>Cópia de AuxPresenceSupervendas.xlsx</t>
  </si>
  <si>
    <t>Colunas_No_Detalhado_Qlikview.xls</t>
  </si>
  <si>
    <t>Categorizações Sistêmicas.xlsx</t>
  </si>
  <si>
    <t>Categorizacoes_validadas.xlsx</t>
  </si>
  <si>
    <t>BENCH TLV MPE.xlsx</t>
  </si>
  <si>
    <t>BASE ACOMPANHAMENTO DE RECEITA 2016.xlsx</t>
  </si>
  <si>
    <t>APURAÇÃO CAMPANHA DIÁRIA - AGO18.xlsx</t>
  </si>
  <si>
    <t>ANÁLISE D-1.xlsx</t>
  </si>
  <si>
    <t>AGENTES x TURNO - TLV.xlsx</t>
  </si>
  <si>
    <t>Acompanhamento_digital_31102017.xlsx</t>
  </si>
  <si>
    <t>acompanhamento_digital_31082017.xlsx</t>
  </si>
  <si>
    <t>acompanhamento_digital_31072017.xlsx</t>
  </si>
  <si>
    <t>acompanhamento_digital_31052017.XLSX</t>
  </si>
  <si>
    <t>acompanhamento_digital_31032017.XLSX</t>
  </si>
  <si>
    <t>acompanhamento_digital_31012017.XLSX</t>
  </si>
  <si>
    <t>acompanhamento_digital_30092017.xlsx</t>
  </si>
  <si>
    <t>acompanhamento_digital_30062017.xlsx</t>
  </si>
  <si>
    <t>acompanhamento_digital_30042017.XLSX</t>
  </si>
  <si>
    <t>acompanhamento_digital_28022017.XLSX</t>
  </si>
  <si>
    <t>Acompanhamento_digital_12062017.xlsx</t>
  </si>
  <si>
    <t>ABS TD IMP OCIO.xlsx</t>
  </si>
  <si>
    <t>20161_10 Marden.xls</t>
  </si>
  <si>
    <t>09 - PREMISSAS DE PLANEJAMENTO.xlsx</t>
  </si>
  <si>
    <t>C:\Users\luizavs\OneDrive - Grupo Algar\Backup PC Luiz\06-11-2019\LUIZ ALFREDO\01 - TELECOM\01 - TELEVENDAS\01 - TLV VAREJO\</t>
  </si>
  <si>
    <t>WINBACK CELULAR.xlsx</t>
  </si>
  <si>
    <t>VOLUMETRIA x SKILL.xlsx</t>
  </si>
  <si>
    <t>Volumetria Outubro - TLV.xlsx</t>
  </si>
  <si>
    <t>Volumetria Outubro - TLV v2.xlsx</t>
  </si>
  <si>
    <t>volumetria outubro - com e sem chip.xlsx</t>
  </si>
  <si>
    <t>VOLUME TLV CHIP.xlsx</t>
  </si>
  <si>
    <t>Volume Chip Set-Out-17.xlsx</t>
  </si>
  <si>
    <t>VOLUME CHIP 29-03.xlsx</t>
  </si>
  <si>
    <t>VOLUME ANALOGICO DIGITAL - NOVEMBRO.xlsx</t>
  </si>
  <si>
    <t>VENDAS MAILING 50067.xlsx</t>
  </si>
  <si>
    <t>VENDAS CELULAR PÓS ABR x MAR.xlsx</t>
  </si>
  <si>
    <t>VENDAS CANCELADAS SETEMBRO.xlsx</t>
  </si>
  <si>
    <t>Vendas Canal Digital.xlsx</t>
  </si>
  <si>
    <t>VENDAS 2016 x PRODUTO.xlsx</t>
  </si>
  <si>
    <t>VALIDAÇÃO TITULAR DIFERENTE DO USUÁRIO.xlsx</t>
  </si>
  <si>
    <t>Top Performance Loja Virtual.xlsx</t>
  </si>
  <si>
    <t>TOP AGENTES.xlsx</t>
  </si>
  <si>
    <t>TICKET MÉDIO - MAILINGS.xlsx</t>
  </si>
  <si>
    <t>SEM SUCESSO 47799.xlsx</t>
  </si>
  <si>
    <t>SEM SUCESSO 47521.xlsx</t>
  </si>
  <si>
    <t>RESULTADOS GERENCIAIS RECEITA - TV - AGOSTO.xlsx</t>
  </si>
  <si>
    <t>RESULTADOS DE TV.xlsx</t>
  </si>
  <si>
    <t>Relatório Inbound - TLV.xls</t>
  </si>
  <si>
    <t>Redução TLV Maio.xlsx</t>
  </si>
  <si>
    <t>Receitas Duily.xlsx</t>
  </si>
  <si>
    <t>Receita por dia por operador.xlsx</t>
  </si>
  <si>
    <t>RECEITA HAB CHIP.xlsx</t>
  </si>
  <si>
    <t>RECEITA CROSSELING.xlsx</t>
  </si>
  <si>
    <t>RECEITA - ATIVO x RECEPTIVO.xlsx</t>
  </si>
  <si>
    <t>RANKING TLV VAREJO.xlsx</t>
  </si>
  <si>
    <t>RAMPA DE EVOLUÇÃO ATIVO.xlsx</t>
  </si>
  <si>
    <t>Proposta targets Televendas.xlsx</t>
  </si>
  <si>
    <t>PROJEÇÃO RECEITA - AGOSTO-16.xlsx</t>
  </si>
  <si>
    <t>Potencial de atingimento Televendas.xlsx</t>
  </si>
  <si>
    <t>PACOTE ASSOCIADO.xlsx</t>
  </si>
  <si>
    <t>Plano de ação Algar Telecom_Agosto_2017.xlsx</t>
  </si>
  <si>
    <t>10.200.98.240</t>
  </si>
  <si>
    <t>/o=exchangelabs/ou=exchange administrative group (fydibohf23spdlt)/cn=recipients/cn=b4c27a00523743509c2a8673c01acf8b-emanuella g;</t>
  </si>
  <si>
    <t>ENC: Pesquisa de Satisfação</t>
  </si>
  <si>
    <t>Monitorias Pesquisa.xlsx</t>
  </si>
  <si>
    <t>/o=exchangelabs/ou=exchange administrative group (fydibohf23spdlt)/cn=recipients/cn=b4c27a00523743509c2a8673c01acf8b-emanuella g</t>
  </si>
  <si>
    <t>OUT-JAN VOLUME RECEPTIVO.xlsx</t>
  </si>
  <si>
    <t>OPPS X STATUS - SET-16.xlsx</t>
  </si>
  <si>
    <t>MIX - NOV-16.xlsx</t>
  </si>
  <si>
    <t>Metas x Agentes x Curvas - TLV VAREJO.xlsx</t>
  </si>
  <si>
    <t>META x AGENTE.xlsx</t>
  </si>
  <si>
    <t>Meta Blend.xlsx</t>
  </si>
  <si>
    <t>MAILINGS ATIVAÇÃO CELULAR.xlsx</t>
  </si>
  <si>
    <t>LISTAGEM EXTENSIONS SKILL.xlsx</t>
  </si>
  <si>
    <t>LISTAGEM EXTENSIONS SKILL v2.xlsx</t>
  </si>
  <si>
    <t>JAN NOV.xlsx</t>
  </si>
  <si>
    <t>INCREMENTO DE ATINGIMENTO DE META.xlsx</t>
  </si>
  <si>
    <t>INCLUSÕES.xlsx</t>
  </si>
  <si>
    <t>IMPRODUTIVIDADE x SUPERVISÃO.xlsx</t>
  </si>
  <si>
    <t>IMPACTO FATURAMENTO TLV VAREJO.xlsx</t>
  </si>
  <si>
    <t>HORAS LOGADAS TLV.xlsx</t>
  </si>
  <si>
    <t>Horas Logadas TLV - Sem vendas.xlsx</t>
  </si>
  <si>
    <t>HISTÓRICO TLV VAREJO.xlsx</t>
  </si>
  <si>
    <t>Histórico Receita TLV Varejo.xlsx</t>
  </si>
  <si>
    <t>GANHO URA ATIVA RECEPTIVO.xlsx</t>
  </si>
  <si>
    <t>folga carnaval.xlsx</t>
  </si>
  <si>
    <t>FECHADO X CANCELADO.xlsx</t>
  </si>
  <si>
    <t>Fech x Canc - Canais distintos.xlsx</t>
  </si>
  <si>
    <t>EVIDENCIAS TOOLBAR.xlsx</t>
  </si>
  <si>
    <t>ESPECIALIZAÇÃO VAREJO.xlsx</t>
  </si>
  <si>
    <t>DELTA TLV VAREJO.xlsx</t>
  </si>
  <si>
    <t>DADOS IURI.xlsx</t>
  </si>
  <si>
    <t>DADOS IURI v2.xlsx</t>
  </si>
  <si>
    <t>D-1 Varejo.xlsx</t>
  </si>
  <si>
    <t>Cópia de Analise Cristiano.xlsx</t>
  </si>
  <si>
    <t>Cópia de ACOMPANHAMENTO RECEITA TLV - ALGAR VAREJO 20170818.xlsm</t>
  </si>
  <si>
    <t>CUSTO VENDA TLV.xlsx</t>
  </si>
  <si>
    <t>CUSTO DA VENDA.xlsx</t>
  </si>
  <si>
    <t>CRUZAMENTO FECH X CANC.csv</t>
  </si>
  <si>
    <t>CONCESSÃO TELECOM.xlsx</t>
  </si>
  <si>
    <t>Comparativo Análise.xlsx</t>
  </si>
  <si>
    <t>Chamadas Não Elegíveis Set17.xlsx</t>
  </si>
  <si>
    <t>Chamadas Não Elegíveis 21-22-Set17.xlsx</t>
  </si>
  <si>
    <t>Cenários Ilha de Celular.xlsx</t>
  </si>
  <si>
    <t>CATEGORIZAÇÕES PRESENCE x CMC020.xlsx</t>
  </si>
  <si>
    <t>CATEGORIZAÇÕES PRESENCE x CMC020 V2.xlsx</t>
  </si>
  <si>
    <t>CATEGORIZAÇÕES PRESENCE - TLV ATIVO.xlsx</t>
  </si>
  <si>
    <t>CATEGORIZACOES_PRESENCE.xls</t>
  </si>
  <si>
    <t>CategorizacoesPresence.xls</t>
  </si>
  <si>
    <t>CASOS GUSTAVO.xlsx</t>
  </si>
  <si>
    <t>CAPACIDADE MAILING URA ATIVA.xlsx</t>
  </si>
  <si>
    <t>CAIO EVIDENCIAS MAILING - ANALISE DETALHADA.xlsx</t>
  </si>
  <si>
    <t>BASE_PRESENCE - DIMEN AGENTES.xlsx</t>
  </si>
  <si>
    <t>Base Presence Julho-Agosto 712.xlsx</t>
  </si>
  <si>
    <t>BAD CALLS JAN17.xlsx</t>
  </si>
  <si>
    <t>Bad call - cliente outra operadora - Varejo.xlsx</t>
  </si>
  <si>
    <t>ATIVOXRECEPTIVO.xlsx</t>
  </si>
  <si>
    <t>Arvore_Televendas Toolbar v2.xlsx</t>
  </si>
  <si>
    <t>Arvores_Televendas_30-03 - Toolbar.xlsx</t>
  </si>
  <si>
    <t>Arvores_Televendas_21-03.xlsx</t>
  </si>
  <si>
    <t>ANÁLISE WINBACK 2017.xlsx</t>
  </si>
  <si>
    <t>Análise Placa Khomp.xlsx</t>
  </si>
  <si>
    <t>Análise de Impacto - Ligado 7 - TLV.xlsx</t>
  </si>
  <si>
    <t>Analitico Ret Atv - Já Possui Serviço.xlsx</t>
  </si>
  <si>
    <t>Analise Cristiano.xlsx</t>
  </si>
  <si>
    <t>AHT x Categorização TLV Varejo.xls</t>
  </si>
  <si>
    <t>AHT TELEVENDAS.xlsx</t>
  </si>
  <si>
    <t>Acompanhamento de DCC.xlsx</t>
  </si>
  <si>
    <t>C:\Users\luizavs\OneDrive - Grupo Algar\Backup PC Luiz\06-11-2019\LUIZ ALFREDO\01 - TELECOM\01 - TELEVENDAS\01 - TLV VAREJO\ACOMPANHAMENTO DCC\</t>
  </si>
  <si>
    <t>Acompanhamento DCC - SET-16.xlsx</t>
  </si>
  <si>
    <t>Acompanhamento DCC - OUT-16.xlsx</t>
  </si>
  <si>
    <t>/o=exchangelabs/ou=exchange administrative group (fydibohf23spdlt)/cn=recipients/cn=26d35797a23841dda77608720c95f631-tiago dos r;</t>
  </si>
  <si>
    <t>ENC: ATIVIDADES AMANDA</t>
  </si>
  <si>
    <t>1Lista de Entregas PCP.xlsx</t>
  </si>
  <si>
    <t>/o=exchangelabs/ou=exchange administrative group (fydibohf23spdlt)/cn=recipients/cn=26d35797a23841dda77608720c95f631-tiago dos r</t>
  </si>
  <si>
    <t>R:\OneDrive - Grupo Algar\Advanced Collection\0 - Cliente\99 - RFP\Carrefour\Banco CSF - Edital &amp; Anexos - RFP Serviços de Cobrança - NOV19.zip\Banco CSF - Edital &amp; Anexos - RFP Servi‡os de Cobran‡a - NOV19\</t>
  </si>
  <si>
    <t>Vendor Assessment.xlsm</t>
  </si>
  <si>
    <t>R:\OneDrive - Grupo Algar\Advanced Collection\0 - Cliente\99 - RFP\Carrefour\Banco CSF - Edital &amp; Anexos - RFP Serviços de Cobrança - NOV19\</t>
  </si>
  <si>
    <t>Banco CSF - Call Center - Cobrança - RFQ REV1.0.xlsx</t>
  </si>
  <si>
    <t>10.200.58.44</t>
  </si>
  <si>
    <t>/o=exchangelabs/ou=exchange administrative group (fydibohf23spdlt)/cn=recipients/cn=503a4cae25a0474e8b364b01d4d28bc4-thais mozel;/o=exchangelabs/ou=exchange administrative group (fydibohf23spdlt)/cn=recipients/cn=9e72be441e9e4b08a759859a5b3a336a-daniela de;</t>
  </si>
  <si>
    <t>RES: Pesquisa NPS - Algar Telecom</t>
  </si>
  <si>
    <t>Algar_Tech-2019-11-06-opinions_report-fzYRk.csv</t>
  </si>
  <si>
    <t>/o=exchangelabs/ou=exchange administrative group (fydibohf23spdlt)/cn=recipients/cn=503a4cae25a0474e8b364b01d4d28bc4-thais mozel,/o=exchangelabs/ou=exchange administrative group (fydibohf23spdlt)/cn=recipients/cn=9e72be441e9e4b08a759859a5b3a336a-daniela de</t>
  </si>
  <si>
    <t>lauanedjs@algartech.com;wilsianemf@algartech.com;</t>
  </si>
  <si>
    <t>WEBAULA - CursosConcluidosNR17_Historico.xlsm</t>
  </si>
  <si>
    <t>lauanedjs@algartech.com,wilsianemf@algartech.com</t>
  </si>
  <si>
    <t>C:\Users\luizavs\OneDrive - Grupo Algar\Backup PC Luiz\06-11-2019\LUIZ ALFREDO\01 - TELECOM\01 - TELEVENDAS\01 - TLV VAREJO\ANDERSON\Desktop.rar\</t>
  </si>
  <si>
    <t>12 - Modelo Entregaveis Enviado.xlsx</t>
  </si>
  <si>
    <t>BD ACOMP AUTOGESTAO TLV.xlsx</t>
  </si>
  <si>
    <t>Calc CCO.xlsx</t>
  </si>
  <si>
    <t>Churn 25 Outubro.xlsx</t>
  </si>
  <si>
    <t>CÃ³pia de 12 - Modelo Entregaveis Enviado.xlsx</t>
  </si>
  <si>
    <t>CÃ³pia de Produtividade ATIVO CCO.xlsx</t>
  </si>
  <si>
    <t>formulario.xlsx</t>
  </si>
  <si>
    <t>Head Count - Compra Certa.xls</t>
  </si>
  <si>
    <t>OperaÃ§Ãµes.xlsx</t>
  </si>
  <si>
    <t>Produtividade Reagendamento desinstalaÃ§Ã£o.xlsx</t>
  </si>
  <si>
    <t>C:\Users\luizavs\OneDrive - Grupo Algar\Backup PC Luiz\06-11-2019\LUIZ ALFREDO\01 - TELECOM\01 - TELEVENDAS\01 - TLV VAREJO\ANDERSON\</t>
  </si>
  <si>
    <t>DADOS AGENTE VIRTUAL.xlsx</t>
  </si>
  <si>
    <t>Consolidado Maio.xlsx</t>
  </si>
  <si>
    <t>Calculadora Dimensionamento blend.xlsm</t>
  </si>
  <si>
    <t>Calculadora Dimensionamento Ativo.xlsm</t>
  </si>
  <si>
    <t>C:\Users\luizavs\OneDrive - Grupo Algar\Backup PC Luiz\06-11-2019\LUIZ ALFREDO\01 - TELECOM\01 - TELEVENDAS\01 - TLV VAREJO\COMISSIONAMENTO\</t>
  </si>
  <si>
    <t>COMISSIONAMENTO TLV.xlsm</t>
  </si>
  <si>
    <t>COMISSIONAMENTO SUPS.xlsx</t>
  </si>
  <si>
    <t>C:\Users\luizavs\OneDrive - Grupo Algar\Backup PC Luiz\06-11-2019\LUIZ ALFREDO\01 - TELECOM\01 - TELEVENDAS\01 - TLV VAREJO\CURVA ABC\</t>
  </si>
  <si>
    <t>Curva ABC Novembro_20161123.xlsx</t>
  </si>
  <si>
    <t>Curva ABC Novembro_20161117.xlsx</t>
  </si>
  <si>
    <t>Curva ABC Novembro_20161116.xlsx</t>
  </si>
  <si>
    <t>CURVA A-B RECEPTIVO.xlsx</t>
  </si>
  <si>
    <t>C:\Users\luizavs\OneDrive - Grupo Algar\Backup PC Luiz\06-11-2019\LUIZ ALFREDO\01 - TELECOM\01 - TELEVENDAS\01 - TLV VAREJO\DESCONEXÃO\</t>
  </si>
  <si>
    <t>MASCARA_DESCONEXÃO_RECEPTIVO.xlsx</t>
  </si>
  <si>
    <t>MASCARA_DESCONEXÃO_ATIVO.xlsx</t>
  </si>
  <si>
    <t>C:\Users\luizavs\OneDrive - Grupo Algar\Backup PC Luiz\06-11-2019\LUIZ ALFREDO\01 - TELECOM\01 - TELEVENDAS\01 - TLV VAREJO\DIMENSIONAMENTO CHIP\</t>
  </si>
  <si>
    <t>DIMENS CHIP.xlsx</t>
  </si>
  <si>
    <t>03 - DIMENS. TLV CHIP_9020.xlsm</t>
  </si>
  <si>
    <t>03 - DIMENS. TLV CHIP_9020 v4.xlsm</t>
  </si>
  <si>
    <t>03 - DIMENS. TLV CHIP_9020 v3.xlsm</t>
  </si>
  <si>
    <t>03 - DIMENS. TLV CHIP_9020 v2.xlsm</t>
  </si>
  <si>
    <t>C:\Users\luizavs\OneDrive - Grupo Algar\Backup PC Luiz\06-11-2019\LUIZ ALFREDO\01 - TELECOM\01 - TELEVENDAS\01 - TLV VAREJO\FINANCEIRO\</t>
  </si>
  <si>
    <t>Meta Novembro 2016.xlsx</t>
  </si>
  <si>
    <t>Análise de Vendas - Outubro - TLV Varejo.xlsx</t>
  </si>
  <si>
    <t>C:\Users\luizavs\OneDrive - Grupo Algar\Backup PC Luiz\06-11-2019\LUIZ ALFREDO\01 - TELECOM\01 - TELEVENDAS\01 - TLV VAREJO\MAILINGS\</t>
  </si>
  <si>
    <t>Presence Outubro - Migra Cel.xls</t>
  </si>
  <si>
    <t>MAILINGS xTURNO.xlsx</t>
  </si>
  <si>
    <t>Efetividade Setembro16.xlsx</t>
  </si>
  <si>
    <t>CONTATOS COM SUCESSO - JULHO-16.xlsx</t>
  </si>
  <si>
    <t>CATEGORIZAÇÕES WINBACK JULHO-AGOSTO.xlsx</t>
  </si>
  <si>
    <t>categorizações Blend - Novembro16.xls</t>
  </si>
  <si>
    <t>CAP X REC.xlsx</t>
  </si>
  <si>
    <t>BASE 37985.xlsx</t>
  </si>
  <si>
    <t>ANÁLISE MAILINGS FRANCA - JULHO-16.xlsx</t>
  </si>
  <si>
    <t>ANÁLISE 37985.xlsx</t>
  </si>
  <si>
    <t>ACEITE - WINBACK.xlsx</t>
  </si>
  <si>
    <t>C:\Users\luizavs\OneDrive - Grupo Algar\Backup PC Luiz\06-11-2019\LUIZ ALFREDO\01 - TELECOM\01 - TELEVENDAS\01 - TLV VAREJO\ABANDONADAS\DEZEMBRO - 16\</t>
  </si>
  <si>
    <t>Relatório de Abandonadas - TLV Varejo - 29-11 - 07-12.xlsx</t>
  </si>
  <si>
    <t>C:\Users\luizavs\OneDrive - Grupo Algar\Backup PC Luiz\06-11-2019\LUIZ ALFREDO\01 - TELECOM\01 - TELEVENDAS\01 - TLV VAREJO\ABANDONADAS\NOVEMBRO - 16\</t>
  </si>
  <si>
    <t>Relatório de Abandonadas - TLV Varejo - 1-28-11.xlsx</t>
  </si>
  <si>
    <t>C:\Users\luizavs\OneDrive - Grupo Algar\Backup PC Luiz\06-11-2019\LUIZ ALFREDO\01 - TELECOM\01 - TELEVENDAS\01 - TLV VAREJO\ACOMPANHAMENTO\SETEMBRO - 16\</t>
  </si>
  <si>
    <t>ACOMPANHAMENTO ILHA CELULAR.xlsx</t>
  </si>
  <si>
    <t>C:\Users\luizavs\OneDrive - Grupo Algar\Backup PC Luiz\06-11-2019\LUIZ ALFREDO\01 - TELECOM\01 - TELEVENDAS\01 - TLV VAREJO\ANDERSON\CTBC Planejamento\</t>
  </si>
  <si>
    <t>SKILL's.xlsx</t>
  </si>
  <si>
    <t>PA's TELECOM - 30 MIN.xlsx</t>
  </si>
  <si>
    <t>Calculo Improdutividade Ponderada.xlsx</t>
  </si>
  <si>
    <t>C:\Users\luizavs\OneDrive - Grupo Algar\Backup PC Luiz\06-11-2019\LUIZ ALFREDO\01 - TELECOM\01 - TELEVENDAS\01 - TLV VAREJO\ANDERSON\CTBC SuperVendas\</t>
  </si>
  <si>
    <t>TABLO.xlsx</t>
  </si>
  <si>
    <t>Produtividade_online.xlsm</t>
  </si>
  <si>
    <t>MATERIAL DE APOIO PRESENCE.xlsx</t>
  </si>
  <si>
    <t>Inviabilidade Dezembro.xlsx</t>
  </si>
  <si>
    <t>Horas Logadas - Dezembro - Residencial.xlsx</t>
  </si>
  <si>
    <t>FATURAMENTO POR OPERADOR.xlsx</t>
  </si>
  <si>
    <t>Faixas de metrica especifica - UDI - CTBC SUPORTE DE CANAIS - MAIO 2016.xlsm</t>
  </si>
  <si>
    <t>Faixas de metrica especifica - UDI - CTBC SEGUNDO NIVEL TLVRET - JANEIRO 2016.xlsm</t>
  </si>
  <si>
    <t>ESTIMATIVA RECEITA - META_V2.xlsx</t>
  </si>
  <si>
    <t>ESTIMATIVA RECEITA - META.xlsx</t>
  </si>
  <si>
    <t>Distribuição Meta.xlsx</t>
  </si>
  <si>
    <t>Calcular meta diária TLV.xlsx</t>
  </si>
  <si>
    <t>CALC CAPACIDADE MAILING - 2016.xlsx</t>
  </si>
  <si>
    <t>CALC CAPACIDADE MAILING - 2016 - Cópia.xlsx</t>
  </si>
  <si>
    <t>C:\Users\elainemdlp\OD\_Projetos\Em andamento\Migracao PJ\01 - Iniciacao\</t>
  </si>
  <si>
    <t>Preço.xlsb</t>
  </si>
  <si>
    <t>C:\Users\elainemdlp\OD\_Projetos\Em andamento\Migracao PJ\01 - Iniciacao\Preço.xlsb\</t>
  </si>
  <si>
    <t>mail.google.com/_/upload?authuser=0&amp;dcp=asu-n&amp;upload_id=AEnB2UrsgFOkJYxktPKGYQitYp8dIGq_6AZQiFta_kKmRi_BRCHHCvwWgOOqh0paRSyhQBAu9k_h07mMD6byOO-aj059SsJSqQYJVptNpIMPOW-XMMwxHm4&amp;upload_protocol=resumable</t>
  </si>
  <si>
    <t>base desconexão.xlsx</t>
  </si>
  <si>
    <t>ACOMPANHAMENTO RECEITA TLV - ALGAR - ATUALIZADO_JULHO.xlsm</t>
  </si>
  <si>
    <t>ACOMPANHAMENTO RECEITA TLV - ALGAR - ATUALIZADO_AGOSTO.xlsm</t>
  </si>
  <si>
    <t>C:\Users\luizavs\OneDrive - Grupo Algar\Backup PC Luiz\06-11-2019\LUIZ ALFREDO\01 - TELECOM\01 - TELEVENDAS\01 - TLV VAREJO\ANDERSON\EVOLUTIVOS\</t>
  </si>
  <si>
    <t>Produtividade Diária_Televendas Varejo_Ativo.xlsx</t>
  </si>
  <si>
    <t>Consolidado Televendas Varejo_Receptivo.xlsx</t>
  </si>
  <si>
    <t>Consolidado Televendas Varejo_Ativo.xlsx</t>
  </si>
  <si>
    <t>C:\Users\luizavs\OneDrive - Grupo Algar\Backup PC Luiz\06-11-2019\LUIZ ALFREDO\01 - TELECOM\01 - TELEVENDAS\01 - TLV VAREJO\ANDERSON\FRANCIELLE LOPES\</t>
  </si>
  <si>
    <t>Template Afastados Férias Ex-associados_objetivos Kamila.xlsx</t>
  </si>
  <si>
    <t>sgc.xls</t>
  </si>
  <si>
    <t>Resultado por fatores.xlsx</t>
  </si>
  <si>
    <t>Planejamento_1º_semestre_2016_revisao_1.1.xlsx</t>
  </si>
  <si>
    <t>OCEA_360_Abril_20160502_FECHAMENTO.xlsx</t>
  </si>
  <si>
    <t>Modelo Report OS.xlsm</t>
  </si>
  <si>
    <t>Formulário - Relatório de Despesas IBM - Kamila.xls</t>
  </si>
  <si>
    <t>Formulário - Relatório de Despesas IBM - Francielle_Fevereiro.xls</t>
  </si>
  <si>
    <t>Formulário - Relatório de Despesas IBM - Francielle.xls</t>
  </si>
  <si>
    <t>Desafio DDX-FIXA.xlsx</t>
  </si>
  <si>
    <t>C:\Users\luizavs\OneDrive - Grupo Algar\Backup PC Luiz\06-11-2019\LUIZ ALFREDO\01 - TELECOM\01 - TELEVENDAS\01 - TLV VAREJO\ANDERSON\FRANCIELLE LOPES\Consulta URA Ativa.rar\</t>
  </si>
  <si>
    <t>Consulta URA Ativa.xlsx</t>
  </si>
  <si>
    <t>Comparativo TLV Produtividade.xlsx</t>
  </si>
  <si>
    <t>Anderson.xlsx</t>
  </si>
  <si>
    <t>C:\Users\luizavs\OneDrive - Grupo Algar\Backup PC Luiz\06-11-2019\LUIZ ALFREDO\01 - TELECOM\01 - TELEVENDAS\01 - TLV VAREJO\ANDERSON\Geral\</t>
  </si>
  <si>
    <t>TURBOTAB.XLA</t>
  </si>
  <si>
    <t>Mascara Balancear grupos de folgav2.xlsm</t>
  </si>
  <si>
    <t>Formulário de Inserção de Skills 912.xlsx</t>
  </si>
  <si>
    <t>Formulário - Relatório de Despesas IBM -Anderson.xls</t>
  </si>
  <si>
    <t>Custo Incentivo v2.xlsx</t>
  </si>
  <si>
    <t>Calculadora de Dimensionamento Ativo_v2.xlsx</t>
  </si>
  <si>
    <t>BD ANATEL (V 2 0).xlsm</t>
  </si>
  <si>
    <t>Balanceamento.xlsx</t>
  </si>
  <si>
    <t>Balanceamento RCV.xlsx</t>
  </si>
  <si>
    <t>Balanceamento HD.xlsx</t>
  </si>
  <si>
    <t>C:\Users\luizavs\OneDrive - Grupo Algar\Backup PC Luiz\06-11-2019\LUIZ ALFREDO\01 - TELECOM\01 - TELEVENDAS\01 - TLV VAREJO\ANDERSON\NOVO ACOMP TLV\</t>
  </si>
  <si>
    <t>Planejamento_Agosto_v3_crescimento_pa.xlsx</t>
  </si>
  <si>
    <t>ATIVAÇÃO DE TV - MÉDIA POR DIA.xlsx</t>
  </si>
  <si>
    <t>ENC: Produtividade UNE_UCB_Formalização e Casos Especiais ate 04/11</t>
  </si>
  <si>
    <t>Produtividade UNE_UCB_Formalização e Casos Especiais.xlsb</t>
  </si>
  <si>
    <t>Consolidação Demandas Tecnologia 06112019.xlsx</t>
  </si>
  <si>
    <t>Recuperação de Custo Avon - Out.19</t>
  </si>
  <si>
    <t>1833db889917448db72caa903941bdf4.xls</t>
  </si>
  <si>
    <t>ACOMP TLV VAREJO - AGENTES.xlsm</t>
  </si>
  <si>
    <t>01 - ACOMP TLV VAREJO_V2_SETEMBRO.xlsm</t>
  </si>
  <si>
    <t>01 - ACOMP TLV VAREJO_V2_JUNHO.xlsm</t>
  </si>
  <si>
    <t>01 - ACOMP TLV VAREJO_V2_JULHO.xlsm</t>
  </si>
  <si>
    <t>01 - ACOMP TLV VAREJO_V2_AGOSTO.xlsm</t>
  </si>
  <si>
    <t>C:\Users\luizavs\OneDrive - Grupo Algar\Backup PC Luiz\06-11-2019\LUIZ ALFREDO\01 - TELECOM\01 - TELEVENDAS\01 - TLV VAREJO\FINANCEIRO\ALGARCRM\</t>
  </si>
  <si>
    <t>Vendas AlgarCRM - Outubro16.xlsx</t>
  </si>
  <si>
    <t>Vendas AlgarCRM - Novembro16.xlsx</t>
  </si>
  <si>
    <t>C:\Users\luizavs\OneDrive - Grupo Algar\Backup PC Luiz\06-11-2019\LUIZ ALFREDO\01 - TELECOM\01 - TELEVENDAS\01 - TLV VAREJO\FINANCEIRO\GESTÃO DE BACKLOG\</t>
  </si>
  <si>
    <t>OPPs AGENDADAS NÃO TRABALHADAS.xlsx</t>
  </si>
  <si>
    <t>OPPs AGENDADAS NÃO TRABALHADAS v2.xlsx</t>
  </si>
  <si>
    <t>GESTÃO DE BACKLOG.xlsx</t>
  </si>
  <si>
    <t>BACKLOG ULA - KELLY.xlsx</t>
  </si>
  <si>
    <t>C:\Users\luizavs\OneDrive - Grupo Algar\Backup PC Luiz\06-11-2019\LUIZ ALFREDO\01 - TELECOM\01 - TELEVENDAS\01 - TLV VAREJO\FINANCEIRO\INVIÁVEIS\</t>
  </si>
  <si>
    <t>ACOMP RECEITAS JULHO - INVIAVEIS.xlsx</t>
  </si>
  <si>
    <t>C:\Users\luizavs\OneDrive - Grupo Algar\Backup PC Luiz\06-11-2019\LUIZ ALFREDO\01 - TELECOM\01 - TELEVENDAS\01 - TLV VAREJO\FINANCEIRO\META DIÁRIA\</t>
  </si>
  <si>
    <t>Calcular meta diária TLV VAREJO.xlsx</t>
  </si>
  <si>
    <t>Calcular meta diária CROSSELING.xlsx</t>
  </si>
  <si>
    <t>C:\Users\luizavs\OneDrive - Grupo Algar\Backup PC Luiz\06-11-2019\LUIZ ALFREDO\01 - TELECOM\01 - TELEVENDAS\01 - TLV VAREJO\FINANCEIRO\PLANEJAMENTO DE METAS\</t>
  </si>
  <si>
    <t>Planejamento Metas TLV Varejo_v2.xlsx</t>
  </si>
  <si>
    <t>C:\Users\luizavs\OneDrive - Grupo Algar\Backup PC Luiz\06-11-2019\LUIZ ALFREDO\01 - TELECOM\01 - TELEVENDAS\01 - TLV VAREJO\FINANCEIRO\SIMULAÇÃO NOVA TABELA\</t>
  </si>
  <si>
    <t>SETEMBRO.xlsx</t>
  </si>
  <si>
    <t>AGOSTO.xlsx</t>
  </si>
  <si>
    <t>C:\Users\luizavs\OneDrive - Grupo Algar\Backup PC Luiz\06-11-2019\LUIZ ALFREDO\01 - TELECOM\01 - TELEVENDAS\01 - TLV VAREJO\FINANCEIRO\V TECH\</t>
  </si>
  <si>
    <t>Racional ganho cobtech_V3.xlsx</t>
  </si>
  <si>
    <t>C:\Users\luizavs\OneDrive - Grupo Algar\Backup PC Luiz\06-11-2019\LUIZ ALFREDO\01 - TELECOM\01 - TELEVENDAS\01 - TLV VAREJO\FUNIL\NOVEMBRO - 16\</t>
  </si>
  <si>
    <t>FUNIL TELEVENDAS - VAREJO - SEMANA3.xlsx</t>
  </si>
  <si>
    <t>FUNIL TELEVENDAS - VAREJO - SEMANA1.xlsx</t>
  </si>
  <si>
    <t>C:\Users\luizavs\OneDrive - Grupo Algar\Backup PC Luiz\06-11-2019\LUIZ ALFREDO\01 - TELECOM\01 - TELEVENDAS\01 - TLV VAREJO\FUNIL\OUTUBRO - 16\</t>
  </si>
  <si>
    <t>FUNIL TELEVENDAS - VAREJO - SEMANA2.xlsx</t>
  </si>
  <si>
    <t>FUNIL TELEVENDAS - VAREJO - SEMANA 4.xlsx</t>
  </si>
  <si>
    <t>FUNIL TELEVENDAS - VAREJO - SEMANA 3.xlsx</t>
  </si>
  <si>
    <t>FUNIL TELEVENDAS - VAREJO - FECHAMENTO.xlsx</t>
  </si>
  <si>
    <t>RES: 188301 - GRC - TOYOTA - ATENDIMENTO MOBILIDADE</t>
  </si>
  <si>
    <t>RES ATEC-2019-0024-012 - MOBILITY TOYOTA.msg\s1\</t>
  </si>
  <si>
    <t>Classificacao_Mobility_Toyota_2808_-_Classificado.xlsx</t>
  </si>
  <si>
    <t>/o=exchangelabs/ou=exchange administrative group (fydibohf23spdlt)/cn=recipients/cn=b1a72fc2d0234efca84c7771ea70c7ee-roberta cri;/o=exchangelabs/ou=exchange administrative group (fydibohf23spdlt)/cn=recipients/cn=f50351055a2944cebcbdc18a918945d6-gustavo res;</t>
  </si>
  <si>
    <t>ENC: Bonificação Ação AVON</t>
  </si>
  <si>
    <t>/o=exchangelabs/ou=exchange administrative group (fydibohf23spdlt)/cn=recipients/cn=b1a72fc2d0234efca84c7771ea70c7ee-roberta cri,/o=exchangelabs/ou=exchange administrative group (fydibohf23spdlt)/cn=recipients/cn=f50351055a2944cebcbdc18a918945d6-gustavo res</t>
  </si>
  <si>
    <t>C:\Users\luizavs\OneDrive - Grupo Algar\Backup PC Luiz\06-11-2019\LUIZ ALFREDO\01 - TELECOM\01 - TELEVENDAS\01 - TLV VAREJO\KPI\NOVEMBRO - 16\</t>
  </si>
  <si>
    <t>KPI - TLV Varejo.xlsx</t>
  </si>
  <si>
    <t>C:\Users\luizavs\OneDrive - Grupo Algar\Backup PC Luiz\06-11-2019\LUIZ ALFREDO\01 - TELECOM\01 - TELEVENDAS\01 - TLV VAREJO\MAILINGS\FINALIZAÇÕES MAILINGS\</t>
  </si>
  <si>
    <t>Resultado de Mailings - Agosto.xlsx</t>
  </si>
  <si>
    <t>Consolidado Setembro.xlsx</t>
  </si>
  <si>
    <t>Consolidado Outubro.xlsx</t>
  </si>
  <si>
    <t>Consolidado Outubro - PROGRESSIVO.xlsx</t>
  </si>
  <si>
    <t>Consolidado Novembro.xlsx</t>
  </si>
  <si>
    <t>Consolidado Novembro - PROGRESSIVO.xlsx</t>
  </si>
  <si>
    <t>ENC: Volume Gerenciadas Amex e Visa - 06/11</t>
  </si>
  <si>
    <t>camiladps@algartech.com;leonardoamf@algartech.com;leonardoamf@algartech.com.br;lucianaas@algartech.com.br;</t>
  </si>
  <si>
    <t>novos educadores.xlsx</t>
  </si>
  <si>
    <t>camiladps@algartech.com,leonardoamf@algartech.com,leonardoamf@algartech.com.br,lucianaas@algartech.com.br</t>
  </si>
  <si>
    <t>Consolidado Março.xlsx</t>
  </si>
  <si>
    <t>Consolidado MAIO.xlsx</t>
  </si>
  <si>
    <t>Consolidado Junho.xlsx</t>
  </si>
  <si>
    <t>Consolidado Julho.xlsx</t>
  </si>
  <si>
    <t>Consolidado Agosto.xlsx</t>
  </si>
  <si>
    <t>Consolidado Abril_V3.xlsx</t>
  </si>
  <si>
    <t>Acompanhamento Mailings TLV - Janeiro.xlsx</t>
  </si>
  <si>
    <t>ACOMP MAILING FEV.xlsx</t>
  </si>
  <si>
    <t>C:\Users\luizavs\OneDrive - Grupo Algar\Backup PC Luiz\06-11-2019\LUIZ ALFREDO\01 - TELECOM\01 - TELEVENDAS\01 - TLV VAREJO\3ª MÉTRICA\2016\DEZEMBRO -16\</t>
  </si>
  <si>
    <t>Resultado_Indicadores_ALGAR TELECOM_SUPERVENDAS_DEZEMBRO_16.xlsx</t>
  </si>
  <si>
    <t>BASE.xls</t>
  </si>
  <si>
    <t>C:\Users\luizavs\OneDrive - Grupo Algar\Backup PC Luiz\06-11-2019\LUIZ ALFREDO\01 - TELECOM\01 - TELEVENDAS\01 - TLV VAREJO\3ª MÉTRICA\2016\NOVEMBRO -16\</t>
  </si>
  <si>
    <t>Resultado_Indicadores_ALGAR TELECOM_SUPERVENDAS_NOVEMBRO_16.xlsx</t>
  </si>
  <si>
    <t>C:\Users\luizavs\OneDrive - Grupo Algar\Backup PC Luiz\06-11-2019\LUIZ ALFREDO\01 - TELECOM\01 - TELEVENDAS\01 - TLV VAREJO\3ª MÉTRICA\2016\OUTUBRO-16\</t>
  </si>
  <si>
    <t>Resultado_Indicadores_ALGAR TELECOM_SUPERVENDAS_OUTUBRO_16.xlsx</t>
  </si>
  <si>
    <t>C:\Users\luizavs\OneDrive - Grupo Algar\Backup PC Luiz\06-11-2019\LUIZ ALFREDO\01 - TELECOM\01 - TELEVENDAS\01 - TLV VAREJO\3ª MÉTRICA\2016\SETEMBRO-16\</t>
  </si>
  <si>
    <t>Resultado_Indicadores_CTBC_SUPERVENDAS_SETEMBRO_16.xlsx</t>
  </si>
  <si>
    <t>C:\Users\luizavs\OneDrive - Grupo Algar\Backup PC Luiz\06-11-2019\LUIZ ALFREDO\01 - TELECOM\01 - TELEVENDAS\01 - TLV VAREJO\3ª MÉTRICA\2017\01 - JANEIRO\</t>
  </si>
  <si>
    <t>Resultado_Indicadores_ALGAR TELECOM_SUPERVENDAS_JANEIRO_17.xlsx</t>
  </si>
  <si>
    <t>C:\Users\luizavs\OneDrive - Grupo Algar\Backup PC Luiz\06-11-2019\LUIZ ALFREDO\01 - TELECOM\01 - TELEVENDAS\01 - TLV VAREJO\3ª MÉTRICA\2017\02 - FEVEREIRO\</t>
  </si>
  <si>
    <t>Resultado_Indicadores_UDI - ALGAR TELECOM_SUPERVENDAS_FEVEREIRO_17.xlsx</t>
  </si>
  <si>
    <t>C:\Users\luizavs\OneDrive - Grupo Algar\Backup PC Luiz\06-11-2019\LUIZ ALFREDO\01 - TELECOM\01 - TELEVENDAS\01 - TLV VAREJO\3ª MÉTRICA\2017\03 - MARÇO\</t>
  </si>
  <si>
    <t>Resultado_Indicadores_UDI - ALGAR TELECOM_SUPERVENDAS_MARÇO_17.xlsx</t>
  </si>
  <si>
    <t>C:\Users\luizavs\OneDrive - Grupo Algar\Backup PC Luiz\06-11-2019\LUIZ ALFREDO\01 - TELECOM\01 - TELEVENDAS\01 - TLV VAREJO\3ª MÉTRICA\2017\04 - ABRIL\</t>
  </si>
  <si>
    <t>Resultado_Indicadores_UDI - ALGAR TELECOM_SUPERVENDAS_ABRIL_17.xlsx</t>
  </si>
  <si>
    <t>10.12.241.69</t>
  </si>
  <si>
    <t>Treinamento ID Unico OP_06.11.xlsx</t>
  </si>
  <si>
    <t>C:\Users\luizavs\OneDrive - Grupo Algar\Backup PC Luiz\06-11-2019\LUIZ ALFREDO\01 - TELECOM\01 - TELEVENDAS\01 - TLV VAREJO\3ª MÉTRICA\2017\05 - MAIO\</t>
  </si>
  <si>
    <t>Resultado_Indicadores_UDI - ALGAR TELECOM_SUPERVENDAS_MAIO_17.xlsx</t>
  </si>
  <si>
    <t>C:\Users\luizavs\OneDrive - Grupo Algar\Backup PC Luiz\06-11-2019\LUIZ ALFREDO\01 - TELECOM\01 - TELEVENDAS\01 - TLV VAREJO\3ª MÉTRICA\2017\06 - JUNHO\</t>
  </si>
  <si>
    <t>Resultado_Indicadores_UDI - ALGAR TELECOM_SUPERVENDAS_JUNHO_17.xlsx</t>
  </si>
  <si>
    <t>C:\Users\luizavs\OneDrive - Grupo Algar\Backup PC Luiz\06-11-2019\LUIZ ALFREDO\01 - TELECOM\01 - TELEVENDAS\01 - TLV VAREJO\3ª MÉTRICA\2017\07 - JULHO\</t>
  </si>
  <si>
    <t>Resultado_Indicadores_UDI - ALGAR TELECOM_SUPERVENDAS_JULHO_17.xlsx</t>
  </si>
  <si>
    <t>C:\Users\luizavs\OneDrive - Grupo Algar\Backup PC Luiz\06-11-2019\LUIZ ALFREDO\01 - TELECOM\01 - TELEVENDAS\01 - TLV VAREJO\ACOMPANHAMENTO\CROSSELING - ILHA CELULAR\OUTUBRO - 16\</t>
  </si>
  <si>
    <t>ACOMP ILHA CELULAR + CROSSELING.xlsx</t>
  </si>
  <si>
    <t>C:\Users\luizavs\OneDrive - Grupo Algar\Backup PC Luiz\06-11-2019\LUIZ ALFREDO\01 - TELECOM\01 - TELEVENDAS\01 - TLV VAREJO\ACOMPANHAMENTO\CROSSELING - ILHA CELULAR\SETEMBRO - 16\</t>
  </si>
  <si>
    <t>C:\Users\luizavs\OneDrive - Grupo Algar\Backup PC Luiz\06-11-2019\LUIZ ALFREDO\01 - TELECOM\01 - TELEVENDAS\01 - TLV VAREJO\ACOMPANHAMENTO DE MAILINGS\2016\12 - DEZEMBRO\</t>
  </si>
  <si>
    <t>BASE_PRESENCE DEZ-16.xlsx</t>
  </si>
  <si>
    <t>C:\Users\luizavs\OneDrive - Grupo Algar\Backup PC Luiz\06-11-2019\LUIZ ALFREDO\01 - TELECOM\01 - TELEVENDAS\01 - TLV VAREJO\ACOMPANHAMENTO DE MAILINGS\2017\10 - OUTUBRO\</t>
  </si>
  <si>
    <t>Cópia de Performance mailings Patos de Minas.xls</t>
  </si>
  <si>
    <t>C:\Users\luizavs\OneDrive - Grupo Algar\Backup PC Luiz\06-11-2019\LUIZ ALFREDO\01 - TELECOM\01 - TELEVENDAS\01 - TLV VAREJO\ANDERSON\CTBC Planejamento\02 - Backoffice\</t>
  </si>
  <si>
    <t>forecast x real.xlsx</t>
  </si>
  <si>
    <t>Forecast 10_15.xlsx</t>
  </si>
  <si>
    <t>DIMENS BACKOFFICE.xlsx</t>
  </si>
  <si>
    <t>DIMENS BACKOFFICE - REFORECAST.xlsx</t>
  </si>
  <si>
    <t>CENÁRIOS BACK - 20-10-15.xlsx</t>
  </si>
  <si>
    <t>CAD_SET_2015.xlsx</t>
  </si>
  <si>
    <t>CAD_AGO_15.xlsx</t>
  </si>
  <si>
    <t>Análise Backoffice Final.xlsx</t>
  </si>
  <si>
    <t>C:\Users\luizavs\OneDrive - Grupo Algar\Backup PC Luiz\06-11-2019\LUIZ ALFREDO\01 - TELECOM\01 - TELEVENDAS\01 - TLV VAREJO\ANDERSON\CTBC Planejamento\03 - Inbound\</t>
  </si>
  <si>
    <t>CONSOLIDADO PLANEJADO CTBC.xlsx</t>
  </si>
  <si>
    <t>C:\Users\luizavs\OneDrive - Grupo Algar\Backup PC Luiz\06-11-2019\LUIZ ALFREDO\01 - TELECOM\01 - TELEVENDAS\01 - TLV VAREJO\ANDERSON\CTBC SuperVendas\BACK UP MENSAL\</t>
  </si>
  <si>
    <t>ACOMPANHAMENTO RECEITA TLV - ALGAR - MARÇO FECHAMENTO.xlsm</t>
  </si>
  <si>
    <t>ACOMPANHAMENTO RECEITA TLV - ALGAR - ABRIL FECHADO.xlsm</t>
  </si>
  <si>
    <t>ACOMPANHAMENTO RECEITA TELEVENDAS JANEIRO - Varejo.xlsx</t>
  </si>
  <si>
    <t>C:\Users\luizavs\OneDrive - Grupo Algar\Backup PC Luiz\06-11-2019\LUIZ ALFREDO\01 - TELECOM\01 - TELEVENDAS\01 - TLV VAREJO\ANDERSON\CTBC SuperVendas\COBRANÇA\</t>
  </si>
  <si>
    <t>ACOMP_COBRANÇA.xlsx</t>
  </si>
  <si>
    <t>C:\Users\luizavs\OneDrive - Grupo Algar\Backup PC Luiz\06-11-2019\LUIZ ALFREDO\01 - TELECOM\01 - TELEVENDAS\01 - TLV VAREJO\ANDERSON\CTBC SuperVendas\FECHAMENTOS\</t>
  </si>
  <si>
    <t>MASCARA_NS DDX.xlsx</t>
  </si>
  <si>
    <t>MASCARA_DESCONEXÃO.xlsx</t>
  </si>
  <si>
    <t>C:\Users\luizavs\OneDrive - Grupo Algar\Backup PC Luiz\06-11-2019\LUIZ ALFREDO\01 - TELECOM\01 - TELEVENDAS\01 - TLV VAREJO\ANDERSON\CTBC SuperVendas\FÉRIAS\</t>
  </si>
  <si>
    <t>FORMALIZAÇÃO.xlsx</t>
  </si>
  <si>
    <t>C:\Users\luizavs\OneDrive - Grupo Algar\Backup PC Luiz\06-11-2019\LUIZ ALFREDO\01 - TELECOM\01 - TELEVENDAS\01 - TLV VAREJO\ANDERSON\CTBC SuperVendas\META MIX\</t>
  </si>
  <si>
    <t>META JUNHO.xlsx</t>
  </si>
  <si>
    <t>C:\Users\luizavs\OneDrive - Grupo Algar\Backup PC Luiz\06-11-2019\LUIZ ALFREDO\01 - TELECOM\01 - TELEVENDAS\01 - TLV VAREJO\ANDERSON\CTBC SuperVendas\REUNIÃO IURI\</t>
  </si>
  <si>
    <t>INDICADORES.xlsx</t>
  </si>
  <si>
    <t>INDICADORES PRODUTIVOS.xlsx</t>
  </si>
  <si>
    <t>EVOLUTIVO ATIVO.xlsx</t>
  </si>
  <si>
    <t>CDV.xlsx</t>
  </si>
  <si>
    <t>C:\Users\luizavs\OneDrive - Grupo Algar\Backup PC Luiz\06-11-2019\LUIZ ALFREDO\01 - TELECOM\01 - TELEVENDAS\01 - TLV VAREJO\ANDERSON\CTBC SuperVendas\TABELAS\</t>
  </si>
  <si>
    <t>MENSALIDADES NOVA - Novembro.xlsx</t>
  </si>
  <si>
    <t>MENSALIDADES ANTIGA OUT.xlsx</t>
  </si>
  <si>
    <t>C:\Users\luizavs\OneDrive - Grupo Algar\Backup PC Luiz\06-11-2019\LUIZ ALFREDO\01 - TELECOM\01 - TELEVENDAS\01 - TLV VAREJO\ANDERSON\CTBC SuperVendas\URA ATIVA\</t>
  </si>
  <si>
    <t>RETORNO_05_07_ANTES DE TESTAR.xlsx</t>
  </si>
  <si>
    <t>RETORNO_01_07.xlsx</t>
  </si>
  <si>
    <t>Retorno URA ATIVA.xlsx</t>
  </si>
  <si>
    <t>ALGAR_TELEVENDAS_05_07.csv</t>
  </si>
  <si>
    <t>C:\Users\luizavs\OneDrive - Grupo Algar\Backup PC Luiz\06-11-2019\LUIZ ALFREDO\01 - TELECOM\01 - TELEVENDAS\01 - TLV VAREJO\ANDERSON\FATURADO\01 - JANEIRO\</t>
  </si>
  <si>
    <t>VALIDAÇÃO.xlsx</t>
  </si>
  <si>
    <t>Relatórios Financeiros - Janeiro.xls</t>
  </si>
  <si>
    <t>Máscara - Horas Logadas - Janeiro- Residencial.xlsx</t>
  </si>
  <si>
    <t>INVIABILIDADE VALIDAÇÃO.xlsx</t>
  </si>
  <si>
    <t>Inviabilidade Técnica Janeiro-16 VALIDADO pronto.xlsx</t>
  </si>
  <si>
    <t>Inviabilidade Técnica Janeiro-16 2.xlsx</t>
  </si>
  <si>
    <t>Horas Logadas - Janeiro - Residencial.xls</t>
  </si>
  <si>
    <t>Fechamento Financeiro - Televendas - Janeiro 2016.xlsx</t>
  </si>
  <si>
    <t>C:\Users\luizavs\OneDrive - Grupo Algar\Backup PC Luiz\06-11-2019\LUIZ ALFREDO\01 - TELECOM\01 - TELEVENDAS\01 - TLV VAREJO\ANDERSON\FATURADO\01 - JANEIRO\APURAÇÃO TELEVENDAS JANEIRO1.zip\</t>
  </si>
  <si>
    <t>APURA€ÇO TELEVENDAS JANEIRO1.xlsx</t>
  </si>
  <si>
    <t>APURAÇÃO TELEVENDAS JANEIRO 2.xlsx</t>
  </si>
  <si>
    <t>APURAÇÃO TELEVENDAS JANEIRO 1.xlsx</t>
  </si>
  <si>
    <t>2 DIVERGENCIA.xlsx</t>
  </si>
  <si>
    <t>1 DIVERGENCIA.xlsx</t>
  </si>
  <si>
    <t>C:\Users\luizavs\OneDrive - Grupo Algar\Backup PC Luiz\06-11-2019\LUIZ ALFREDO\01 - TELECOM\01 - TELEVENDAS\01 - TLV VAREJO\ANDERSON\FATURADO\02 - FEVEREIRO\</t>
  </si>
  <si>
    <t>VALIDAÇÃO 1.xlsx</t>
  </si>
  <si>
    <t>Relatórios Financeiros - Fevereiro.xls</t>
  </si>
  <si>
    <t>Proj. Fechamento Financeiro - Televendas - Fevereiro 1.xlsx</t>
  </si>
  <si>
    <t>OPP's acompanhar a inclusão - são de Janeiro.xlsx</t>
  </si>
  <si>
    <t>INVIABILIDADES DE FEV - VALIDADO TELECOM.xls</t>
  </si>
  <si>
    <t>ENC: Acompanhamento CRC Amex e CRC VMC - Parcial Outubro</t>
  </si>
  <si>
    <t>Acompanhamento CRC Amex e CRC VMC - Outubro.zip\</t>
  </si>
  <si>
    <t>Acompanhamento CRC Amex e CRC VMC - Outubro.xlsb</t>
  </si>
  <si>
    <t>/o=exchangelabs/ou=exchange administrative group (fydibohf23spdlt)/cn=recipients/cn=03a1bc99308a456db7c0105407689b39-gilda elain;/o=exchangelabs/ou=exchange administrative group (fydibohf23spdlt)/cn=recipients/cn=2504d5028b6b4fb89d14a5df6031358d-jane carla;/o=exchangelabs/ou=exchange administrative group (fydibohf23spdlt)/cn=recipients/cn=3262123ab1534746a91b362bb3b84436-higor silva;/o=exchangelabs/ou=exchange administrative group (fydibohf23spdlt)/cn=recipients/cn=503a4cae25a0474e8b364b01d4d28bc4-thais mozel;/o=exchangelabs/ou=exchange administrative group (fydibohf23spdlt)/cn=recipients/cn=54abac0a4fdc4ad1bec39bb51d85eab1-victor hugo;/o=exchangelabs/ou=exchange administrative group (fydibohf23spdlt)/cn=recipients/cn=590012d55fae421587844918af7bc53c-daiane mari;/o=exchangelabs/ou=exchange administrative group (fydibohf23spdlt)/cn=recipients/cn=61af722dd06149089cf1c867d796b8bc-delso estre;/o=exchangelabs/ou=exchange administrative group (fydibohf23spdlt)/cn=recipients/cn=6d38ba16c020485cbc223d60996da338-crist</t>
  </si>
  <si>
    <t>Custos Indiretos/Despesas - Justificativas Outubro 2019</t>
  </si>
  <si>
    <t>102019_Relatorio_Indiretos.xlsb</t>
  </si>
  <si>
    <t>/o=exchangelabs/ou=exchange administrative group (fydibohf23spdlt)/cn=recipients/cn=03a1bc99308a456db7c0105407689b39-gilda elain,/o=exchangelabs/ou=exchange administrative group (fydibohf23spdlt)/cn=recipients/cn=2504d5028b6b4fb89d14a5df6031358d-jane carla,/o=exchangelabs/ou=exchange administrative group (fydibohf23spdlt)/cn=recipients/cn=3262123ab1534746a91b362bb3b84436-higor silva,/o=exchangelabs/ou=exchange administrative group (fydibohf23spdlt)/cn=recipients/cn=503a4cae25a0474e8b364b01d4d28bc4-thais mozel,/o=exchangelabs/ou=exchange administrative group (fydibohf23spdlt)/cn=recipients/cn=54abac0a4fdc4ad1bec39bb51d85eab1-victor hugo,/o=exchangelabs/ou=exchange administrative group (fydibohf23spdlt)/cn=recipients/cn=590012d55fae421587844918af7bc53c-daiane mari,/o=exchangelabs/ou=exchange administrative group (fydibohf23spdlt)/cn=recipients/cn=61af722dd06149089cf1c867d796b8bc-delso estre,/o=exchangelabs/ou=exchange administrative group (fydibohf23spdlt)/cn=recipients/cn=6d38ba16c020485cbc223d60996da338-crist</t>
  </si>
  <si>
    <t>/o=exchangelabs/ou=exchange administrative group (fydibohf23spdlt)/cn=recipients/cn=cb5adfd7be5d42f39b6c2497336ba9d7-fernando gu;murilo.escobar@savisdefesa.com.br;</t>
  </si>
  <si>
    <t>RES: Visita ao Data Center</t>
  </si>
  <si>
    <t>/o=exchangelabs/ou=exchange administrative group (fydibohf23spdlt)/cn=recipients/cn=cb5adfd7be5d42f39b6c2497336ba9d7-fernando gu,murilo.escobar@savisdefesa.com.br</t>
  </si>
  <si>
    <t>mail.google.com/_/upload?authuser=0&amp;dcp=asu-n&amp;upload_id=AEnB2UrQnFNOiAVYUjNCGI41zJCueQiAK_KyqpMX3nrNfepp5-e5_TAeSqwnQBk7QarJXma8zeFwCBjk1L_TWDon5vdC0Lg7Hw&amp;upload_protocol=resumable</t>
  </si>
  <si>
    <t>Engeset.xlsx</t>
  </si>
  <si>
    <t>mail.google.com/_/upload?authuser=0&amp;dcp=asu-n&amp;upload_id=AEnB2UqcYi0vMhPKs1BzujeevLb73dnXBJ-n64bd9mBg3exXSfmGpXm8FhVsgD81aqWx0xUwdf0lhxdna2Rnd6fBHeNlQnEb1Qjec0eQaQfeONfDT0FkytE&amp;upload_protocol=resumable</t>
  </si>
  <si>
    <t>Algar Tecnologia.xlsx</t>
  </si>
  <si>
    <t>INVIABILIDADE FEVEREIRO.xlsx</t>
  </si>
  <si>
    <t>Horas Logadas - Fevereiro - Residencial.xls</t>
  </si>
  <si>
    <t>Horas Logadas - Fevereiro - Residencial 2.xls</t>
  </si>
  <si>
    <t>Fechamento Financeiro - Televendas - Fevereiro.xlsx</t>
  </si>
  <si>
    <t>Faturamento Variável - Televendas - Fevereiro - 5,7.xlsx</t>
  </si>
  <si>
    <t>C:\Users\luizavs\OneDrive - Grupo Algar\Backup PC Luiz\06-11-2019\LUIZ ALFREDO\01 - TELECOM\01 - TELEVENDAS\01 - TLV VAREJO\ANDERSON\FATURADO\02 - FEVEREIRO\Faixas de metrica especifica - UDI - CTBC SEGUNDO NIVEL TLVRET - JANEIRO 2016.xlsm\</t>
  </si>
  <si>
    <t>APURA€ÇO TELEVENDAS FEVEREIRO .xlsx</t>
  </si>
  <si>
    <t>DEBITO AUTOMATICO TELEVENDAS.xlsx</t>
  </si>
  <si>
    <t>BD TELEVENDAS ATUALIZADO.xlsx</t>
  </si>
  <si>
    <t>C:\Users\luizavs\OneDrive - Grupo Algar\Backup PC Luiz\06-11-2019\LUIZ ALFREDO\01 - TELECOM\01 - TELEVENDAS\01 - TLV VAREJO\ANDERSON\FATURADO\02 - FEVEREIRO\APURAÇÃO TELEVENDAS FEVEREIRO 2 .zip\</t>
  </si>
  <si>
    <t>C:\Users\luizavs\OneDrive - Grupo Algar\Backup PC Luiz\06-11-2019\LUIZ ALFREDO\01 - TELECOM\01 - TELEVENDAS\01 - TLV VAREJO\ANDERSON\FATURADO\02 - FEVEREIRO\APURAÇÃO TELEVENDAS FEVEREIRO 1.zip\</t>
  </si>
  <si>
    <t>APURAÇÃO TELEVENDAS FEVEREIRO 03 .xlsx</t>
  </si>
  <si>
    <t>C:\Users\luizavs\OneDrive - Grupo Algar\Backup PC Luiz\06-11-2019\LUIZ ALFREDO\01 - TELECOM\01 - TELEVENDAS\01 - TLV VAREJO\ANDERSON\FATURADO\02 - FEVEREIRO\APURAÇÃO TELEVENDAS FEVEREIRO 03 .rar\</t>
  </si>
  <si>
    <t>APURAÃ‡ÃƒO TELEVENDAS FEVEREIRO 03 .xlsx</t>
  </si>
  <si>
    <t>APURAÇÃO TELEVENDAS FEVEREIRO 02 .xlsx</t>
  </si>
  <si>
    <t>APURAÇÃO TELEVENDAS FEVEREIRO 01 .xlsx</t>
  </si>
  <si>
    <t>RES: Relatoria p/ fechamento Incentivo Supervisão Out/2019</t>
  </si>
  <si>
    <t>Incentivos Supervisão OUT-19.xlsx</t>
  </si>
  <si>
    <t>C:\Users\luizavs\OneDrive - Grupo Algar\Backup PC Luiz\06-11-2019\LUIZ ALFREDO\01 - TELECOM\01 - TELEVENDAS\01 - TLV VAREJO\ANDERSON\FATURADO\03 - MARÇO\</t>
  </si>
  <si>
    <t>Relatórios Financeiros - Março.xlsx</t>
  </si>
  <si>
    <t>INVIABILIDADE MARÇO.xlsx</t>
  </si>
  <si>
    <t>INVIABILIDADE MARÇO 2.xlsx</t>
  </si>
  <si>
    <t>INVIABILIDADE MARCO ELIS x OPP DOS MAILINGS.xlsx</t>
  </si>
  <si>
    <t>Horas Logadas - Março - TLV Residencial.xls</t>
  </si>
  <si>
    <t>Horas Logadas - Março - TLV Residencial -.xls</t>
  </si>
  <si>
    <t>Horas Logadas - Março - TLV MPE.xls</t>
  </si>
  <si>
    <t>Faturamento Variável - Televendas Março.xlsx</t>
  </si>
  <si>
    <t>Faturamento Variável - Televendas Março(2).xlsx</t>
  </si>
  <si>
    <t>extrator CMS x QLK.xlsx</t>
  </si>
  <si>
    <t>DEBITO AUTOMATICO VANTIVE.xlt</t>
  </si>
  <si>
    <t>DEBITO AUTOMATICO - VANTIVE E ALGARCRM.xlsx</t>
  </si>
  <si>
    <t>Arquivo Faturamento Tempo Logado - Televendas Receptivo.xlsm</t>
  </si>
  <si>
    <t>Arquivo Faturamento Tempo Logado - Televendas Ativo.xlsm</t>
  </si>
  <si>
    <t>APURAÇÃO TELEVENDAS MARCO.xlsx</t>
  </si>
  <si>
    <t>C:\Users\luizavs\OneDrive - Grupo Algar\Backup PC Luiz\06-11-2019\LUIZ ALFREDO\01 - TELECOM\01 - TELEVENDAS\01 - TLV VAREJO\ANDERSON\FATURADO\03 - MARÇO\APURAÇÃO TELEVENDAS MARCO 2.zip\</t>
  </si>
  <si>
    <t>APURA€ÇO TELEVENDAS MARCO .xlsx</t>
  </si>
  <si>
    <t>APURAÇÃO TELEVENDAS MARCO 2.xlsx</t>
  </si>
  <si>
    <t>C:\Users\luizavs\OneDrive - Grupo Algar\Backup PC Luiz\06-11-2019\LUIZ ALFREDO\01 - TELECOM\01 - TELEVENDAS\01 - TLV VAREJO\ANDERSON\FATURADO\04 - ABRIL\</t>
  </si>
  <si>
    <t>Faturamento Variável - Televendas Abril.xlsx</t>
  </si>
  <si>
    <t>APURAÇÃO TELEVENDAS ABRIL 2.xlsx</t>
  </si>
  <si>
    <t>/o=exchangelabs/ou=exchange administrative group (fydibohf23spdlt)/cn=recipients/cn=0ca6cc8d100949a7866a928f62ef5778-rosilene de;/o=exchangelabs/ou=exchange administrative group (fydibohf23spdlt)/cn=recipients/cn=6189712535ea4b50a3625910837af2c9-larissa bra;/o=exchangelabs/ou=exchange administrative group (fydibohf23spdlt)/cn=recipients/cn=7903c13fa0504ff0bc7dd2644020b0e8-mirna prado;/o=exchangelabs/ou=exchange administrative group (fydibohf23spdlt)/cn=recipients/cn=a409b42503b64cfd826533a2853532a9-weberson al;/o=exchangelabs/ou=exchange administrative group (fydibohf23spdlt)/cn=recipients/cn=e174366906884bd1b4d4c5ddfc8c9433-rodrigo men;</t>
  </si>
  <si>
    <t>RES: Mapeamento processo --- volume x pessoas ecohouse</t>
  </si>
  <si>
    <t>Operações Rosi.xlsx</t>
  </si>
  <si>
    <t>/o=exchangelabs/ou=exchange administrative group (fydibohf23spdlt)/cn=recipients/cn=0ca6cc8d100949a7866a928f62ef5778-rosilene de,/o=exchangelabs/ou=exchange administrative group (fydibohf23spdlt)/cn=recipients/cn=6189712535ea4b50a3625910837af2c9-larissa bra,/o=exchangelabs/ou=exchange administrative group (fydibohf23spdlt)/cn=recipients/cn=7903c13fa0504ff0bc7dd2644020b0e8-mirna prado,/o=exchangelabs/ou=exchange administrative group (fydibohf23spdlt)/cn=recipients/cn=a409b42503b64cfd826533a2853532a9-weberson al,/o=exchangelabs/ou=exchange administrative group (fydibohf23spdlt)/cn=recipients/cn=e174366906884bd1b4d4c5ddfc8c9433-rodrigo men</t>
  </si>
  <si>
    <t>/o=exchangelabs/ou=exchange administrative group (fydibohf23spdlt)/cn=recipients/cn=404b1a0a31e34e40b03df5be0bc55bb1-emily arant;/o=exchangelabs/ou=exchange administrative group (fydibohf23spdlt)/cn=recipients/cn=b0dffb7bae8b4669bf2555c821ef7035-daniela vie;/o=exchangelabs/ou=exchange administrative group (fydibohf23spdlt)/cn=recipients/cn=da49f68f26344bf9811f1e9e579d92e5-kenia rosa;/o=exchangelabs/ou=exchange administrative group (fydibohf23spdlt)/cn=recipients/cn=f21ea6d86f3f4a109af6a69e02c3c2f1-aline borge;carinafr@algartech.com;</t>
  </si>
  <si>
    <t>ENC: BD Portal de Politica</t>
  </si>
  <si>
    <t>data.xlsx</t>
  </si>
  <si>
    <t>/o=exchangelabs/ou=exchange administrative group (fydibohf23spdlt)/cn=recipients/cn=404b1a0a31e34e40b03df5be0bc55bb1-emily arant,/o=exchangelabs/ou=exchange administrative group (fydibohf23spdlt)/cn=recipients/cn=b0dffb7bae8b4669bf2555c821ef7035-daniela vie,/o=exchangelabs/ou=exchange administrative group (fydibohf23spdlt)/cn=recipients/cn=da49f68f26344bf9811f1e9e579d92e5-kenia rosa,/o=exchangelabs/ou=exchange administrative group (fydibohf23spdlt)/cn=recipients/cn=f21ea6d86f3f4a109af6a69e02c3c2f1-aline borge,carinafr@algartech.com</t>
  </si>
  <si>
    <t>edvaljdcn@algartech.com;lucianabo@algartech.com;</t>
  </si>
  <si>
    <t>edvaljdcn@algartech.com,lucianabo@algartech.com</t>
  </si>
  <si>
    <t>APURAÇÃO TELEVENDAS ABRIL .xlsx</t>
  </si>
  <si>
    <t>C:\Users\luizavs\OneDrive - Grupo Algar\Backup PC Luiz\06-11-2019\LUIZ ALFREDO\01 - TELECOM\01 - TELEVENDAS\01 - TLV VAREJO\ANDERSON\FATURADO\05 - MAIO\</t>
  </si>
  <si>
    <t>Relatórios Financeiros - Maio.xlsx</t>
  </si>
  <si>
    <t>C:\Users\luizavs\OneDrive - Grupo Algar\Backup PC Luiz\06-11-2019\LUIZ ALFREDO\01 - TELECOM\01 - TELEVENDAS\01 - TLV VAREJO\ANDERSON\FATURADO\05 - MAIO\HORAS LOGADAS.rar\HORAS LOGADAS\</t>
  </si>
  <si>
    <t>ARQUIVO TEMPO LOGADO - TLV ATIVO - MAIO.xlsx</t>
  </si>
  <si>
    <t>ARQUIVO TEMPO LOGADO - TLV RECEPTIVO - MAIO.xlsx</t>
  </si>
  <si>
    <t>EXTRAÃ‡ÃƒO CMS.xlsx</t>
  </si>
  <si>
    <t>Faturamento Variável - Televendas Maio.xlsx</t>
  </si>
  <si>
    <t>conversão.xlsx</t>
  </si>
  <si>
    <t>APURAÇÃO TELEVENDAS MAIO.xlsx</t>
  </si>
  <si>
    <t>APURAÇÃO TELEVENDAS MAIO 2.xlsx</t>
  </si>
  <si>
    <t>C:\Users\luizavs\OneDrive - Grupo Algar\Backup PC Luiz\06-11-2019\LUIZ ALFREDO\01 - TELECOM\01 - TELEVENDAS\01 - TLV VAREJO\ANDERSON\FATURADO\06 - JUNHO\</t>
  </si>
  <si>
    <t>Faturamento Variável - Televendas Junho.xlsx</t>
  </si>
  <si>
    <t>DEBITO AUTOMATICO.xlsx</t>
  </si>
  <si>
    <t>APURAÇÃO TELEVENDAS JUNHO 3.xlsx</t>
  </si>
  <si>
    <t>APURAÇÃO TELEVENDAS JUNHO 2.xlsx</t>
  </si>
  <si>
    <t>APURAÇÃO TELEVENDAS JUNHO 1.xlsx</t>
  </si>
  <si>
    <t>C:\Users\luizavs\OneDrive - Grupo Algar\Backup PC Luiz\06-11-2019\LUIZ ALFREDO\01 - TELECOM\01 - TELEVENDAS\01 - TLV VAREJO\ANDERSON\FATURADO\07 - JULHO\</t>
  </si>
  <si>
    <t>Faturamento Variável - Televendas JULHO.xlsx</t>
  </si>
  <si>
    <t>APURAÇÃO TELEVENDAS JULHO_v2.xlsx</t>
  </si>
  <si>
    <t>APURAÇÃO TELEVENDAS JULHO_v1.xlsx</t>
  </si>
  <si>
    <t>C:\Users\luizavs\OneDrive - Grupo Algar\Backup PC Luiz\06-11-2019\LUIZ ALFREDO\01 - TELECOM\01 - TELEVENDAS\01 - TLV VAREJO\ANDERSON\FATURADO\07 - JULHO\APURAÇÃO TELEVENDAS JULHO.zip\</t>
  </si>
  <si>
    <t>APURA€ÇO TELEVENDAS JULHO.xlsx</t>
  </si>
  <si>
    <t>C:\Users\luizavs\OneDrive - Grupo Algar\Backup PC Luiz\06-11-2019\LUIZ ALFREDO\01 - TELECOM\01 - TELEVENDAS\01 - TLV VAREJO\ANDERSON\FATURADO\07 - JULHO\APURAÇÃO TELEVENDAS JULHO (2).zip\</t>
  </si>
  <si>
    <t>C:\Users\luizavs\OneDrive - Grupo Algar\Backup PC Luiz\06-11-2019\LUIZ ALFREDO\01 - TELECOM\01 - TELEVENDAS\01 - TLV VAREJO\ANDERSON\FATURADO\08 - AGOSTO\</t>
  </si>
  <si>
    <t>Tabela Agosto Televendas.xlsx</t>
  </si>
  <si>
    <t>Meta AGOSTO 2016.xlsx</t>
  </si>
  <si>
    <t>Faturamento Variável - Televendas AGOSTO.xlsx</t>
  </si>
  <si>
    <t>CMC 020 ABERTURA.xlsx</t>
  </si>
  <si>
    <t>C:\Users\luizavs\OneDrive - Grupo Algar\Backup PC Luiz\06-11-2019\LUIZ ALFREDO\01 - TELECOM\01 - TELEVENDAS\01 - TLV VAREJO\ANDERSON\FRANCIELLE LOPES\CCO\</t>
  </si>
  <si>
    <t>Planilha Atualização Técnicos 08-10.xlsx</t>
  </si>
  <si>
    <t>Atividades do dia_cronometrar.xlsm</t>
  </si>
  <si>
    <t>C:\Users\luizavs\OneDrive - Grupo Algar\Backup PC Luiz\06-11-2019\LUIZ ALFREDO\01 - TELECOM\01 - TELEVENDAS\01 - TLV VAREJO\ANDERSON\FRANCIELLE LOPES\DIMENSIONAMENTO CHAT\</t>
  </si>
  <si>
    <t>QUEBRA VOLUME E AHT (CHAT).xlsx</t>
  </si>
  <si>
    <t>DIMENS_2016_01_CHAT.xlsm</t>
  </si>
  <si>
    <t>CHAT - VOLUME CONSOLIDADO.xlsx</t>
  </si>
  <si>
    <t>ATENDIMENTOS CHAT - QUEBRA.xlsx</t>
  </si>
  <si>
    <t>C:\Users\luizavs\OneDrive - Grupo Algar\Backup PC Luiz\06-11-2019\LUIZ ALFREDO\01 - TELECOM\01 - TELEVENDAS\01 - TLV VAREJO\ANDERSON\FRANCIELLE LOPES\ESCALA NATAL E ANO NOVO\</t>
  </si>
  <si>
    <t>CEIA NATAL E ANO NOVO.xlsx</t>
  </si>
  <si>
    <t>C:\Users\luizavs\OneDrive - Grupo Algar\Backup PC Luiz\06-11-2019\LUIZ ALFREDO\01 - TELECOM\01 - TELEVENDAS\01 - TLV VAREJO\ANDERSON\FRANCIELLE LOPES\Estudo ações cobrança x volume sac\</t>
  </si>
  <si>
    <t>SMS.csv</t>
  </si>
  <si>
    <t>Detalhado_Email.xlsx</t>
  </si>
  <si>
    <t>C:\Users\luizavs\OneDrive - Grupo Algar\Backup PC Luiz\06-11-2019\LUIZ ALFREDO\01 - TELECOM\01 - TELEVENDAS\01 - TLV VAREJO\ANDERSON\FRANCIELLE LOPES\Estudo ações cobrança x volume sac\Consulta URA Ativa.rar\</t>
  </si>
  <si>
    <t>C:\Users\luizavs\OneDrive - Grupo Algar\Backup PC Luiz\06-11-2019\LUIZ ALFREDO\01 - TELECOM\01 - TELEVENDAS\01 - TLV VAREJO\ANDERSON\Geral\Extratores\</t>
  </si>
  <si>
    <t>Extrator_Semanal_Improdutividade_Ociosidade.xls</t>
  </si>
  <si>
    <t>Extrator_Mensal_Detalhado.xls</t>
  </si>
  <si>
    <t>EXTRATOR_DADOS_CTBC.xlsm</t>
  </si>
  <si>
    <t>C:\Users\luizavs\OneDrive - Grupo Algar\Backup PC Luiz\06-11-2019\LUIZ ALFREDO\01 - TELECOM\01 - TELEVENDAS\01 - TLV VAREJO\ANDERSON\Geral\Importar Forecast\</t>
  </si>
  <si>
    <t>ImportForecast-31.xls</t>
  </si>
  <si>
    <t>ImportForecast-30.xls</t>
  </si>
  <si>
    <t>ImportForecast-28.xls</t>
  </si>
  <si>
    <t>ImportForecast- 29.xls</t>
  </si>
  <si>
    <t>curvas modelo ttv.xls</t>
  </si>
  <si>
    <t>C:\Users\luizavs\OneDrive - Grupo Algar\Backup PC Luiz\06-11-2019\LUIZ ALFREDO\01 - TELECOM\01 - TELEVENDAS\01 - TLV VAREJO\ANDERSON\Geral\TRN Potenciais Analistas\</t>
  </si>
  <si>
    <t>Exercicio_trafego_v3.xls</t>
  </si>
  <si>
    <t>Cópia de Questões.xls</t>
  </si>
  <si>
    <t>Cópia de EXERCÍCIOS_APLICAR.xls</t>
  </si>
  <si>
    <t>Cópia de EXERCÍCIOS 2.xls</t>
  </si>
  <si>
    <t>Cópia de EXERCÍCIOS 1.xls</t>
  </si>
  <si>
    <t>Cópia de DISPERÇÃO.xls</t>
  </si>
  <si>
    <t>CHAT.xls</t>
  </si>
  <si>
    <t>Calculadora.xls</t>
  </si>
  <si>
    <t>Algar_Base de Dados_Exemplo para Exercícios_2013.xlsx</t>
  </si>
  <si>
    <t>C:\Users\luizavs\OneDrive - Grupo Algar\Backup PC Luiz\06-11-2019\LUIZ ALFREDO\01 - TELECOM\01 - TELEVENDAS\01 - TLV VAREJO\ANDERSON\Geral\TRN Potenciais Analistas\Algar - Treinamento de Gestão de Tráfego.zip\</t>
  </si>
  <si>
    <t>Algar_Base de Dados_Exemplo para Exerc¡cios_2013.xlsx</t>
  </si>
  <si>
    <t>C:\Users\luizavs\OneDrive - Grupo Algar\Backup PC Luiz\06-11-2019\LUIZ ALFREDO\01 - TELECOM\01 - TELEVENDAS\01 - TLV VAREJO\ANDERSON\LUIZ ALFREDO\FINALIZAÇÕES MAILINGS\</t>
  </si>
  <si>
    <t>Proposta 194273</t>
  </si>
  <si>
    <t>194273 - BP - v1.xlsb</t>
  </si>
  <si>
    <t>mail.google.com/_/upload?authuser=1&amp;dcp=asu-n&amp;upload_id=AEnB2UrWz-VUWEok6yTvnbCb8i8z-ULrs6gwjEHNxvSc-zxG8Y4csCAxv39OZ73Dz0ndwWYqz7bc3cY8cHJxxQLcxYcMJf9qTlzRJow79aJTwGa4JBBgFCA&amp;upload_protocol=resumable</t>
  </si>
  <si>
    <t>Time Daniel.xlsx</t>
  </si>
  <si>
    <t>C:\Users\luizavs\OneDrive - Grupo Algar\Backup PC Luiz\06-11-2019\LUIZ ALFREDO\01 - TELECOM\01 - TELEVENDAS\01 - TLV VAREJO\ANDERSON\NOVO ACOMP TLV\ACOMP AGENTES_v1\</t>
  </si>
  <si>
    <t>ACOMP AUTO GESTÃO_v4.xlsx</t>
  </si>
  <si>
    <t>ACOMP AUTO GESTÃO_v3.xlsm</t>
  </si>
  <si>
    <t>C:\Users\luizavs\OneDrive - Grupo Algar\Backup PC Luiz\06-11-2019\LUIZ ALFREDO\01 - TELECOM\01 - TELEVENDAS\01 - TLV VAREJO\ANDERSON\NOVO ACOMP TLV\descontinuados\</t>
  </si>
  <si>
    <t>ACOMP TLV VAREJO_V3.xlsm</t>
  </si>
  <si>
    <t>ACOMP TLV VAREJO.xlsm</t>
  </si>
  <si>
    <t>C:\Users\luizavs\OneDrive - Grupo Algar\Backup PC Luiz\06-11-2019\LUIZ ALFREDO\01 - TELECOM\01 - TELEVENDAS\01 - TLV VAREJO\ANDERSON\NOVO ACOMP TLV\MESES ANTERIORES\</t>
  </si>
  <si>
    <t>ACOMP TLV VAREJO_JULHO.xlsm</t>
  </si>
  <si>
    <t>C:\Users\luizavs\OneDrive - Grupo Algar\Backup PC Luiz\06-11-2019\LUIZ ALFREDO\01 - TELECOM\01 - TELEVENDAS\01 - TLV VAREJO\CAPACIDADE DE MAILING\2016\DEZEMBRO - 16\</t>
  </si>
  <si>
    <t>Capacidade TLV - Dezembro.xlsx</t>
  </si>
  <si>
    <t>C:\Users\luizavs\OneDrive - Grupo Algar\Backup PC Luiz\06-11-2019\LUIZ ALFREDO\01 - TELECOM\01 - TELEVENDAS\01 - TLV VAREJO\CAPACIDADE DE MAILING\2016\NOVEMBRO - 16\</t>
  </si>
  <si>
    <t>Capacidade TLV - Novembro.xlsx</t>
  </si>
  <si>
    <t>C:\Users\luizavs\OneDrive - Grupo Algar\Backup PC Luiz\06-11-2019\LUIZ ALFREDO\01 - TELECOM\01 - TELEVENDAS\01 - TLV VAREJO\CAPACIDADE DE MAILING\2016\SETEMBRO-16\</t>
  </si>
  <si>
    <t>Perfil de Mailings - Varejo.xlsx</t>
  </si>
  <si>
    <t>C:\Users\luizavs\OneDrive - Grupo Algar\Backup PC Luiz\06-11-2019\LUIZ ALFREDO\01 - TELECOM\01 - TELEVENDAS\01 - TLV VAREJO\CAPACIDADE DE MAILING\2017\02 - FEVEREIRO\</t>
  </si>
  <si>
    <t>Capacidade TLV - Janeiro 17.xlsx</t>
  </si>
  <si>
    <t>C:\Users\luizavs\OneDrive - Grupo Algar\Backup PC Luiz\06-11-2019\LUIZ ALFREDO\01 - TELECOM\01 - TELEVENDAS\01 - TLV VAREJO\CAPACIDADE DE MAILING\2017\03 - MARÇO\</t>
  </si>
  <si>
    <t>Capacidade TLV - Fevereiro 17.xlsx</t>
  </si>
  <si>
    <t>C:\Users\luizavs\OneDrive - Grupo Algar\Backup PC Luiz\06-11-2019\LUIZ ALFREDO\01 - TELECOM\01 - TELEVENDAS\01 - TLV VAREJO\CAPACIDADE DE MAILING\2017\04 - ABRIL\</t>
  </si>
  <si>
    <t>Capacidade TLV - Abril 17.xlsx</t>
  </si>
  <si>
    <t>C:\Users\luizavs\OneDrive - Grupo Algar\Backup PC Luiz\06-11-2019\LUIZ ALFREDO\01 - TELECOM\01 - TELEVENDAS\01 - TLV VAREJO\CAPACIDADE DE MAILING\2017\05 - MAIO\</t>
  </si>
  <si>
    <t>Capacidade TLV - MAIO 17.xlsx</t>
  </si>
  <si>
    <t>Capacidade TLV - MAIO 17 V2.xlsx</t>
  </si>
  <si>
    <t>Calculadora Dimensionamento Ativo V2.xlsm</t>
  </si>
  <si>
    <t>C:\Users\luizavs\OneDrive - Grupo Algar\Backup PC Luiz\06-11-2019\LUIZ ALFREDO\01 - TELECOM\01 - TELEVENDAS\01 - TLV VAREJO\CAPACIDADE DE MAILING\2017\06 - JUNHO\</t>
  </si>
  <si>
    <t>Capacidade TLV - JUNHO 17.xlsx</t>
  </si>
  <si>
    <t>C:\Users\luizavs\OneDrive - Grupo Algar\Backup PC Luiz\06-11-2019\LUIZ ALFREDO\01 - TELECOM\01 - TELEVENDAS\01 - TLV VAREJO\CAPACIDADE DE MAILING\2017\07 - JULHO\</t>
  </si>
  <si>
    <t>Capacidade TLV - JULHO 17.xlsx</t>
  </si>
  <si>
    <t>C:\Users\luizavs\OneDrive - Grupo Algar\Backup PC Luiz\06-11-2019\LUIZ ALFREDO\01 - TELECOM\01 - TELEVENDAS\01 - TLV VAREJO\CAPACIDADE DE MAILING\2017\09 - SETEMBRO\</t>
  </si>
  <si>
    <t>Capacidade TLV - SETEMBRO 17.xlsx</t>
  </si>
  <si>
    <t>C:\Users\luizavs\OneDrive - Grupo Algar\Backup PC Luiz\06-11-2019\LUIZ ALFREDO\01 - TELECOM\01 - TELEVENDAS\01 - TLV VAREJO\DESCONEXÃO\2016\DEZEMBRO-16\</t>
  </si>
  <si>
    <t>C:\Users\luizavs\OneDrive - Grupo Algar\Backup PC Luiz\06-11-2019\LUIZ ALFREDO\01 - TELECOM\01 - TELEVENDAS\01 - TLV VAREJO\DESCONEXÃO\2016\NOVEMBRO-16\</t>
  </si>
  <si>
    <t>C:\Users\luizavs\OneDrive - Grupo Algar\Backup PC Luiz\06-11-2019\LUIZ ALFREDO\01 - TELECOM\01 - TELEVENDAS\01 - TLV VAREJO\DESCONEXÃO\2016\OUTUBRO-16\</t>
  </si>
  <si>
    <t>C:\Users\luizavs\OneDrive - Grupo Algar\Backup PC Luiz\06-11-2019\LUIZ ALFREDO\01 - TELECOM\01 - TELEVENDAS\01 - TLV VAREJO\DESCONEXÃO\2017\01-FEVEREIRO\</t>
  </si>
  <si>
    <t>DESCONEXÃO TLV ATIVO.xlsx</t>
  </si>
  <si>
    <t>C:\Users\luizavs\OneDrive - Grupo Algar\Backup PC Luiz\06-11-2019\LUIZ ALFREDO\01 - TELECOM\01 - TELEVENDAS\01 - TLV VAREJO\DESCONEXÃO\2017\02-FEVEREIRO\</t>
  </si>
  <si>
    <t>C:\Users\luizavs\OneDrive - Grupo Algar\Backup PC Luiz\06-11-2019\LUIZ ALFREDO\01 - TELECOM\01 - TELEVENDAS\01 - TLV VAREJO\DESCONEXÃO\2017\03-MARÇO\</t>
  </si>
  <si>
    <t>C:\Users\luizavs\OneDrive - Grupo Algar\Backup PC Luiz\06-11-2019\LUIZ ALFREDO\01 - TELECOM\01 - TELEVENDAS\01 - TLV VAREJO\DESCONEXÃO\2017\04-ABRIL\</t>
  </si>
  <si>
    <t>C:\Users\luizavs\OneDrive - Grupo Algar\Backup PC Luiz\06-11-2019\LUIZ ALFREDO\01 - TELECOM\01 - TELEVENDAS\01 - TLV VAREJO\DESCONEXÃO\2017\05-MAIO\</t>
  </si>
  <si>
    <t>C:\Users\luizavs\OneDrive - Grupo Algar\Backup PC Luiz\06-11-2019\LUIZ ALFREDO\01 - TELECOM\01 - TELEVENDAS\01 - TLV VAREJO\FINANCEIRO\ANÁLISE DE IMPACTO\AGOSTO-16\</t>
  </si>
  <si>
    <t>ANÁLISE DE IMPACTO DE RECEITA - AGOSTO-16.xlsx</t>
  </si>
  <si>
    <t>C:\Users\luizavs\OneDrive - Grupo Algar\Backup PC Luiz\06-11-2019\LUIZ ALFREDO\01 - TELECOM\01 - TELEVENDAS\01 - TLV VAREJO\FINANCEIRO\ANÁLISE DE IMPACTO\JULHO-16\</t>
  </si>
  <si>
    <t>ANÁLISE DE IMPACTO DE RECEITA - JULHO-16.xlsx</t>
  </si>
  <si>
    <t>C:\Users\luizavs\OneDrive - Grupo Algar\Backup PC Luiz\06-11-2019\LUIZ ALFREDO\01 - TELECOM\01 - TELEVENDAS\01 - TLV VAREJO\FINANCEIRO\ANÁLISE DE IMPACTO\JUNHO-16\</t>
  </si>
  <si>
    <t>VOLUME Ativo x Receptivo Junho.xlsx</t>
  </si>
  <si>
    <t>Conversão de Mailings x Foco - 2016 V2.xlsx</t>
  </si>
  <si>
    <t>Análise de Impacto JUNHO-16.xlsx</t>
  </si>
  <si>
    <t>Análise de Impacto JUNHO-16 V2.xlsx</t>
  </si>
  <si>
    <t>ANÁLISE DE IMPACTO DE RECEITA - JUNHO-16.xlsx</t>
  </si>
  <si>
    <t>ANÁLISE DE IMPACTO DE RECEITA - JUNHO-16 V3.xlsx</t>
  </si>
  <si>
    <t>ANÁLISE DE IMPACTO DE RECEITA - JUNHO-16 V2.xlsx</t>
  </si>
  <si>
    <t>C:\Users\luizavs\OneDrive - Grupo Algar\Backup PC Luiz\06-11-2019\LUIZ ALFREDO\01 - TELECOM\01 - TELEVENDAS\01 - TLV VAREJO\FINANCEIRO\TABELAS ALTERADAS\2016\</t>
  </si>
  <si>
    <t>SIMULADO TABELA ANTIGA - ACOMPANHAMENTO RECEITA TLV - ALGAR - ATUALIZADO.xlsm</t>
  </si>
  <si>
    <t>Novas Receitas Tabela Maio x Junho.xlsx</t>
  </si>
  <si>
    <t>Comparativo Tabela Maio x Junho.xlsx</t>
  </si>
  <si>
    <t>C:\Users\luizavs\OneDrive - Grupo Algar\Backup PC Luiz\06-11-2019\LUIZ ALFREDO\01 - TELECOM\01 - TELEVENDAS\01 - TLV VAREJO\MAILINGS\2016\06-JUNHO\</t>
  </si>
  <si>
    <t>PLANILHA PRESENCE x MAILING.xlsx</t>
  </si>
  <si>
    <t>MODELO CABEÇALHO IMPORTAÇÃO TOOLBAR.xlsx</t>
  </si>
  <si>
    <t>Mailing de Cobrança TLV Varejo.xlsx</t>
  </si>
  <si>
    <t>CONVERSÃO.xlsx</t>
  </si>
  <si>
    <t>20160630_EXTRACAO_TELEFONE_VAL_20160715_37489_GRUPO1.xlsx</t>
  </si>
  <si>
    <t>20160624_EXTRACAO_TELEFONE_VAL_20160708_37285_GRUPO1.xlsx</t>
  </si>
  <si>
    <t>C:\Users\luizavs\OneDrive - Grupo Algar\Backup PC Luiz\06-11-2019\LUIZ ALFREDO\01 - TELECOM\01 - TELEVENDAS\01 - TLV VAREJO\MAILINGS\2016\09-SETEMBRO\</t>
  </si>
  <si>
    <t>20160916_EXTRACAO_TELEFONE_VAL_20160926_40394_GRUPO1.xlsx</t>
  </si>
  <si>
    <t>C:\Users\luizavs\OneDrive - Grupo Algar\Backup PC Luiz\06-11-2019\LUIZ ALFREDO\01 - TELECOM\01 - TELEVENDAS\01 - TLV VAREJO\MAILINGS\2016\12-DEZEMBRO\</t>
  </si>
  <si>
    <t>RESULTADO WINBACK DEZ16.xlsx</t>
  </si>
  <si>
    <t>C:\Users\luizavs\OneDrive - Grupo Algar\Backup PC Luiz\06-11-2019\LUIZ ALFREDO\01 - TELECOM\01 - TELEVENDAS\01 - TLV VAREJO\MAILINGS\2017\01 - JANEIRO\</t>
  </si>
  <si>
    <t>RESULTADO WINBACK JAN17.xlsx</t>
  </si>
  <si>
    <t>C:\Users\luizavs\OneDrive - Grupo Algar\Backup PC Luiz\06-11-2019\LUIZ ALFREDO\01 - TELECOM\01 - TELEVENDAS\01 - TLV VAREJO\MAILINGS\2017\02 - FEVEREIRO\</t>
  </si>
  <si>
    <t>RESULTADO WINBACK FEV17.xlsx</t>
  </si>
  <si>
    <t>C:\Users\luizavs\OneDrive - Grupo Algar\Backup PC Luiz\06-11-2019\LUIZ ALFREDO\01 - TELECOM\01 - TELEVENDAS\01 - TLV VAREJO\MAILINGS\2017\03 - MARÇO\</t>
  </si>
  <si>
    <t>RESULTADO WINBACK MAR17.xlsx</t>
  </si>
  <si>
    <t>CATEGORIZAÇÕES VAREJO MARÇO17.xlsx</t>
  </si>
  <si>
    <t>BAD CALL MAR17.xlsx</t>
  </si>
  <si>
    <t>C:\Users\luizavs\OneDrive - Grupo Algar\Backup PC Luiz\06-11-2019\LUIZ ALFREDO\01 - TELECOM\01 - TELEVENDAS\01 - TLV VAREJO\MAILINGS\2017\05 - MAIO\</t>
  </si>
  <si>
    <t>ACOMP CARTÃO CRÉDITO.xlsx</t>
  </si>
  <si>
    <t>51950.xlsx</t>
  </si>
  <si>
    <t>C:\Users\luizavs\OneDrive - Grupo Algar\Backup PC Luiz\06-11-2019\LUIZ ALFREDO\01 - TELECOM\01 - TELEVENDAS\01 - TLV VAREJO\MAILINGS\2017\06 - JUNHO\</t>
  </si>
  <si>
    <t>Venda B2B - 30-06 x CANAL.xlsx</t>
  </si>
  <si>
    <t>mailings pricing.xls</t>
  </si>
  <si>
    <t>53516.xlsx</t>
  </si>
  <si>
    <t>53258 - PRESENCE x CMC020.xlsx</t>
  </si>
  <si>
    <t>C:\Users\luizavs\OneDrive - Grupo Algar\Backup PC Luiz\06-11-2019\LUIZ ALFREDO\01 - TELECOM\01 - TELEVENDAS\01 - TLV VAREJO\MAILINGS\2017\09 - SETEMBRO\</t>
  </si>
  <si>
    <t>ACOMP WINBACK.xlsx</t>
  </si>
  <si>
    <t>C:\Users\luizavs\OneDrive - Grupo Algar\Backup PC Luiz\06-11-2019\LUIZ ALFREDO\01 - TELECOM\01 - TELEVENDAS\01 - TLV VAREJO\MAILINGS\2018\01 - JANEIRO\</t>
  </si>
  <si>
    <t>Ativo TLV Varejo.xlsx</t>
  </si>
  <si>
    <t>C:\Users\luizavs\OneDrive - Grupo Algar\Backup PC Luiz\06-11-2019\LUIZ ALFREDO\01 - TELECOM\01 - TELEVENDAS\01 - TLV VAREJO\MAILINGS\RETORNO DE MAILINGS\SETEMBRO - 16\</t>
  </si>
  <si>
    <t>RETORNO FTP.xlsx</t>
  </si>
  <si>
    <t>C:\Users\luizavs\OneDrive - Grupo Algar\Backup PC Luiz\06-11-2019\LUIZ ALFREDO\01 - TELECOM\01 - TELEVENDAS\01 - TLV VAREJO\3ª MÉTRICA\2017\10 - OUTUBRO\MÉTRICAS\</t>
  </si>
  <si>
    <t>Faixas de metrica especifica - UDI - ALGAR TELECOM SUPERVENDAS CELULAR - OUTUBRO 2017.xlsm</t>
  </si>
  <si>
    <t>Faixas de metrica especifica - UDI - ALGAR TELECOM SUPERVENDAS BLEND - OUTUBRO 2017.xlsm</t>
  </si>
  <si>
    <t>Faixas de metrica especifica - UDI - ALGAR TELECOM SUPERVENDAS ATIVO - OUTUBRO 2017.xlsm</t>
  </si>
  <si>
    <t>C:\Users\luizavs\OneDrive - Grupo Algar\Backup PC Luiz\06-11-2019\LUIZ ALFREDO\01 - TELECOM\01 - TELEVENDAS\01 - TLV VAREJO\ANDERSON\CTBC Planejamento\01 - Forecast\2016\</t>
  </si>
  <si>
    <t>FORECAST_2016 - Oficial.xlsx</t>
  </si>
  <si>
    <t>C:\Users\luizavs\OneDrive - Grupo Algar\Backup PC Luiz\06-11-2019\LUIZ ALFREDO\01 - TELECOM\01 - TELEVENDAS\01 - TLV VAREJO\ANDERSON\CTBC Planejamento\02 - Backoffice\Antigos\</t>
  </si>
  <si>
    <t>Fila x Operação.xlsx</t>
  </si>
  <si>
    <t>CENÁRIOS BACK NEIDE.xlsx</t>
  </si>
  <si>
    <t>C:\Users\luizavs\OneDrive - Grupo Algar\Backup PC Luiz\06-11-2019\LUIZ ALFREDO\01 - TELECOM\01 - TELEVENDAS\01 - TLV VAREJO\ANDERSON\CTBC Planejamento\03 - Inbound\03 - Check List\</t>
  </si>
  <si>
    <t>Check List v2.xlsx</t>
  </si>
  <si>
    <t>Check List v1.xlsx</t>
  </si>
  <si>
    <t>C:\Users\luizavs\OneDrive - Grupo Algar\Backup PC Luiz\06-11-2019\LUIZ ALFREDO\01 - TELECOM\01 - TELEVENDAS\01 - TLV VAREJO\ANDERSON\CTBC Planejamento\03 - Inbound\10 - Modelos e Extratores\</t>
  </si>
  <si>
    <t>QUEBRA ESCALA 10 MIN.xlsx</t>
  </si>
  <si>
    <t>QUEBRA DIARIA.xlsx</t>
  </si>
  <si>
    <t>MACRO CAPACITY.xlsx</t>
  </si>
  <si>
    <t>FORECAST MODELO.xlsm</t>
  </si>
  <si>
    <t>EXTRATOR VOLUME E TRATATIVA PARA DIMENSIONAMENTO.xlsm</t>
  </si>
  <si>
    <t>EXTRATOR VOLUME E AHT PARA DIMENSIONAMENTO.xlsm</t>
  </si>
  <si>
    <t>EXTRATOR SEMANAL IMPRODUTIVIDADE.xlsm</t>
  </si>
  <si>
    <t>EXTRATOR PARA DIMENS E FORECAST.xlsm</t>
  </si>
  <si>
    <t>DIMENS_MODELO.xlsm</t>
  </si>
  <si>
    <t>DIMENS ANTIGA.xlsx</t>
  </si>
  <si>
    <t>Capacity Modelo.xlsx</t>
  </si>
  <si>
    <t>Calc_Dimens Sem Curva.xlsx</t>
  </si>
  <si>
    <t>CALCULAR CAPACIDADE.xlsm</t>
  </si>
  <si>
    <t>RES: Arquivo Cálculo de Capex Algar Tecnologia.xlsx</t>
  </si>
  <si>
    <t>Cálculo de Capex AlgarTech.xlsx</t>
  </si>
  <si>
    <t>C:\Users\alefl\OneDrive - Grupo Algar\Bra\</t>
  </si>
  <si>
    <t>Relatorio_Usuarios_BRA_DATA.csv</t>
  </si>
  <si>
    <t>Relatorio_Computadores_AD_BRA_DATA.csv</t>
  </si>
  <si>
    <t>mail.google.com/_/upload?authuser=0&amp;dcp=asu-n&amp;upload_id=AEnB2UpsEIvNn684PPlQUWzt5OzAd0TF--M8_GO_7ul_9Tfxl5hE2ma0etEGkBuuqKNBwYsviAnfLZScp1ddZ-twfN4D-1_Eao1F6bjJ-PHz4AzZmgGTcaY&amp;upload_protocol=resumable</t>
  </si>
  <si>
    <t>mail.google.com/_/upload?authuser=0&amp;dcp=asu-n&amp;upload_id=AEnB2UqOzSsxapN1J0J7GJZsdGklKJf2dmvpy9g5TR2hWssEbUP70dTM6EEol2HtDlQAsB6PrZWexznmqODaSZ4M2FWTCrXmNv84d963WktQuvHCbZ0WtrQ&amp;upload_protocol=resumable</t>
  </si>
  <si>
    <t>Comissão</t>
  </si>
  <si>
    <t>COMISSÃO_Gráficos Fechamento 2.xlsx</t>
  </si>
  <si>
    <t>C:\Users\luizavs\OneDrive - Grupo Algar\Backup PC Luiz\06-11-2019\LUIZ ALFREDO\01 - TELECOM\01 - TELEVENDAS\01 - TLV VAREJO\ANDERSON\CTBC SuperVendas\ACOMP MAILINGS\01 - Janeiro\</t>
  </si>
  <si>
    <t>Histórico Ativo Janeiro.xlsx</t>
  </si>
  <si>
    <t>C:\Users\luizavs\OneDrive - Grupo Algar\Backup PC Luiz\06-11-2019\LUIZ ALFREDO\01 - TELECOM\01 - TELEVENDAS\01 - TLV VAREJO\ANDERSON\CTBC SuperVendas\ACOMP MAILINGS\01 - Janeiro\Histórico Ativo Janeiro.rar\</t>
  </si>
  <si>
    <t>HistÃ³rico Ativo Janeiro.xlsx</t>
  </si>
  <si>
    <t>consolidado mailing.xlsx</t>
  </si>
  <si>
    <t>C:\Users\luizavs\OneDrive - Grupo Algar\Backup PC Luiz\06-11-2019\LUIZ ALFREDO\01 - TELECOM\01 - TELEVENDAS\01 - TLV VAREJO\ANDERSON\CTBC SuperVendas\ACOMP MAILINGS\01 - Janeiro\01 - Janeiro.rar\</t>
  </si>
  <si>
    <t>C:\Users\luizavs\OneDrive - Grupo Algar\Backup PC Luiz\06-11-2019\LUIZ ALFREDO\01 - TELECOM\01 - TELEVENDAS\01 - TLV VAREJO\ANDERSON\CTBC SuperVendas\ACOMP MAILINGS\02 - Fevereiro\</t>
  </si>
  <si>
    <t>TLV GERAL FEVEREIRO.xls</t>
  </si>
  <si>
    <t>Histórico Ativo Fevereiro.xlsx</t>
  </si>
  <si>
    <t>C:\Users\luizavs\OneDrive - Grupo Algar\Backup PC Luiz\06-11-2019\LUIZ ALFREDO\01 - TELECOM\01 - TELEVENDAS\01 - TLV VAREJO\ANDERSON\CTBC SuperVendas\ACOMP MAILINGS\02 - Fevereiro\Histórico Ativo Fevereiro.rar\</t>
  </si>
  <si>
    <t>HistÃ³rico Ativo Fevereiro.xlsx</t>
  </si>
  <si>
    <t>Comparativo Jan x Fev.xlsx</t>
  </si>
  <si>
    <t>26 a 29.xls</t>
  </si>
  <si>
    <t>24-02.xls</t>
  </si>
  <si>
    <t>23-02.xls</t>
  </si>
  <si>
    <t>20-02.xls</t>
  </si>
  <si>
    <t>19-02.xls</t>
  </si>
  <si>
    <t>18-02.xls</t>
  </si>
  <si>
    <t>16 A 23 102.xls</t>
  </si>
  <si>
    <t>01 a03.xls</t>
  </si>
  <si>
    <t>C:\Users\luizavs\OneDrive - Grupo Algar\Backup PC Luiz\06-11-2019\LUIZ ALFREDO\01 - TELECOM\01 - TELEVENDAS\01 - TLV VAREJO\ANDERSON\CTBC SuperVendas\ACOMP MAILINGS\03 - Março\</t>
  </si>
  <si>
    <t>34259.xlsx</t>
  </si>
  <si>
    <t>/o=exchangelabs/ou=exchange administrative group (fydibohf23spdlt)/cn=recipients/cn=00dbcea0702d4358b7c66d1d0dd7b863-juliana tei;/o=exchangelabs/ou=exchange administrative group (fydibohf23spdlt)/cn=recipients/cn=010c9ad8a2ca4b90b7642d039dda856e-karolyne ca;/o=exchangelabs/ou=exchange administrative group (fydibohf23spdlt)/cn=recipients/cn=01dd947fa5e64c6cb9bbbb6c6ff21082-amanda silv;/o=exchangelabs/ou=exchange administrative group (fydibohf23spdlt)/cn=recipients/cn=022f9be39d034221ac81aa3656cce40a-ana paula s;/o=exchangelabs/ou=exchange administrative group (fydibohf23spdlt)/cn=recipients/cn=0397d0473d5f42a78f4b9ffd0e537f3a-paula garci;/o=exchangelabs/ou=exchange administrative group (fydibohf23spdlt)/cn=recipients/cn=04ff9975af994627902477cd10e5d09d-fabricio vi;/o=exchangelabs/ou=exchange administrative group (fydibohf23spdlt)/cn=recipients/cn=0673cd34d1b2417c834ebe2a895edd43-maicon mora;/o=exchangelabs/ou=exchange administrative group (fydibohf23spdlt)/cn=recipients/cn=06c212ca7d9b400c9209ba4b0d93851d-ziln</t>
  </si>
  <si>
    <t>Gamification - Supervisores GRC.xlsm</t>
  </si>
  <si>
    <t>/o=exchangelabs/ou=exchange administrative group (fydibohf23spdlt)/cn=recipients/cn=00dbcea0702d4358b7c66d1d0dd7b863-juliana tei,/o=exchangelabs/ou=exchange administrative group (fydibohf23spdlt)/cn=recipients/cn=010c9ad8a2ca4b90b7642d039dda856e-karolyne ca,/o=exchangelabs/ou=exchange administrative group (fydibohf23spdlt)/cn=recipients/cn=01dd947fa5e64c6cb9bbbb6c6ff21082-amanda silv,/o=exchangelabs/ou=exchange administrative group (fydibohf23spdlt)/cn=recipients/cn=022f9be39d034221ac81aa3656cce40a-ana paula s,/o=exchangelabs/ou=exchange administrative group (fydibohf23spdlt)/cn=recipients/cn=0397d0473d5f42a78f4b9ffd0e537f3a-paula garci,/o=exchangelabs/ou=exchange administrative group (fydibohf23spdlt)/cn=recipients/cn=04ff9975af994627902477cd10e5d09d-fabricio vi,/o=exchangelabs/ou=exchange administrative group (fydibohf23spdlt)/cn=recipients/cn=0673cd34d1b2417c834ebe2a895edd43-maicon mora,/o=exchangelabs/ou=exchange administrative group (fydibohf23spdlt)/cn=recipients/cn=06c212ca7d9b400c9209ba4b0d93851d-ziln</t>
  </si>
  <si>
    <t>/o=exchangelabs/ou=exchange administrative group (fydibohf23spdlt)/cn=recipients/cn=096be01f3be1448b9e04fb22996909f1-michele sil;/o=exchangelabs/ou=exchange administrative group (fydibohf23spdlt)/cn=recipients/cn=0c06a001a2ed4bd2a2d61ee9aa26d72f-suemes de s;/o=exchangelabs/ou=exchange administrative group (fydibohf23spdlt)/cn=recipients/cn=0fb0c89521ca4e3ea59ebb5875735cbc-luiz guilhe;/o=exchangelabs/ou=exchange administrative group (fydibohf23spdlt)/cn=recipients/cn=12c9806c72044cac8cfb68c969625747-maiune roch;/o=exchangelabs/ou=exchange administrative group (fydibohf23spdlt)/cn=recipients/cn=1f768671263b4da2a71af24ade1a7225-ligia gonca;/o=exchangelabs/ou=exchange administrative group (fydibohf23spdlt)/cn=recipients/cn=28f37dff89954cf7971d37d7a8e29e6f-laiane pere;/o=exchangelabs/ou=exchange administrative group (fydibohf23spdlt)/cn=recipients/cn=2c5963a64a2748ae92b1721badad94a4-cristiana d;/o=exchangelabs/ou=exchange administrative group (fydibohf23spdlt)/cn=recipients/cn=2cb7e4b90b4549118932fae0224d4434-luci</t>
  </si>
  <si>
    <t>/o=exchangelabs/ou=exchange administrative group (fydibohf23spdlt)/cn=recipients/cn=096be01f3be1448b9e04fb22996909f1-michele sil,/o=exchangelabs/ou=exchange administrative group (fydibohf23spdlt)/cn=recipients/cn=0c06a001a2ed4bd2a2d61ee9aa26d72f-suemes de s,/o=exchangelabs/ou=exchange administrative group (fydibohf23spdlt)/cn=recipients/cn=0fb0c89521ca4e3ea59ebb5875735cbc-luiz guilhe,/o=exchangelabs/ou=exchange administrative group (fydibohf23spdlt)/cn=recipients/cn=12c9806c72044cac8cfb68c969625747-maiune roch,/o=exchangelabs/ou=exchange administrative group (fydibohf23spdlt)/cn=recipients/cn=1f768671263b4da2a71af24ade1a7225-ligia gonca,/o=exchangelabs/ou=exchange administrative group (fydibohf23spdlt)/cn=recipients/cn=28f37dff89954cf7971d37d7a8e29e6f-laiane pere,/o=exchangelabs/ou=exchange administrative group (fydibohf23spdlt)/cn=recipients/cn=2c5963a64a2748ae92b1721badad94a4-cristiana d,/o=exchangelabs/ou=exchange administrative group (fydibohf23spdlt)/cn=recipients/cn=2cb7e4b90b4549118932fae0224d4434-luci</t>
  </si>
  <si>
    <t>/o=exchangelabs/ou=exchange administrative group (fydibohf23spdlt)/cn=recipients/cn=07838d63269147399834f55c95648a18-raphael nun;/o=exchangelabs/ou=exchange administrative group (fydibohf23spdlt)/cn=recipients/cn=07c3a56c251e4a1bb0cd5ad248dadf38-lucas costa;/o=exchangelabs/ou=exchange administrative group (fydibohf23spdlt)/cn=recipients/cn=0a343ab60c904ee9b25c54f941bc50a2-elincon pis;/o=exchangelabs/ou=exchange administrative group (fydibohf23spdlt)/cn=recipients/cn=101ca65e5cac464dbd670337f8b2f496-claudio de;/o=exchangelabs/ou=exchange administrative group (fydibohf23spdlt)/cn=recipients/cn=156f2ceeb44f4afbbad62be40471b288-rodrigo cam;/o=exchangelabs/ou=exchange administrative group (fydibohf23spdlt)/cn=recipients/cn=189bc2d66ff7487496bebbe5b79130af-jose luiz o;/o=exchangelabs/ou=exchange administrative group (fydibohf23spdlt)/cn=recipients/cn=1eef876d1e4b4eb38e740bfe731d8927-rogerio pin;/o=exchangelabs/ou=exchange administrative group (fydibohf23spdlt)/cn=recipients/cn=1f0b0312198f46e298740c2dc1c9e077-wagne</t>
  </si>
  <si>
    <t>Gamificação Supervisores GAT-GST-IND.xlsx</t>
  </si>
  <si>
    <t>/o=exchangelabs/ou=exchange administrative group (fydibohf23spdlt)/cn=recipients/cn=07838d63269147399834f55c95648a18-raphael nun,/o=exchangelabs/ou=exchange administrative group (fydibohf23spdlt)/cn=recipients/cn=07c3a56c251e4a1bb0cd5ad248dadf38-lucas costa,/o=exchangelabs/ou=exchange administrative group (fydibohf23spdlt)/cn=recipients/cn=0a343ab60c904ee9b25c54f941bc50a2-elincon pis,/o=exchangelabs/ou=exchange administrative group (fydibohf23spdlt)/cn=recipients/cn=101ca65e5cac464dbd670337f8b2f496-claudio de,/o=exchangelabs/ou=exchange administrative group (fydibohf23spdlt)/cn=recipients/cn=156f2ceeb44f4afbbad62be40471b288-rodrigo cam,/o=exchangelabs/ou=exchange administrative group (fydibohf23spdlt)/cn=recipients/cn=189bc2d66ff7487496bebbe5b79130af-jose luiz o,/o=exchangelabs/ou=exchange administrative group (fydibohf23spdlt)/cn=recipients/cn=1eef876d1e4b4eb38e740bfe731d8927-rogerio pin,/o=exchangelabs/ou=exchange administrative group (fydibohf23spdlt)/cn=recipients/cn=1f0b0312198f46e298740c2dc1c9e077-wagne</t>
  </si>
  <si>
    <t>~$relação telefones vivo.xlsx</t>
  </si>
  <si>
    <t>RES: Controle de Estabilidade da CIPA 2017.2018</t>
  </si>
  <si>
    <t>Controle da GESTÃO CIPA - ESTABILIDADE.xlsx</t>
  </si>
  <si>
    <t>C:\Users\diegobg\OneDrive - Grupo Algar\01 - Toyota\1 - Diego Bardauil\1.2 - Financeiro\</t>
  </si>
  <si>
    <t>10 - Faturamento Toyota CRC.xlsx</t>
  </si>
  <si>
    <t>ENC: Recuperações de Custo 2021 e 2023</t>
  </si>
  <si>
    <t>ENC Validação Ação Avon.msg\s1\</t>
  </si>
  <si>
    <t>3 semana.xlsx</t>
  </si>
  <si>
    <t>1 e 2 semana.xlsx</t>
  </si>
  <si>
    <t>SLA BBlend N2.xlsx</t>
  </si>
  <si>
    <t>C:\Users\luizavs\OneDrive - Grupo Algar\Backup PC Luiz\06-11-2019\LUIZ ALFREDO\01 - TELECOM\01 - TELEVENDAS\01 - TLV VAREJO\ANDERSON\CTBC SuperVendas\ACOMP MAILINGS\04 - Abril\</t>
  </si>
  <si>
    <t>Consolidado Abril_V2.xlsx</t>
  </si>
  <si>
    <t>Consolidado Abril.xlsx</t>
  </si>
  <si>
    <t>C:\Users\luizavs\OneDrive - Grupo Algar\Backup PC Luiz\06-11-2019\LUIZ ALFREDO\01 - TELECOM\01 - TELEVENDAS\01 - TLV VAREJO\ANDERSON\CTBC SuperVendas\ACOMP MAILINGS\05 - Maio\</t>
  </si>
  <si>
    <t>C:\Users\luizavs\OneDrive - Grupo Algar\Backup PC Luiz\06-11-2019\LUIZ ALFREDO\01 - TELECOM\01 - TELEVENDAS\01 - TLV VAREJO\ANDERSON\CTBC SuperVendas\ACOMP MAILINGS\06 - Junho\</t>
  </si>
  <si>
    <t>/o=exchangelabs/ou=exchange administrative group (fydibohf23spdlt)/cn=recipients/cn=545f738e0fe740ba856f4eb6ef0135e0-vinicius si;/o=exchangelabs/ou=exchange administrative group (fydibohf23spdlt)/cn=recipients/cn=f878ae58590e41cbabba2fa1ee2ae905-izadora nas;</t>
  </si>
  <si>
    <t>/o=exchangelabs/ou=exchange administrative group (fydibohf23spdlt)/cn=recipients/cn=545f738e0fe740ba856f4eb6ef0135e0-vinicius si,/o=exchangelabs/ou=exchange administrative group (fydibohf23spdlt)/cn=recipients/cn=f878ae58590e41cbabba2fa1ee2ae905-izadora nas</t>
  </si>
  <si>
    <t>Validar total</t>
  </si>
  <si>
    <t>ENC: Apresentação Revisão de LP GAT + CAPEX</t>
  </si>
  <si>
    <t>Consolidado Junho - RECEPTIVO.xlsx</t>
  </si>
  <si>
    <t>C:\Users\luizavs\OneDrive - Grupo Algar\Backup PC Luiz\06-11-2019\LUIZ ALFREDO\01 - TELECOM\01 - TELEVENDAS\01 - TLV VAREJO\ANDERSON\CTBC SuperVendas\FECHAMENTOS\ANTERIORES\</t>
  </si>
  <si>
    <t>Divergências - RESIDENCIAL.xlsx</t>
  </si>
  <si>
    <t>Divergências - RESIDENCIAL - Não incluidas.xlsx</t>
  </si>
  <si>
    <t>Divergências - RESIDENCIAL - Não incluidas restantes.xlsx</t>
  </si>
  <si>
    <t>C:\Users\luizavs\OneDrive - Grupo Algar\Backup PC Luiz\06-11-2019\LUIZ ALFREDO\01 - TELECOM\01 - TELEVENDAS\01 - TLV VAREJO\ANDERSON\CTBC SuperVendas\TABELAS\04 - Abril\</t>
  </si>
  <si>
    <t>Variação Mar x Abr.xlsx</t>
  </si>
  <si>
    <t>C:\Users\luizavs\OneDrive - Grupo Algar\Backup PC Luiz\06-11-2019\LUIZ ALFREDO\01 - TELECOM\01 - TELEVENDAS\01 - TLV VAREJO\ANDERSON\CTBC SuperVendas\TOP PERFORMANCE\Resultados\</t>
  </si>
  <si>
    <t>Resultado_Indicadores_CTBC_SUPERVENDAS_JULHO_16.xlsx</t>
  </si>
  <si>
    <t>Resultado_Indicadores_CTBC_SUPERVENDAS_AGOSTO_16.xlsx</t>
  </si>
  <si>
    <t>BASE RECEPTIVO.xlsx</t>
  </si>
  <si>
    <t>BASE BLEND.xlsx</t>
  </si>
  <si>
    <t>BASE ATIVO.xlsx</t>
  </si>
  <si>
    <t>06 - Resultado_Indicadores_CTBC_SUPERVENDAS_RECEPTIVO_JUNHO_16.xlsx</t>
  </si>
  <si>
    <t>06 - Resultado_Indicadores_CTBC_SUPERVENDAS_BLEND_JUNHO_16.xlsx</t>
  </si>
  <si>
    <t>06 - Resultado_Indicadores_CTBC_SUPERVENDAS_ATIVO_JUNHO_16.xlsx</t>
  </si>
  <si>
    <t>05 - Resultado_Indicadores_CTBC_SUPERVENDAS_RECEPTIVO_MAIO_16.xlsx</t>
  </si>
  <si>
    <t>05 - Resultado_Indicadores_CTBC_SUPERVENDAS_BLEND_MAIO_16.xlsx</t>
  </si>
  <si>
    <t>05 - Resultado_Indicadores_CTBC_SUPERVENDAS_ATIVO_MAIO_16.xlsx</t>
  </si>
  <si>
    <t>04 - Resultado_Indicadores_CTBC_SUPERVENDAS_RECEPTIVO_ABRIL_16.xlsx</t>
  </si>
  <si>
    <t>04 - Resultado_Indicadores_CTBC_SUPERVENDAS_ATIVO_ABRIL_16.xlsx</t>
  </si>
  <si>
    <t>03 - Resultado_Indicadores_CTBC_SUPERVENDAS_RECEPTIVO_MARÇO_16.xlsx</t>
  </si>
  <si>
    <t>03 - Resultado_Indicadores_CTBC_SUPERVENDAS_ATIVO_MARÇO_16.xlsx</t>
  </si>
  <si>
    <t>02 - Resultado_Indicadores_CTBC_SUPERVENDAS_RECEPTIVO_FEVEREIRO_16.xlsx</t>
  </si>
  <si>
    <t>02 - Resultado_Indicadores_CTBC_SUPERVENDAS_ATIVO_FEVEREIRO_16.xlsx</t>
  </si>
  <si>
    <t>01 - Resultado_Indicadores_CTBC_SUPERVENDAS_RECEPTIVO_JANEIRO_16.xlsx</t>
  </si>
  <si>
    <t>01 - Resultado_Indicadores_CTBC_SUPERVENDAS_ATIVO_JANEIRO_16 - Cópia.xlsx</t>
  </si>
  <si>
    <t>C:\Users\luizavs\OneDrive - Grupo Algar\Backup PC Luiz\06-11-2019\LUIZ ALFREDO\01 - TELECOM\01 - TELEVENDAS\01 - TLV VAREJO\ANDERSON\FATURADO\01 - JANEIRO\Mailings Janeiro\</t>
  </si>
  <si>
    <t>Consolidado Mailings Janeiro.xlsx</t>
  </si>
  <si>
    <t>C:\Users\luizavs\OneDrive - Grupo Algar\Backup PC Luiz\06-11-2019\LUIZ ALFREDO\01 - TELECOM\01 - TELEVENDAS\01 - TLV VAREJO\ANDERSON\FATURADO\04 - ABRIL\CMC020\</t>
  </si>
  <si>
    <t>DIN_FECHADO.xlsm</t>
  </si>
  <si>
    <t>DIN_CASOS.xlsm</t>
  </si>
  <si>
    <t>C:\Users\luizavs\OneDrive - Grupo Algar\Backup PC Luiz\06-11-2019\LUIZ ALFREDO\01 - TELECOM\01 - TELEVENDAS\01 - TLV VAREJO\ANDERSON\FATURADO\04 - ABRIL\DEBITO AUTOMATICO\</t>
  </si>
  <si>
    <t>C:\Users\luizavs\OneDrive - Grupo Algar\Backup PC Luiz\06-11-2019\LUIZ ALFREDO\01 - TELECOM\01 - TELEVENDAS\01 - TLV VAREJO\ANDERSON\FATURADO\04 - ABRIL\INCLUSÕES\</t>
  </si>
  <si>
    <t>INCLUSÕES ABRIL.xlsx</t>
  </si>
  <si>
    <t>C:\Users\luizavs\OneDrive - Grupo Algar\Backup PC Luiz\06-11-2019\LUIZ ALFREDO\01 - TELECOM\01 - TELEVENDAS\01 - TLV VAREJO\ANDERSON\FATURADO\04 - ABRIL\INVIABILIDADE\</t>
  </si>
  <si>
    <t>INVIABILIDADE TECNICA ABRIL.xlsx</t>
  </si>
  <si>
    <t>INVIABILIDADE TECNICA ABRIL - VALOR CORRETO.xlsx</t>
  </si>
  <si>
    <t>INVIABILIDADE TECNICA ABRIL - VALIDADOS.xlsx</t>
  </si>
  <si>
    <t>C:\Users\luizavs\OneDrive - Grupo Algar\Backup PC Luiz\06-11-2019\LUIZ ALFREDO\01 - TELECOM\01 - TELEVENDAS\01 - TLV VAREJO\ANDERSON\FATURADO\04 - ABRIL\RELATORIOS FINANCEIROS\</t>
  </si>
  <si>
    <t>Relatórios Financeiros - Abril.xlsx</t>
  </si>
  <si>
    <t>NS DDX BASE.xlsx</t>
  </si>
  <si>
    <t>C:\Users\luizavs\OneDrive - Grupo Algar\Backup PC Luiz\06-11-2019\LUIZ ALFREDO\01 - TELECOM\01 - TELEVENDAS\01 - TLV VAREJO\ANDERSON\FATURADO\05 - MAIO\DEBITO AUTOMATICO\</t>
  </si>
  <si>
    <t>C:\Users\luizavs\OneDrive - Grupo Algar\Backup PC Luiz\06-11-2019\LUIZ ALFREDO\01 - TELECOM\01 - TELEVENDAS\01 - TLV VAREJO\ANDERSON\FATURADO\05 - MAIO\HORAS LOGADAS\</t>
  </si>
  <si>
    <t>EXTRAÇÃO CMS.xlsx</t>
  </si>
  <si>
    <t>C:\Users\luizavs\OneDrive - Grupo Algar\Backup PC Luiz\06-11-2019\LUIZ ALFREDO\01 - TELECOM\01 - TELEVENDAS\01 - TLV VAREJO\ANDERSON\FATURADO\05 - MAIO\INCLUSÕES\</t>
  </si>
  <si>
    <t>INCLUSÕES OPP E CASOS.xlsx</t>
  </si>
  <si>
    <t>C:\Users\luizavs\OneDrive - Grupo Algar\Backup PC Luiz\06-11-2019\LUIZ ALFREDO\01 - TELECOM\01 - TELEVENDAS\01 - TLV VAREJO\ANDERSON\FATURADO\05 - MAIO\INVIABILIDADES\</t>
  </si>
  <si>
    <t>INVIABILIDADES_V1.xlsx</t>
  </si>
  <si>
    <t>INVIABILIDADES.xlsx</t>
  </si>
  <si>
    <t>C:\Users\luizavs\OneDrive - Grupo Algar\Backup PC Luiz\06-11-2019\LUIZ ALFREDO\01 - TELECOM\01 - TELEVENDAS\01 - TLV VAREJO\ANDERSON\FATURADO\06 - JUNHO\HORAS LOGADAS\</t>
  </si>
  <si>
    <t>ARQUIVO TEMPO LOGADO - TLV RECEPTIVO - JUNHO.xlsx</t>
  </si>
  <si>
    <t>ARQUIVO TEMPO LOGADO - TLV ATIVO - JUNHO.xlsx</t>
  </si>
  <si>
    <t>ARQUIVO TEMPO LOGADO - TLV ATIVO - JUNHO - v2.xlsx</t>
  </si>
  <si>
    <t>C:\Users\luizavs\OneDrive - Grupo Algar\Backup PC Luiz\06-11-2019\LUIZ ALFREDO\01 - TELECOM\01 - TELEVENDAS\01 - TLV VAREJO\ANDERSON\FATURADO\06 - JUNHO\INCLUSÕES\</t>
  </si>
  <si>
    <t>INCLUSÕES_V2.xlsx</t>
  </si>
  <si>
    <t>C:\Users\luizavs\OneDrive - Grupo Algar\Backup PC Luiz\06-11-2019\LUIZ ALFREDO\01 - TELECOM\01 - TELEVENDAS\01 - TLV VAREJO\ANDERSON\FATURADO\06 - JUNHO\INVIABILIDADE\</t>
  </si>
  <si>
    <t>INVIABILIDADE TECNICA.xlsx</t>
  </si>
  <si>
    <t>INVIABILIDADE TECNICA JUNHO - VALIDADO.xlsx</t>
  </si>
  <si>
    <t>INVIABILIDADE TECNICA JUNHO - VALIDADO - VALORES.xls</t>
  </si>
  <si>
    <t>INVIABILIDADE TECNICA - INTERROMPIDOS.xlsx</t>
  </si>
  <si>
    <t>C:\Users\luizavs\OneDrive - Grupo Algar\Backup PC Luiz\06-11-2019\LUIZ ALFREDO\01 - TELECOM\01 - TELEVENDAS\01 - TLV VAREJO\ANDERSON\FATURADO\06 - JUNHO\RELATORIOS FINANCEIROS\</t>
  </si>
  <si>
    <t>Relatórios Financeiros - Junho.xlsx</t>
  </si>
  <si>
    <t>C:\Users\luizavs\OneDrive - Grupo Algar\Backup PC Luiz\06-11-2019\LUIZ ALFREDO\01 - TELECOM\01 - TELEVENDAS\01 - TLV VAREJO\ANDERSON\FATURADO\07 - JULHO\DEBITO AUTOMATICO\</t>
  </si>
  <si>
    <t>DEBITO VANTIVE.csv</t>
  </si>
  <si>
    <t>C:\Users\luizavs\OneDrive - Grupo Algar\Backup PC Luiz\06-11-2019\LUIZ ALFREDO\01 - TELECOM\01 - TELEVENDAS\01 - TLV VAREJO\ANDERSON\FATURADO\07 - JULHO\HORAS LOGADAS\</t>
  </si>
  <si>
    <t>ARQUIVO TEMPO LOGADO - TLV RECEPTIVO - JULHO.xlsx</t>
  </si>
  <si>
    <t>ARQUIVO TEMPO LOGADO - TLV ATIVO - JULHO.xlsx</t>
  </si>
  <si>
    <t>C:\Users\luizavs\OneDrive - Grupo Algar\Backup PC Luiz\06-11-2019\LUIZ ALFREDO\01 - TELECOM\01 - TELEVENDAS\01 - TLV VAREJO\ANDERSON\FATURADO\07 - JULHO\INVIABILIDADE\</t>
  </si>
  <si>
    <t>INVIABILIDADE TÉCNICA JULHO.xlsx</t>
  </si>
  <si>
    <t>INVIABILIDADE TÉCNICA JULHO X RETORNO OPP DOS MAILINGS.xlsx</t>
  </si>
  <si>
    <t>INVIABILIDADE TÉCNICA JULHO X RETORNO OPP DOS MAILINGS.xls</t>
  </si>
  <si>
    <t>INVIABILIDADE TÉCNICA JULHO X RETORNO OPP DOS MAILINGS - validado.xlsx</t>
  </si>
  <si>
    <t>C:\Users\luizavs\OneDrive - Grupo Algar\Backup PC Luiz\06-11-2019\LUIZ ALFREDO\01 - TELECOM\01 - TELEVENDAS\01 - TLV VAREJO\ANDERSON\FATURADO\07 - JULHO\RELATORIOS FINANCEIROS\</t>
  </si>
  <si>
    <t>REPORT_RECEPTIVO.xlsm</t>
  </si>
  <si>
    <t>Relatórios Financeiros - Julho.xlsx</t>
  </si>
  <si>
    <t>CMC x PRESENCE.xlsx</t>
  </si>
  <si>
    <t>C:\Users\luizavs\OneDrive - Grupo Algar\Backup PC Luiz\06-11-2019\LUIZ ALFREDO\01 - TELECOM\01 - TELEVENDAS\01 - TLV VAREJO\ANDERSON\FATURADO\08 - AGOSTO\DEBITO AUTOMATICO\</t>
  </si>
  <si>
    <t>DEBITO AUTOMATICO VANTIVE.xlsx</t>
  </si>
  <si>
    <t>DEBITO AUTOMATICO - ALGARCRM.xlsx</t>
  </si>
  <si>
    <t>C:\Users\luizavs\OneDrive - Grupo Algar\Backup PC Luiz\06-11-2019\LUIZ ALFREDO\01 - TELECOM\01 - TELEVENDAS\01 - TLV VAREJO\ANDERSON\FATURADO\08 - AGOSTO\HORAS LOGADAS\</t>
  </si>
  <si>
    <t>OCORRENCIAS.xlsx</t>
  </si>
  <si>
    <t>08 - ARQUIVO TEMPO LOGADO - TLV RECEPTIVO - AGOSTO.xlsx</t>
  </si>
  <si>
    <t>08 - ARQUIVO TEMPO LOGADO - TLV ATIVO - AGOSTO.xlsx</t>
  </si>
  <si>
    <t>C:\Users\luizavs\OneDrive - Grupo Algar\Backup PC Luiz\06-11-2019\LUIZ ALFREDO\01 - TELECOM\01 - TELEVENDAS\01 - TLV VAREJO\ANDERSON\FATURADO\08 - AGOSTO\INVIABILIDADE\</t>
  </si>
  <si>
    <t>INVIABILIDADE TÉCNICA AGOSTO X RETORNO OPP DOS MAILINGS _ TELECOM.xlsx</t>
  </si>
  <si>
    <t>INVIABILIDADE TECNICA AGOSTO.xlsx</t>
  </si>
  <si>
    <t>C:\Users\luizavs\OneDrive - Grupo Algar\Backup PC Luiz\06-11-2019\LUIZ ALFREDO\01 - TELECOM\01 - TELEVENDAS\01 - TLV VAREJO\ANDERSON\FATURADO\08 - AGOSTO\RELATORIOS FINANCEIROS\</t>
  </si>
  <si>
    <t>VENDAS RECEPTIVO E ATIVO.xlsx</t>
  </si>
  <si>
    <t>Relatórios Financeiros - Agosto.xlsx</t>
  </si>
  <si>
    <t>NS SERVIÇO DDX.xlsx</t>
  </si>
  <si>
    <t>NS SERVIÇO DDX - Consolidado.xlsx</t>
  </si>
  <si>
    <t>Pendencia em CR transitorio</t>
  </si>
  <si>
    <t>TB03_20191106_102419.xls</t>
  </si>
  <si>
    <t>C:\Users\luizavs\OneDrive - Grupo Algar\Backup PC Luiz\06-11-2019\LUIZ ALFREDO\01 - TELECOM\01 - TELEVENDAS\01 - TLV VAREJO\ANDERSON\FATURADO\08 - AGOSTO\VALIDAÇÃO FECHAMENTO\</t>
  </si>
  <si>
    <t>VALIDAÇÃO FECHAMENTO.xlsx</t>
  </si>
  <si>
    <t>INCLUSÃO.xlsx</t>
  </si>
  <si>
    <t>EXCLUSÃO.xlsx</t>
  </si>
  <si>
    <t>CASOS INCLUIR.xlsx</t>
  </si>
  <si>
    <t>C:\Users\luizavs\OneDrive - Grupo Algar\Backup PC Luiz\06-11-2019\LUIZ ALFREDO\01 - TELECOM\01 - TELEVENDAS\01 - TLV VAREJO\ANDERSON\FATURADO\08 - AGOSTO\VALIDAÇÃO FECHAMENTO\APURAÇÃO TELEVENDAS AGOSTO.zip\</t>
  </si>
  <si>
    <t>APURA€ÇO TELEVENDAS AGOSTO.xlsx</t>
  </si>
  <si>
    <t>APURAÇÃO TELEVENDAS AGOSTO.xlsx</t>
  </si>
  <si>
    <t>C:\Users\luizavs\OneDrive - Grupo Algar\Backup PC Luiz\06-11-2019\LUIZ ALFREDO\01 - TELECOM\01 - TELEVENDAS\01 - TLV VAREJO\ANDERSON\FATURADO\08 - AGOSTO\VALIDAÇÃO FECHAMENTO\APURAÇÃO TELEVENDAS AGOSTO F.zip\</t>
  </si>
  <si>
    <t>APURA€ÇO TELEVENDAS AGOSTO F.xlsx</t>
  </si>
  <si>
    <t>APURAÇÃO TELEVENDAS AGOSTO F.xlsx</t>
  </si>
  <si>
    <t>C:\Users\luizavs\OneDrive - Grupo Algar\Backup PC Luiz\06-11-2019\LUIZ ALFREDO\01 - TELECOM\01 - TELEVENDAS\01 - TLV VAREJO\ANDERSON\FATURADO\08 - AGOSTO\VALIDAÇÃO FECHAMENTO\APURAÇÃO TELEVENDAS AGOSTO 3.zip\</t>
  </si>
  <si>
    <t>APURAÇÃO TELEVENDAS AGOSTO 3.xlsx</t>
  </si>
  <si>
    <t>C:\Users\luizavs\OneDrive - Grupo Algar\Backup PC Luiz\06-11-2019\LUIZ ALFREDO\01 - TELECOM\01 - TELEVENDAS\01 - TLV VAREJO\ANDERSON\FATURADO\08 - AGOSTO\VALIDAÇÃO FECHAMENTO\APURAÇÃO TELEVENDAS AGOSTO 2.zip\</t>
  </si>
  <si>
    <t>C:\Users\luizavs\OneDrive - Grupo Algar\Backup PC Luiz\06-11-2019\LUIZ ALFREDO\01 - TELECOM\01 - TELEVENDAS\01 - TLV VAREJO\ANDERSON\FATURADO\09 - SETEMBRO\Relatórios Financeiros\</t>
  </si>
  <si>
    <t>Relatórios Financeiros - Setembro.xlsx</t>
  </si>
  <si>
    <t>C:\Users\luizavs\OneDrive - Grupo Algar\Backup PC Luiz\06-11-2019\LUIZ ALFREDO\01 - TELECOM\01 - TELEVENDAS\01 - TLV VAREJO\ANDERSON\FATURADO\2015\12 - DEZEMBRO\</t>
  </si>
  <si>
    <t>Relatórios Financeiros - Dezembro.xls</t>
  </si>
  <si>
    <t>Inviabilidade Dezembro - Retorno Algar Tech Elis - V2.xlsx</t>
  </si>
  <si>
    <t>Horas Logadas - Dezembro - Residencial.xls</t>
  </si>
  <si>
    <t>Fechamento Financeiro - Televendas - Dezembro 2015.xlsx</t>
  </si>
  <si>
    <t>Fechamento Financeiro - Televendas - Dezembro 2015 2.xlsx</t>
  </si>
  <si>
    <t>APURAÇÃO TELEVENDAS DEZEMBRO 5.xlsx</t>
  </si>
  <si>
    <t>C:\Users\luizavs\OneDrive - Grupo Algar\Backup PC Luiz\06-11-2019\LUIZ ALFREDO\01 - TELECOM\01 - TELEVENDAS\01 - TLV VAREJO\ANDERSON\FATURADO\2015\12 - DEZEMBRO\APURAÇÃO TELEVENDAS DEZEMBRO 4.zip\</t>
  </si>
  <si>
    <t>APURA€ÇO TELEVENDAS DEZEMBRO.xlsx</t>
  </si>
  <si>
    <t>sam@algartech.com;</t>
  </si>
  <si>
    <t>Cargos_sem_categoria.xlsx</t>
  </si>
  <si>
    <t>sam@algartech.com</t>
  </si>
  <si>
    <t>APURAÇÃO TELEVENDAS DEZEMBRO 4.xlsx</t>
  </si>
  <si>
    <t>C:\Users\luizavs\OneDrive - Grupo Algar\Backup PC Luiz\06-11-2019\LUIZ ALFREDO\01 - TELECOM\01 - TELEVENDAS\01 - TLV VAREJO\ANDERSON\FATURADO\2015\12 - DEZEMBRO\APURAÇÃO TELEVENDAS DEZEMBRO 3.zip\</t>
  </si>
  <si>
    <t>APURAÇÃO TELEVENDAS DEZEMBRO 3.xlsx</t>
  </si>
  <si>
    <t>C:\Users\luizavs\OneDrive - Grupo Algar\Backup PC Luiz\06-11-2019\LUIZ ALFREDO\01 - TELECOM\01 - TELEVENDAS\01 - TLV VAREJO\ANDERSON\FATURADO\2015\12 - DEZEMBRO\APURAÇÃO TELEVENDAS DEZEMBRO 2.zip\</t>
  </si>
  <si>
    <t>APURAÇÃO TELEVENDAS DEZEMBRO 2.xlsx</t>
  </si>
  <si>
    <t>C:\Users\luizavs\OneDrive - Grupo Algar\Backup PC Luiz\06-11-2019\LUIZ ALFREDO\01 - TELECOM\01 - TELEVENDAS\01 - TLV VAREJO\ANDERSON\FATURADO\2015\12 - DEZEMBRO\APURAÇÃO TELEVENDAS DEZEMBRO 1.zip\</t>
  </si>
  <si>
    <t>APURAÇÃO TELEVENDAS DEZEMBRO 1.xlsx</t>
  </si>
  <si>
    <t>C:\Users\luizavs\OneDrive - Grupo Algar\Backup PC Luiz\06-11-2019\LUIZ ALFREDO\01 - TELECOM\01 - TELEVENDAS\01 - TLV VAREJO\ANDERSON\FRANCIELLE LOPES\CCO\Evolutivo mensal\</t>
  </si>
  <si>
    <t>Evolutivo Mensal Indicadores CCO.xlsx</t>
  </si>
  <si>
    <t>C:\Users\luizavs\OneDrive - Grupo Algar\Backup PC Luiz\06-11-2019\LUIZ ALFREDO\01 - TELECOM\01 - TELEVENDAS\01 - TLV VAREJO\ANDERSON\Geral\Extratores\Extratores\</t>
  </si>
  <si>
    <t>Relatório Desconexão.xls</t>
  </si>
  <si>
    <t>EXTRATOR_TRANSFERIDAS_REALIZADAS_ATENDIDAS_OPERADOR_SKILL.xls</t>
  </si>
  <si>
    <t>EXTRATOR_RECEPTIVO_INTERVALO_CeA.xls</t>
  </si>
  <si>
    <t>EXTRATOR_MENSAL.xls</t>
  </si>
  <si>
    <t>EXTRATOR_ECH_POR_SKILL_TRANSFERENCIAS.xls</t>
  </si>
  <si>
    <t>EXTRATOR_ADRIELLE - INTRADIÁRIO.xls</t>
  </si>
  <si>
    <t>Extrator volume e aht para dimensionamento.xls</t>
  </si>
  <si>
    <t>Extrator skill detalhado.xls</t>
  </si>
  <si>
    <t>EXTRATOR DVDN CHAMADAS - DATA, VDN.xls</t>
  </si>
  <si>
    <t>Extrator AHT.xls</t>
  </si>
  <si>
    <t>ECH TEMPO TRATATIVA POR CHAMADA.xls</t>
  </si>
  <si>
    <t>dim_tronco.xls</t>
  </si>
  <si>
    <t>ACHADOR DE CHAMADAS_QLD.xls</t>
  </si>
  <si>
    <t>C:\Users\luizavs\OneDrive - Grupo Algar\Backup PC Luiz\06-11-2019\LUIZ ALFREDO\01 - TELECOM\01 - TELEVENDAS\01 - TLV VAREJO\ANDERSON\Geral\Extratores\Rogério\</t>
  </si>
  <si>
    <t>Extrator_Semanal_Volume e AHT.xls</t>
  </si>
  <si>
    <t>Extrator_Semanal_Ociosidade.xls</t>
  </si>
  <si>
    <t>Extrator_Semanal_Improdutividade.xls</t>
  </si>
  <si>
    <t>Extrator_Mensal_Volume e AHT.xls</t>
  </si>
  <si>
    <t>Extrator_Mensal_Improdutividade_Ociosidade.xls</t>
  </si>
  <si>
    <t>Extrator_Diário_Volume e AHT.xls</t>
  </si>
  <si>
    <t>Extrator_Diário_Produtividade.xls</t>
  </si>
  <si>
    <t>DIMENS_CHAT_MODELO.xlsx</t>
  </si>
  <si>
    <t>CALCULADORA_DIMENS_NOVA_DEMAIS OP's.xlsm</t>
  </si>
  <si>
    <t>C:\Users\luizavs\OneDrive - Grupo Algar\Backup PC Luiz\06-11-2019\LUIZ ALFREDO\01 - TELECOM\01 - TELEVENDAS\01 - TLV VAREJO\ANDERSON\NOVO ACOMP TLV\ACOMP AGENTES_v1\BACKUPS\</t>
  </si>
  <si>
    <t>ACOMP TELEVENDAS.xlsx</t>
  </si>
  <si>
    <t>ACOMP AUTO GESTÃO_v2.xlsm</t>
  </si>
  <si>
    <t>ACOMP AUTO GESTÃO.xlsm</t>
  </si>
  <si>
    <t>C:\Users\luizavs\OneDrive - Grupo Algar\Backup PC Luiz\06-11-2019\LUIZ ALFREDO\01 - TELECOM\01 - TELEVENDAS\01 - TLV VAREJO\ANDERSON\NOVO ACOMP TLV\ACOMP AGENTES_v1\BASE\</t>
  </si>
  <si>
    <t>QLK.xls</t>
  </si>
  <si>
    <t>DCC.xls</t>
  </si>
  <si>
    <t>CMC.xls</t>
  </si>
  <si>
    <t>ACOMP_META_AGENTES.xls</t>
  </si>
  <si>
    <t>C:\Users\luizavs\OneDrive - Grupo Algar\Backup PC Luiz\06-11-2019\LUIZ ALFREDO\01 - TELECOM\01 - TELEVENDAS\01 - TLV VAREJO\FINANCEIRO\CONTESTAÇÃO DE RECEITA\2016\DEZEMBRO - 16\</t>
  </si>
  <si>
    <t>Contestação de Receitas - Dezembro-16.xlsx</t>
  </si>
  <si>
    <t>CONSOLIDADO TLV.xlsx</t>
  </si>
  <si>
    <t>APURAÇÃO TELEVENDAS DEZEMBRO tech.xlsx</t>
  </si>
  <si>
    <t>ACOMPANHAMENTO RECEITA TLV - ALGAR VAREJO.xlsm</t>
  </si>
  <si>
    <t>C:\Users\luizavs\OneDrive - Grupo Algar\Backup PC Luiz\06-11-2019\LUIZ ALFREDO\01 - TELECOM\01 - TELEVENDAS\01 - TLV VAREJO\FINANCEIRO\CONTESTAÇÃO DE RECEITA\2016\NOVEMBRO - 16\</t>
  </si>
  <si>
    <t>Contestação de Receitas - Novembro-16.xlsx</t>
  </si>
  <si>
    <t>C:\Users\luizavs\OneDrive - Grupo Algar\Backup PC Luiz\06-11-2019\LUIZ ALFREDO\01 - TELECOM\01 - TELEVENDAS\01 - TLV VAREJO\FINANCEIRO\CONTESTAÇÃO DE RECEITA\2016\OUTUBRO - 16\</t>
  </si>
  <si>
    <t>Contestação de Receitas - Outubro-16.xlsx</t>
  </si>
  <si>
    <t>C:\Users\luizavs\OneDrive - Grupo Algar\Backup PC Luiz\06-11-2019\LUIZ ALFREDO\01 - TELECOM\01 - TELEVENDAS\01 - TLV VAREJO\FINANCEIRO\CONTESTAÇÃO DE RECEITA\2017\01 - JANEIRO\</t>
  </si>
  <si>
    <t>Contestação de Receitas - JAN17.xlsx</t>
  </si>
  <si>
    <t>C:\Users\luizavs\OneDrive - Grupo Algar\Backup PC Luiz\06-11-2019\LUIZ ALFREDO\01 - TELECOM\01 - TELEVENDAS\01 - TLV VAREJO\FINANCEIRO\CONTESTAÇÃO DE RECEITA\2017\02 - FEVEREIRO\</t>
  </si>
  <si>
    <t>Resultado de Vendas Televendas Fevereiro 2017_TECH.xlsx</t>
  </si>
  <si>
    <t>Contestação de Receitas - FEV17.xlsx</t>
  </si>
  <si>
    <t>ACOMPANHAMENTO RECEITA TLV - ALGAR VAREJO FECHAMENTO FEV17.xlsm</t>
  </si>
  <si>
    <t>C:\Users\luizavs\OneDrive - Grupo Algar\Backup PC Luiz\06-11-2019\LUIZ ALFREDO\01 - TELECOM\01 - TELEVENDAS\01 - TLV VAREJO\FINANCEIRO\CONTESTAÇÃO DE RECEITA\2017\03 - MARÇO\</t>
  </si>
  <si>
    <t>Resultado de Vendas Televendas Marco 2017_TECH.xlsx</t>
  </si>
  <si>
    <t>Contestação de Receitas - MAR17.xlsx</t>
  </si>
  <si>
    <t>ACOMPANHAMENTO DE RECEITA.xlsx</t>
  </si>
  <si>
    <t>C:\Users\luizavs\OneDrive - Grupo Algar\Backup PC Luiz\06-11-2019\LUIZ ALFREDO\01 - TELECOM\01 - TELEVENDAS\01 - TLV VAREJO\FINANCEIRO\CONTESTAÇÃO DE RECEITA\2017\04 - ABRIL\</t>
  </si>
  <si>
    <t>Resultado de Vendas Televendas Abril 2017_TECH.xlsx</t>
  </si>
  <si>
    <t>Contestação de Receitas - ABR17.xlsx</t>
  </si>
  <si>
    <t>RES: Squad DC - Gestão de Demandas/Entregáveis</t>
  </si>
  <si>
    <t>ACOMPANHAMENTO RECEITA TLV.xlsm</t>
  </si>
  <si>
    <t>C:\Users\luizavs\OneDrive - Grupo Algar\Backup PC Luiz\06-11-2019\LUIZ ALFREDO\01 - TELECOM\01 - TELEVENDAS\01 - TLV VAREJO\FINANCEIRO\CONTESTAÇÃO DE RECEITA\2017\05 - MAIO\</t>
  </si>
  <si>
    <t>Resultado de Vendas Televendas Maio 2017_TECH.xlsx</t>
  </si>
  <si>
    <t>Contestação de Receitas - MAI17.xlsx</t>
  </si>
  <si>
    <t>ACOMP RECEITA CONTESTAÇÃO.xlsx</t>
  </si>
  <si>
    <t>C:\Users\luizavs\OneDrive - Grupo Algar\Backup PC Luiz\06-11-2019\LUIZ ALFREDO\01 - TELECOM\01 - TELEVENDAS\01 - TLV VAREJO\FINANCEIRO\CONTESTAÇÃO DE RECEITA\2017\08 - AGOSTO\</t>
  </si>
  <si>
    <t>Resultado de Vendas Televendas Agosto 2017_TECH.xlsx</t>
  </si>
  <si>
    <t>Relatorio-CMC020-FECH_CANC_AlgarCRM_20170902.csv</t>
  </si>
  <si>
    <t>Contestação de Receitas - AGO-17.xlsx</t>
  </si>
  <si>
    <t>C:\Users\luizavs\OneDrive - Grupo Algar\Backup PC Luiz\06-11-2019\LUIZ ALFREDO\01 - TELECOM\01 - TELEVENDAS\01 - TLV VAREJO\FINANCEIRO\CONTESTAÇÃO DE RECEITA\2017\10 - OUTUBRO\</t>
  </si>
  <si>
    <t>DIVERGENCIAS HORAS LOGADAS.xlsx</t>
  </si>
  <si>
    <t>C:\Users\luizavs\OneDrive - Grupo Algar\Backup PC Luiz\06-11-2019\LUIZ ALFREDO\01 - TELECOM\01 - TELEVENDAS\01 - TLV VAREJO\FINANCEIRO\FECHAMENTO FINANCEIRO\2016\ABRIL - 16\</t>
  </si>
  <si>
    <t>C:\Users\luizavs\OneDrive - Grupo Algar\Backup PC Luiz\06-11-2019\LUIZ ALFREDO\01 - TELECOM\01 - TELEVENDAS\01 - TLV VAREJO\FINANCEIRO\FECHAMENTO FINANCEIRO\2016\AGOSTO - 16\</t>
  </si>
  <si>
    <t>C:\Users\luizavs\OneDrive - Grupo Algar\Backup PC Luiz\06-11-2019\LUIZ ALFREDO\01 - TELECOM\01 - TELEVENDAS\01 - TLV VAREJO\FINANCEIRO\FECHAMENTO FINANCEIRO\2016\DEZEMBRO - 16\</t>
  </si>
  <si>
    <t>FECHAMENTO FINANCEIRO - Televendas Varejo DEZ16.xlsx</t>
  </si>
  <si>
    <t>ATINGIMENTO MIX.xlsx</t>
  </si>
  <si>
    <t>C:\Users\luizavs\OneDrive - Grupo Algar\Backup PC Luiz\06-11-2019\LUIZ ALFREDO\01 - TELECOM\01 - TELEVENDAS\01 - TLV VAREJO\FINANCEIRO\FECHAMENTO FINANCEIRO\2016\FEVEREIRO - 16\</t>
  </si>
  <si>
    <t>C:\Users\luizavs\OneDrive - Grupo Algar\Backup PC Luiz\06-11-2019\LUIZ ALFREDO\01 - TELECOM\01 - TELEVENDAS\01 - TLV VAREJO\FINANCEIRO\FECHAMENTO FINANCEIRO\2016\JANEIRO - 16\</t>
  </si>
  <si>
    <t>C:\Users\luizavs\OneDrive - Grupo Algar\Backup PC Luiz\06-11-2019\LUIZ ALFREDO\01 - TELECOM\01 - TELEVENDAS\01 - TLV VAREJO\FINANCEIRO\FECHAMENTO FINANCEIRO\2016\JUNHO - 16\</t>
  </si>
  <si>
    <t>C:\Users\luizavs\OneDrive - Grupo Algar\Backup PC Luiz\06-11-2019\LUIZ ALFREDO\01 - TELECOM\01 - TELEVENDAS\01 - TLV VAREJO\FINANCEIRO\FECHAMENTO FINANCEIRO\2016\MAIO - 16\</t>
  </si>
  <si>
    <t>C:\Users\luizavs\OneDrive - Grupo Algar\Backup PC Luiz\06-11-2019\LUIZ ALFREDO\01 - TELECOM\01 - TELEVENDAS\01 - TLV VAREJO\FINANCEIRO\FECHAMENTO FINANCEIRO\2016\MARÇO - 16\</t>
  </si>
  <si>
    <t>C:\Users\luizavs\OneDrive - Grupo Algar\Backup PC Luiz\06-11-2019\LUIZ ALFREDO\01 - TELECOM\01 - TELEVENDAS\01 - TLV VAREJO\FINANCEIRO\FECHAMENTO FINANCEIRO\2016\NOVEMBRO - 16\</t>
  </si>
  <si>
    <t>PRÉVIA FINANCEIRA - Televendas Varejo NOV16.xlsx</t>
  </si>
  <si>
    <t>FECHAMENTO FINANCEIRO - Televendas Varejo NOV16.xlsx</t>
  </si>
  <si>
    <t>APURAÇÃO TELEVENDAS NOVEMBRO.xlsx</t>
  </si>
  <si>
    <t>C:\Users\luizavs\OneDrive - Grupo Algar\Backup PC Luiz\06-11-2019\LUIZ ALFREDO\01 - TELECOM\01 - TELEVENDAS\01 - TLV VAREJO\FINANCEIRO\FECHAMENTO FINANCEIRO\2016\OUTUBRO - 16\</t>
  </si>
  <si>
    <t>PRÉVIA FINANCEIRA TLV VAREJO - OUT_16.xlsx</t>
  </si>
  <si>
    <t>PRÉVIA FINANCEIRA TLV MIGRA CEL - OUT_16.xlsx</t>
  </si>
  <si>
    <t>Novembro ref a Outubro - Televendas Varejo.xlsx</t>
  </si>
  <si>
    <t>Novembro ref a Outubro - Televendas Varejo v2.xlsx</t>
  </si>
  <si>
    <t>Inviabilidade Varejo Setembro - Validado (1).xlsx</t>
  </si>
  <si>
    <t>Inviabilidade Varejo Outubro validado.xlsx 10.xls</t>
  </si>
  <si>
    <t>Fechamento out16.xlsx</t>
  </si>
  <si>
    <t>Fechamento out16 (2).xlsx</t>
  </si>
  <si>
    <t>FECHAMENTO FINANCEIRO TLV VAREJO - OUT_16.xlsx</t>
  </si>
  <si>
    <t>FECHAMENTO FINANCEIRO TLV MIGRA CEL - OUT_16.xlsx</t>
  </si>
  <si>
    <t>FECHAMENTO FINANCEIRO TLV MIGRA CEL - OUT_16 V2.xlsx</t>
  </si>
  <si>
    <t>APURAÇÃO TELEVENDAS OUTUBRO (002).xlsx</t>
  </si>
  <si>
    <t>C:\Users\luizavs\OneDrive - Grupo Algar\Backup PC Luiz\06-11-2019\LUIZ ALFREDO\01 - TELECOM\01 - TELEVENDAS\01 - TLV VAREJO\FINANCEIRO\FECHAMENTO FINANCEIRO\2016\SETEMBRO - 16\</t>
  </si>
  <si>
    <t>FECHAMENTO FINANCEIRO TLV MIGRA CEL - SET_16.xlsx</t>
  </si>
  <si>
    <t>Faturamento Variável - Televendas SETEMBRO.xlsx</t>
  </si>
  <si>
    <t>CASOS FIXA FALTANTES.xlsx</t>
  </si>
  <si>
    <t>APURAÇÃO TELEVENDAS SETEMBRO 13-10.xlsx</t>
  </si>
  <si>
    <t>C:\Users\luizavs\OneDrive - Grupo Algar\Backup PC Luiz\06-11-2019\LUIZ ALFREDO\01 - TELECOM\01 - TELEVENDAS\01 - TLV VAREJO\FINANCEIRO\FECHAMENTO FINANCEIRO\2017\01 - JANEIRO\</t>
  </si>
  <si>
    <t>Resultado de Vendas Televendas Janeiro 2017_TECH.xlsx</t>
  </si>
  <si>
    <t>FECHAMENTO FINANCEIRO - Televendas Varejo JAN17.xlsx</t>
  </si>
  <si>
    <t>C:\Users\luizavs\OneDrive - Grupo Algar\Backup PC Luiz\06-11-2019\LUIZ ALFREDO\01 - TELECOM\01 - TELEVENDAS\01 - TLV VAREJO\FINANCEIRO\FECHAMENTO FINANCEIRO\2017\02 - FEVEREIRO\</t>
  </si>
  <si>
    <t>Fechamento desconto curva D Televendas Varejo_Fev-17.xlsx</t>
  </si>
  <si>
    <t>C:\Users\luizavs\OneDrive - Grupo Algar\Backup PC Luiz\06-11-2019\LUIZ ALFREDO\01 - TELECOM\01 - TELEVENDAS\01 - TLV VAREJO\FINANCEIRO\FECHAMENTO FINANCEIRO\2017\03 - MARÇO\</t>
  </si>
  <si>
    <t>Fechamento desconto curva D Televendas Varejo_Mar-17.xlsx</t>
  </si>
  <si>
    <t>CURVA ABCD MARÇO17.xlsx</t>
  </si>
  <si>
    <t>CURVA ABCD 2017.xlsx</t>
  </si>
  <si>
    <t>C:\Users\luizavs\OneDrive - Grupo Algar\Backup PC Luiz\06-11-2019\LUIZ ALFREDO\01 - TELECOM\01 - TELEVENDAS\01 - TLV VAREJO\FINANCEIRO\FECHAMENTO FINANCEIRO\2017\04 - ABRIL\</t>
  </si>
  <si>
    <t>Fechamento desconto curva D Televendas Varejo_Abr-17.xlsx</t>
  </si>
  <si>
    <t>Fechamento desconto curva D Televendas Varejo_Abr-17 - SEM NOVATOS.xlsx</t>
  </si>
  <si>
    <t>Fechamento desconto curva D Televendas Varejo_Abr-17 - META 485K.xlsx</t>
  </si>
  <si>
    <t>Fechamento desconto curva D Televendas Varejo_Abr-17 (2).xlsx</t>
  </si>
  <si>
    <t>C:\Users\luizavs\OneDrive - Grupo Algar\Backup PC Luiz\06-11-2019\LUIZ ALFREDO\01 - TELECOM\01 - TELEVENDAS\01 - TLV VAREJO\FINANCEIRO\FECHAMENTO FINANCEIRO\2017\05 - MAIO\</t>
  </si>
  <si>
    <t>Fechamento desconto curva D Televendas Varejo_MAI-17.xlsx</t>
  </si>
  <si>
    <t>C:\Users\luizavs\OneDrive - Grupo Algar\Backup PC Luiz\06-11-2019\LUIZ ALFREDO\01 - TELECOM\01 - TELEVENDAS\01 - TLV VAREJO\FINANCEIRO\FECHAMENTO FINANCEIRO\2017\06 - JUNHO\</t>
  </si>
  <si>
    <t>Resultado de Vendas Televendas Junho 2017_TECH v2.xlsx</t>
  </si>
  <si>
    <t>Fechamento desconto curva D Televendas Varejo_JUN-17.xlsx</t>
  </si>
  <si>
    <t>C:\Users\luizavs\OneDrive - Grupo Algar\Backup PC Luiz\06-11-2019\LUIZ ALFREDO\01 - TELECOM\01 - TELEVENDAS\01 - TLV VAREJO\FINANCEIRO\FECHAMENTO FINANCEIRO\2017\07 - JULHO\</t>
  </si>
  <si>
    <t>Fechamento desconto curva D Televendas Varejo_JUL-17.xlsx</t>
  </si>
  <si>
    <t>C:\Users\luizavs\OneDrive - Grupo Algar\Backup PC Luiz\06-11-2019\LUIZ ALFREDO\01 - TELECOM\01 - TELEVENDAS\01 - TLV VAREJO\FINANCEIRO\INVIÁVEIS\2016\DEZEMBRO - 16\</t>
  </si>
  <si>
    <t>Inviáveis Dezembro 16.xlsx</t>
  </si>
  <si>
    <t>C:\Users\luizavs\OneDrive - Grupo Algar\Backup PC Luiz\06-11-2019\LUIZ ALFREDO\01 - TELECOM\01 - TELEVENDAS\01 - TLV VAREJO\FINANCEIRO\INVIÁVEIS\2016\NOVEMBRO - 16\</t>
  </si>
  <si>
    <t>Inviáveis Novembro 16.xlsx</t>
  </si>
  <si>
    <t>C:\Users\luizavs\OneDrive - Grupo Algar\Backup PC Luiz\06-11-2019\LUIZ ALFREDO\01 - TELECOM\01 - TELEVENDAS\01 - TLV VAREJO\FINANCEIRO\INVIÁVEIS\2016\SETEMBRO - 16\</t>
  </si>
  <si>
    <t>Inviabilidade Setembro - Validado.xlsx</t>
  </si>
  <si>
    <t>C:\Users\luizavs\OneDrive - Grupo Algar\Backup PC Luiz\06-11-2019\LUIZ ALFREDO\01 - TELECOM\01 - TELEVENDAS\01 - TLV VAREJO\FINANCEIRO\INVIÁVEIS\2017\01 - JANEIRO\</t>
  </si>
  <si>
    <t>Inviáveis Mailings JAN17.xlsx</t>
  </si>
  <si>
    <t>Inviáveis JAN17.xlsx</t>
  </si>
  <si>
    <t>Cópia de Inviáveis Mailings JAN17 (1)_ Validado Telecom (002).xlsx</t>
  </si>
  <si>
    <t>C:\Users\luizavs\OneDrive - Grupo Algar\Backup PC Luiz\06-11-2019\LUIZ ALFREDO\01 - TELECOM\01 - TELEVENDAS\01 - TLV VAREJO\FINANCEIRO\INVIÁVEIS\2017\02 - FEVEREIRO\</t>
  </si>
  <si>
    <t>Inviáveis Mailings FEV17.xlsx</t>
  </si>
  <si>
    <t>C:\Users\luizavs\OneDrive - Grupo Algar\Backup PC Luiz\06-11-2019\LUIZ ALFREDO\01 - TELECOM\01 - TELEVENDAS\01 - TLV VAREJO\FINANCEIRO\INVIÁVEIS\2017\03 - MARÇO\</t>
  </si>
  <si>
    <t>INVIÁVEIS MARÇO.xlsx</t>
  </si>
  <si>
    <t>Inviáveis Mailings MAR17.xlsx</t>
  </si>
  <si>
    <t>C:\Users\luizavs\OneDrive - Grupo Algar\Backup PC Luiz\06-11-2019\LUIZ ALFREDO\01 - TELECOM\01 - TELEVENDAS\01 - TLV VAREJO\FINANCEIRO\INVIÁVEIS\2017\04 - ABRIL\</t>
  </si>
  <si>
    <t>Inviáveis Mailings ABR17.xlsx</t>
  </si>
  <si>
    <t>C:\Users\luizavs\OneDrive - Grupo Algar\Backup PC Luiz\06-11-2019\LUIZ ALFREDO\01 - TELECOM\01 - TELEVENDAS\01 - TLV VAREJO\FINANCEIRO\INVIÁVEIS\2017\05 - MAIO\</t>
  </si>
  <si>
    <t>INVIÁVEIS DE MAILING MAIO17.xlsx</t>
  </si>
  <si>
    <t>C:\Users\luizavs\OneDrive - Grupo Algar\Backup PC Luiz\06-11-2019\LUIZ ALFREDO\01 - TELECOM\01 - TELEVENDAS\01 - TLV VAREJO\FINANCEIRO\INVIÁVEIS\2017\06 - JUNHO\</t>
  </si>
  <si>
    <t>INVIÁVEIS DE MAILING JUNHO-17.xlsx</t>
  </si>
  <si>
    <t>C:\Users\luizavs\OneDrive - Grupo Algar\Backup PC Luiz\06-11-2019\LUIZ ALFREDO\01 - TELECOM\01 - TELEVENDAS\01 - TLV VAREJO\FINANCEIRO\INVIÁVEIS\2017\07 - JULHO\</t>
  </si>
  <si>
    <t>Inviáveis Julho17.xlsx</t>
  </si>
  <si>
    <t>Inviabilidades Televendas Varejo_Julho_com CPF.xlsx</t>
  </si>
  <si>
    <t>C:\Users\luizavs\OneDrive - Grupo Algar\Backup PC Luiz\06-11-2019\LUIZ ALFREDO\01 - TELECOM\01 - TELEVENDAS\01 - TLV VAREJO\FINANCEIRO\INVIÁVEIS\2017\08 - AGOSTO\</t>
  </si>
  <si>
    <t>Inviabilidades Televendas Varejo_AGO17.xlsx</t>
  </si>
  <si>
    <t>C:\Users\luizavs\OneDrive - Grupo Algar\Backup PC Luiz\06-11-2019\LUIZ ALFREDO\01 - TELECOM\01 - TELEVENDAS\01 - TLV VAREJO\FINANCEIRO\META x AGENTE\2017\03 - MARÇO\</t>
  </si>
  <si>
    <t>C:\Users\luizavs\OneDrive - Grupo Algar\Backup PC Luiz\06-11-2019\LUIZ ALFREDO\01 - TELECOM\01 - TELEVENDAS\01 - TLV VAREJO\FINANCEIRO\META x AGENTE\2017\05 - MAIO\</t>
  </si>
  <si>
    <t>mail.google.com/_/upload?authuser=0&amp;dcp=asu-n&amp;upload_id=AEnB2UqUVpuIxnj5cFOx_2NBlWyAd9bK_agqVzyBwFusZQ9nu5VzPAsX_z8jvgiZn-yQc9WU793I5JKVT8brIsPEhp-5pl3ld9Xiapr7DR-lordwjebZyoM&amp;upload_protocol=resumable</t>
  </si>
  <si>
    <t>FORECAST 10-2019 GST.xlsx</t>
  </si>
  <si>
    <t>C:\Users\luizavs\OneDrive - Grupo Algar\Backup PC Luiz\06-11-2019\LUIZ ALFREDO\01 - TELECOM\01 - TELEVENDAS\01 - TLV VAREJO\FINANCEIRO\MIX\2017\02-FEVEREIRO\</t>
  </si>
  <si>
    <t>MIX VAREJO FEV17.xlsx</t>
  </si>
  <si>
    <t>C:\Users\luizavs\OneDrive - Grupo Algar\Backup PC Luiz\06-11-2019\LUIZ ALFREDO\01 - TELECOM\01 - TELEVENDAS\01 - TLV VAREJO\FINANCEIRO\MIX\2017\03-MARÇO\</t>
  </si>
  <si>
    <t>MIX VAREJO MAR17.xlsx</t>
  </si>
  <si>
    <t>MIX VAREJO MAR17 APURAÇÃO.xlsx</t>
  </si>
  <si>
    <t>C:\Users\luizavs\OneDrive - Grupo Algar\Backup PC Luiz\06-11-2019\LUIZ ALFREDO\01 - TELECOM\01 - TELEVENDAS\01 - TLV VAREJO\FINANCEIRO\MIX\2017\04-ABRIL\</t>
  </si>
  <si>
    <t>MIX VAREJO ABR17.xlsx</t>
  </si>
  <si>
    <t>C:\Users\luizavs\OneDrive - Grupo Algar\Backup PC Luiz\06-11-2019\LUIZ ALFREDO\01 - TELECOM\01 - TELEVENDAS\01 - TLV VAREJO\FINANCEIRO\TABELAS ALTERADAS\2017\07 - JULHO\</t>
  </si>
  <si>
    <t>TABELA_VALOR.xlsx</t>
  </si>
  <si>
    <t>ACOMPANHAMENTO RECEITA TLV - ALGAR VAREJO 20170630.xlsm</t>
  </si>
  <si>
    <t>C:\Users\luizavs\OneDrive - Grupo Algar\Backup PC Luiz\06-11-2019\LUIZ ALFREDO\01 - TELECOM\01 - TELEVENDAS\01 - TLV VAREJO\MAILINGS\2016\05-MAIO\REPORT_MAILING\</t>
  </si>
  <si>
    <t>REPORT.xlsm</t>
  </si>
  <si>
    <t>HISTÓRICO MAIO.xlsx</t>
  </si>
  <si>
    <t>BASE_PRESENCE.xlsx</t>
  </si>
  <si>
    <t>ACOMP_MAILING.xlsx</t>
  </si>
  <si>
    <t>C:\Users\luizavs\OneDrive - Grupo Algar\Backup PC Luiz\06-11-2019\LUIZ ALFREDO\01 - TELECOM\01 - TELEVENDAS\01 - TLV VAREJO\MAILINGS\2016\06-JUNHO\REPORT_MAILING\</t>
  </si>
  <si>
    <t>BASE_PRESENCE VENDAS x PRODUTO.xlsx</t>
  </si>
  <si>
    <t>C:\Users\luizavs\OneDrive - Grupo Algar\Backup PC Luiz\06-11-2019\LUIZ ALFREDO\01 - TELECOM\01 - TELEVENDAS\01 - TLV VAREJO\MAILINGS\2016\07-JULHO\FRANCA\</t>
  </si>
  <si>
    <t>20160719_EXTRACAO_TELEFONE_VAL_20160804_38206_GRUPO1.xlsx</t>
  </si>
  <si>
    <t>C:\Users\luizavs\OneDrive - Grupo Algar\Backup PC Luiz\06-11-2019\LUIZ ALFREDO\01 - TELECOM\01 - TELEVENDAS\01 - TLV VAREJO\MAILINGS\2016\11-NOVEMBRO\PROSPECT\</t>
  </si>
  <si>
    <t>PROSPECT 31-10.xlsx</t>
  </si>
  <si>
    <t>C:\Users\luizavs\OneDrive - Grupo Algar\Backup PC Luiz\06-11-2019\LUIZ ALFREDO\01 - TELECOM\01 - TELEVENDAS\01 - TLV VAREJO\MAILINGS\2016\11-NOVEMBRO\WINBACK\</t>
  </si>
  <si>
    <t>RESULTADO WINBACK NOV16.xlsx</t>
  </si>
  <si>
    <t>/o=exchangelabs/ou=exchange administrative group (fydibohf23spdlt)/cn=recipients/cn=15f616a4e6744bd78ffee4185371e965-cristiane d;/o=exchangelabs/ou=exchange administrative group (fydibohf23spdlt)/cn=recipients/cn=cd7b8f1463954705b9d398b58ce8411d-dannyella f;</t>
  </si>
  <si>
    <t>RES: RELATORIO EFAF</t>
  </si>
  <si>
    <t>Relatório de Movimentação e-TAF.xlsx</t>
  </si>
  <si>
    <t>/o=exchangelabs/ou=exchange administrative group (fydibohf23spdlt)/cn=recipients/cn=15f616a4e6744bd78ffee4185371e965-cristiane d,/o=exchangelabs/ou=exchange administrative group (fydibohf23spdlt)/cn=recipients/cn=cd7b8f1463954705b9d398b58ce8411d-dannyella f</t>
  </si>
  <si>
    <t>/o=exchangelabs/ou=exchange administrative group (fydibohf23spdlt)/cn=recipients/cn=60faf2b5b04b4809ba6e5fa8b0b884a6-evelise tri;/o=exchangelabs/ou=exchange administrative group (fydibohf23spdlt)/cn=recipients/cn=user776b6484;</t>
  </si>
  <si>
    <t>ENC: RES: Árvore Categorização CAC</t>
  </si>
  <si>
    <t>RES Árvore Categorização CAC.msg\s1\</t>
  </si>
  <si>
    <t>Nova Arvore CAC Ativo 07_08 v2.xlsx</t>
  </si>
  <si>
    <t>/o=exchangelabs/ou=exchange administrative group (fydibohf23spdlt)/cn=recipients/cn=60faf2b5b04b4809ba6e5fa8b0b884a6-evelise tri,/o=exchangelabs/ou=exchange administrative group (fydibohf23spdlt)/cn=recipients/cn=user776b6484</t>
  </si>
  <si>
    <t>C:\Users\luizavs\OneDrive - Grupo Algar\Backup PC Luiz\06-11-2019\LUIZ ALFREDO\01 - TELECOM\01 - TELEVENDAS\01 - TLV VAREJO\MAILINGS\2017\05 - MAIO\2ª SEMANA\</t>
  </si>
  <si>
    <t>PROVISÃO DE MAILING.xlsx</t>
  </si>
  <si>
    <t>C:\Users\luizavs\OneDrive - Grupo Algar\Backup PC Luiz\06-11-2019\LUIZ ALFREDO\01 - TELECOM\01 - TELEVENDAS\01 - TLV VAREJO\MAILINGS\2017\06 - JUNHO\53258\</t>
  </si>
  <si>
    <t>IMPORTACAO_RESSUB_53258.xlsx</t>
  </si>
  <si>
    <t>IMPORTACAO_RESSUB_53258.csv</t>
  </si>
  <si>
    <t>53258.xlsx</t>
  </si>
  <si>
    <t>C:\Users\luizavs\OneDrive - Grupo Algar\Backup PC Luiz\06-11-2019\LUIZ ALFREDO\01 - TELECOM\01 - TELEVENDAS\01 - TLV VAREJO\MAILINGS\2017\06 - JUNHO\Cartão de Crédito x Outros Canais\</t>
  </si>
  <si>
    <t>CARTÃO DE CRÉDITO JUNHO17.xlsx</t>
  </si>
  <si>
    <t>C:\Users\luizavs\OneDrive - Grupo Algar\Backup PC Luiz\06-11-2019\LUIZ ALFREDO\01 - TELECOM\01 - TELEVENDAS\01 - TLV VAREJO\MAILINGS\2017\08 - AGOSTO\MAILING HD\</t>
  </si>
  <si>
    <t>IMPORTAÇÃO MAILING TOOLBAR HD.xlsx</t>
  </si>
  <si>
    <t>IMPORTAÇÃO MAILING TOOLBAR HD.csv</t>
  </si>
  <si>
    <t>C:\Users\luizavs\OneDrive - Grupo Algar\Backup PC Luiz\06-11-2019\LUIZ ALFREDO\01 - TELECOM\01 - TELEVENDAS\01 - TLV VAREJO\MAILINGS\2017\08 - AGOSTO\MAILING RETORNO RECEPTIVO\</t>
  </si>
  <si>
    <t>RECEPTIVO RCV JULHO.xlsx</t>
  </si>
  <si>
    <t>RECEPTIVO JULHO - AGOSTO 16.xlsx</t>
  </si>
  <si>
    <t>IMPORTAÇÃO MAILING TOOLBAR RECEPTIVO JULHO AGOSTO.xlsx</t>
  </si>
  <si>
    <t>IMPORTAÇÃO MAILING TOOLBAR RECEPTIVO JULHO AGOSTO.csv</t>
  </si>
  <si>
    <t>IMPORTAÇÃO MAILING TOOLBAR RECEPTIVO JULHO AGOSTO v2.csv</t>
  </si>
  <si>
    <t>IMPORTAÇÃO MAILING TOOLBAR RCV JULHO.xlsx</t>
  </si>
  <si>
    <t>IMPORTAÇÃO MAILING TOOLBAR RCV JULHO.csv</t>
  </si>
  <si>
    <t>07 - Jul - Motivo_analitico_ligacao (SGC).xlsx</t>
  </si>
  <si>
    <t>C:\Users\luizavs\OneDrive - Grupo Algar\Backup PC Luiz\06-11-2019\LUIZ ALFREDO\01 - TELECOM\01 - TELEVENDAS\01 - TLV VAREJO\MAILINGS\2017\09 - SETEMBRO\RETENÇÃO ATIVO PRESENCE\</t>
  </si>
  <si>
    <t>TRABALHADOS TOOLBAR.xlsx</t>
  </si>
  <si>
    <t>PARCIAL RESERVaA.xls</t>
  </si>
  <si>
    <t>Cópia de Categorizações Ativo MPE SETEMBRO.xlsx</t>
  </si>
  <si>
    <t>20170920_57197_GRUPO1_MENOR_95.xlsx</t>
  </si>
  <si>
    <t>20170920_57197_GRUPO1_MENOR_95.csv</t>
  </si>
  <si>
    <t>20170920_57197_GRUPO1_MAIOR_IGUAL_95.xlsx</t>
  </si>
  <si>
    <t>20170920_57197_GRUPO1_MAIOR_IGUAL_95.csv</t>
  </si>
  <si>
    <t>20170920_57196_GRUPO1_MENOR_95.xlsx</t>
  </si>
  <si>
    <t>20170920_57196_GRUPO1_MENOR_95.csv</t>
  </si>
  <si>
    <t>20170920_57196_GRUPO1_MAIOR_IGUAL_95.xlsx</t>
  </si>
  <si>
    <t>20170920_57196_GRUPO1_MAIOR_IGUAL_95.csv</t>
  </si>
  <si>
    <t>C:\Users\luizavs\OneDrive - Grupo Algar\Backup PC Luiz\06-11-2019\LUIZ ALFREDO\01 - TELECOM\01 - TELEVENDAS\01 - TLV VAREJO\ANDERSON\CTBC Planejamento\01 - Forecast\2015\04 - Abril\</t>
  </si>
  <si>
    <t>REFORECAST RETENÇAO.xlsx</t>
  </si>
  <si>
    <t>Reforecast Retençao Residencial 2.xlsx</t>
  </si>
  <si>
    <t>Forecast 04_15.xlsx</t>
  </si>
  <si>
    <t>C:\Users\luizavs\OneDrive - Grupo Algar\Backup PC Luiz\06-11-2019\LUIZ ALFREDO\01 - TELECOM\01 - TELEVENDAS\01 - TLV VAREJO\ANDERSON\CTBC Planejamento\01 - Forecast\2015\05 - Maio\</t>
  </si>
  <si>
    <t>Forecast 05_15 v3.xlsx</t>
  </si>
  <si>
    <t>Forecast 05_15 v2.xlsx</t>
  </si>
  <si>
    <t>C:\Users\luizavs\OneDrive - Grupo Algar\Backup PC Luiz\06-11-2019\LUIZ ALFREDO\01 - TELECOM\01 - TELEVENDAS\01 - TLV VAREJO\ANDERSON\CTBC Planejamento\01 - Forecast\2015\06 - Junho\</t>
  </si>
  <si>
    <t>Forecast 06_15_v3.xlsx</t>
  </si>
  <si>
    <t>Forecast 06_15_v2.xlsx</t>
  </si>
  <si>
    <t>Forecast 06_15.xlsx</t>
  </si>
  <si>
    <t>C:\Users\luizavs\OneDrive - Grupo Algar\Backup PC Luiz\06-11-2019\LUIZ ALFREDO\01 - TELECOM\01 - TELEVENDAS\01 - TLV VAREJO\ANDERSON\CTBC Planejamento\01 - Forecast\2015\07 - Julho\</t>
  </si>
  <si>
    <t>Reforecast Junho e Julho-15.xlsx</t>
  </si>
  <si>
    <t>Reforecast Junho e Julho-15 v2.xlsx</t>
  </si>
  <si>
    <t>Forecast 07_15_v3.xlsx</t>
  </si>
  <si>
    <t>Forecast 07_15_v2.xlsx</t>
  </si>
  <si>
    <t>Forecast 07_15.xlsx</t>
  </si>
  <si>
    <t>C:\Users\luizavs\OneDrive - Grupo Algar\Backup PC Luiz\06-11-2019\LUIZ ALFREDO\01 - TELECOM\01 - TELEVENDAS\01 - TLV VAREJO\ANDERSON\CTBC Planejamento\01 - Forecast\2015\08 - Agosto\</t>
  </si>
  <si>
    <t>Reforecast 08_15 enviado dia 30-06 (HD E RCV).xlsx</t>
  </si>
  <si>
    <t>Reforecast 08_15 enviado dia 12-06.xlsx</t>
  </si>
  <si>
    <t>Forecast 08_15_TLV.xlsx</t>
  </si>
  <si>
    <t>Forecast 08_15.xlsx</t>
  </si>
  <si>
    <t>Forecast 08_15 v4.xlsx</t>
  </si>
  <si>
    <t>Forecast 08_15 v3.xlsx</t>
  </si>
  <si>
    <t>Forecast 08_15 v2.xlsx</t>
  </si>
  <si>
    <t>Forecast 08_15 - Considerado.xlsx</t>
  </si>
  <si>
    <t>C:\Users\luizavs\OneDrive - Grupo Algar\Backup PC Luiz\06-11-2019\LUIZ ALFREDO\01 - TELECOM\01 - TELEVENDAS\01 - TLV VAREJO\ANDERSON\CTBC Planejamento\01 - Forecast\2015\09 - Setembro\</t>
  </si>
  <si>
    <t>Reforecast 09_15 (13-7).xlsx</t>
  </si>
  <si>
    <t>Forecast 09_15_TLV.xlsx</t>
  </si>
  <si>
    <t>Forecast 09_15.xlsx</t>
  </si>
  <si>
    <t>C:\Users\luizavs\OneDrive - Grupo Algar\Backup PC Luiz\06-11-2019\LUIZ ALFREDO\01 - TELECOM\01 - TELEVENDAS\01 - TLV VAREJO\ANDERSON\CTBC Planejamento\01 - Forecast\2015\10 - Outubro\</t>
  </si>
  <si>
    <t>Re_Forecast 10_15.xlsx</t>
  </si>
  <si>
    <t>Re_Forecast 10_15 - Backoffice.xlsx</t>
  </si>
  <si>
    <t>Forecast 10_15_TLV MPE.xlsx</t>
  </si>
  <si>
    <t>Forecast 10_15 - Revisão Retenção.xlsx</t>
  </si>
  <si>
    <t>Forecast 10_15 - Revisão Ret Resid.xlsx</t>
  </si>
  <si>
    <t>C:\Users\luizavs\OneDrive - Grupo Algar\Backup PC Luiz\06-11-2019\LUIZ ALFREDO\01 - TELECOM\01 - TELEVENDAS\01 - TLV VAREJO\ANDERSON\CTBC Planejamento\01 - Forecast\2015\11 - Novembro\</t>
  </si>
  <si>
    <t>Reforecast 11_15.xlsx</t>
  </si>
  <si>
    <t>Re_Forecast 11_15 - Backoffice.xlsx</t>
  </si>
  <si>
    <t>Forecast 11_15.xlsx</t>
  </si>
  <si>
    <t>C:\Users\luizavs\OneDrive - Grupo Algar\Backup PC Luiz\06-11-2019\LUIZ ALFREDO\01 - TELECOM\01 - TELEVENDAS\01 - TLV VAREJO\ANDERSON\CTBC Planejamento\01 - Forecast\2015\12 - Dezembro\</t>
  </si>
  <si>
    <t>Re_Forecast 12_15 - Backoffice.xlsx</t>
  </si>
  <si>
    <t>Forecast 12_15.xlsx</t>
  </si>
  <si>
    <t>C:\Users\luizavs\OneDrive - Grupo Algar\Backup PC Luiz\06-11-2019\LUIZ ALFREDO\01 - TELECOM\01 - TELEVENDAS\01 - TLV VAREJO\ANDERSON\CTBC Planejamento\01 - Forecast\2016\01 - Janeiro\</t>
  </si>
  <si>
    <t>FORECAST 01_16_correção tlv mpe.xlsx</t>
  </si>
  <si>
    <t>FORECAST 01_16.xlsx</t>
  </si>
  <si>
    <t>FORECAST 01_16 - Reforecast.xlsx</t>
  </si>
  <si>
    <t>C:\Users\luizavs\OneDrive - Grupo Algar\Backup PC Luiz\06-11-2019\LUIZ ALFREDO\01 - TELECOM\01 - TELEVENDAS\01 - TLV VAREJO\ANDERSON\CTBC Planejamento\01 - Forecast\2016\02 - Fevereiro\</t>
  </si>
  <si>
    <t>REFORECAST 02_16.xlsx</t>
  </si>
  <si>
    <t>FORECAST 02_16.xlsx</t>
  </si>
  <si>
    <t>C:\Users\luizavs\OneDrive - Grupo Algar\Backup PC Luiz\06-11-2019\LUIZ ALFREDO\01 - TELECOM\01 - TELEVENDAS\01 - TLV VAREJO\ANDERSON\CTBC Planejamento\01 - Forecast\2016\03 - Março\</t>
  </si>
  <si>
    <t>FORECAST 03_16.xlsx</t>
  </si>
  <si>
    <t>C:\Users\luizavs\OneDrive - Grupo Algar\Backup PC Luiz\06-11-2019\LUIZ ALFREDO\01 - TELECOM\01 - TELEVENDAS\01 - TLV VAREJO\ANDERSON\CTBC Planejamento\03 - Inbound\05 - Gerador de Bio\2015\</t>
  </si>
  <si>
    <t>Planejado_CTBC (Setembro 2015).xls</t>
  </si>
  <si>
    <t>Planejado_CTBC (Outubro 2015).xls</t>
  </si>
  <si>
    <t>Planejado_CTBC (Novembro 2015).xls</t>
  </si>
  <si>
    <t>Planejado_CTBC (Março 2015).xls</t>
  </si>
  <si>
    <t>Planejado_CTBC (Maio 2015).xls</t>
  </si>
  <si>
    <t>Planejado_CTBC (Junho 2015).xls</t>
  </si>
  <si>
    <t>Planejado_CTBC (Julho 2015).xls</t>
  </si>
  <si>
    <t>Planejado_CTBC (Dezembro 2015).xls</t>
  </si>
  <si>
    <t>Planejado_CTBC (Agosto 2015).xls</t>
  </si>
  <si>
    <t>Planejado_CTBC (Abril 2015).xls</t>
  </si>
  <si>
    <t>C:\Users\luizavs\OneDrive - Grupo Algar\Backup PC Luiz\06-11-2019\LUIZ ALFREDO\01 - TELECOM\01 - TELEVENDAS\01 - TLV VAREJO\ANDERSON\CTBC Planejamento\03 - Inbound\05 - Gerador de Bio\2016\</t>
  </si>
  <si>
    <t>Planejado_CTBC (Janeiro 2015).xls</t>
  </si>
  <si>
    <t>C:\Users\luizavs\OneDrive - Grupo Algar\Backup PC Luiz\06-11-2019\LUIZ ALFREDO\01 - TELECOM\01 - TELEVENDAS\01 - TLV VAREJO\ANDERSON\CTBC Planejamento\03 - Inbound\10 - Modelos e Extratores\EM AVALIAÇÃO\</t>
  </si>
  <si>
    <t>Dimensionamento_Telecom.xlsx</t>
  </si>
  <si>
    <t>Dimensionamento_BO_Corporate_2015.xlsx</t>
  </si>
  <si>
    <t>Calculadora - Quebra Diária.xlsx</t>
  </si>
  <si>
    <t>C:\Users\luizavs\OneDrive - Grupo Algar\Backup PC Luiz\06-11-2019\LUIZ ALFREDO\01 - TELECOM\01 - TELEVENDAS\01 - TLV VAREJO\ANDERSON\CTBC SuperVendas\ACOMP MAILINGS\02 - Fevereiro\ANTIGOS\</t>
  </si>
  <si>
    <t>ACOMP MAILING FEV - FINAL.xlsx</t>
  </si>
  <si>
    <t>C:\Users\luizavs\OneDrive - Grupo Algar\Backup PC Luiz\06-11-2019\LUIZ ALFREDO\01 - TELECOM\01 - TELEVENDAS\01 - TLV VAREJO\ANDERSON\CTBC SuperVendas\ACOMP MAILINGS\03 - Março\Antigos\</t>
  </si>
  <si>
    <t>Histórico Categorizações Presence Março.xlsx</t>
  </si>
  <si>
    <t>Histórico Ativo Março.xlsx</t>
  </si>
  <si>
    <t>14-03.xls</t>
  </si>
  <si>
    <t>12-03.xls</t>
  </si>
  <si>
    <t>11-03.xls</t>
  </si>
  <si>
    <t>C:\Users\luizavs\OneDrive - Grupo Algar\Backup PC Luiz\06-11-2019\LUIZ ALFREDO\01 - TELECOM\01 - TELEVENDAS\01 - TLV VAREJO\ANDERSON\CTBC SuperVendas\ACOMP MAILINGS\04 - Abril\Sem sucesso\</t>
  </si>
  <si>
    <t>VENDAS.xlsx</t>
  </si>
  <si>
    <t>TABLO2.xlsx</t>
  </si>
  <si>
    <t>Baseline CSC_severanceSGTELCO.xlsx</t>
  </si>
  <si>
    <t>Consolidado Abril - Tablo.xlsx</t>
  </si>
  <si>
    <t>C:\Users\luizavs\OneDrive - Grupo Algar\Backup PC Luiz\06-11-2019\LUIZ ALFREDO\01 - TELECOM\01 - TELEVENDAS\01 - TLV VAREJO\ANDERSON\CTBC SuperVendas\ACOMP MAILINGS\2015\11 - Novembro\</t>
  </si>
  <si>
    <t>C:\Users\luizavs\OneDrive - Grupo Algar\Backup PC Luiz\06-11-2019\LUIZ ALFREDO\01 - TELECOM\01 - TELEVENDAS\01 - TLV VAREJO\ANDERSON\CTBC SuperVendas\ACOMP MAILINGS\2015\12 - Dezembro\</t>
  </si>
  <si>
    <t>Histórico Dezembro 2015.xlsx</t>
  </si>
  <si>
    <t>Histórico Dezembro 2015 - sem 02-01.xlsx</t>
  </si>
  <si>
    <t>Acompanhamento Mailings TLV - Dezembro.xlsx</t>
  </si>
  <si>
    <t>C:\Users\luizavs\OneDrive - Grupo Algar\Backup PC Luiz\06-11-2019\LUIZ ALFREDO\01 - TELECOM\01 - TELEVENDAS\01 - TLV VAREJO\ANDERSON\CTBC SuperVendas\FECHAMENTOS\FATURADO\01 - JANEIRO\</t>
  </si>
  <si>
    <t>C:\Users\luizavs\OneDrive - Grupo Algar\Backup PC Luiz\06-11-2019\LUIZ ALFREDO\01 - TELECOM\01 - TELEVENDAS\01 - TLV VAREJO\ANDERSON\CTBC SuperVendas\FECHAMENTOS\FATURADO\01 - JANEIRO\APURAÇÃO TELEVENDAS JANEIRO1.zip\</t>
  </si>
  <si>
    <t>C:\Users\luizavs\OneDrive - Grupo Algar\Backup PC Luiz\06-11-2019\LUIZ ALFREDO\01 - TELECOM\01 - TELEVENDAS\01 - TLV VAREJO\ANDERSON\CTBC SuperVendas\FECHAMENTOS\FATURADO\02 - FEVEREIRO\</t>
  </si>
  <si>
    <t>C:\Users\luizavs\OneDrive - Grupo Algar\Backup PC Luiz\06-11-2019\LUIZ ALFREDO\01 - TELECOM\01 - TELEVENDAS\01 - TLV VAREJO\ANDERSON\CTBC SuperVendas\FECHAMENTOS\FATURADO\02 - FEVEREIRO\APURAÇÃO TELEVENDAS FEVEREIRO 2 .zip\</t>
  </si>
  <si>
    <t>C:\Users\luizavs\OneDrive - Grupo Algar\Backup PC Luiz\06-11-2019\LUIZ ALFREDO\01 - TELECOM\01 - TELEVENDAS\01 - TLV VAREJO\ANDERSON\CTBC SuperVendas\FECHAMENTOS\FATURADO\02 - FEVEREIRO\APURAÇÃO TELEVENDAS FEVEREIRO 1.zip\</t>
  </si>
  <si>
    <t>C:\Users\luizavs\OneDrive - Grupo Algar\Backup PC Luiz\06-11-2019\LUIZ ALFREDO\01 - TELECOM\01 - TELEVENDAS\01 - TLV VAREJO\ANDERSON\CTBC SuperVendas\FECHAMENTOS\FATURADO\02 - FEVEREIRO\APURAÇÃO TELEVENDAS FEVEREIRO 03 .rar\</t>
  </si>
  <si>
    <t>C:\Users\luizavs\OneDrive - Grupo Algar\Backup PC Luiz\06-11-2019\LUIZ ALFREDO\01 - TELECOM\01 - TELEVENDAS\01 - TLV VAREJO\ANDERSON\CTBC SuperVendas\FECHAMENTOS\FATURADO\03 - MARÇO\</t>
  </si>
  <si>
    <t>Planilha pontuação</t>
  </si>
  <si>
    <t>C:\Users\luizavs\OneDrive - Grupo Algar\Backup PC Luiz\06-11-2019\LUIZ ALFREDO\01 - TELECOM\01 - TELEVENDAS\01 - TLV VAREJO\ANDERSON\CTBC SuperVendas\FECHAMENTOS\FATURADO\03 - MARÇO\APURAÇÃO TELEVENDAS MARCO 2.zip\</t>
  </si>
  <si>
    <t>C:\Users\luizavs\OneDrive - Grupo Algar\Backup PC Luiz\06-11-2019\LUIZ ALFREDO\01 - TELECOM\01 - TELEVENDAS\01 - TLV VAREJO\ANDERSON\CTBC SuperVendas\FECHAMENTOS\FATURADO\04 - ABRIL\</t>
  </si>
  <si>
    <t>C:\Users\luizavs\OneDrive - Grupo Algar\Backup PC Luiz\06-11-2019\LUIZ ALFREDO\01 - TELECOM\01 - TELEVENDAS\01 - TLV VAREJO\ANDERSON\CTBC SuperVendas\FECHAMENTOS\FATURADO\05 - MAIO\</t>
  </si>
  <si>
    <t>C:\Users\luizavs\OneDrive - Grupo Algar\Backup PC Luiz\06-11-2019\LUIZ ALFREDO\01 - TELECOM\01 - TELEVENDAS\01 - TLV VAREJO\ANDERSON\CTBC SuperVendas\FECHAMENTOS\FATURADO\05 - MAIO\HORAS LOGADAS.rar\HORAS LOGADAS\</t>
  </si>
  <si>
    <t>C:\Users\luizavs\OneDrive - Grupo Algar\Backup PC Luiz\06-11-2019\LUIZ ALFREDO\01 - TELECOM\01 - TELEVENDAS\01 - TLV VAREJO\ANDERSON\CTBC SuperVendas\FECHAMENTOS\FATURADO\06 - JUNHO\</t>
  </si>
  <si>
    <t>C:\Users\luizavs\OneDrive - Grupo Algar\Backup PC Luiz\06-11-2019\LUIZ ALFREDO\01 - TELECOM\01 - TELEVENDAS\01 - TLV VAREJO\ANDERSON\CTBC SuperVendas\FECHAMENTOS\FATURADO\07 - JULHO\</t>
  </si>
  <si>
    <t>C:\Users\luizavs\OneDrive - Grupo Algar\Backup PC Luiz\06-11-2019\LUIZ ALFREDO\01 - TELECOM\01 - TELEVENDAS\01 - TLV VAREJO\ANDERSON\CTBC SuperVendas\FECHAMENTOS\FATURADO\07 - JULHO\APURAÇÃO TELEVENDAS JULHO.zip\</t>
  </si>
  <si>
    <t>C:\Users\luizavs\OneDrive - Grupo Algar\Backup PC Luiz\06-11-2019\LUIZ ALFREDO\01 - TELECOM\01 - TELEVENDAS\01 - TLV VAREJO\ANDERSON\CTBC SuperVendas\FECHAMENTOS\FATURADO\07 - JULHO\APURAÇÃO TELEVENDAS JULHO (2).zip\</t>
  </si>
  <si>
    <t>C:\Users\luizavs\OneDrive - Grupo Algar\Backup PC Luiz\06-11-2019\LUIZ ALFREDO\01 - TELECOM\01 - TELEVENDAS\01 - TLV VAREJO\ANDERSON\CTBC SuperVendas\FECHAMENTOS\FATURADO\08 - AGOSTO\</t>
  </si>
  <si>
    <t>C:\Users\luizavs\OneDrive - Grupo Algar\Backup PC Luiz\06-11-2019\LUIZ ALFREDO\01 - TELECOM\01 - TELEVENDAS\01 - TLV VAREJO\ANDERSON\CTBC SuperVendas\FECHAMENTOS\PROJEÇÕES\Ajuste de 5,7%\</t>
  </si>
  <si>
    <t>Fechamento Financeiro - Televendas - Mar a Dez.xlsx</t>
  </si>
  <si>
    <t>Fechamento Financeiro - Televendas - Maio-2016.xlsx</t>
  </si>
  <si>
    <t>C:\Users\luizavs\OneDrive - Grupo Algar\Backup PC Luiz\06-11-2019\LUIZ ALFREDO\01 - TELECOM\01 - TELEVENDAS\01 - TLV VAREJO\ANDERSON\CTBC SuperVendas\FECHAMENTOS\PROJEÇÕES\Com Reajuste\</t>
  </si>
  <si>
    <t>Fechamento Financeiro - Televendas - Março.xlsx</t>
  </si>
  <si>
    <t>Fechamento Financeiro - Televendas - Janeiro.xlsx</t>
  </si>
  <si>
    <t>C:\Users\luizavs\OneDrive - Grupo Algar\Backup PC Luiz\06-11-2019\LUIZ ALFREDO\01 - TELECOM\01 - TELEVENDAS\01 - TLV VAREJO\ANDERSON\CTBC SuperVendas\FECHAMENTOS\PROJEÇÕES\Sem Reajuste\</t>
  </si>
  <si>
    <t>C:\Users\luizavs\OneDrive - Grupo Algar\Backup PC Luiz\06-11-2019\LUIZ ALFREDO\01 - TELECOM\01 - TELEVENDAS\01 - TLV VAREJO\ANDERSON\CTBC SuperVendas\FECHAMENTOS\PRÉVIA\AGOSTO\</t>
  </si>
  <si>
    <t>Prévia Faturamento Variável - Televendas Varejo Julho - 19-08.xlsx</t>
  </si>
  <si>
    <t>C:\Users\luizavs\OneDrive - Grupo Algar\Backup PC Luiz\06-11-2019\LUIZ ALFREDO\01 - TELECOM\01 - TELEVENDAS\01 - TLV VAREJO\ANDERSON\CTBC SuperVendas\FECHAMENTOS\PRÉVIA\JULHO\</t>
  </si>
  <si>
    <t>Prévia Faturamento Variável - Televendas Varejo Julho - 22-07.xlsx</t>
  </si>
  <si>
    <t>Prévia Faturamento Variável - Televendas Varejo Julho - 14-07.xlsx</t>
  </si>
  <si>
    <t>C:\Users\luizavs\OneDrive - Grupo Algar\Backup PC Luiz\06-11-2019\LUIZ ALFREDO\01 - TELECOM\01 - TELEVENDAS\01 - TLV VAREJO\ANDERSON\CTBC SuperVendas\FECHAMENTOS\PRÉVIA\SETEMBRO\</t>
  </si>
  <si>
    <t>Prévia Faturamento Variável - Televendas Varejo Julho - 19-09.xlsx</t>
  </si>
  <si>
    <t>C:\Users\luizavs\OneDrive - Grupo Algar\Backup PC Luiz\06-11-2019\LUIZ ALFREDO\01 - TELECOM\01 - TELEVENDAS\01 - TLV VAREJO\ANDERSON\CTBC SuperVendas\TOP PERFORMANCE\Meta\CICLO 3\</t>
  </si>
  <si>
    <t>TLV RECEPTIVO.xlsm</t>
  </si>
  <si>
    <t>TLV ATIVO.xlsx</t>
  </si>
  <si>
    <t>C:\Users\luizavs\OneDrive - Grupo Algar\Backup PC Luiz\06-11-2019\LUIZ ALFREDO\01 - TELECOM\01 - TELEVENDAS\01 - TLV VAREJO\ANDERSON\CTBC SuperVendas\TOP PERFORMANCE\Resultados\2015\</t>
  </si>
  <si>
    <t>Resultado_Indicadores_CTBC_SUPERVENDAS_RECEPTIVO_DEZEMBRO_15.xlsx</t>
  </si>
  <si>
    <t>Resultado_Indicadores_CTBC_SUPERVENDAS_ATIVO_DEZEMBRO_15.xlsx</t>
  </si>
  <si>
    <t>C:\Users\luizavs\OneDrive - Grupo Algar\Backup PC Luiz\06-11-2019\LUIZ ALFREDO\01 - TELECOM\01 - TELEVENDAS\01 - TLV VAREJO\ANDERSON\FRANCIELLE LOPES\CCO\Campinas\10_outubro\</t>
  </si>
  <si>
    <t>CCO - Online Curitiba 06_10.xlsm</t>
  </si>
  <si>
    <t>CCO - Online Curitiba 05_10.xlsm</t>
  </si>
  <si>
    <t>Dash Formalização</t>
  </si>
  <si>
    <t>FORMALIZAÇÃO VISA_AMEX_ OUTUBRO - 06-11-2019.xlsm</t>
  </si>
  <si>
    <t>CCO - Online Curitiba 03_10.xlsm</t>
  </si>
  <si>
    <t>CCO - Online Curitiba 02_10.xlsm</t>
  </si>
  <si>
    <t>CCO - Online Curitiba 01_10.xlsm</t>
  </si>
  <si>
    <t>C:\Users\luizavs\OneDrive - Grupo Algar\Backup PC Luiz\06-11-2019\LUIZ ALFREDO\01 - TELECOM\01 - TELEVENDAS\01 - TLV VAREJO\ANDERSON\FRANCIELLE LOPES\CCO\Consolidado do Mês\Belo Horizonte\</t>
  </si>
  <si>
    <t>10_CCO - Consolidado - Belo Horizonte - Outubro.xlsm</t>
  </si>
  <si>
    <t>09_CCO - Consolidado - Belo Horizonte - Setembro.xlsm</t>
  </si>
  <si>
    <t>08_CCO - Consolidado - Belo Horizonte - Agosto.xlsm</t>
  </si>
  <si>
    <t>C:\Users\luizavs\OneDrive - Grupo Algar\Backup PC Luiz\06-11-2019\LUIZ ALFREDO\01 - TELECOM\01 - TELEVENDAS\01 - TLV VAREJO\ANDERSON\FRANCIELLE LOPES\CCO\Consolidado do Mês\Campinas\</t>
  </si>
  <si>
    <t>10_CCO - Consolidado - Campinas - Outubro.xlsm</t>
  </si>
  <si>
    <t>09_CCO - Consolidado - Campinas - Setembro.xlsm</t>
  </si>
  <si>
    <t>08_CCO - Consolidado - Campinas - Agosto.xlsm</t>
  </si>
  <si>
    <t>C:\Users\luizavs\OneDrive - Grupo Algar\Backup PC Luiz\06-11-2019\LUIZ ALFREDO\01 - TELECOM\01 - TELEVENDAS\01 - TLV VAREJO\ANDERSON\FRANCIELLE LOPES\CCO\Consolidado do Mês\Curitiba\</t>
  </si>
  <si>
    <t>08_CCO - Consolidado - Curitiba -Outubro.xlsm</t>
  </si>
  <si>
    <t>08_CCO - Consolidado - Curitiba -Setembro.xlsm</t>
  </si>
  <si>
    <t>08_CCO - Consolidado - Curitiba - Agosto.xlsm</t>
  </si>
  <si>
    <t>C:\Users\luizavs\OneDrive - Grupo Algar\Backup PC Luiz\06-11-2019\LUIZ ALFREDO\01 - TELECOM\01 - TELEVENDAS\01 - TLV VAREJO\ANDERSON\FRANCIELLE LOPES\CCO\Consolidado do Mês\Santo André\</t>
  </si>
  <si>
    <t>09_CCO - Consolidado - ST André - Outubro.xlsm</t>
  </si>
  <si>
    <t>08_CCO - Consolidado - ST André - Setembro - Cópia.xlsm</t>
  </si>
  <si>
    <t>C:\Users\luizavs\OneDrive - Grupo Algar\Backup PC Luiz\06-11-2019\LUIZ ALFREDO\01 - TELECOM\01 - TELEVENDAS\01 - TLV VAREJO\ANDERSON\FRANCIELLE LOPES\CCO\Consolidado do Mês\São Paulo\</t>
  </si>
  <si>
    <t>10_CCO - Consolidado -Outubro Parcial.xlsm</t>
  </si>
  <si>
    <t>09_CCO - Consolidado -Setembro - Fechamento.xlsm</t>
  </si>
  <si>
    <t>08_CCO - Consolidado - Agosto - Fechamento.xlsm</t>
  </si>
  <si>
    <t>07_CCO - Consolidado - Julho -Fechamento.xlsm</t>
  </si>
  <si>
    <t>06_CCO - Consolidado - Junho - Fechamento.xlsm</t>
  </si>
  <si>
    <t>05_CCO - Consolidado - Maio - V2.xlsm</t>
  </si>
  <si>
    <t>05_CCO - Consolidado - Maio - Fechamento.xlsm</t>
  </si>
  <si>
    <t>04_CCO - Consolidado - Abril -V2.xlsm</t>
  </si>
  <si>
    <t>04_CCO - Consolidado - Abril - Fechamento.xlsm</t>
  </si>
  <si>
    <t>03_CCO - Consolidado - Março -V2.xlsm</t>
  </si>
  <si>
    <t>03_CCO - Consolidado - Março - fechamento.xlsm</t>
  </si>
  <si>
    <t>02_CCO - Consolidado - Fevereiro - V2.xlsm</t>
  </si>
  <si>
    <t>02_CCO - Consolidado - Fevereiro - fechamento.xlsm</t>
  </si>
  <si>
    <t>C:\Users\luizavs\OneDrive - Grupo Algar\Backup PC Luiz\06-11-2019\LUIZ ALFREDO\01 - TELECOM\01 - TELEVENDAS\01 - TLV VAREJO\ANDERSON\FRANCIELLE LOPES\CCO\Sao paulo\10_Outubro\</t>
  </si>
  <si>
    <t>CCO - Online 06_10.xlsm</t>
  </si>
  <si>
    <t>CCO - Online 05_10_V2.xlsm</t>
  </si>
  <si>
    <t>CCO - Online 05_10.xlsm</t>
  </si>
  <si>
    <t>CCO - Online 03_10_V2.xlsm</t>
  </si>
  <si>
    <t>CCO - Online 03_10.xlsm</t>
  </si>
  <si>
    <t>CCO - Online 02_10.xlsm</t>
  </si>
  <si>
    <t>CCO - Online 01_10.xlsm</t>
  </si>
  <si>
    <t>C:\Users\luizavs\OneDrive - Grupo Algar\Backup PC Luiz\06-11-2019\LUIZ ALFREDO\01 - TELECOM\01 - TELEVENDAS\01 - TLV VAREJO\FINANCEIRO\FECHAMENTO FINANCEIRO\2016\DEZEMBRO - 16\CURVA D\</t>
  </si>
  <si>
    <t>Fechamento desconto curva D Televendas Varejo_Dezembro.xlsx</t>
  </si>
  <si>
    <t>BASE desconto curva D Televendas Varejo_Dezembro.xlsx</t>
  </si>
  <si>
    <t>C:\Users\luizavs\OneDrive - Grupo Algar\Backup PC Luiz\06-11-2019\LUIZ ALFREDO\01 - TELECOM\01 - TELEVENDAS\01 - TLV VAREJO\FINANCEIRO\FECHAMENTO FINANCEIRO\2017\01 - JANEIRO\CURVA D\</t>
  </si>
  <si>
    <t>C:\Users\luizavs\OneDrive - Grupo Algar\Backup PC Luiz\06-11-2019\LUIZ ALFREDO\01 - TELECOM\01 - TELEVENDAS\01 - TLV VAREJO\MAILINGS\2016\06-JUNHO\REPORT_MAILING\REPORT_MAILING\</t>
  </si>
  <si>
    <t>Histórico Ativo Maio.xlsx</t>
  </si>
  <si>
    <t>C:\Users\luizavs\OneDrive - Grupo Algar\Backup PC Luiz\06-11-2019\LUIZ ALFREDO\01 - TELECOM\01 - TELEVENDAS\01 - TLV VAREJO\ANDERSON\CTBC Planejamento\03 - Inbound\01 - Calculadoras Intramês\2015\03 - Março\</t>
  </si>
  <si>
    <t>Forecast 03_15.xlsx</t>
  </si>
  <si>
    <t>C:\Users\luizavs\OneDrive - Grupo Algar\Backup PC Luiz\06-11-2019\LUIZ ALFREDO\01 - TELECOM\01 - TELEVENDAS\01 - TLV VAREJO\ANDERSON\CTBC Planejamento\03 - Inbound\01 - Calculadoras Intramês\2015\04 - Abril\</t>
  </si>
  <si>
    <t>Relacao_Skills.xlsx</t>
  </si>
  <si>
    <t>C:\Users\luizavs\OneDrive - Grupo Algar\Backup PC Luiz\06-11-2019\LUIZ ALFREDO\01 - TELECOM\01 - TELEVENDAS\01 - TLV VAREJO\ANDERSON\CTBC Planejamento\03 - Inbound\01 - Calculadoras Intramês\2015\05 - Maio\</t>
  </si>
  <si>
    <t>C:\Users\luizavs\OneDrive - Grupo Algar\Backup PC Luiz\06-11-2019\LUIZ ALFREDO\01 - TELECOM\01 - TELEVENDAS\01 - TLV VAREJO\ANDERSON\CTBC Planejamento\03 - Inbound\01 - Calculadoras Intramês\2015\06 - Junho\</t>
  </si>
  <si>
    <t>Relacao_Skills 06.xlsx</t>
  </si>
  <si>
    <t>C:\Users\luizavs\OneDrive - Grupo Algar\Backup PC Luiz\06-11-2019\LUIZ ALFREDO\01 - TELECOM\01 - TELEVENDAS\01 - TLV VAREJO\ANDERSON\CTBC Planejamento\03 - Inbound\01 - Calculadoras Intramês\2015\07 - Julho\</t>
  </si>
  <si>
    <t>C:\Users\luizavs\OneDrive - Grupo Algar\Backup PC Luiz\06-11-2019\LUIZ ALFREDO\01 - TELECOM\01 - TELEVENDAS\01 - TLV VAREJO\ANDERSON\CTBC Planejamento\03 - Inbound\01 - Calculadoras Intramês\2015\08 - Agosto\</t>
  </si>
  <si>
    <t>Relação de Skills.xlsx</t>
  </si>
  <si>
    <t>Histórico Volumetria 2015.xlsx</t>
  </si>
  <si>
    <t>C:\Users\luizavs\OneDrive - Grupo Algar\Backup PC Luiz\06-11-2019\LUIZ ALFREDO\01 - TELECOM\01 - TELEVENDAS\01 - TLV VAREJO\ANDERSON\CTBC Planejamento\03 - Inbound\01 - Calculadoras Intramês\2015\09 - Setembro\</t>
  </si>
  <si>
    <t>C:\Users\luizavs\OneDrive - Grupo Algar\Backup PC Luiz\06-11-2019\LUIZ ALFREDO\01 - TELECOM\01 - TELEVENDAS\01 - TLV VAREJO\ANDERSON\CTBC Planejamento\03 - Inbound\01 - Calculadoras Intramês\2015\10 - Outubro\</t>
  </si>
  <si>
    <t>DIMENS_2015_10_RETENÇÃO FORECAST.xlsm</t>
  </si>
  <si>
    <t>C:\Users\luizavs\OneDrive - Grupo Algar\Backup PC Luiz\06-11-2019\LUIZ ALFREDO\01 - TELECOM\01 - TELEVENDAS\01 - TLV VAREJO\ANDERSON\CTBC Planejamento\03 - Inbound\01 - Calculadoras Intramês\2015\12 - Dezembro\</t>
  </si>
  <si>
    <t>ESCALA MMV3.xlsx</t>
  </si>
  <si>
    <t>C:\Users\luizavs\OneDrive - Grupo Algar\Backup PC Luiz\06-11-2019\LUIZ ALFREDO\01 - TELECOM\01 - TELEVENDAS\01 - TLV VAREJO\ANDERSON\CTBC Planejamento\03 - Inbound\01 - Calculadoras Intramês\2016\01 - Janeiro\</t>
  </si>
  <si>
    <t>C:\Users\luizavs\OneDrive - Grupo Algar\Backup PC Luiz\06-11-2019\LUIZ ALFREDO\01 - TELECOM\01 - TELEVENDAS\01 - TLV VAREJO\ANDERSON\CTBC Planejamento\03 - Inbound\02 - Capacities\2015\03 - Março\</t>
  </si>
  <si>
    <t>SIMULAÇÃO NS - MARÇO - DDX.xlsx</t>
  </si>
  <si>
    <t>HE SAC PACOTE MARÇO.xlsx</t>
  </si>
  <si>
    <t>Capacity Março TV's 2 NIVEL.xlsx</t>
  </si>
  <si>
    <t>Capacity Março Televendas Receptivo.xlsx</t>
  </si>
  <si>
    <t>Capacity Março Sinal Fácil.xlsx</t>
  </si>
  <si>
    <t>Capacity Março SAC Pacote.xlsx</t>
  </si>
  <si>
    <t>Capacity Março SAC Alone.xlsx</t>
  </si>
  <si>
    <t>Capacity Março SAC 102.xlsx</t>
  </si>
  <si>
    <t>Capacity Março Retenção Residencial.xlsx</t>
  </si>
  <si>
    <t>Capacity Março Retenção Empresarial.xlsx</t>
  </si>
  <si>
    <t>Capacity Março HD Netsuper + 3G.xlsx</t>
  </si>
  <si>
    <t>Capacity Março Empresarial.xlsx</t>
  </si>
  <si>
    <t>Aderência Abril - Horários.xlsx</t>
  </si>
  <si>
    <t>C:\Users\luizavs\OneDrive - Grupo Algar\Backup PC Luiz\06-11-2019\LUIZ ALFREDO\01 - TELECOM\01 - TELEVENDAS\01 - TLV VAREJO\ANDERSON\CTBC Planejamento\03 - Inbound\02 - Capacities\2015\04 - Abril\</t>
  </si>
  <si>
    <t>Capacity Abril TV's 2 NIVEL.xlsx</t>
  </si>
  <si>
    <t>Capacity Abril Televendas Receptivo.xlsx</t>
  </si>
  <si>
    <t>Capacity Abril Sinal Fácil.xlsx</t>
  </si>
  <si>
    <t>Capacity Abril SAC Pacote.xlsx</t>
  </si>
  <si>
    <t>Capacity Abril SAC Alone.xlsx</t>
  </si>
  <si>
    <t>Capacity Abril SAC 102.xlsx</t>
  </si>
  <si>
    <t>Capacity Abril Retenção Residencial.xlsx</t>
  </si>
  <si>
    <t>Capacity Abril Retenção Empresarial_Escala Revisada.xlsx</t>
  </si>
  <si>
    <t>Capacity Abril Retenção Empresarial.xlsx</t>
  </si>
  <si>
    <t>Capacity Abril HD Netsuper + 3G.xlsx</t>
  </si>
  <si>
    <t>Capacity Abril Empresarial.xlsx</t>
  </si>
  <si>
    <t>C:\Users\luizavs\OneDrive - Grupo Algar\Backup PC Luiz\06-11-2019\LUIZ ALFREDO\01 - TELECOM\01 - TELEVENDAS\01 - TLV VAREJO\ANDERSON\CTBC Planejamento\03 - Inbound\02 - Capacities\2015\05 - Maio\</t>
  </si>
  <si>
    <t>Capacity Maio TV's 2 NIVEL.xlsx</t>
  </si>
  <si>
    <t>Capacity Maio Televendas Receptivo.xlsx</t>
  </si>
  <si>
    <t>Capacity Maio Sinal Fácil.xlsx</t>
  </si>
  <si>
    <t>Capacity Maio SAC Pacote.xlsx</t>
  </si>
  <si>
    <t>Capacity Maio SAC Alone.xlsx</t>
  </si>
  <si>
    <t>Capacity Maio SAC 102.xlsx</t>
  </si>
  <si>
    <t>Capacity Maio Retenção Residencial.xlsx</t>
  </si>
  <si>
    <t>Capacity Maio Retenção Empresarial.xlsx</t>
  </si>
  <si>
    <t>Capacity Maio HD Netsuper + 3G.xlsx</t>
  </si>
  <si>
    <t>Capacity Maio HD Netsuper + 3G - 465.xlsx</t>
  </si>
  <si>
    <t>Capacity Maio Empresarial.xlsx</t>
  </si>
  <si>
    <t>ADERENCIA MAIO 105.xlsx</t>
  </si>
  <si>
    <t>C:\Users\luizavs\OneDrive - Grupo Algar\Backup PC Luiz\06-11-2019\LUIZ ALFREDO\01 - TELECOM\01 - TELEVENDAS\01 - TLV VAREJO\ANDERSON\CTBC Planejamento\03 - Inbound\02 - Capacities\2015\06 - Junho\</t>
  </si>
  <si>
    <t>Capacity Junho TV's 2 NIVEL.xlsx</t>
  </si>
  <si>
    <t>Capacity Junho Televendas Receptivo.xlsx</t>
  </si>
  <si>
    <t>Capacity Junho Sinal Fácil.xlsx</t>
  </si>
  <si>
    <t>Capacity Junho SAC Pacote.xlsx</t>
  </si>
  <si>
    <t>Capacity Junho SAC Alone.xlsx</t>
  </si>
  <si>
    <t>Capacity Junho SAC 102.xlsx</t>
  </si>
  <si>
    <t>Capacity Junho SAC 102 - REFORECAST.xlsx</t>
  </si>
  <si>
    <t>Capacity Junho Retenção Residencial.xlsx</t>
  </si>
  <si>
    <t>Capacity Junho Retenção Empresarial.xlsx</t>
  </si>
  <si>
    <t>Capacity Junho HD Netsuper + 3G.xlsx</t>
  </si>
  <si>
    <t>Capacity Junho HD + TV's 2 NIVEL.xlsx</t>
  </si>
  <si>
    <t>Capacity Junho HD + TV's 2 NIVEL - REFORECAST.xlsx</t>
  </si>
  <si>
    <t>Capacity Junho Empresarial.xlsx</t>
  </si>
  <si>
    <t>ADERENCIA JUNHO 105.xlsx</t>
  </si>
  <si>
    <t>C:\Users\luizavs\OneDrive - Grupo Algar\Backup PC Luiz\06-11-2019\LUIZ ALFREDO\01 - TELECOM\01 - TELEVENDAS\01 - TLV VAREJO\ANDERSON\CTBC Planejamento\03 - Inbound\02 - Capacities\2015\07 - Julho\</t>
  </si>
  <si>
    <t>Capacity Julho Televendas Receptivo.xlsx</t>
  </si>
  <si>
    <t>Capacity Julho Sinal Fácil.xlsx</t>
  </si>
  <si>
    <t>Capacity Julho SAC 102.xlsx</t>
  </si>
  <si>
    <t>Capacity Julho Retenção Residencial.xlsx</t>
  </si>
  <si>
    <t>Capacity Julho Retenção Empresarial.xlsx</t>
  </si>
  <si>
    <t>Capacity Julho RCV.xlsx</t>
  </si>
  <si>
    <t>Capacity Julho HD + TV's 2 NIVEL.xlsx</t>
  </si>
  <si>
    <t>Capacity Julho Empresarial.xlsx</t>
  </si>
  <si>
    <t>Aderência e PMO Julho - Consolidado.xlsx</t>
  </si>
  <si>
    <t>Aderência e PMO Julho - Consolidado Ok.xlsx</t>
  </si>
  <si>
    <t>C:\Users\luizavs\OneDrive - Grupo Algar\Backup PC Luiz\06-11-2019\LUIZ ALFREDO\01 - TELECOM\01 - TELEVENDAS\01 - TLV VAREJO\ANDERSON\CTBC Planejamento\03 - Inbound\02 - Capacities\2015\07 - Julho\07 - Julho.rar\</t>
  </si>
  <si>
    <t>Capacity Julho RetenÃ§Ã£o Empresarial.xlsx</t>
  </si>
  <si>
    <t>Capacity Julho RetenÃ§Ã£o Residencial.xlsx</t>
  </si>
  <si>
    <t>Capacity Julho Sinal FÃ¡cil.xlsx</t>
  </si>
  <si>
    <t>C:\Users\luizavs\OneDrive - Grupo Algar\Backup PC Luiz\06-11-2019\LUIZ ALFREDO\01 - TELECOM\01 - TELEVENDAS\01 - TLV VAREJO\ANDERSON\CTBC Planejamento\03 - Inbound\02 - Capacities\2015\08 - Agosto\</t>
  </si>
  <si>
    <t>Capacity Agosto Televendas.xlsx</t>
  </si>
  <si>
    <t>Capacity Agosto Sinal Fácil.xlsx</t>
  </si>
  <si>
    <t>Capacity Agosto Retenção Residencial.xlsx</t>
  </si>
  <si>
    <t>Capacity Agosto Retenção Empresarial.xlsx</t>
  </si>
  <si>
    <t>Capacity Agosto RCV.xlsx</t>
  </si>
  <si>
    <t>Capacity Agosto HD.xlsx</t>
  </si>
  <si>
    <t>Capacity Agosto Empresarial.xlsx</t>
  </si>
  <si>
    <t>Capacity Agosto 102.xlsx</t>
  </si>
  <si>
    <t>Aderência e PMO Agosto.xlsx</t>
  </si>
  <si>
    <t>C:\Users\luizavs\OneDrive - Grupo Algar\Backup PC Luiz\06-11-2019\LUIZ ALFREDO\01 - TELECOM\01 - TELEVENDAS\01 - TLV VAREJO\ANDERSON\CTBC Planejamento\03 - Inbound\02 - Capacities\2015\08 - Agosto\08 - Agosto.rar\</t>
  </si>
  <si>
    <t>Capacity Agosto RetenÃ§Ã£o Empresarial.xlsx</t>
  </si>
  <si>
    <t>Capacity Agosto RetenÃ§Ã£o Residencial.xlsx</t>
  </si>
  <si>
    <t>Capacity Agosto Sinal FÃ¡cil.xlsx</t>
  </si>
  <si>
    <t>C:\Users\luizavs\OneDrive - Grupo Algar\Backup PC Luiz\06-11-2019\LUIZ ALFREDO\01 - TELECOM\01 - TELEVENDAS\01 - TLV VAREJO\ANDERSON\CTBC Planejamento\03 - Inbound\02 - Capacities\2015\09 - Setembro\</t>
  </si>
  <si>
    <t>Capacity Setembro Televendas.xlsx</t>
  </si>
  <si>
    <t>Capacity Setembro Sinal Fácil.xlsx</t>
  </si>
  <si>
    <t>Capacity Setembro Retenção Residencial.xlsx</t>
  </si>
  <si>
    <t>Capacity Setembro Retenção Empresarial.xlsx</t>
  </si>
  <si>
    <t>ENC: Mis Pesquisa de Satisfação - URA - CONSOLIDADO OUTUBRO</t>
  </si>
  <si>
    <t>Capacity Setembro RCV.xlsx</t>
  </si>
  <si>
    <t>Capacity Setembro HD.xlsx</t>
  </si>
  <si>
    <t>Capacity Setembro Empresarial.xlsx</t>
  </si>
  <si>
    <t>Capacity Setembro 102.xlsx</t>
  </si>
  <si>
    <t>Aderência e PMO Setembro.xlsx</t>
  </si>
  <si>
    <t>C:\Users\luizavs\OneDrive - Grupo Algar\Backup PC Luiz\06-11-2019\LUIZ ALFREDO\01 - TELECOM\01 - TELEVENDAS\01 - TLV VAREJO\ANDERSON\CTBC Planejamento\03 - Inbound\02 - Capacities\2015\10 - Outubro\</t>
  </si>
  <si>
    <t>Capacity Outubro TLV.xlsx</t>
  </si>
  <si>
    <t>Capacity Outubro TLV MPE.xlsx</t>
  </si>
  <si>
    <t>Capacity Outubro SNF.xlsx</t>
  </si>
  <si>
    <t>Capacity Outubro RETENÇÃO.xlsx</t>
  </si>
  <si>
    <t>Capacity Outubro RETENÇÃO MPE.xlsx</t>
  </si>
  <si>
    <t>Capacity Outubro RCV.xlsx</t>
  </si>
  <si>
    <t>Capacity Outubro MPE.xlsx</t>
  </si>
  <si>
    <t>Capacity Outubro HD.xlsx</t>
  </si>
  <si>
    <t>Capacity Outubro 102.xlsx</t>
  </si>
  <si>
    <t>Aderência Outubro.xlsx</t>
  </si>
  <si>
    <t>C:\Users\luizavs\OneDrive - Grupo Algar\Backup PC Luiz\06-11-2019\LUIZ ALFREDO\01 - TELECOM\01 - TELEVENDAS\01 - TLV VAREJO\ANDERSON\CTBC Planejamento\03 - Inbound\02 - Capacities\2015\10 - Outubro\10 - Outubro.rar\</t>
  </si>
  <si>
    <t>Capacity Outubro RETENÃ‡ÃƒO MPE.xlsx</t>
  </si>
  <si>
    <t>Capacity Outubro RETENÃ‡ÃƒO.xlsx</t>
  </si>
  <si>
    <t>C:\Users\luizavs\OneDrive - Grupo Algar\Backup PC Luiz\06-11-2019\LUIZ ALFREDO\01 - TELECOM\01 - TELEVENDAS\01 - TLV VAREJO\ANDERSON\CTBC Planejamento\03 - Inbound\02 - Capacities\2015\11 - Novembro\</t>
  </si>
  <si>
    <t>Capacity Novembro TLV.xlsx</t>
  </si>
  <si>
    <t>Capacity Novembro SNF.xlsx</t>
  </si>
  <si>
    <t>Capacity Novembro RETENÇÃO.xlsx</t>
  </si>
  <si>
    <t>Capacity Novembro RETENÇÃO MPE.xlsx</t>
  </si>
  <si>
    <t>Capacity Novembro RETENÇÃO - 30% A MAIS.xlsx</t>
  </si>
  <si>
    <t>Capacity Novembro RCV.xlsx</t>
  </si>
  <si>
    <t>Capacity Novembro MPE.xlsx</t>
  </si>
  <si>
    <t>Capacity Novembro HD.xlsx</t>
  </si>
  <si>
    <t>Capacity Novembro 102.xlsx</t>
  </si>
  <si>
    <t>C:\Users\luizavs\OneDrive - Grupo Algar\Backup PC Luiz\06-11-2019\LUIZ ALFREDO\01 - TELECOM\01 - TELEVENDAS\01 - TLV VAREJO\ANDERSON\CTBC Planejamento\03 - Inbound\02 - Capacities\2015\11 - Novembro\11 - Novembro.rar\</t>
  </si>
  <si>
    <t>Capacity Novembro RETENÃ‡ÃƒO - 30% A MAIS.xlsx</t>
  </si>
  <si>
    <t>Capacity Novembro RETENÃ‡ÃƒO MPE.xlsx</t>
  </si>
  <si>
    <t>Capacity Novembro RETENÃ‡ÃƒO.xlsx</t>
  </si>
  <si>
    <t>C:\Users\luizavs\OneDrive - Grupo Algar\Backup PC Luiz\06-11-2019\LUIZ ALFREDO\01 - TELECOM\01 - TELEVENDAS\01 - TLV VAREJO\ANDERSON\CTBC Planejamento\03 - Inbound\02 - Capacities\2015\12 - Dezembro\</t>
  </si>
  <si>
    <t>Capacity Dezembro TLV.xlsx</t>
  </si>
  <si>
    <t>Capacity Dezembro TLV MPE.xlsx</t>
  </si>
  <si>
    <t>Capacity Dezembro SNF.xlsx</t>
  </si>
  <si>
    <t>Capacity Dezembro RETENÇÃO.xlsx</t>
  </si>
  <si>
    <t>Capacity Dezembro RETENÇÃO MPE.xlsx</t>
  </si>
  <si>
    <t>Capacity Dezembro RCV.xlsx</t>
  </si>
  <si>
    <t>Capacity Dezembro MPE.xlsx</t>
  </si>
  <si>
    <t>Capacity Dezembro HD.xlsx</t>
  </si>
  <si>
    <t>Capacity Dezembro CHAT.xlsx</t>
  </si>
  <si>
    <t>Capacity Dezembro 102.xlsx</t>
  </si>
  <si>
    <t>ADERENCIA DEZEMBRO 2015.xlsx</t>
  </si>
  <si>
    <t>C:\Users\luizavs\OneDrive - Grupo Algar\Backup PC Luiz\06-11-2019\LUIZ ALFREDO\01 - TELECOM\01 - TELEVENDAS\01 - TLV VAREJO\ANDERSON\CTBC Planejamento\03 - Inbound\02 - Capacities\2015\12 - Dezembro\12 - Dezembro.rar\</t>
  </si>
  <si>
    <t>Capacity Dezembro RETENÃ‡ÃƒO MPE.xlsx</t>
  </si>
  <si>
    <t>Capacity Dezembro RETENÃ‡ÃƒO.xlsx</t>
  </si>
  <si>
    <t>C:\Users\luizavs\OneDrive - Grupo Algar\Backup PC Luiz\06-11-2019\LUIZ ALFREDO\01 - TELECOM\01 - TELEVENDAS\01 - TLV VAREJO\ANDERSON\CTBC Planejamento\03 - Inbound\02 - Capacities\2016\01 - Janeiro\</t>
  </si>
  <si>
    <t>Capacity Janeiro TLV.xlsx</t>
  </si>
  <si>
    <t>Capacity Janeiro TLV MPE.xlsx</t>
  </si>
  <si>
    <t>Capacity Janeiro SNF.xlsx</t>
  </si>
  <si>
    <t>Capacity Janeiro RETENÇÃO.xlsx</t>
  </si>
  <si>
    <t>Capacity Janeiro RETENÇÃO MPE.xlsx</t>
  </si>
  <si>
    <t>Capacity Janeiro RCV.xlsx</t>
  </si>
  <si>
    <t>Capacity Janeiro MPE.xlsx</t>
  </si>
  <si>
    <t>Capacity Janeiro HD.xlsx</t>
  </si>
  <si>
    <t>Capacity Janeiro 102.xlsx</t>
  </si>
  <si>
    <t>ADERENCIA JANEIRO 2016.xlsx</t>
  </si>
  <si>
    <t>C:\Users\luizavs\OneDrive - Grupo Algar\Backup PC Luiz\06-11-2019\LUIZ ALFREDO\01 - TELECOM\01 - TELEVENDAS\01 - TLV VAREJO\ANDERSON\CTBC Planejamento\03 - Inbound\02 - Capacities\2016\01 - Janeiro\01 - Janeiro.rar\</t>
  </si>
  <si>
    <t>Capacity Janeiro RETENÃ‡ÃƒO MPE.xlsx</t>
  </si>
  <si>
    <t>Capacity Janeiro RETENÃ‡ÃƒO.xlsx</t>
  </si>
  <si>
    <t>C:\Users\luizavs\OneDrive - Grupo Algar\Backup PC Luiz\06-11-2019\LUIZ ALFREDO\01 - TELECOM\01 - TELEVENDAS\01 - TLV VAREJO\ANDERSON\CTBC Planejamento\03 - Inbound\02 - Capacities\2016\02 - Fevereiro\</t>
  </si>
  <si>
    <t>Capacity Fevereiro MPE.xlsx</t>
  </si>
  <si>
    <t>C:\Users\luizavs\OneDrive - Grupo Algar\Backup PC Luiz\06-11-2019\LUIZ ALFREDO\01 - TELECOM\01 - TELEVENDAS\01 - TLV VAREJO\ANDERSON\CTBC Planejamento\03 - Inbound\04 - DDX\2015\04 - Abril\</t>
  </si>
  <si>
    <t>Resumo Capacities.xlsx</t>
  </si>
  <si>
    <t>DDX ABRIL.xlsx</t>
  </si>
  <si>
    <t>Calculadora ILA.xlsm</t>
  </si>
  <si>
    <t>Calculadora ILA - Vol a mais.xlsm</t>
  </si>
  <si>
    <t>CALCULADORA DDX - PRODUTOS.xlsx</t>
  </si>
  <si>
    <t>CALCULADORA DDX - PRODUTOS - 19,3%.xlsx</t>
  </si>
  <si>
    <t>C:\Users\luizavs\OneDrive - Grupo Algar\Backup PC Luiz\06-11-2019\LUIZ ALFREDO\01 - TELECOM\01 - TELEVENDAS\01 - TLV VAREJO\ANDERSON\CTBC Planejamento\03 - Inbound\04 - DDX\2015\05 - Maio\</t>
  </si>
  <si>
    <t>DDX MAIO.xlsx</t>
  </si>
  <si>
    <t>C:\Users\luizavs\OneDrive - Grupo Algar\Backup PC Luiz\06-11-2019\LUIZ ALFREDO\01 - TELECOM\01 - TELEVENDAS\01 - TLV VAREJO\ANDERSON\CTBC Planejamento\03 - Inbound\04 - DDX\2015\06 - Junho\</t>
  </si>
  <si>
    <t>DDX JUNHO REFORECAST.xlsx</t>
  </si>
  <si>
    <t>DDX Calculadora TV A CABO.xlsm</t>
  </si>
  <si>
    <t>DDX Calculadora CTBC TV.xlsm</t>
  </si>
  <si>
    <t>consolidado rcv.xlsx</t>
  </si>
  <si>
    <t>Antiga Calculadora ILA.xlsm</t>
  </si>
  <si>
    <t>C:\Users\luizavs\OneDrive - Grupo Algar\Backup PC Luiz\06-11-2019\LUIZ ALFREDO\01 - TELECOM\01 - TELEVENDAS\01 - TLV VAREJO\ANDERSON\CTBC Planejamento\03 - Inbound\04 - DDX\2015\07 - Julho\</t>
  </si>
  <si>
    <t>DDX Segmentação - Cel, Fixa,Dados e TV.xlsx</t>
  </si>
  <si>
    <t>DDX JULHO FINAL.xlsx</t>
  </si>
  <si>
    <t>DDX Calculadora Cel, Fixa e Dados.xlsm</t>
  </si>
  <si>
    <t>C:\Users\luizavs\OneDrive - Grupo Algar\Backup PC Luiz\06-11-2019\LUIZ ALFREDO\01 - TELECOM\01 - TELEVENDAS\01 - TLV VAREJO\ANDERSON\CTBC Planejamento\03 - Inbound\04 - DDX\2015\08 - Agosto\</t>
  </si>
  <si>
    <t>DDX AGOSTO.xlsx</t>
  </si>
  <si>
    <t>DDX AGOSTO - ACADEMIA.xlsx</t>
  </si>
  <si>
    <t>DDX AGOSTO - ACADEMIA - OPERAÇÃO.xlsx</t>
  </si>
  <si>
    <t>C:\Users\luizavs\OneDrive - Grupo Algar\Backup PC Luiz\06-11-2019\LUIZ ALFREDO\01 - TELECOM\01 - TELEVENDAS\01 - TLV VAREJO\ANDERSON\CTBC Planejamento\03 - Inbound\04 - DDX\2015\09 - Setembro\</t>
  </si>
  <si>
    <t>DDX SETEMBRO.xlsx</t>
  </si>
  <si>
    <t>C:\Users\luizavs\OneDrive - Grupo Algar\Backup PC Luiz\06-11-2019\LUIZ ALFREDO\01 - TELECOM\01 - TELEVENDAS\01 - TLV VAREJO\ANDERSON\CTBC Planejamento\03 - Inbound\04 - DDX\2015\11 - Novembro\</t>
  </si>
  <si>
    <t>TLV CONSOLIDADO.xlsx</t>
  </si>
  <si>
    <t>DDX NOVEMBRO - RET NORMAL.xlsx</t>
  </si>
  <si>
    <t>C:\Users\luizavs\OneDrive - Grupo Algar\Backup PC Luiz\06-11-2019\LUIZ ALFREDO\01 - TELECOM\01 - TELEVENDAS\01 - TLV VAREJO\ANDERSON\CTBC Planejamento\03 - Inbound\04 - DDX\2015\12 - Dezembro\</t>
  </si>
  <si>
    <t>DDX Segmentação - Cel, Fixa,Dados e TV ESTUDO MPE.xlsx</t>
  </si>
  <si>
    <t>DDX DEZEMBRO.xlsx</t>
  </si>
  <si>
    <t>C:\Users\luizavs\OneDrive - Grupo Algar\Backup PC Luiz\06-11-2019\LUIZ ALFREDO\01 - TELECOM\01 - TELEVENDAS\01 - TLV VAREJO\ANDERSON\CTBC Planejamento\03 - Inbound\04 - DDX\2016\01 - Janeiro\</t>
  </si>
  <si>
    <t>DDX JANEIRO.xlsx</t>
  </si>
  <si>
    <t>C:\Users\luizavs\OneDrive - Grupo Algar\Backup PC Luiz\06-11-2019\LUIZ ALFREDO\01 - TELECOM\01 - TELEVENDAS\01 - TLV VAREJO\ANDERSON\CTBC SuperVendas\FECHAMENTOS\FATURADO\01 - JANEIRO\Mailings Janeiro\</t>
  </si>
  <si>
    <t>C:\Users\luizavs\OneDrive - Grupo Algar\Backup PC Luiz\06-11-2019\LUIZ ALFREDO\01 - TELECOM\01 - TELEVENDAS\01 - TLV VAREJO\ANDERSON\CTBC SuperVendas\FECHAMENTOS\FATURADO\04 - ABRIL\CMC020\</t>
  </si>
  <si>
    <t>C:\Users\luizavs\OneDrive - Grupo Algar\Backup PC Luiz\06-11-2019\LUIZ ALFREDO\01 - TELECOM\01 - TELEVENDAS\01 - TLV VAREJO\ANDERSON\CTBC SuperVendas\FECHAMENTOS\FATURADO\04 - ABRIL\DEBITO AUTOMATICO\</t>
  </si>
  <si>
    <t>C:\Users\luizavs\OneDrive - Grupo Algar\Backup PC Luiz\06-11-2019\LUIZ ALFREDO\01 - TELECOM\01 - TELEVENDAS\01 - TLV VAREJO\ANDERSON\CTBC SuperVendas\FECHAMENTOS\FATURADO\04 - ABRIL\INCLUSÕES\</t>
  </si>
  <si>
    <t>C:\Users\luizavs\OneDrive - Grupo Algar\Backup PC Luiz\06-11-2019\LUIZ ALFREDO\01 - TELECOM\01 - TELEVENDAS\01 - TLV VAREJO\ANDERSON\CTBC SuperVendas\FECHAMENTOS\FATURADO\04 - ABRIL\INVIABILIDADE\</t>
  </si>
  <si>
    <t>C:\Users\luizavs\OneDrive - Grupo Algar\Backup PC Luiz\06-11-2019\LUIZ ALFREDO\01 - TELECOM\01 - TELEVENDAS\01 - TLV VAREJO\ANDERSON\CTBC SuperVendas\FECHAMENTOS\FATURADO\04 - ABRIL\RELATORIOS FINANCEIROS\</t>
  </si>
  <si>
    <t>C:\Users\luizavs\OneDrive - Grupo Algar\Backup PC Luiz\06-11-2019\LUIZ ALFREDO\01 - TELECOM\01 - TELEVENDAS\01 - TLV VAREJO\ANDERSON\CTBC SuperVendas\FECHAMENTOS\FATURADO\05 - MAIO\DEBITO AUTOMATICO\</t>
  </si>
  <si>
    <t>C:\Users\luizavs\OneDrive - Grupo Algar\Backup PC Luiz\06-11-2019\LUIZ ALFREDO\01 - TELECOM\01 - TELEVENDAS\01 - TLV VAREJO\ANDERSON\CTBC SuperVendas\FECHAMENTOS\FATURADO\05 - MAIO\HORAS LOGADAS\</t>
  </si>
  <si>
    <t>C:\Users\luizavs\OneDrive - Grupo Algar\Backup PC Luiz\06-11-2019\LUIZ ALFREDO\01 - TELECOM\01 - TELEVENDAS\01 - TLV VAREJO\ANDERSON\CTBC SuperVendas\FECHAMENTOS\FATURADO\05 - MAIO\INCLUSÕES\</t>
  </si>
  <si>
    <t>C:\Users\luizavs\OneDrive - Grupo Algar\Backup PC Luiz\06-11-2019\LUIZ ALFREDO\01 - TELECOM\01 - TELEVENDAS\01 - TLV VAREJO\ANDERSON\CTBC SuperVendas\FECHAMENTOS\FATURADO\05 - MAIO\INVIABILIDADES\</t>
  </si>
  <si>
    <t>C:\Users\luizavs\OneDrive - Grupo Algar\Backup PC Luiz\06-11-2019\LUIZ ALFREDO\01 - TELECOM\01 - TELEVENDAS\01 - TLV VAREJO\ANDERSON\CTBC SuperVendas\FECHAMENTOS\FATURADO\06 - JUNHO\HORAS LOGADAS\</t>
  </si>
  <si>
    <t>C:\Users\luizavs\OneDrive - Grupo Algar\Backup PC Luiz\06-11-2019\LUIZ ALFREDO\01 - TELECOM\01 - TELEVENDAS\01 - TLV VAREJO\ANDERSON\CTBC SuperVendas\FECHAMENTOS\FATURADO\06 - JUNHO\INCLUSÕES\</t>
  </si>
  <si>
    <t>C:\Users\luizavs\OneDrive - Grupo Algar\Backup PC Luiz\06-11-2019\LUIZ ALFREDO\01 - TELECOM\01 - TELEVENDAS\01 - TLV VAREJO\ANDERSON\CTBC SuperVendas\FECHAMENTOS\FATURADO\06 - JUNHO\INVIABILIDADE\</t>
  </si>
  <si>
    <t>C:\Users\luizavs\OneDrive - Grupo Algar\Backup PC Luiz\06-11-2019\LUIZ ALFREDO\01 - TELECOM\01 - TELEVENDAS\01 - TLV VAREJO\ANDERSON\CTBC SuperVendas\FECHAMENTOS\FATURADO\06 - JUNHO\RELATORIOS FINANCEIROS\</t>
  </si>
  <si>
    <t>C:\Users\luizavs\OneDrive - Grupo Algar\Backup PC Luiz\06-11-2019\LUIZ ALFREDO\01 - TELECOM\01 - TELEVENDAS\01 - TLV VAREJO\ANDERSON\CTBC SuperVendas\FECHAMENTOS\FATURADO\07 - JULHO\DEBITO AUTOMATICO\</t>
  </si>
  <si>
    <t>C:\Users\luizavs\OneDrive - Grupo Algar\Backup PC Luiz\06-11-2019\LUIZ ALFREDO\01 - TELECOM\01 - TELEVENDAS\01 - TLV VAREJO\ANDERSON\CTBC SuperVendas\FECHAMENTOS\FATURADO\07 - JULHO\HORAS LOGADAS\</t>
  </si>
  <si>
    <t>C:\Users\luizavs\OneDrive - Grupo Algar\Backup PC Luiz\06-11-2019\LUIZ ALFREDO\01 - TELECOM\01 - TELEVENDAS\01 - TLV VAREJO\ANDERSON\CTBC SuperVendas\FECHAMENTOS\FATURADO\07 - JULHO\INVIABILIDADE\</t>
  </si>
  <si>
    <t>C:\Users\luizavs\OneDrive - Grupo Algar\Backup PC Luiz\06-11-2019\LUIZ ALFREDO\01 - TELECOM\01 - TELEVENDAS\01 - TLV VAREJO\ANDERSON\CTBC SuperVendas\FECHAMENTOS\FATURADO\07 - JULHO\RELATORIOS FINANCEIROS\</t>
  </si>
  <si>
    <t>C:\Users\luizavs\OneDrive - Grupo Algar\Backup PC Luiz\06-11-2019\LUIZ ALFREDO\01 - TELECOM\01 - TELEVENDAS\01 - TLV VAREJO\ANDERSON\CTBC SuperVendas\FECHAMENTOS\FATURADO\08 - AGOSTO\DEBITO AUTOMATICO\</t>
  </si>
  <si>
    <t>/o=exchangelabs/ou=exchange administrative group (fydibohf23spdlt)/cn=recipients/cn=0b12aab521944ecb8b32eb8c0929be5c-rafael gonz;/o=exchangelabs/ou=exchange administrative group (fydibohf23spdlt)/cn=recipients/cn=5af2cae509964078b2026f7f550380b0-andre luis;/o=exchangelabs/ou=exchange administrative group (fydibohf23spdlt)/cn=recipients/cn=8ab5e44d485043d59eb4f21463e63e6a-tays dos sa;/o=exchangelabs/ou=exchange administrative group (fydibohf23spdlt)/cn=recipients/cn=9b52022a6e624c30a92f50cf4538a4bf-talmaia rod;/o=exchangelabs/ou=exchange administrative group (fydibohf23spdlt)/cn=recipients/cn=user8e89d2d7;amanda.poucheira@bv.com.br;eliane.martins@bv.com.br;jose.gomes@bv.com.br;regis.costa@bv.com.br;</t>
  </si>
  <si>
    <t>/o=exchangelabs/ou=exchange administrative group (fydibohf23spdlt)/cn=recipients/cn=0b12aab521944ecb8b32eb8c0929be5c-rafael gonz,/o=exchangelabs/ou=exchange administrative group (fydibohf23spdlt)/cn=recipients/cn=5af2cae509964078b2026f7f550380b0-andre luis,/o=exchangelabs/ou=exchange administrative group (fydibohf23spdlt)/cn=recipients/cn=8ab5e44d485043d59eb4f21463e63e6a-tays dos sa,/o=exchangelabs/ou=exchange administrative group (fydibohf23spdlt)/cn=recipients/cn=9b52022a6e624c30a92f50cf4538a4bf-talmaia rod,/o=exchangelabs/ou=exchange administrative group (fydibohf23spdlt)/cn=recipients/cn=user8e89d2d7,amanda.poucheira@bv.com.br,eliane.martins@bv.com.br,jose.gomes@bv.com.br,regis.costa@bv.com.br</t>
  </si>
  <si>
    <t>C:\Users\luizavs\OneDrive - Grupo Algar\Backup PC Luiz\06-11-2019\LUIZ ALFREDO\01 - TELECOM\01 - TELEVENDAS\01 - TLV VAREJO\ANDERSON\CTBC SuperVendas\FECHAMENTOS\FATURADO\08 - AGOSTO\HORAS LOGADAS\</t>
  </si>
  <si>
    <t>C:\Users\luizavs\OneDrive - Grupo Algar\Backup PC Luiz\06-11-2019\LUIZ ALFREDO\01 - TELECOM\01 - TELEVENDAS\01 - TLV VAREJO\ANDERSON\CTBC SuperVendas\FECHAMENTOS\FATURADO\08 - AGOSTO\INVIABILIDADE\</t>
  </si>
  <si>
    <t>C:\Users\luizavs\OneDrive - Grupo Algar\Backup PC Luiz\06-11-2019\LUIZ ALFREDO\01 - TELECOM\01 - TELEVENDAS\01 - TLV VAREJO\ANDERSON\CTBC SuperVendas\FECHAMENTOS\FATURADO\08 - AGOSTO\RELATORIOS FINANCEIROS\</t>
  </si>
  <si>
    <t>C:\Users\luizavs\OneDrive - Grupo Algar\Backup PC Luiz\06-11-2019\LUIZ ALFREDO\01 - TELECOM\01 - TELEVENDAS\01 - TLV VAREJO\ANDERSON\CTBC SuperVendas\FECHAMENTOS\FATURADO\08 - AGOSTO\VALIDAÇÃO FECHAMENTO\</t>
  </si>
  <si>
    <t>C:\Users\luizavs\OneDrive - Grupo Algar\Backup PC Luiz\06-11-2019\LUIZ ALFREDO\01 - TELECOM\01 - TELEVENDAS\01 - TLV VAREJO\ANDERSON\CTBC SuperVendas\FECHAMENTOS\FATURADO\08 - AGOSTO\VALIDAÇÃO FECHAMENTO\APURAÇÃO TELEVENDAS AGOSTO.zip\</t>
  </si>
  <si>
    <t>C:\Users\luizavs\OneDrive - Grupo Algar\Backup PC Luiz\06-11-2019\LUIZ ALFREDO\01 - TELECOM\01 - TELEVENDAS\01 - TLV VAREJO\ANDERSON\CTBC SuperVendas\FECHAMENTOS\FATURADO\08 - AGOSTO\VALIDAÇÃO FECHAMENTO\APURAÇÃO TELEVENDAS AGOSTO F.zip\</t>
  </si>
  <si>
    <t>C:\Users\luizavs\OneDrive - Grupo Algar\Backup PC Luiz\06-11-2019\LUIZ ALFREDO\01 - TELECOM\01 - TELEVENDAS\01 - TLV VAREJO\ANDERSON\CTBC SuperVendas\FECHAMENTOS\FATURADO\08 - AGOSTO\VALIDAÇÃO FECHAMENTO\APURAÇÃO TELEVENDAS AGOSTO 3.zip\</t>
  </si>
  <si>
    <t>C:\Users\luizavs\OneDrive - Grupo Algar\Backup PC Luiz\06-11-2019\LUIZ ALFREDO\01 - TELECOM\01 - TELEVENDAS\01 - TLV VAREJO\ANDERSON\CTBC SuperVendas\FECHAMENTOS\FATURADO\08 - AGOSTO\VALIDAÇÃO FECHAMENTO\APURAÇÃO TELEVENDAS AGOSTO 2.zip\</t>
  </si>
  <si>
    <t>C:\Users\luizavs\OneDrive - Grupo Algar\Backup PC Luiz\06-11-2019\LUIZ ALFREDO\01 - TELECOM\01 - TELEVENDAS\01 - TLV VAREJO\ANDERSON\CTBC SuperVendas\FECHAMENTOS\FATURADO\2015\12 - DEZEMBRO\</t>
  </si>
  <si>
    <t>C:\Users\luizavs\OneDrive - Grupo Algar\Backup PC Luiz\06-11-2019\LUIZ ALFREDO\01 - TELECOM\01 - TELEVENDAS\01 - TLV VAREJO\ANDERSON\CTBC SuperVendas\FECHAMENTOS\FATURADO\2015\12 - DEZEMBRO\APURAÇÃO TELEVENDAS DEZEMBRO 4.zip\</t>
  </si>
  <si>
    <t>C:\Users\luizavs\OneDrive - Grupo Algar\Backup PC Luiz\06-11-2019\LUIZ ALFREDO\01 - TELECOM\01 - TELEVENDAS\01 - TLV VAREJO\ANDERSON\CTBC SuperVendas\FECHAMENTOS\FATURADO\2015\12 - DEZEMBRO\APURAÇÃO TELEVENDAS DEZEMBRO 3.zip\</t>
  </si>
  <si>
    <t>/o=exchangelabs/ou=exchange administrative group (fydibohf23spdlt)/cn=recipients/cn=32fe8a14424941da83c2bf35a8a5709e-fabiana car;/o=exchangelabs/ou=exchange administrative group (fydibohf23spdlt)/cn=recipients/cn=8ab5e44d485043d59eb4f21463e63e6a-tays dos sa;/o=exchangelabs/ou=exchange administrative group (fydibohf23spdlt)/cn=recipients/cn=b36412a54b154c07b0a876537a78fce8-jheniffer g;/o=exchangelabs/ou=exchange administrative group (fydibohf23spdlt)/cn=recipients/cn=fd4a47c4d251414eb48a57376a49e773-marco tulio;</t>
  </si>
  <si>
    <t>RES: Rateio OUTUBRO/2019</t>
  </si>
  <si>
    <t>RATEIO 340001102.xls</t>
  </si>
  <si>
    <t>/o=exchangelabs/ou=exchange administrative group (fydibohf23spdlt)/cn=recipients/cn=32fe8a14424941da83c2bf35a8a5709e-fabiana car,/o=exchangelabs/ou=exchange administrative group (fydibohf23spdlt)/cn=recipients/cn=8ab5e44d485043d59eb4f21463e63e6a-tays dos sa,/o=exchangelabs/ou=exchange administrative group (fydibohf23spdlt)/cn=recipients/cn=b36412a54b154c07b0a876537a78fce8-jheniffer g,/o=exchangelabs/ou=exchange administrative group (fydibohf23spdlt)/cn=recipients/cn=fd4a47c4d251414eb48a57376a49e773-marco tulio</t>
  </si>
  <si>
    <t>/o=exchangelabs/ou=exchange administrative group (fydibohf23spdlt)/cn=recipients/cn=1e2e97da71ef410ba6f7bc3d1bfa9175-antonio car;/o=exchangelabs/ou=exchange administrative group (fydibohf23spdlt)/cn=recipients/cn=c29ec9dae022497281c840087cccddec-patricia ar;/o=exchangelabs/ou=exchange administrative group (fydibohf23spdlt)/cn=recipients/cn=f167860e3f1940cc81730e5f24d2f0bb-alexandre f;</t>
  </si>
  <si>
    <t>Overstaff - Agibank</t>
  </si>
  <si>
    <t>Novo escopo Agibank.xla.xlsx</t>
  </si>
  <si>
    <t>/o=exchangelabs/ou=exchange administrative group (fydibohf23spdlt)/cn=recipients/cn=1e2e97da71ef410ba6f7bc3d1bfa9175-antonio car,/o=exchangelabs/ou=exchange administrative group (fydibohf23spdlt)/cn=recipients/cn=c29ec9dae022497281c840087cccddec-patricia ar,/o=exchangelabs/ou=exchange administrative group (fydibohf23spdlt)/cn=recipients/cn=f167860e3f1940cc81730e5f24d2f0bb-alexandre f</t>
  </si>
  <si>
    <t>C:\Users\luizavs\OneDrive - Grupo Algar\Backup PC Luiz\06-11-2019\LUIZ ALFREDO\01 - TELECOM\01 - TELEVENDAS\01 - TLV VAREJO\ANDERSON\CTBC SuperVendas\FECHAMENTOS\FATURADO\2015\12 - DEZEMBRO\APURAÇÃO TELEVENDAS DEZEMBRO 2.zip\</t>
  </si>
  <si>
    <t>C:\Users\luizavs\OneDrive - Grupo Algar\Backup PC Luiz\06-11-2019\LUIZ ALFREDO\01 - TELECOM\01 - TELEVENDAS\01 - TLV VAREJO\ANDERSON\CTBC SuperVendas\FECHAMENTOS\FATURADO\2015\12 - DEZEMBRO\APURAÇÃO TELEVENDAS DEZEMBRO 1.zip\</t>
  </si>
  <si>
    <t>C:\Users\luizavs\OneDrive - Grupo Algar\Backup PC Luiz\06-11-2019\LUIZ ALFREDO\01 - TELECOM\01 - TELEVENDAS\01 - TLV VAREJO\MAILINGS\2016\06-JUNHO\REPORT_MAILING\REPORT_MAILING\REPORT_MAILING\</t>
  </si>
  <si>
    <t>C:\Users\luizavs\OneDrive - Grupo Algar\Backup PC Luiz\06-11-2019\LUIZ ALFREDO\01 - TELECOM\01 - TELEVENDAS\01 - TLV VAREJO\ANDERSON\CTBC Planejamento\03 - Inbound\01 - Calculadoras Intramês\2015\03 - Março\102\</t>
  </si>
  <si>
    <t>QUEBRA DIARIA 102.xlsx</t>
  </si>
  <si>
    <t>DIMENS_2015_3_102 FORECAST.xlsm</t>
  </si>
  <si>
    <t>DIMENS_2015_3_102 CAPACIDADE.xlsm</t>
  </si>
  <si>
    <t>C:\Users\luizavs\OneDrive - Grupo Algar\Backup PC Luiz\06-11-2019\LUIZ ALFREDO\01 - TELECOM\01 - TELEVENDAS\01 - TLV VAREJO\ANDERSON\CTBC Planejamento\03 - Inbound\01 - Calculadoras Intramês\2015\03 - Março\EMPRESARIAL\</t>
  </si>
  <si>
    <t>QUEBRA DIARIA EMPRESARIAL.xlsx</t>
  </si>
  <si>
    <t>DIMENS_2015_3_EMPRESARIAL FORECAST.xlsm</t>
  </si>
  <si>
    <t>C:\Users\luizavs\OneDrive - Grupo Algar\Backup PC Luiz\06-11-2019\LUIZ ALFREDO\01 - TELECOM\01 - TELEVENDAS\01 - TLV VAREJO\ANDERSON\CTBC Planejamento\03 - Inbound\01 - Calculadoras Intramês\2015\03 - Março\HD\</t>
  </si>
  <si>
    <t>QUEBRA DIARIA HD.xlsx</t>
  </si>
  <si>
    <t>DIMENS_2015_3_HD FORECAST.xlsm</t>
  </si>
  <si>
    <t>DIMENS_2015_3_HD FORECAST - ENCONTRO.xlsm</t>
  </si>
  <si>
    <t>DIMENS_2015_3_HD FORECAST - Cópia.xlsm</t>
  </si>
  <si>
    <t>DIMENS_2015_3_HD CAPACITY.xlsm</t>
  </si>
  <si>
    <t>C:\Users\luizavs\OneDrive - Grupo Algar\Backup PC Luiz\06-11-2019\LUIZ ALFREDO\01 - TELECOM\01 - TELEVENDAS\01 - TLV VAREJO\ANDERSON\CTBC Planejamento\03 - Inbound\01 - Calculadoras Intramês\2015\03 - Março\SINAL FACIL\</t>
  </si>
  <si>
    <t>DIMENS_2015_3_SINAL FACIL FORECAST.xlsm</t>
  </si>
  <si>
    <t>C:\Users\luizavs\OneDrive - Grupo Algar\Backup PC Luiz\06-11-2019\LUIZ ALFREDO\01 - TELECOM\01 - TELEVENDAS\01 - TLV VAREJO\ANDERSON\CTBC Planejamento\03 - Inbound\01 - Calculadoras Intramês\2015\03 - Março\TELEVENDAS\</t>
  </si>
  <si>
    <t>QUEBRA DIARIA RET TELEVENDAS.xlsx</t>
  </si>
  <si>
    <t>DIMENS_2015_3_TELEVENDAS FORECAST.xlsm</t>
  </si>
  <si>
    <t>DIMENS_2015_3_TELEVENDAS ENCONTRO.xlsm</t>
  </si>
  <si>
    <t>DIMENS_2015_3_TELEVENDAS CAPACIDADE.xlsm</t>
  </si>
  <si>
    <t>C:\Users\luizavs\OneDrive - Grupo Algar\Backup PC Luiz\06-11-2019\LUIZ ALFREDO\01 - TELECOM\01 - TELEVENDAS\01 - TLV VAREJO\ANDERSON\CTBC Planejamento\03 - Inbound\01 - Calculadoras Intramês\2015\03 - Março\TV's 2 NIVEL\</t>
  </si>
  <si>
    <t>QUEBRA DIARIA TV's 2 NIVEL.xlsx</t>
  </si>
  <si>
    <t>C:\Users\luizavs\OneDrive - Grupo Algar\Backup PC Luiz\06-11-2019\LUIZ ALFREDO\01 - TELECOM\01 - TELEVENDAS\01 - TLV VAREJO\ANDERSON\CTBC Planejamento\03 - Inbound\01 - Calculadoras Intramês\2015\04 - Abril\102\</t>
  </si>
  <si>
    <t>DIMENS_2015_4_102 FORECAST.xlsm</t>
  </si>
  <si>
    <t>DIMENS_2015_4_102 FORECAST - 105.xlsm</t>
  </si>
  <si>
    <t>C:\Users\luizavs\OneDrive - Grupo Algar\Backup PC Luiz\06-11-2019\LUIZ ALFREDO\01 - TELECOM\01 - TELEVENDAS\01 - TLV VAREJO\ANDERSON\CTBC Planejamento\03 - Inbound\01 - Calculadoras Intramês\2015\04 - Abril\EMPRESARIAL\</t>
  </si>
  <si>
    <t>DIMENS_2015_4_EMPRESARIAL FORECAST.xlsm</t>
  </si>
  <si>
    <t>C:\Users\luizavs\OneDrive - Grupo Algar\Backup PC Luiz\06-11-2019\LUIZ ALFREDO\01 - TELECOM\01 - TELEVENDAS\01 - TLV VAREJO\ANDERSON\CTBC Planejamento\03 - Inbound\01 - Calculadoras Intramês\2015\04 - Abril\HD\</t>
  </si>
  <si>
    <t>DIMENS_2015_4_HD FORECAST.xlsm</t>
  </si>
  <si>
    <t>DIMENS_2015_4_HD FORECAST - 105.xlsm</t>
  </si>
  <si>
    <t>C:\Users\luizavs\OneDrive - Grupo Algar\Backup PC Luiz\06-11-2019\LUIZ ALFREDO\01 - TELECOM\01 - TELEVENDAS\01 - TLV VAREJO\ANDERSON\CTBC Planejamento\03 - Inbound\01 - Calculadoras Intramês\2015\04 - Abril\SINAL FACIL\</t>
  </si>
  <si>
    <t>QUEBRA DIARIA SINAL FACIL.xlsx</t>
  </si>
  <si>
    <t>DIMENS_2015_4_SINAL FACIL FORECAST.xlsm</t>
  </si>
  <si>
    <t>C:\Users\luizavs\OneDrive - Grupo Algar\Backup PC Luiz\06-11-2019\LUIZ ALFREDO\01 - TELECOM\01 - TELEVENDAS\01 - TLV VAREJO\ANDERSON\CTBC Planejamento\03 - Inbound\01 - Calculadoras Intramês\2015\04 - Abril\TELEVENDAS\</t>
  </si>
  <si>
    <t>DIMENS_2015_4_TELEVENDAS FORECAST.xlsm</t>
  </si>
  <si>
    <t>C:\Users\luizavs\OneDrive - Grupo Algar\Backup PC Luiz\06-11-2019\LUIZ ALFREDO\01 - TELECOM\01 - TELEVENDAS\01 - TLV VAREJO\ANDERSON\CTBC Planejamento\03 - Inbound\01 - Calculadoras Intramês\2015\04 - Abril\TV's 2 NIVEL\</t>
  </si>
  <si>
    <t>C:\Users\luizavs\OneDrive - Grupo Algar\Backup PC Luiz\06-11-2019\LUIZ ALFREDO\01 - TELECOM\01 - TELEVENDAS\01 - TLV VAREJO\ANDERSON\CTBC Planejamento\03 - Inbound\01 - Calculadoras Intramês\2015\05 - Maio\102\</t>
  </si>
  <si>
    <t>DIMENS_2015_5_102 FORECAST.xlsm</t>
  </si>
  <si>
    <t>DIMENS_2015_5_102 FORECAST - 105.xlsm</t>
  </si>
  <si>
    <t>C:\Users\luizavs\OneDrive - Grupo Algar\Backup PC Luiz\06-11-2019\LUIZ ALFREDO\01 - TELECOM\01 - TELEVENDAS\01 - TLV VAREJO\ANDERSON\CTBC Planejamento\03 - Inbound\01 - Calculadoras Intramês\2015\05 - Maio\EMPRESARIAL\</t>
  </si>
  <si>
    <t>DIMENS_2015_5_EMPRESARIAL FORECAST.xlsm</t>
  </si>
  <si>
    <t>C:\Users\luizavs\OneDrive - Grupo Algar\Backup PC Luiz\06-11-2019\LUIZ ALFREDO\01 - TELECOM\01 - TELEVENDAS\01 - TLV VAREJO\ANDERSON\CTBC Planejamento\03 - Inbound\01 - Calculadoras Intramês\2015\05 - Maio\HD\</t>
  </si>
  <si>
    <t>DIMENS_2015_5_HD FORECAST.xlsm</t>
  </si>
  <si>
    <t>DIMENS_2015_5_HD FORECAST - 105.xlsm</t>
  </si>
  <si>
    <t>C:\Users\luizavs\OneDrive - Grupo Algar\Backup PC Luiz\06-11-2019\LUIZ ALFREDO\01 - TELECOM\01 - TELEVENDAS\01 - TLV VAREJO\ANDERSON\CTBC Planejamento\03 - Inbound\01 - Calculadoras Intramês\2015\05 - Maio\RCV\</t>
  </si>
  <si>
    <t>Solicitação de aumento - agentes.xlsx</t>
  </si>
  <si>
    <t>C:\Users\luizavs\OneDrive - Grupo Algar\Backup PC Luiz\06-11-2019\LUIZ ALFREDO\01 - TELECOM\01 - TELEVENDAS\01 - TLV VAREJO\ANDERSON\CTBC Planejamento\03 - Inbound\01 - Calculadoras Intramês\2015\05 - Maio\SINAL FACIL\</t>
  </si>
  <si>
    <t>DIMENS_2015_5_SINAL FACIL FORECAST.xlsm</t>
  </si>
  <si>
    <t>C:\Users\luizavs\OneDrive - Grupo Algar\Backup PC Luiz\06-11-2019\LUIZ ALFREDO\01 - TELECOM\01 - TELEVENDAS\01 - TLV VAREJO\ANDERSON\CTBC Planejamento\03 - Inbound\01 - Calculadoras Intramês\2015\05 - Maio\TELEVENDAS\</t>
  </si>
  <si>
    <t>DIMENS_2015_5_TELEVENDAS FORECAST.xlsm</t>
  </si>
  <si>
    <t>C:\Users\luizavs\OneDrive - Grupo Algar\Backup PC Luiz\06-11-2019\LUIZ ALFREDO\01 - TELECOM\01 - TELEVENDAS\01 - TLV VAREJO\ANDERSON\CTBC Planejamento\03 - Inbound\01 - Calculadoras Intramês\2015\05 - Maio\TV's 2 NIVEL\</t>
  </si>
  <si>
    <t>DIMENS_2015_5_TV's 2 NIVEL FORECAST.xlsm</t>
  </si>
  <si>
    <t>C:\Users\luizavs\OneDrive - Grupo Algar\Backup PC Luiz\06-11-2019\LUIZ ALFREDO\01 - TELECOM\01 - TELEVENDAS\01 - TLV VAREJO\ANDERSON\CTBC Planejamento\03 - Inbound\01 - Calculadoras Intramês\2015\06 - Junho\102\</t>
  </si>
  <si>
    <t>DIMENS_2015_6_102 REFORECAST.xlsm</t>
  </si>
  <si>
    <t>DIMENS_2015_6_102 FORECAST.xlsm</t>
  </si>
  <si>
    <t>DIMENS_2015_6_102 FORECAST - 105.xlsm</t>
  </si>
  <si>
    <t>C:\Users\luizavs\OneDrive - Grupo Algar\Backup PC Luiz\06-11-2019\LUIZ ALFREDO\01 - TELECOM\01 - TELEVENDAS\01 - TLV VAREJO\ANDERSON\CTBC Planejamento\03 - Inbound\01 - Calculadoras Intramês\2015\06 - Junho\EMPRESARIAL\</t>
  </si>
  <si>
    <t>DIMENS_2015_6_EMPRESARIAL FORECAST.xlsm</t>
  </si>
  <si>
    <t>C:\Users\luizavs\OneDrive - Grupo Algar\Backup PC Luiz\06-11-2019\LUIZ ALFREDO\01 - TELECOM\01 - TELEVENDAS\01 - TLV VAREJO\ANDERSON\CTBC Planejamento\03 - Inbound\01 - Calculadoras Intramês\2015\06 - Junho\HD\</t>
  </si>
  <si>
    <t>DIMENS_2015_6_HD FORECAST.xlsm</t>
  </si>
  <si>
    <t>DIMENS_2015_6_HD FORECAST - H.E..xlsm</t>
  </si>
  <si>
    <t>DIMENS_2015_6_HD FORECAST - 105.xlsm</t>
  </si>
  <si>
    <t>C:\Users\luizavs\OneDrive - Grupo Algar\Backup PC Luiz\06-11-2019\LUIZ ALFREDO\01 - TELECOM\01 - TELEVENDAS\01 - TLV VAREJO\ANDERSON\CTBC Planejamento\03 - Inbound\01 - Calculadoras Intramês\2015\06 - Junho\HD + TV's 2 NIVEL\</t>
  </si>
  <si>
    <t>JUNÇÃO HD + TV 2 NIVEL.xlsx</t>
  </si>
  <si>
    <t>JUNÇÃO HD + TV 2 NIVEL 2.xlsx</t>
  </si>
  <si>
    <t>C:\Users\luizavs\OneDrive - Grupo Algar\Backup PC Luiz\06-11-2019\LUIZ ALFREDO\01 - TELECOM\01 - TELEVENDAS\01 - TLV VAREJO\ANDERSON\CTBC Planejamento\03 - Inbound\01 - Calculadoras Intramês\2015\06 - Junho\SINAL FACIL\</t>
  </si>
  <si>
    <t>DIMENS_2015_6_SINAL FACIL FORECAST.xlsm</t>
  </si>
  <si>
    <t>C:\Users\luizavs\OneDrive - Grupo Algar\Backup PC Luiz\06-11-2019\LUIZ ALFREDO\01 - TELECOM\01 - TELEVENDAS\01 - TLV VAREJO\ANDERSON\CTBC Planejamento\03 - Inbound\01 - Calculadoras Intramês\2015\06 - Junho\TELEVENDAS\</t>
  </si>
  <si>
    <t>DIMENS_2015_6_TELEVENDAS FORECAST.xlsm</t>
  </si>
  <si>
    <t>C:\Users\luizavs\OneDrive - Grupo Algar\Backup PC Luiz\06-11-2019\LUIZ ALFREDO\01 - TELECOM\01 - TELEVENDAS\01 - TLV VAREJO\ANDERSON\CTBC Planejamento\03 - Inbound\01 - Calculadoras Intramês\2015\06 - Junho\TV's 2 NIVEL\</t>
  </si>
  <si>
    <t>C:\Users\luizavs\OneDrive - Grupo Algar\Backup PC Luiz\06-11-2019\LUIZ ALFREDO\01 - TELECOM\01 - TELEVENDAS\01 - TLV VAREJO\ANDERSON\CTBC Planejamento\03 - Inbound\01 - Calculadoras Intramês\2015\07 - Julho\102\</t>
  </si>
  <si>
    <t>DIMENS_2015_7_102 REFORECAST.xlsm</t>
  </si>
  <si>
    <t>DIMENS_2015_7_102 REFORECAST - 105.xlsm</t>
  </si>
  <si>
    <t>DIMENS_2015_7_102 FORECAST.xlsm</t>
  </si>
  <si>
    <t>C:\Users\luizavs\OneDrive - Grupo Algar\Backup PC Luiz\06-11-2019\LUIZ ALFREDO\01 - TELECOM\01 - TELEVENDAS\01 - TLV VAREJO\ANDERSON\CTBC Planejamento\03 - Inbound\01 - Calculadoras Intramês\2015\07 - Julho\CHAT\</t>
  </si>
  <si>
    <t>QUEBRA DIARIA CHAT.xlsx</t>
  </si>
  <si>
    <t>DIMENS_2015_7_CHAT FORECAST.xlsm</t>
  </si>
  <si>
    <t>DIMENS_2015_7_CHAT 1212.xlsm</t>
  </si>
  <si>
    <t>CURVA SEMANAL.xlsx</t>
  </si>
  <si>
    <t>C:\Users\luizavs\OneDrive - Grupo Algar\Backup PC Luiz\06-11-2019\LUIZ ALFREDO\01 - TELECOM\01 - TELEVENDAS\01 - TLV VAREJO\ANDERSON\CTBC Planejamento\03 - Inbound\01 - Calculadoras Intramês\2015\07 - Julho\EMPRESARIAL\</t>
  </si>
  <si>
    <t>DIMENS_2015_7_EMPRESARIAL FORECAST.xlsm</t>
  </si>
  <si>
    <t>C:\Users\luizavs\OneDrive - Grupo Algar\Backup PC Luiz\06-11-2019\LUIZ ALFREDO\01 - TELECOM\01 - TELEVENDAS\01 - TLV VAREJO\ANDERSON\CTBC Planejamento\03 - Inbound\01 - Calculadoras Intramês\2015\07 - Julho\RCV\</t>
  </si>
  <si>
    <t>QUEBRA DIARIA RCV.xlsx</t>
  </si>
  <si>
    <t>DIMENS_2015_7_RCV FORECAST.xlsm</t>
  </si>
  <si>
    <t>DIMENS_2015_7_RCV FORECAST AJUSTE DDX.xlsm</t>
  </si>
  <si>
    <t>DIMENS_2015_7_RCV FORECAST 105.xlsm</t>
  </si>
  <si>
    <t>DIMENS_2015_7_RCV FORECAST 105 AJUSTE DDX.xlsm</t>
  </si>
  <si>
    <t>DIMENS_2015_7_RCV FORECAST - 110.xlsm</t>
  </si>
  <si>
    <t>C:\Users\luizavs\OneDrive - Grupo Algar\Backup PC Luiz\06-11-2019\LUIZ ALFREDO\01 - TELECOM\01 - TELEVENDAS\01 - TLV VAREJO\ANDERSON\CTBC Planejamento\03 - Inbound\01 - Calculadoras Intramês\2015\07 - Julho\SINAL FACIL\</t>
  </si>
  <si>
    <t>DIMENS_2015_7_SINAL FACIL FORECAST.xlsm</t>
  </si>
  <si>
    <t>C:\Users\luizavs\OneDrive - Grupo Algar\Backup PC Luiz\06-11-2019\LUIZ ALFREDO\01 - TELECOM\01 - TELEVENDAS\01 - TLV VAREJO\ANDERSON\CTBC Planejamento\03 - Inbound\01 - Calculadoras Intramês\2015\07 - Julho\TELEVENDAS\</t>
  </si>
  <si>
    <t>DIMENS_2015_7_TELEVENDAS FORECAST.xlsm</t>
  </si>
  <si>
    <t>C:\Users\luizavs\OneDrive - Grupo Algar\Backup PC Luiz\06-11-2019\LUIZ ALFREDO\01 - TELECOM\01 - TELEVENDAS\01 - TLV VAREJO\ANDERSON\CTBC Planejamento\03 - Inbound\01 - Calculadoras Intramês\2015\08 - Agosto\102\</t>
  </si>
  <si>
    <t>DIMENS_2015_8_102 REFORECAST.xlsm</t>
  </si>
  <si>
    <t>DIMENS_2015_8_102 REFORECAST - 105.xlsm</t>
  </si>
  <si>
    <t>DIMENS_2015_8_102 FORECAST.xlsm</t>
  </si>
  <si>
    <t>C:\Users\luizavs\OneDrive - Grupo Algar\Backup PC Luiz\06-11-2019\LUIZ ALFREDO\01 - TELECOM\01 - TELEVENDAS\01 - TLV VAREJO\ANDERSON\CTBC Planejamento\03 - Inbound\01 - Calculadoras Intramês\2015\08 - Agosto\EMPRESARIAL\</t>
  </si>
  <si>
    <t>DIMENS_2015_8_EMPRESARIAL FORECAST.xlsm</t>
  </si>
  <si>
    <t>C:\Users\luizavs\OneDrive - Grupo Algar\Backup PC Luiz\06-11-2019\LUIZ ALFREDO\01 - TELECOM\01 - TELEVENDAS\01 - TLV VAREJO\ANDERSON\CTBC Planejamento\03 - Inbound\01 - Calculadoras Intramês\2015\08 - Agosto\RCV\</t>
  </si>
  <si>
    <t>DIMENS_2015_8_RCV REFORECAST 3 190 agentes.xlsm</t>
  </si>
  <si>
    <t>C:\Users\luizavs\OneDrive - Grupo Algar\Backup PC Luiz\06-11-2019\LUIZ ALFREDO\01 - TELECOM\01 - TELEVENDAS\01 - TLV VAREJO\ANDERSON\CTBC Planejamento\03 - Inbound\01 - Calculadoras Intramês\2015\08 - Agosto\SINAL FACIL\</t>
  </si>
  <si>
    <t>DIMENS_2015_8_SINAL FACIL FORECAST.xlsm</t>
  </si>
  <si>
    <t>C:\Users\luizavs\OneDrive - Grupo Algar\Backup PC Luiz\06-11-2019\LUIZ ALFREDO\01 - TELECOM\01 - TELEVENDAS\01 - TLV VAREJO\ANDERSON\CTBC Planejamento\03 - Inbound\01 - Calculadoras Intramês\2015\08 - Agosto\TELEVENDAS\</t>
  </si>
  <si>
    <t>DIMENS_2015_8_TELEVENDAS FORECAST.xlsm</t>
  </si>
  <si>
    <t>C:\Users\luizavs\OneDrive - Grupo Algar\Backup PC Luiz\06-11-2019\LUIZ ALFREDO\01 - TELECOM\01 - TELEVENDAS\01 - TLV VAREJO\ANDERSON\CTBC Planejamento\03 - Inbound\01 - Calculadoras Intramês\2015\08 - Agosto\TELEVENDAS MPE\</t>
  </si>
  <si>
    <t>C:\Users\luizavs\OneDrive - Grupo Algar\Backup PC Luiz\06-11-2019\LUIZ ALFREDO\01 - TELECOM\01 - TELEVENDAS\01 - TLV VAREJO\ANDERSON\CTBC Planejamento\03 - Inbound\01 - Calculadoras Intramês\2015\09 - Setembro\102\</t>
  </si>
  <si>
    <t>DIMENS_2015_9_102 FORECAST.xlsm</t>
  </si>
  <si>
    <t>C:\Users\luizavs\OneDrive - Grupo Algar\Backup PC Luiz\06-11-2019\LUIZ ALFREDO\01 - TELECOM\01 - TELEVENDAS\01 - TLV VAREJO\ANDERSON\CTBC Planejamento\03 - Inbound\01 - Calculadoras Intramês\2015\09 - Setembro\CHAT\</t>
  </si>
  <si>
    <t>C:\Users\luizavs\OneDrive - Grupo Algar\Backup PC Luiz\06-11-2019\LUIZ ALFREDO\01 - TELECOM\01 - TELEVENDAS\01 - TLV VAREJO\ANDERSON\CTBC Planejamento\03 - Inbound\01 - Calculadoras Intramês\2015\09 - Setembro\EMPRESARIAL\</t>
  </si>
  <si>
    <t>C:\Users\luizavs\OneDrive - Grupo Algar\Backup PC Luiz\06-11-2019\LUIZ ALFREDO\01 - TELECOM\01 - TELEVENDAS\01 - TLV VAREJO\ANDERSON\CTBC Planejamento\03 - Inbound\01 - Calculadoras Intramês\2015\09 - Setembro\RCV\</t>
  </si>
  <si>
    <t>DIMENS_2015_9_RCV FORECAST.xlsm</t>
  </si>
  <si>
    <t>DIMENS_2015_9_RCV FORECAST ACADEMIA.xlsm</t>
  </si>
  <si>
    <t>C:\Users\luizavs\OneDrive - Grupo Algar\Backup PC Luiz\06-11-2019\LUIZ ALFREDO\01 - TELECOM\01 - TELEVENDAS\01 - TLV VAREJO\ANDERSON\CTBC Planejamento\03 - Inbound\01 - Calculadoras Intramês\2015\09 - Setembro\SINAL FACIL\</t>
  </si>
  <si>
    <t>C:\Users\luizavs\OneDrive - Grupo Algar\Backup PC Luiz\06-11-2019\LUIZ ALFREDO\01 - TELECOM\01 - TELEVENDAS\01 - TLV VAREJO\ANDERSON\CTBC Planejamento\03 - Inbound\01 - Calculadoras Intramês\2015\09 - Setembro\TELEVENDAS\</t>
  </si>
  <si>
    <t>DIMENS_2015_9_TELEVENDAS FORECAST.xlsm</t>
  </si>
  <si>
    <t>C:\Users\luizavs\OneDrive - Grupo Algar\Backup PC Luiz\06-11-2019\LUIZ ALFREDO\01 - TELECOM\01 - TELEVENDAS\01 - TLV VAREJO\ANDERSON\CTBC Planejamento\03 - Inbound\01 - Calculadoras Intramês\2015\10 - Outubro\102\</t>
  </si>
  <si>
    <t>DIMENS_2015_10_102 REFORECAST.xlsm</t>
  </si>
  <si>
    <t>DIMENS_2015_10_102 NECESSIDADE REFORECAST.xlsm</t>
  </si>
  <si>
    <t>C:\Users\luizavs\OneDrive - Grupo Algar\Backup PC Luiz\06-11-2019\LUIZ ALFREDO\01 - TELECOM\01 - TELEVENDAS\01 - TLV VAREJO\ANDERSON\CTBC Planejamento\03 - Inbound\01 - Calculadoras Intramês\2015\10 - Outubro\HD\</t>
  </si>
  <si>
    <t>TRN HD.xlsx</t>
  </si>
  <si>
    <t>QUEBRA DIARIA HD + TV's 2 NIVEL.xlsx</t>
  </si>
  <si>
    <t>DIMENS_2015_10_HD REFORECAST.xlsm</t>
  </si>
  <si>
    <t>DIMENS_2015_10_HD REFORECAST - CAFE.xlsm</t>
  </si>
  <si>
    <t>DIMENS_2015_10_HD NECESSIDADE REFORECAST.xlsm</t>
  </si>
  <si>
    <t>BD para Outubro.xls</t>
  </si>
  <si>
    <t>C:\Users\luizavs\OneDrive - Grupo Algar\Backup PC Luiz\06-11-2019\LUIZ ALFREDO\01 - TELECOM\01 - TELEVENDAS\01 - TLV VAREJO\ANDERSON\CTBC Planejamento\03 - Inbound\01 - Calculadoras Intramês\2015\10 - Outubro\MPE\</t>
  </si>
  <si>
    <t>TRN MPE.xlsx</t>
  </si>
  <si>
    <t>DIMENS_2015_10_MPE REFORECAST.xlsm</t>
  </si>
  <si>
    <t>DIMENS_2015_10_MPE NECESSIDADE REFORECAST.xlsm</t>
  </si>
  <si>
    <t>C:\Users\luizavs\OneDrive - Grupo Algar\Backup PC Luiz\06-11-2019\LUIZ ALFREDO\01 - TELECOM\01 - TELEVENDAS\01 - TLV VAREJO\ANDERSON\CTBC Planejamento\03 - Inbound\01 - Calculadoras Intramês\2015\10 - Outubro\RCV\</t>
  </si>
  <si>
    <t>TRN RCV.xlsx</t>
  </si>
  <si>
    <t>DIMENS_2015_10_RCV REFORECAST.xlsm</t>
  </si>
  <si>
    <t>DIMENS_2015_10_RCV REFORECAST 16-10.xlsm</t>
  </si>
  <si>
    <t>DIMENS_2015_10_RCV REFORECAST 16-10 REAL.xlsm</t>
  </si>
  <si>
    <t>DIMENS_2015_10_RCV REFORECAST - CAFE.xlsm</t>
  </si>
  <si>
    <t>DIMENS_2015_10_RCV NECESSIDADE REFORECAST.xlsm</t>
  </si>
  <si>
    <t>C:\Users\luizavs\OneDrive - Grupo Algar\Backup PC Luiz\06-11-2019\LUIZ ALFREDO\01 - TELECOM\01 - TELEVENDAS\01 - TLV VAREJO\ANDERSON\CTBC Planejamento\03 - Inbound\01 - Calculadoras Intramês\2015\10 - Outubro\RET MPE\</t>
  </si>
  <si>
    <t>QUEBRA DIARIA RET EMPRESARIAL.xlsx</t>
  </si>
  <si>
    <t>DIMENS_2015_10_RET MPE REFORECAST.xlsm</t>
  </si>
  <si>
    <t>C:\Users\luizavs\OneDrive - Grupo Algar\Backup PC Luiz\06-11-2019\LUIZ ALFREDO\01 - TELECOM\01 - TELEVENDAS\01 - TLV VAREJO\ANDERSON\CTBC Planejamento\03 - Inbound\01 - Calculadoras Intramês\2015\10 - Outubro\RET RES\</t>
  </si>
  <si>
    <t>QUEBRA DIARIA RET RESIDENCIAL.xlsx</t>
  </si>
  <si>
    <t>DIMENS_2015_10_RET RES FORECAST.xlsm</t>
  </si>
  <si>
    <t>C:\Users\luizavs\OneDrive - Grupo Algar\Backup PC Luiz\06-11-2019\LUIZ ALFREDO\01 - TELECOM\01 - TELEVENDAS\01 - TLV VAREJO\ANDERSON\CTBC Planejamento\03 - Inbound\01 - Calculadoras Intramês\2015\10 - Outubro\SNF\</t>
  </si>
  <si>
    <t>DIMENS_2015_10_SNF NECESSIDADE FORECAST.xlsm</t>
  </si>
  <si>
    <t>DIMENS_2015_10_SNF FORECAST.xlsm</t>
  </si>
  <si>
    <t>C:\Users\luizavs\OneDrive - Grupo Algar\Backup PC Luiz\06-11-2019\LUIZ ALFREDO\01 - TELECOM\01 - TELEVENDAS\01 - TLV VAREJO\ANDERSON\CTBC Planejamento\03 - Inbound\01 - Calculadoras Intramês\2015\10 - Outubro\TLV\</t>
  </si>
  <si>
    <t>QUEBRA DIARIA TELEVENDAS.xlsx</t>
  </si>
  <si>
    <t>DIMENS_OUT_TLV RES.xlsm</t>
  </si>
  <si>
    <t>C:\Users\luizavs\OneDrive - Grupo Algar\Backup PC Luiz\06-11-2019\LUIZ ALFREDO\01 - TELECOM\01 - TELEVENDAS\01 - TLV VAREJO\ANDERSON\CTBC Planejamento\03 - Inbound\01 - Calculadoras Intramês\2015\10 - Outubro\TLV MPE\</t>
  </si>
  <si>
    <t>DIMENS_2015_10_TLV MPE.xlsm</t>
  </si>
  <si>
    <t>DIMENS_2015_10_TLV MPE - 370s.xlsm</t>
  </si>
  <si>
    <t>C:\Users\luizavs\OneDrive - Grupo Algar\Backup PC Luiz\06-11-2019\LUIZ ALFREDO\01 - TELECOM\01 - TELEVENDAS\01 - TLV VAREJO\ANDERSON\CTBC Planejamento\03 - Inbound\01 - Calculadoras Intramês\2015\11 - Novembro\102\</t>
  </si>
  <si>
    <t>DIMENS_2015_11_102 REFORECAST.xlsm</t>
  </si>
  <si>
    <t>C:\Users\luizavs\OneDrive - Grupo Algar\Backup PC Luiz\06-11-2019\LUIZ ALFREDO\01 - TELECOM\01 - TELEVENDAS\01 - TLV VAREJO\ANDERSON\CTBC Planejamento\03 - Inbound\01 - Calculadoras Intramês\2015\11 - Novembro\HD\</t>
  </si>
  <si>
    <t>Head Count HD.xlsx</t>
  </si>
  <si>
    <t>DIMENS_2015_11_HD REFORECAST - REVISÃO.xlsm</t>
  </si>
  <si>
    <t>DIMENS_2015_11_HD REFORECAST - OFICIAL.xlsm</t>
  </si>
  <si>
    <t>DePara.xlsx</t>
  </si>
  <si>
    <t>C:\Users\luizavs\OneDrive - Grupo Algar\Backup PC Luiz\06-11-2019\LUIZ ALFREDO\01 - TELECOM\01 - TELEVENDAS\01 - TLV VAREJO\ANDERSON\CTBC Planejamento\03 - Inbound\01 - Calculadoras Intramês\2015\11 - Novembro\MPE\</t>
  </si>
  <si>
    <t>DIMENS_2015_11_EMPRESARIAL OFICIAL.xlsm</t>
  </si>
  <si>
    <t>DIMENS_2015_11_EMPRESARIAL NECESSIDADE.xlsm</t>
  </si>
  <si>
    <t>C:\Users\luizavs\OneDrive - Grupo Algar\Backup PC Luiz\06-11-2019\LUIZ ALFREDO\01 - TELECOM\01 - TELEVENDAS\01 - TLV VAREJO\ANDERSON\CTBC Planejamento\03 - Inbound\01 - Calculadoras Intramês\2015\11 - Novembro\RCV\</t>
  </si>
  <si>
    <t>TRN RCV - REAGENDADO 21.xlsx</t>
  </si>
  <si>
    <t>Head Count RCV.xlsx</t>
  </si>
  <si>
    <t>DIMENS_2015_11_RCV OFICIAL.xlsm</t>
  </si>
  <si>
    <t>DIMENS_2015_11_RCV NECESSIDADE.xlsm</t>
  </si>
  <si>
    <t>C:\Users\luizavs\OneDrive - Grupo Algar\Backup PC Luiz\06-11-2019\LUIZ ALFREDO\01 - TELECOM\01 - TELEVENDAS\01 - TLV VAREJO\ANDERSON\CTBC Planejamento\03 - Inbound\01 - Calculadoras Intramês\2015\11 - Novembro\RET MPE\</t>
  </si>
  <si>
    <t>QUEBRA DIARIA RET MPE.xlsx</t>
  </si>
  <si>
    <t>DIMENS_NOV_RET MPE.xlsm</t>
  </si>
  <si>
    <t>C:\Users\luizavs\OneDrive - Grupo Algar\Backup PC Luiz\06-11-2019\LUIZ ALFREDO\01 - TELECOM\01 - TELEVENDAS\01 - TLV VAREJO\ANDERSON\CTBC Planejamento\03 - Inbound\01 - Calculadoras Intramês\2015\11 - Novembro\RET RES\</t>
  </si>
  <si>
    <t>DIMENS_NOV_RET RES - 670s - OFICIAL.xlsm</t>
  </si>
  <si>
    <t>C:\Users\luizavs\OneDrive - Grupo Algar\Backup PC Luiz\06-11-2019\LUIZ ALFREDO\01 - TELECOM\01 - TELEVENDAS\01 - TLV VAREJO\ANDERSON\CTBC Planejamento\03 - Inbound\01 - Calculadoras Intramês\2015\11 - Novembro\SNF\</t>
  </si>
  <si>
    <t>QUEBRA DIARIA SNF.xlsx</t>
  </si>
  <si>
    <t>DIMENS_NOV_SNF.xlsm</t>
  </si>
  <si>
    <t>C:\Users\luizavs\OneDrive - Grupo Algar\Backup PC Luiz\06-11-2019\LUIZ ALFREDO\01 - TELECOM\01 - TELEVENDAS\01 - TLV VAREJO\ANDERSON\CTBC Planejamento\03 - Inbound\01 - Calculadoras Intramês\2015\11 - Novembro\TLV MPE\</t>
  </si>
  <si>
    <t>QUEBRA DIARIA TLV MPE.xlsx</t>
  </si>
  <si>
    <t>DIMENS_NOV_TLV MPE.xlsm</t>
  </si>
  <si>
    <t>C:\Users\luizavs\OneDrive - Grupo Algar\Backup PC Luiz\06-11-2019\LUIZ ALFREDO\01 - TELECOM\01 - TELEVENDAS\01 - TLV VAREJO\ANDERSON\CTBC Planejamento\03 - Inbound\01 - Calculadoras Intramês\2015\11 - Novembro\TLV RES\</t>
  </si>
  <si>
    <t>QUEBRA DIARIA TLV.xlsx</t>
  </si>
  <si>
    <t>DIMENS_NOV_TLV RES.xlsm</t>
  </si>
  <si>
    <t>C:\Users\luizavs\OneDrive - Grupo Algar\Backup PC Luiz\06-11-2019\LUIZ ALFREDO\01 - TELECOM\01 - TELEVENDAS\01 - TLV VAREJO\ANDERSON\CTBC Planejamento\03 - Inbound\01 - Calculadoras Intramês\2015\12 - Dezembro\102\</t>
  </si>
  <si>
    <t>DIMENS_2015_12_102 REFORECAST.xlsm</t>
  </si>
  <si>
    <t>C:\Users\luizavs\OneDrive - Grupo Algar\Backup PC Luiz\06-11-2019\LUIZ ALFREDO\01 - TELECOM\01 - TELEVENDAS\01 - TLV VAREJO\ANDERSON\CTBC Planejamento\03 - Inbound\01 - Calculadoras Intramês\2015\12 - Dezembro\CHAT\</t>
  </si>
  <si>
    <t>DIMENS_2015_12_CHAT_REAL.xlsm</t>
  </si>
  <si>
    <t>DIMENS_2015_12_CHAT_COM 8-12.xlsm</t>
  </si>
  <si>
    <t>ATENDIMENTOS CHAT.xlsx</t>
  </si>
  <si>
    <t>C:\Users\luizavs\OneDrive - Grupo Algar\Backup PC Luiz\06-11-2019\LUIZ ALFREDO\01 - TELECOM\01 - TELEVENDAS\01 - TLV VAREJO\ANDERSON\CTBC Planejamento\03 - Inbound\01 - Calculadoras Intramês\2015\12 - Dezembro\HD\</t>
  </si>
  <si>
    <t>DIMENS_2015_12_HD REFORECAST - OFICIAL.xlsm</t>
  </si>
  <si>
    <t>C:\Users\luizavs\OneDrive - Grupo Algar\Backup PC Luiz\06-11-2019\LUIZ ALFREDO\01 - TELECOM\01 - TELEVENDAS\01 - TLV VAREJO\ANDERSON\CTBC Planejamento\03 - Inbound\01 - Calculadoras Intramês\2015\12 - Dezembro\MPE\</t>
  </si>
  <si>
    <t>DIMENS_2015_12_EMPRESARIAL - OFICIAL.xlsm</t>
  </si>
  <si>
    <t>DIMENS_2015_12_EMPRESARIAL - NECESSIDADE.xlsm</t>
  </si>
  <si>
    <t>C:\Users\luizavs\OneDrive - Grupo Algar\Backup PC Luiz\06-11-2019\LUIZ ALFREDO\01 - TELECOM\01 - TELEVENDAS\01 - TLV VAREJO\ANDERSON\CTBC Planejamento\03 - Inbound\01 - Calculadoras Intramês\2015\12 - Dezembro\RCV\</t>
  </si>
  <si>
    <t>Head Count RCV DEZ.xlsx</t>
  </si>
  <si>
    <t>DIMENS_2015_12_RCV VAR PAS.xlsm</t>
  </si>
  <si>
    <t>DIMENS_2015_12_RCV OFICIAL.xlsm</t>
  </si>
  <si>
    <t>DIMENS_2015_12_RCV OFICIAL - HE.xlsm</t>
  </si>
  <si>
    <t>DIMENS_2015_12_RCV NECESSIDADE.xlsm</t>
  </si>
  <si>
    <t>C:\Users\luizavs\OneDrive - Grupo Algar\Backup PC Luiz\06-11-2019\LUIZ ALFREDO\01 - TELECOM\01 - TELEVENDAS\01 - TLV VAREJO\ANDERSON\CTBC Planejamento\03 - Inbound\01 - Calculadoras Intramês\2015\12 - Dezembro\RET MPE\</t>
  </si>
  <si>
    <t>DIMENS_12_RET MPE.xlsm</t>
  </si>
  <si>
    <t>DIMENS_12_RET MPE - NECESSIDADE.xlsm</t>
  </si>
  <si>
    <t>C:\Users\luizavs\OneDrive - Grupo Algar\Backup PC Luiz\06-11-2019\LUIZ ALFREDO\01 - TELECOM\01 - TELEVENDAS\01 - TLV VAREJO\ANDERSON\CTBC Planejamento\03 - Inbound\01 - Calculadoras Intramês\2015\12 - Dezembro\RET RES\</t>
  </si>
  <si>
    <t>DIMENS_12_RET RES OFICIAL.xlsm</t>
  </si>
  <si>
    <t>DIMENS_12_RET RES OFICIAL AHT 700.xlsm</t>
  </si>
  <si>
    <t>DIMENS_12_RET RES NECESSIDADE.xlsm</t>
  </si>
  <si>
    <t>C:\Users\luizavs\OneDrive - Grupo Algar\Backup PC Luiz\06-11-2019\LUIZ ALFREDO\01 - TELECOM\01 - TELEVENDAS\01 - TLV VAREJO\ANDERSON\CTBC Planejamento\03 - Inbound\01 - Calculadoras Intramês\2015\12 - Dezembro\SNF\</t>
  </si>
  <si>
    <t>DIMENS_12_SNF.xlsm</t>
  </si>
  <si>
    <t>DIMENS_12_SNF NECESSIDADE.xlsm</t>
  </si>
  <si>
    <t>C:\Users\luizavs\OneDrive - Grupo Algar\Backup PC Luiz\06-11-2019\LUIZ ALFREDO\01 - TELECOM\01 - TELEVENDAS\01 - TLV VAREJO\ANDERSON\CTBC Planejamento\03 - Inbound\01 - Calculadoras Intramês\2015\12 - Dezembro\TLV MPE\</t>
  </si>
  <si>
    <t>DIMENS_12_TLV MPE.xlsm</t>
  </si>
  <si>
    <t>DIMENS_12_TLV MPE NECESSIDADE.xlsm</t>
  </si>
  <si>
    <t>C:\Users\luizavs\OneDrive - Grupo Algar\Backup PC Luiz\06-11-2019\LUIZ ALFREDO\01 - TELECOM\01 - TELEVENDAS\01 - TLV VAREJO\ANDERSON\CTBC Planejamento\03 - Inbound\01 - Calculadoras Intramês\2015\12 - Dezembro\TLV RES\</t>
  </si>
  <si>
    <t>DIMENS_DEZ_TLV RES.xlsm</t>
  </si>
  <si>
    <t>DIMENS_DEZ_TLV RES NECESSIDADE.xlsm</t>
  </si>
  <si>
    <t>C:\Users\luizavs\OneDrive - Grupo Algar\Backup PC Luiz\06-11-2019\LUIZ ALFREDO\01 - TELECOM\01 - TELEVENDAS\01 - TLV VAREJO\ANDERSON\CTBC Planejamento\03 - Inbound\01 - Calculadoras Intramês\2015\12 - Dezembro - Antigo\102\</t>
  </si>
  <si>
    <t>DIMENS_2015_12_102.xlsm</t>
  </si>
  <si>
    <t>C:\Users\luizavs\OneDrive - Grupo Algar\Backup PC Luiz\06-11-2019\LUIZ ALFREDO\01 - TELECOM\01 - TELEVENDAS\01 - TLV VAREJO\ANDERSON\CTBC Planejamento\03 - Inbound\01 - Calculadoras Intramês\2015\12 - Dezembro - Antigo\HD\</t>
  </si>
  <si>
    <t>DIMENS_2015_12_HD FORECAST.xlsm</t>
  </si>
  <si>
    <t>C:\Users\luizavs\OneDrive - Grupo Algar\Backup PC Luiz\06-11-2019\LUIZ ALFREDO\01 - TELECOM\01 - TELEVENDAS\01 - TLV VAREJO\ANDERSON\CTBC Planejamento\03 - Inbound\01 - Calculadoras Intramês\2015\12 - Dezembro - Antigo\MPE\</t>
  </si>
  <si>
    <t>QUEBRA DIARIA MPE.xlsx</t>
  </si>
  <si>
    <t>DIMENS_2015_12_MPE FORECAST.xlsm</t>
  </si>
  <si>
    <t>C:\Users\luizavs\OneDrive - Grupo Algar\Backup PC Luiz\06-11-2019\LUIZ ALFREDO\01 - TELECOM\01 - TELEVENDAS\01 - TLV VAREJO\ANDERSON\CTBC Planejamento\03 - Inbound\01 - Calculadoras Intramês\2015\12 - Dezembro - Antigo\RCV\</t>
  </si>
  <si>
    <t>DIMENS_2015_12_RCV FORECAST.xlsm</t>
  </si>
  <si>
    <t>C:\Users\luizavs\OneDrive - Grupo Algar\Backup PC Luiz\06-11-2019\LUIZ ALFREDO\01 - TELECOM\01 - TELEVENDAS\01 - TLV VAREJO\ANDERSON\CTBC Planejamento\03 - Inbound\01 - Calculadoras Intramês\2016\01 - Janeiro\102\</t>
  </si>
  <si>
    <t>DIMENS_2015_01_102_OFICIAL.xlsm</t>
  </si>
  <si>
    <t>C:\Users\luizavs\OneDrive - Grupo Algar\Backup PC Luiz\06-11-2019\LUIZ ALFREDO\01 - TELECOM\01 - TELEVENDAS\01 - TLV VAREJO\ANDERSON\CTBC Planejamento\03 - Inbound\01 - Calculadoras Intramês\2016\01 - Janeiro\HD\</t>
  </si>
  <si>
    <t>DIMENS_2016_01_HD - OFICIAL.xlsm</t>
  </si>
  <si>
    <t>DIMENS_2016_01_HD - NECESSIDADE.xlsm</t>
  </si>
  <si>
    <t>C:\Users\luizavs\OneDrive - Grupo Algar\Backup PC Luiz\06-11-2019\LUIZ ALFREDO\01 - TELECOM\01 - TELEVENDAS\01 - TLV VAREJO\ANDERSON\CTBC Planejamento\03 - Inbound\01 - Calculadoras Intramês\2016\01 - Janeiro\MPE\</t>
  </si>
  <si>
    <t>Head Count MPE.xlsx</t>
  </si>
  <si>
    <t>DIMENS_2015_01_EMPRESARIAL_OFICIAL.xlsm</t>
  </si>
  <si>
    <t>DIMENS_2015_01_EMPRESARIAL_NECESSIDADE.xlsm</t>
  </si>
  <si>
    <t>C:\Users\luizavs\OneDrive - Grupo Algar\Backup PC Luiz\06-11-2019\LUIZ ALFREDO\01 - TELECOM\01 - TELEVENDAS\01 - TLV VAREJO\ANDERSON\CTBC Planejamento\03 - Inbound\01 - Calculadoras Intramês\2016\01 - Janeiro\RCV\</t>
  </si>
  <si>
    <t>DIMENS_2015_01_RCV_OFICIAL.xlsm</t>
  </si>
  <si>
    <t>DIMENS_2015_01_RCV_NECESSIDADE.xlsm</t>
  </si>
  <si>
    <t>C:\Users\luizavs\OneDrive - Grupo Algar\Backup PC Luiz\06-11-2019\LUIZ ALFREDO\01 - TELECOM\01 - TELEVENDAS\01 - TLV VAREJO\ANDERSON\CTBC Planejamento\03 - Inbound\01 - Calculadoras Intramês\2016\01 - Janeiro\RET MPE\</t>
  </si>
  <si>
    <t>DIMENS_01_RET MPE.xlsm</t>
  </si>
  <si>
    <t>C:\Users\luizavs\OneDrive - Grupo Algar\Backup PC Luiz\06-11-2019\LUIZ ALFREDO\01 - TELECOM\01 - TELEVENDAS\01 - TLV VAREJO\ANDERSON\CTBC Planejamento\03 - Inbound\01 - Calculadoras Intramês\2016\01 - Janeiro\RET RES\</t>
  </si>
  <si>
    <t>DIMENS_01_RET RES_OFICIAL_NECESSIDADE.xlsm</t>
  </si>
  <si>
    <t>DIMENS_01_RET RES_OFICIAL.xlsm</t>
  </si>
  <si>
    <t>C:\Users\luizavs\OneDrive - Grupo Algar\Backup PC Luiz\06-11-2019\LUIZ ALFREDO\01 - TELECOM\01 - TELEVENDAS\01 - TLV VAREJO\ANDERSON\CTBC Planejamento\03 - Inbound\01 - Calculadoras Intramês\2016\01 - Janeiro\SNF\</t>
  </si>
  <si>
    <t>DIMENS_01_SNF.xlsm</t>
  </si>
  <si>
    <t>C:\Users\luizavs\OneDrive - Grupo Algar\Backup PC Luiz\06-11-2019\LUIZ ALFREDO\01 - TELECOM\01 - TELEVENDAS\01 - TLV VAREJO\ANDERSON\CTBC Planejamento\03 - Inbound\01 - Calculadoras Intramês\2016\01 - Janeiro\TLV MPE\</t>
  </si>
  <si>
    <t>DIMENS_01_TLV MPE.xlsm</t>
  </si>
  <si>
    <t>C:\Users\luizavs\OneDrive - Grupo Algar\Backup PC Luiz\06-11-2019\LUIZ ALFREDO\01 - TELECOM\01 - TELEVENDAS\01 - TLV VAREJO\ANDERSON\CTBC Planejamento\03 - Inbound\01 - Calculadoras Intramês\2016\01 - Janeiro\TLV RES\</t>
  </si>
  <si>
    <t>DIMENS_01_TLV RES.xlsm</t>
  </si>
  <si>
    <t>C:\Users\luizavs\OneDrive - Grupo Algar\Backup PC Luiz\06-11-2019\LUIZ ALFREDO\01 - TELECOM\01 - TELEVENDAS\01 - TLV VAREJO\ANDERSON\CTBC Planejamento\03 - Inbound\01 - Calculadoras Intramês\2016\02 - Fevereiro\102\</t>
  </si>
  <si>
    <t>DIMENS_2015_02_102 REFORECAST.xlsm</t>
  </si>
  <si>
    <t>C:\Users\luizavs\OneDrive - Grupo Algar\Backup PC Luiz\06-11-2019\LUIZ ALFREDO\01 - TELECOM\01 - TELEVENDAS\01 - TLV VAREJO\ANDERSON\CTBC Planejamento\03 - Inbound\01 - Calculadoras Intramês\2016\02 - Fevereiro\HD\</t>
  </si>
  <si>
    <t>C:\Users\luizavs\OneDrive - Grupo Algar\Backup PC Luiz\06-11-2019\LUIZ ALFREDO\01 - TELECOM\01 - TELEVENDAS\01 - TLV VAREJO\ANDERSON\CTBC Planejamento\03 - Inbound\01 - Calculadoras Intramês\2016\02 - Fevereiro\MPE\</t>
  </si>
  <si>
    <t>DIMENS_2015_02_EMPRESARIAL_OFICIAL.xlsm</t>
  </si>
  <si>
    <t>DIMENS_2015_02_EMPRESARIAL_NECESSIDADE.xlsm</t>
  </si>
  <si>
    <t>C:\Users\luizavs\OneDrive - Grupo Algar\Backup PC Luiz\06-11-2019\LUIZ ALFREDO\01 - TELECOM\01 - TELEVENDAS\01 - TLV VAREJO\ANDERSON\CTBC Planejamento\03 - Inbound\01 - Calculadoras Intramês\2016\02 - Fevereiro\RCV\</t>
  </si>
  <si>
    <t>DIMENS_2015_02_RCV.xlsm</t>
  </si>
  <si>
    <t>C:\Users\luizavs\OneDrive - Grupo Algar\Backup PC Luiz\06-11-2019\LUIZ ALFREDO\01 - TELECOM\01 - TELEVENDAS\01 - TLV VAREJO\ANDERSON\CTBC Planejamento\03 - Inbound\01 - Calculadoras Intramês\2016\02 - Fevereiro\RET MPE\</t>
  </si>
  <si>
    <t>DIMENS_02_RET MPE.xlsm</t>
  </si>
  <si>
    <t>C:\Users\luizavs\OneDrive - Grupo Algar\Backup PC Luiz\06-11-2019\LUIZ ALFREDO\01 - TELECOM\01 - TELEVENDAS\01 - TLV VAREJO\ANDERSON\CTBC Planejamento\03 - Inbound\01 - Calculadoras Intramês\2016\02 - Fevereiro\RET RES\</t>
  </si>
  <si>
    <t>DIMENS_01_RET RES OFICIAL.xlsm</t>
  </si>
  <si>
    <t>C:\Users\luizavs\OneDrive - Grupo Algar\Backup PC Luiz\06-11-2019\LUIZ ALFREDO\01 - TELECOM\01 - TELEVENDAS\01 - TLV VAREJO\ANDERSON\CTBC Planejamento\03 - Inbound\01 - Calculadoras Intramês\2016\02 - Fevereiro\SNF\</t>
  </si>
  <si>
    <t>DIMENS_02_SNF.xlsm</t>
  </si>
  <si>
    <t>C:\Users\luizavs\OneDrive - Grupo Algar\Backup PC Luiz\06-11-2019\LUIZ ALFREDO\01 - TELECOM\01 - TELEVENDAS\01 - TLV VAREJO\ANDERSON\CTBC Planejamento\03 - Inbound\01 - Calculadoras Intramês\2016\02 - Fevereiro\TLV MPE\</t>
  </si>
  <si>
    <t>DIMENS_02_TLV MPE.xlsm</t>
  </si>
  <si>
    <t>C:\Users\luizavs\OneDrive - Grupo Algar\Backup PC Luiz\06-11-2019\LUIZ ALFREDO\01 - TELECOM\01 - TELEVENDAS\01 - TLV VAREJO\ANDERSON\CTBC Planejamento\03 - Inbound\01 - Calculadoras Intramês\2016\02 - Fevereiro\TLV RES\</t>
  </si>
  <si>
    <t>DIMENS_02_TLV RES.xlsm</t>
  </si>
  <si>
    <t>C:\Users\luizavs\OneDrive - Grupo Algar\Backup PC Luiz\06-11-2019\LUIZ ALFREDO\01 - TELECOM\01 - TELEVENDAS\01 - TLV VAREJO\ANDERSON\CTBC Planejamento\03 - Inbound\02 - Capacities\2015\04 - Abril\Outros cenários\</t>
  </si>
  <si>
    <t>Capacity Abril Retenção Residencial 690.xlsx</t>
  </si>
  <si>
    <t>Capacity Abril Retenção Residencial 650s.xlsx</t>
  </si>
  <si>
    <t>Capacity Abril Retenção Empresarial 650s.xlsx</t>
  </si>
  <si>
    <t>C:\Users\luizavs\OneDrive - Grupo Algar\Backup PC Luiz\06-11-2019\LUIZ ALFREDO\01 - TELECOM\01 - TELEVENDAS\01 - TLV VAREJO\ANDERSON\CTBC Planejamento\03 - Inbound\02 - Capacities\2015\07 - Julho\Desconsiderado\</t>
  </si>
  <si>
    <t>Capacity Julho SAC 102 - 17 agentes.xlsx</t>
  </si>
  <si>
    <t>C:\Users\luizavs\OneDrive - Grupo Algar\Backup PC Luiz\06-11-2019\LUIZ ALFREDO\01 - TELECOM\01 - TELEVENDAS\01 - TLV VAREJO\ANDERSON\CTBC Planejamento\03 - Inbound\02 - Capacities\2015\08 - Agosto\Desconsiderados\</t>
  </si>
  <si>
    <t>Capacity Agosto RCV - 210K.xlsx</t>
  </si>
  <si>
    <t>C:\Users\luizavs\OneDrive - Grupo Algar\Backup PC Luiz\06-11-2019\LUIZ ALFREDO\01 - TELECOM\01 - TELEVENDAS\01 - TLV VAREJO\ANDERSON\CTBC Planejamento\03 - Inbound\02 - Capacities\2015\08 - Agosto\TLV MPE\</t>
  </si>
  <si>
    <t>Capacity Agosto Televendas MPE 7 PAS.xlsx</t>
  </si>
  <si>
    <t>Capacity Agosto Televendas MPE 6 PAS.xlsx</t>
  </si>
  <si>
    <t>Capacity Agosto Televendas MPE 5 PAS.xlsx</t>
  </si>
  <si>
    <t>Capacity Agosto Televendas MPE 4 PAS.xlsx</t>
  </si>
  <si>
    <t>C:\Users\luizavs\OneDrive - Grupo Algar\Backup PC Luiz\06-11-2019\LUIZ ALFREDO\01 - TELECOM\01 - TELEVENDAS\01 - TLV VAREJO\ANDERSON\CTBC Planejamento\03 - Inbound\02 - Capacities\2015\09 - Setembro\Desconsiderados\</t>
  </si>
  <si>
    <t>Capacity Setembro HD só escala real.xlsx</t>
  </si>
  <si>
    <t>Capacity Setembro HD desconsiderado 2.xlsx</t>
  </si>
  <si>
    <t>Capacity Setembro HD desconsiderado 1.xlsx</t>
  </si>
  <si>
    <t>Capacity Setembro HD - Desconsiderado 3.xlsx</t>
  </si>
  <si>
    <t>C:\Users\luizavs\OneDrive - Grupo Algar\Backup PC Luiz\06-11-2019\LUIZ ALFREDO\01 - TELECOM\01 - TELEVENDAS\01 - TLV VAREJO\ANDERSON\CTBC Planejamento\03 - Inbound\02 - Capacities\2015\10 - Outubro\Antigos\</t>
  </si>
  <si>
    <t>Capacity Outubro Retenção Residencial.xlsx</t>
  </si>
  <si>
    <t>Capacity Outubro Retenção Empresarial.xlsx</t>
  </si>
  <si>
    <t>C:\Users\luizavs\OneDrive - Grupo Algar\Backup PC Luiz\06-11-2019\LUIZ ALFREDO\01 - TELECOM\01 - TELEVENDAS\01 - TLV VAREJO\ANDERSON\CTBC Planejamento\03 - Inbound\02 - Capacities\2015\11 - Novembro\ANTERIORES\</t>
  </si>
  <si>
    <t>Capacity Novembro RETENÇÃO - 650s.xlsx</t>
  </si>
  <si>
    <t>C:\Users\luizavs\OneDrive - Grupo Algar\Backup PC Luiz\06-11-2019\LUIZ ALFREDO\01 - TELECOM\01 - TELEVENDAS\01 - TLV VAREJO\ANDERSON\CTBC Planejamento\03 - Inbound\04 - DDX\2015\08 - Agosto\DDX COM ACADEMIA\</t>
  </si>
  <si>
    <t>C:\Users\luizavs\OneDrive - Grupo Algar\Backup PC Luiz\06-11-2019\LUIZ ALFREDO\01 - TELECOM\01 - TELEVENDAS\01 - TLV VAREJO\ANDERSON\CTBC Planejamento\03 - Inbound\04 - DDX\2015\10 - Outubro\NECESSIDADE\</t>
  </si>
  <si>
    <t>DDX OUTUBRO.xlsx</t>
  </si>
  <si>
    <t>C:\Users\luizavs\OneDrive - Grupo Algar\Backup PC Luiz\06-11-2019\LUIZ ALFREDO\01 - TELECOM\01 - TELEVENDAS\01 - TLV VAREJO\ANDERSON\CTBC Planejamento\03 - Inbound\04 - DDX\2015\11 - Novembro\RETENÇÃO 30% A MAIS COM CONTINGENCIAS\</t>
  </si>
  <si>
    <t>C:\Users\luizavs\OneDrive - Grupo Algar\Backup PC Luiz\06-11-2019\LUIZ ALFREDO\01 - TELECOM\01 - TELEVENDAS\01 - TLV VAREJO\ANDERSON\CTBC Planejamento\03 - Inbound\01 - Calculadoras Intramês\2015\03 - Março\RCV\ALONE+TV+MINAS\</t>
  </si>
  <si>
    <t>QUEBRA DIARIA ALONE+TV+MINAS.xlsx</t>
  </si>
  <si>
    <t>C:\Users\luizavs\OneDrive - Grupo Algar\Backup PC Luiz\06-11-2019\LUIZ ALFREDO\01 - TELECOM\01 - TELEVENDAS\01 - TLV VAREJO\ANDERSON\CTBC Planejamento\03 - Inbound\01 - Calculadoras Intramês\2015\03 - Março\RCV\PACOTE\</t>
  </si>
  <si>
    <t>QUEBRA DIARIA PACOTE.xlsx</t>
  </si>
  <si>
    <t>DIMENS_2015_3_PACOTE FORECAST.xlsm</t>
  </si>
  <si>
    <t>C:\Users\luizavs\OneDrive - Grupo Algar\Backup PC Luiz\06-11-2019\LUIZ ALFREDO\01 - TELECOM\01 - TELEVENDAS\01 - TLV VAREJO\ANDERSON\CTBC Planejamento\03 - Inbound\01 - Calculadoras Intramês\2015\04 - Abril\RCV\ALONE+TV+MINAS\</t>
  </si>
  <si>
    <t>C:\Users\luizavs\OneDrive - Grupo Algar\Backup PC Luiz\06-11-2019\LUIZ ALFREDO\01 - TELECOM\01 - TELEVENDAS\01 - TLV VAREJO\ANDERSON\CTBC Planejamento\03 - Inbound\01 - Calculadoras Intramês\2015\04 - Abril\RCV\PACOTE\</t>
  </si>
  <si>
    <t>DIMENS_2015_4_PACOTE FORECAST.xlsm</t>
  </si>
  <si>
    <t>DIMENS_2015_4_PACOTE FORECAST - 105.xlsm</t>
  </si>
  <si>
    <t>C:\Users\luizavs\OneDrive - Grupo Algar\Backup PC Luiz\06-11-2019\LUIZ ALFREDO\01 - TELECOM\01 - TELEVENDAS\01 - TLV VAREJO\ANDERSON\CTBC Planejamento\03 - Inbound\01 - Calculadoras Intramês\2015\05 - Maio\RCV\ALONE+TV+MINAS\</t>
  </si>
  <si>
    <t>C:\Users\luizavs\OneDrive - Grupo Algar\Backup PC Luiz\06-11-2019\LUIZ ALFREDO\01 - TELECOM\01 - TELEVENDAS\01 - TLV VAREJO\ANDERSON\CTBC Planejamento\03 - Inbound\01 - Calculadoras Intramês\2015\05 - Maio\RCV\PACOTE\</t>
  </si>
  <si>
    <t>DIMENS_2015_5_PACOTE FORECAST.xlsm</t>
  </si>
  <si>
    <t>DIMENS_2015_5_PACOTE FORECAST 2.xlsm</t>
  </si>
  <si>
    <t>DIMENS_2015_5_PACOTE FORECAST 2 105.xlsm</t>
  </si>
  <si>
    <t>DIMENS_2015_5_PACOTE FORECAST 105.xlsm</t>
  </si>
  <si>
    <t>C:\Users\luizavs\OneDrive - Grupo Algar\Backup PC Luiz\06-11-2019\LUIZ ALFREDO\01 - TELECOM\01 - TELEVENDAS\01 - TLV VAREJO\ANDERSON\CTBC Planejamento\03 - Inbound\01 - Calculadoras Intramês\2015\06 - Junho\RCV\PACOTE - OK\</t>
  </si>
  <si>
    <t>DIMENS_2015_6_PACOTE FORECAST.xlsm</t>
  </si>
  <si>
    <t>DIMENS_2015_6_PACOTE FORECAST 2.xlsm</t>
  </si>
  <si>
    <t>C:\Users\luizavs\OneDrive - Grupo Algar\Backup PC Luiz\06-11-2019\LUIZ ALFREDO\01 - TELECOM\01 - TELEVENDAS\01 - TLV VAREJO\ANDERSON\CTBC Planejamento\03 - Inbound\01 - Calculadoras Intramês\2015\08 - Agosto\RCV\Outros cenários\</t>
  </si>
  <si>
    <t>DIMENS_2015_8_RCV FORECAST.xlsm</t>
  </si>
  <si>
    <t>C:\Users\luizavs\OneDrive - Grupo Algar\Backup PC Luiz\06-11-2019\LUIZ ALFREDO\01 - TELECOM\01 - TELEVENDAS\01 - TLV VAREJO\ANDERSON\CTBC Planejamento\03 - Inbound\01 - Calculadoras Intramês\2015\09 - Setembro\RETENÇÃO\RESIDENCIAL\</t>
  </si>
  <si>
    <t>CONTINGENCIA AHT.xlsx</t>
  </si>
  <si>
    <t>C:\Users\luizavs\OneDrive - Grupo Algar\Backup PC Luiz\06-11-2019\LUIZ ALFREDO\01 - TELECOM\01 - TELEVENDAS\01 - TLV VAREJO\ANDERSON\CTBC Planejamento\03 - Inbound\01 - Calculadoras Intramês\2015\10 - Outubro\102\ANTERIORES\</t>
  </si>
  <si>
    <t>DIMENS_2015_10_102 FORECAST.xlsm</t>
  </si>
  <si>
    <t>C:\Users\luizavs\OneDrive - Grupo Algar\Backup PC Luiz\06-11-2019\LUIZ ALFREDO\01 - TELECOM\01 - TELEVENDAS\01 - TLV VAREJO\ANDERSON\CTBC Planejamento\03 - Inbound\01 - Calculadoras Intramês\2015\10 - Outubro\RCV\ANTERIOR\</t>
  </si>
  <si>
    <t>C:\Users\luizavs\OneDrive - Grupo Algar\Backup PC Luiz\06-11-2019\LUIZ ALFREDO\01 - TELECOM\01 - TELEVENDAS\01 - TLV VAREJO\ANDERSON\CTBC Planejamento\03 - Inbound\01 - Calculadoras Intramês\2015\11 - Novembro\102\ANTERIORES\</t>
  </si>
  <si>
    <t>C:\Users\luizavs\OneDrive - Grupo Algar\Backup PC Luiz\06-11-2019\LUIZ ALFREDO\01 - TELECOM\01 - TELEVENDAS\01 - TLV VAREJO\ANDERSON\CTBC Planejamento\03 - Inbound\01 - Calculadoras Intramês\2015\11 - Novembro\HD\ANTERIORES\</t>
  </si>
  <si>
    <t>DIMENS_2015_11_HD REFORECAST.xlsm</t>
  </si>
  <si>
    <t>C:\Users\luizavs\OneDrive - Grupo Algar\Backup PC Luiz\06-11-2019\LUIZ ALFREDO\01 - TELECOM\01 - TELEVENDAS\01 - TLV VAREJO\ANDERSON\CTBC Planejamento\03 - Inbound\01 - Calculadoras Intramês\2015\11 - Novembro\RCV\ANTERIOR\</t>
  </si>
  <si>
    <t>DIMENS_2015_11_RCV FORECAST.xlsm</t>
  </si>
  <si>
    <t>C:\Users\luizavs\OneDrive - Grupo Algar\Backup PC Luiz\06-11-2019\LUIZ ALFREDO\01 - TELECOM\01 - TELEVENDAS\01 - TLV VAREJO\ANDERSON\CTBC Planejamento\03 - Inbound\01 - Calculadoras Intramês\2015\11 - Novembro\RET RES\ANTERIORES\</t>
  </si>
  <si>
    <t>DIMENS_NOV_RET RES - 650s.xlsm</t>
  </si>
  <si>
    <t>C:\Users\luizavs\OneDrive - Grupo Algar\Backup PC Luiz\06-11-2019\LUIZ ALFREDO\01 - TELECOM\01 - TELEVENDAS\01 - TLV VAREJO\ANDERSON\CTBC Planejamento\03 - Inbound\01 - Calculadoras Intramês\2015\12 - Dezembro\RCV\Antigos\</t>
  </si>
  <si>
    <t>DIMENS_2015_12_RCV.xlsm</t>
  </si>
  <si>
    <t>C:\Users\luizavs\OneDrive - Grupo Algar\Backup PC Luiz\06-11-2019\LUIZ ALFREDO\01 - TELECOM\01 - TELEVENDAS\01 - TLV VAREJO\ANDERSON\CTBC Planejamento\03 - Inbound\01 - Calculadoras Intramês\2016\01 - Janeiro\HD\ANTIGOS\</t>
  </si>
  <si>
    <t>DIMENS_2016_01_HD - 479.xlsm</t>
  </si>
  <si>
    <t>C:\Users\luizavs\OneDrive - Grupo Algar\Backup PC Luiz\06-11-2019\LUIZ ALFREDO\01 - TELECOM\01 - TELEVENDAS\01 - TLV VAREJO\ANDERSON\CTBC Planejamento\03 - Inbound\01 - Calculadoras Intramês\2016\02 - Fevereiro\HD\ANTIGOS\</t>
  </si>
  <si>
    <t>C:\Users\luizavs\OneDrive - Grupo Algar\Backup PC Luiz\06-11-2019\LUIZ ALFREDO\01 - TELECOM\01 - TELEVENDAS\01 - TLV VAREJO\ANDERSON\CTBC Planejamento\03 - Inbound\04 - DDX\2015\10 - Outubro\TOTAL\DDX Atualizado\</t>
  </si>
  <si>
    <t>DDX OUTUBRO - TOTAL.xlsx</t>
  </si>
  <si>
    <t>DDX Calculadora Cel, Fixa e Dados SET.xlsm</t>
  </si>
  <si>
    <t>C:\Users\luizavs\OneDrive - Grupo Algar\Backup PC Luiz\06-11-2019\LUIZ ALFREDO\01 - TELECOM\01 - TELEVENDAS\01 - TLV VAREJO\ANDERSON\CTBC Planejamento\03 - Inbound\04 - DDX\2015\10 - Outubro\TOTAL\DDX Necessidade Atualizado\</t>
  </si>
  <si>
    <t>Acompanhamento Grazi.xlsx</t>
  </si>
  <si>
    <t>Ação RAV4.xlsx</t>
  </si>
  <si>
    <t>C:\Users\diegobg\OneDrive - Grupo Algar\01 - Toyota\1 - Diego Bardauil\1.2 - Financeiro\10 - Outubro\</t>
  </si>
  <si>
    <t>/o=exchangelabs/ou=exchange administrative group (fydibohf23spdlt)/cn=recipients/cn=06b756ed7b9b4c61bdbcfb21cdf93e9f-lucas ferna;/o=exchangelabs/ou=exchange administrative group (fydibohf23spdlt)/cn=recipients/cn=3d85af75e9a44da5bad9ced68d6c53ed-rosana peix;/o=exchangelabs/ou=exchange administrative group (fydibohf23spdlt)/cn=recipients/cn=48174377d7f445188f464324757ff605-luiz felipe;/o=exchangelabs/ou=exchange administrative group (fydibohf23spdlt)/cn=recipients/cn=9a65d8734c444cbc8372a614d17d98e1-lucia maalo;doris_godoy@cotyinc.com;flavio_moreira@cotyinc.com;</t>
  </si>
  <si>
    <t>Faturamento</t>
  </si>
  <si>
    <t>11. COTY- SAVOY ( FATURAMENTO OUTUBRO).xlsx</t>
  </si>
  <si>
    <t>/o=exchangelabs/ou=exchange administrative group (fydibohf23spdlt)/cn=recipients/cn=06b756ed7b9b4c61bdbcfb21cdf93e9f-lucas ferna,/o=exchangelabs/ou=exchange administrative group (fydibohf23spdlt)/cn=recipients/cn=3d85af75e9a44da5bad9ced68d6c53ed-rosana peix,/o=exchangelabs/ou=exchange administrative group (fydibohf23spdlt)/cn=recipients/cn=48174377d7f445188f464324757ff605-luiz felipe,/o=exchangelabs/ou=exchange administrative group (fydibohf23spdlt)/cn=recipients/cn=9a65d8734c444cbc8372a614d17d98e1-lucia maalo,doris_godoy@cotyinc.com,flavio_moreira@cotyinc.com</t>
  </si>
  <si>
    <t>cristinahs@algartech.com;felipemda@algartech.com;helbertbb@algartech.com;leandrolds@algartech.com;lucasm@algartech.com;lucasm@algartecnologia.com.br;marcopaulolr@algartech.com;reginaldort@algartech.com;robertacmf@algartech.com;</t>
  </si>
  <si>
    <t>Henrique-Pendencia-Notas.xlsx</t>
  </si>
  <si>
    <t>cristinahs@algartech.com,felipemda@algartech.com,helbertbb@algartech.com,leandrolds@algartech.com,lucasm@algartech.com,lucasm@algartecnologia.com.br,marcopaulolr@algartech.com,reginaldort@algartech.com,robertacmf@algartech.com</t>
  </si>
  <si>
    <t>AJUSTE DE PONTO - AKASSIA OUTUBRO.xlsx</t>
  </si>
  <si>
    <t>mail.google.com/_/upload?authuser=0&amp;dcp=asu-n&amp;upload_id=AEnB2Ur6xD4ETe2vUsWTi2V-2Dl8q41rMvWeyBlvLOq0Bk2kzWCB7anrXliPl3G1VkZXooWNF07ah4NPrrVovoKeO7f61A5bZkN8QNNJWrOjteZYK4VZ5dc&amp;upload_protocol=resumable</t>
  </si>
  <si>
    <t>anapscl@algartech.com;caique.silva@cscalgar.com.br;fabriciovs@algartech.com;henriqueac@algartech.com;janecsa@algartech.com;lucianagd@algartech.com;sueleide.silva@cscalgar.com.br;</t>
  </si>
  <si>
    <t>102019_Indiretos DTI.xlsb</t>
  </si>
  <si>
    <t>anapscl@algartech.com,caique.silva@cscalgar.com.br,fabriciovs@algartech.com,henriqueac@algartech.com,janecsa@algartech.com,lucianagd@algartech.com,sueleide.silva@cscalgar.com.br</t>
  </si>
  <si>
    <t>mail.google.com/_/upload?authuser=0&amp;dcp=asu-n&amp;upload_id=AEnB2UplvsIG5NjLKVbcVgUri1imt56Z-GFPUXiVRkKtomZd-M6BQnlErz3yGFkF4ulCBNats9c0pW5PnLCxWLcFisOfOadrCSt2dCrFe5JlDifpM3tfET0&amp;upload_protocol=resumable</t>
  </si>
  <si>
    <t>102019_Despesa DTI.xlsb</t>
  </si>
  <si>
    <t>https://caey.fa.us2.oraclecloud.com/crmui/faces/fusewelcome?_adf.ctrl-state=1dk4uaq1ak_5</t>
  </si>
  <si>
    <t>C:\Users\sherleyce\Desktop\RES ATEC-2019-0024-012 - MOBILITY TOYOTA EMAIL PMO.msg\s1\</t>
  </si>
  <si>
    <t>/o=exchangelabs/ou=exchange administrative group (fydibohf23spdlt)/cn=recipients/cn=43a054bacf514a8a9cdcb240b072cd47-cecilia mul;/o=exchangelabs/ou=exchange administrative group (fydibohf23spdlt)/cn=recipients/cn=8ab5e44d485043d59eb4f21463e63e6a-tays dos sa;/o=exchangelabs/ou=exchange administrative group (fydibohf23spdlt)/cn=recipients/cn=f50351055a2944cebcbdc18a918945d6-gustavo res;/o=exchangelabs/ou=exchange administrative group (fydibohf23spdlt)/cn=recipients/cn=f878ae58590e41cbabba2fa1ee2ae905-izadora nas;gvieira@toyota.com.br;rutiyama@toyota.com.br;</t>
  </si>
  <si>
    <t>Fechamento Outubro - CRC</t>
  </si>
  <si>
    <t>/o=exchangelabs/ou=exchange administrative group (fydibohf23spdlt)/cn=recipients/cn=43a054bacf514a8a9cdcb240b072cd47-cecilia mul,/o=exchangelabs/ou=exchange administrative group (fydibohf23spdlt)/cn=recipients/cn=8ab5e44d485043d59eb4f21463e63e6a-tays dos sa,/o=exchangelabs/ou=exchange administrative group (fydibohf23spdlt)/cn=recipients/cn=f50351055a2944cebcbdc18a918945d6-gustavo res,/o=exchangelabs/ou=exchange administrative group (fydibohf23spdlt)/cn=recipients/cn=f878ae58590e41cbabba2fa1ee2ae905-izadora nas,gvieira@toyota.com.br,rutiyama@toyota.com.br</t>
  </si>
  <si>
    <t>/o=exchangelabs/ou=exchange administrative group (fydibohf23spdlt)/cn=recipients/cn=7027847434d14907b944448a89810a8b-suporte red;/o=exchangelabs/ou=exchange administrative group (fydibohf23spdlt)/cn=recipients/cn=d340ee7455b04eb9a8446c04a763795a-service des;</t>
  </si>
  <si>
    <t>ENC: Cotação para VPN L2L</t>
  </si>
  <si>
    <t>Formulario_Ativacao - VPN.xlsx</t>
  </si>
  <si>
    <t>/o=exchangelabs/ou=exchange administrative group (fydibohf23spdlt)/cn=recipients/cn=7027847434d14907b944448a89810a8b-suporte red,/o=exchangelabs/ou=exchange administrative group (fydibohf23spdlt)/cn=recipients/cn=d340ee7455b04eb9a8446c04a763795a-service des</t>
  </si>
  <si>
    <t>/o=exchangelabs/ou=exchange administrative group (fydibohf23spdlt)/cn=recipients/cn=8ab5e44d485043d59eb4f21463e63e6a-tays dos sa;/o=exchangelabs/ou=exchange administrative group (fydibohf23spdlt)/cn=recipients/cn=f50351055a2944cebcbdc18a918945d6-gustavo res;/o=exchangelabs/ou=exchange administrative group (fydibohf23spdlt)/cn=recipients/cn=f878ae58590e41cbabba2fa1ee2ae905-izadora nas;gvieira@toyota.com.br;rutiyama@toyota.com.br;</t>
  </si>
  <si>
    <t>ENC: Fechamento Outubro - CRC</t>
  </si>
  <si>
    <t>/o=exchangelabs/ou=exchange administrative group (fydibohf23spdlt)/cn=recipients/cn=8ab5e44d485043d59eb4f21463e63e6a-tays dos sa,/o=exchangelabs/ou=exchange administrative group (fydibohf23spdlt)/cn=recipients/cn=f50351055a2944cebcbdc18a918945d6-gustavo res,/o=exchangelabs/ou=exchange administrative group (fydibohf23spdlt)/cn=recipients/cn=f878ae58590e41cbabba2fa1ee2ae905-izadora nas,gvieira@toyota.com.br,rutiyama@toyota.com.br</t>
  </si>
  <si>
    <t>C:\Users\diegobg\OneDrive - Grupo Algar\01 - Toyota\1 - Diego Bardauil\1.2 - Financeiro\10 - Outubro\10 - Faturamento Toyota CRC.zip\</t>
  </si>
  <si>
    <t>/o=exchangelabs/ou=exchange administrative group (fydibohf23spdlt)/cn=recipients/cn=1ef8a40c52af4b4dbe421ec9beecd02c-simone pont;/o=exchangelabs/ou=exchange administrative group (fydibohf23spdlt)/cn=recipients/cn=402535980e9d4d4788d63e3c9587e129-melissa fer;/o=exchangelabs/ou=exchange administrative group (fydibohf23spdlt)/cn=recipients/cn=704ce6c3da8c45c9a4fbd113173d101c-tatiane sil;</t>
  </si>
  <si>
    <t>ENC: FATURAMENTO NOVEMBRO - CAOA *** CNPJ INVALIDO ***</t>
  </si>
  <si>
    <t>Percall - Faturamento Outubro Revisado.xlsx</t>
  </si>
  <si>
    <t>/o=exchangelabs/ou=exchange administrative group (fydibohf23spdlt)/cn=recipients/cn=1ef8a40c52af4b4dbe421ec9beecd02c-simone pont,/o=exchangelabs/ou=exchange administrative group (fydibohf23spdlt)/cn=recipients/cn=402535980e9d4d4788d63e3c9587e129-melissa fer,/o=exchangelabs/ou=exchange administrative group (fydibohf23spdlt)/cn=recipients/cn=704ce6c3da8c45c9a4fbd113173d101c-tatiane sil</t>
  </si>
  <si>
    <t>CHIP DA VIVO - Portabilidade</t>
  </si>
  <si>
    <t>CHIP DA VIVO_Portabilidade.xlsx</t>
  </si>
  <si>
    <t>/o=exchangelabs/ou=exchange administrative group (fydibohf23spdlt)/cn=recipients/cn=f50351055a2944cebcbdc18a918945d6-gustavo res;gvieira@toyota.com.br;rutiyama@toyota.com.br;</t>
  </si>
  <si>
    <t>10 - Faturamento Toyota CRC.zip\</t>
  </si>
  <si>
    <t>/o=exchangelabs/ou=exchange administrative group (fydibohf23spdlt)/cn=recipients/cn=f50351055a2944cebcbdc18a918945d6-gustavo res,gvieira@toyota.com.br,rutiyama@toyota.com.br</t>
  </si>
  <si>
    <t>/o=exchangelabs/ou=exchange administrative group (fydibohf23spdlt)/cn=recipients/cn=1867d5fca12044e08946537995369baf-diego rodri;/o=exchangelabs/ou=exchange administrative group (fydibohf23spdlt)/cn=recipients/cn=e16aefd3b5634d7c8e23624cb89b8c14-lauane de j;</t>
  </si>
  <si>
    <t>NOVO (Relação de Acidente para CIPA)</t>
  </si>
  <si>
    <t>Relação de Acidentes para CIPA - OUTUBRO_2019.xlsx</t>
  </si>
  <si>
    <t>/o=exchangelabs/ou=exchange administrative group (fydibohf23spdlt)/cn=recipients/cn=1867d5fca12044e08946537995369baf-diego rodri,/o=exchangelabs/ou=exchange administrative group (fydibohf23spdlt)/cn=recipients/cn=e16aefd3b5634d7c8e23624cb89b8c14-lauane de j</t>
  </si>
  <si>
    <t>https://cscatende.algarnet.com.br/html/hd/hdscriptresposta/request/uploadincidentattachment.php?cdclassificacao=7&amp;action=1&amp;lastpositionattachement=undefined&amp;cdquestao=9251&amp;idmaisanexos=t</t>
  </si>
  <si>
    <t>C:\Users\adrianamac\Downloads\</t>
  </si>
  <si>
    <t>CADASTRO_DE_MOTORISTA (1).xls</t>
  </si>
  <si>
    <t>\\udpimgap01\Base de Conhecimento Data Center\02 - Arquivos Comuns\2.4 - Suporte Backup e Restore\Equipe Backup Restore\2.4.1 - Documentacao\2.5.6 Políticas de Backup\ELITE CORRETORA\</t>
  </si>
  <si>
    <t>Política Backup ELITE CORRETORA.xlsx</t>
  </si>
  <si>
    <t>/o=exchangelabs/ou=exchange administrative group (fydibohf23spdlt)/cn=recipients/cn=3188323005a04a70962871b2b980355d-humberto pi;/o=exchangelabs/ou=exchange administrative group (fydibohf23spdlt)/cn=recipients/cn=92f840270c3143f3a4d11a96cbe1c928-marcela car;</t>
  </si>
  <si>
    <t>RES: Cadastro de fornecedor</t>
  </si>
  <si>
    <t>/o=exchangelabs/ou=exchange administrative group (fydibohf23spdlt)/cn=recipients/cn=3188323005a04a70962871b2b980355d-humberto pi,/o=exchangelabs/ou=exchange administrative group (fydibohf23spdlt)/cn=recipients/cn=92f840270c3143f3a4d11a96cbe1c928-marcela car</t>
  </si>
  <si>
    <t>Departamental Equipe Paty</t>
  </si>
  <si>
    <t>Relatorio_Custo_Pessoal_0611201926.xlsx</t>
  </si>
  <si>
    <t>c:\users\dayanegm\appdata\local\microsoft\windows\inetcache\content.outlook\hwoe05mz\</t>
  </si>
  <si>
    <t>formulario_ferias_irregulares_-_algar_tech.xls</t>
  </si>
  <si>
    <t>VersaoFinalCSC.xlsx</t>
  </si>
  <si>
    <t>\\acsfs\DEPTOS\Governança da Estratégia\Governança\Holding\2019\Tech Day\Tech Day _ Apresentação.pptx\</t>
  </si>
  <si>
    <t>/o=exchangelabs/ou=exchange administrative group (fydibohf23spdlt)/cn=recipients/cn=efd108a07c6b499884a452ff50b3477b-isabella va;</t>
  </si>
  <si>
    <t>/o=exchangelabs/ou=exchange administrative group (fydibohf23spdlt)/cn=recipients/cn=efd108a07c6b499884a452ff50b3477b-isabella va</t>
  </si>
  <si>
    <t>/o=exchangelabs/ou=exchange administrative group (fydibohf23spdlt)/cn=recipients/cn=2083875ab19146848e9acf6dbac781d4-cleiton gom;/o=exchangelabs/ou=exchange administrative group (fydibohf23spdlt)/cn=recipients/cn=5876a52919c440598f015f22bceb7eeb-antonio car;/o=exchangelabs/ou=exchange administrative group (fydibohf23spdlt)/cn=recipients/cn=5d92a12bf94e444598293842eb6df5aa-glayson gom;/o=exchangelabs/ou=exchange administrative group (fydibohf23spdlt)/cn=recipients/cn=664fa0a51b2b45a1a8a38fd90c30d00a-nilton flav;/o=exchangelabs/ou=exchange administrative group (fydibohf23spdlt)/cn=recipients/cn=708d48f073ec47fa966d46b5b6656f0c-alexandre m;/o=exchangelabs/ou=exchange administrative group (fydibohf23spdlt)/cn=recipients/cn=ac622658720d425d9736d1dea3c26ef7-juliano cal;/o=exchangelabs/ou=exchange administrative group (fydibohf23spdlt)/cn=recipients/cn=e0545d347d844f999a1a0bbd1a977e94-joao jose m;/o=exchangelabs/ou=exchange administrative group (fydibohf23spdlt)/cn=recipients/cn=f80d41bbb20a47529b0641ba89cacde6-mari</t>
  </si>
  <si>
    <t>** URGENTE** Telefones TIM e VIVO - Associados desligados out e novembro/2019</t>
  </si>
  <si>
    <t>Planilha telefone padrão acompanhamento desligamentos mês.xlsx</t>
  </si>
  <si>
    <t>/o=exchangelabs/ou=exchange administrative group (fydibohf23spdlt)/cn=recipients/cn=2083875ab19146848e9acf6dbac781d4-cleiton gom,/o=exchangelabs/ou=exchange administrative group (fydibohf23spdlt)/cn=recipients/cn=5876a52919c440598f015f22bceb7eeb-antonio car,/o=exchangelabs/ou=exchange administrative group (fydibohf23spdlt)/cn=recipients/cn=5d92a12bf94e444598293842eb6df5aa-glayson gom,/o=exchangelabs/ou=exchange administrative group (fydibohf23spdlt)/cn=recipients/cn=664fa0a51b2b45a1a8a38fd90c30d00a-nilton flav,/o=exchangelabs/ou=exchange administrative group (fydibohf23spdlt)/cn=recipients/cn=708d48f073ec47fa966d46b5b6656f0c-alexandre m,/o=exchangelabs/ou=exchange administrative group (fydibohf23spdlt)/cn=recipients/cn=ac622658720d425d9736d1dea3c26ef7-juliano cal,/o=exchangelabs/ou=exchange administrative group (fydibohf23spdlt)/cn=recipients/cn=e0545d347d844f999a1a0bbd1a977e94-joao jose m,/o=exchangelabs/ou=exchange administrative group (fydibohf23spdlt)/cn=recipients/cn=f80d41bbb20a47529b0641ba89cacde6-mari</t>
  </si>
  <si>
    <t>/o=exchangelabs/ou=exchange administrative group (fydibohf23spdlt)/cn=recipients/cn=33d249108a194f94ad1c0c445c411f81-sabrina vie;/o=exchangelabs/ou=exchange administrative group (fydibohf23spdlt)/cn=recipients/cn=6bc6ced03b1b4fafa41bb5c70c178940-antonio per;/o=exchangelabs/ou=exchange administrative group (fydibohf23spdlt)/cn=recipients/cn=9a3ba6096e184fb5837abcf6a6214283-daniel henr;/o=exchangelabs/ou=exchange administrative group (fydibohf23spdlt)/cn=recipients/cn=b1a72fc2d0234efca84c7771ea70c7ee-roberta cri;/o=exchangelabs/ou=exchange administrative group (fydibohf23spdlt)/cn=recipients/cn=f50351055a2944cebcbdc18a918945d6-gustavo res;/o=exchangelabs/ou=exchange administrative group (fydibohf23spdlt)/cn=recipients/cn=user9f44a979;</t>
  </si>
  <si>
    <t>RES: Macro justificativas</t>
  </si>
  <si>
    <t>102019 - Macro Justificativa Novembro - OFICIAL.xls</t>
  </si>
  <si>
    <t>/o=exchangelabs/ou=exchange administrative group (fydibohf23spdlt)/cn=recipients/cn=33d249108a194f94ad1c0c445c411f81-sabrina vie,/o=exchangelabs/ou=exchange administrative group (fydibohf23spdlt)/cn=recipients/cn=6bc6ced03b1b4fafa41bb5c70c178940-antonio per,/o=exchangelabs/ou=exchange administrative group (fydibohf23spdlt)/cn=recipients/cn=9a3ba6096e184fb5837abcf6a6214283-daniel henr,/o=exchangelabs/ou=exchange administrative group (fydibohf23spdlt)/cn=recipients/cn=b1a72fc2d0234efca84c7771ea70c7ee-roberta cri,/o=exchangelabs/ou=exchange administrative group (fydibohf23spdlt)/cn=recipients/cn=f50351055a2944cebcbdc18a918945d6-gustavo res,/o=exchangelabs/ou=exchange administrative group (fydibohf23spdlt)/cn=recipients/cn=user9f44a979</t>
  </si>
  <si>
    <t>ENC: Migração VALE Dynamics</t>
  </si>
  <si>
    <t>Planilha Vale.xlsx</t>
  </si>
  <si>
    <t>C:\Users\luizavs\OneDrive - Grupo Algar\Backup PC Luiz\06-11-2019\LUIZ ALFREDO\00 - WHIRLPOOL\</t>
  </si>
  <si>
    <t>EXTRATOR_INTERVALO_TODAS AS PAUSAS.xls</t>
  </si>
  <si>
    <t>Extrator_AHT.xlsm</t>
  </si>
  <si>
    <t>/o=exchangelabs/ou=exchange administrative group (fydibohf23spdlt)/cn=recipients/cn=1698f5af44b14116ad2d0b751d584c7d-danilo rafa;/o=exchangelabs/ou=exchange administrative group (fydibohf23spdlt)/cn=recipients/cn=19563ef64edf42e7841a8719ae7bfe65-ythia karla;/o=exchangelabs/ou=exchange administrative group (fydibohf23spdlt)/cn=recipients/cn=b60c7f02b7944b639da5c2f90b0fe2f5-diogo soare;</t>
  </si>
  <si>
    <t>Farol referencia outubro 2019</t>
  </si>
  <si>
    <t>Formulário farol 2019- ENGESET 01.11.19 RV0.xlsx</t>
  </si>
  <si>
    <t>/o=exchangelabs/ou=exchange administrative group (fydibohf23spdlt)/cn=recipients/cn=1698f5af44b14116ad2d0b751d584c7d-danilo rafa,/o=exchangelabs/ou=exchange administrative group (fydibohf23spdlt)/cn=recipients/cn=19563ef64edf42e7841a8719ae7bfe65-ythia karla,/o=exchangelabs/ou=exchange administrative group (fydibohf23spdlt)/cn=recipients/cn=b60c7f02b7944b639da5c2f90b0fe2f5-diogo soare</t>
  </si>
  <si>
    <t>Indicadores de Acidentes Outubro 2019.xlsx</t>
  </si>
  <si>
    <t>C:\Users\luizavs\OneDrive - Grupo Algar\Backup PC Luiz\06-11-2019\LUIZ ALFREDO\00 - WHIRLPOOL\04 - SERV KITCHENAID\</t>
  </si>
  <si>
    <t>EXTRATOR_ECH_SKILL.xls</t>
  </si>
  <si>
    <t>C:\Users\luizavs\OneDrive - Grupo Algar\Backup PC Luiz\06-11-2019\LUIZ ALFREDO\00 - WHIRLPOOL\05 - IMPLANTAÇÃO\</t>
  </si>
  <si>
    <t>Whirlpool_FDD_Roteamento_Voz_v01_4 (Revisão Mesa Digital) (1).xlsx</t>
  </si>
  <si>
    <t>Resumo revisão_ENVIO.xlsx</t>
  </si>
  <si>
    <t>Resumo revisão_11062019.xlsx</t>
  </si>
  <si>
    <t>Relação Skills WHP.xlsx</t>
  </si>
  <si>
    <t>Quantidade de pessoas primeiro mês-2.xlsx</t>
  </si>
  <si>
    <t>parcial seguradoras.xlsx</t>
  </si>
  <si>
    <t>Indicadores Services - Algar.xlsx atual (3) V3 (2).xlsx</t>
  </si>
  <si>
    <t>Impactos Implantação Service WHP.xlsx</t>
  </si>
  <si>
    <t>Horários contratação.xlsx</t>
  </si>
  <si>
    <t>Relação Skills WHP - Picos.xlsx</t>
  </si>
  <si>
    <t>C:\Users\luizavs\OneDrive - Grupo Algar\Backup PC Luiz\06-11-2019\LUIZ ALFREDO\00 - WHIRLPOOL\05 - IMPLANTAÇÃO\Preco sem Multas - Capex FTE Implantacao_ajustadoOPEX_desafio.xlsb\</t>
  </si>
  <si>
    <t>Horários contratação v3 + Cardiff.xlsx</t>
  </si>
  <si>
    <t>Horários contratação v2.xlsx</t>
  </si>
  <si>
    <t>Estudo TFL_Service.xlsx</t>
  </si>
  <si>
    <t>Cópia de SLAs_horário de funcionamento_WHP_V2.xlsx</t>
  </si>
  <si>
    <t>Ajustes Contrato - BD Telecom - Dash Receptivo.xlsx</t>
  </si>
  <si>
    <t>20190722_Indicadores Contrato Algar.xlsx</t>
  </si>
  <si>
    <t>MPE x Varejo.xlsx</t>
  </si>
  <si>
    <t>METAS ACOMPANHAMENTO DE RECEITA NOV-18.xlsx</t>
  </si>
  <si>
    <t>METAS ACOMPANHAMENTO DE RECEITA NOV-18 v2.xlsx</t>
  </si>
  <si>
    <t>METAS ACOMPANHAMENTO DE RECEITA JAN-19.xlsx</t>
  </si>
  <si>
    <t>METAS ACOMPANHAMENTO DE RECEITA FEV-19.xlsx</t>
  </si>
  <si>
    <t>METAS ACOMPANHAMENTO DE RECEITA DEZ-18.xlsx</t>
  </si>
  <si>
    <t>CALCULADORA ATIVO.xlsx</t>
  </si>
  <si>
    <t>C:\Users\luizavs\OneDrive - Grupo Algar\Backup PC Luiz\06-11-2019\LUIZ ALFREDO\00 - WHIRLPOOL\01 - TLV COMPRA CERTA\2019\</t>
  </si>
  <si>
    <t>C:\Users\luizavs\OneDrive - Grupo Algar\Backup PC Luiz\06-11-2019\LUIZ ALFREDO\00 - WHIRLPOOL\02 - COMPRA CERTA\2019\</t>
  </si>
  <si>
    <t>Histórico de indicadores Compra Certa.xlsx</t>
  </si>
  <si>
    <t>C:\Users\luizavs\OneDrive - Grupo Algar\Backup PC Luiz\06-11-2019\LUIZ ALFREDO\00 - WHIRLPOOL\04 - SERV KITCHENAID\08 - AGOSTO\</t>
  </si>
  <si>
    <t>Mapa de Skills - Serv KitchenAid.xlsx</t>
  </si>
  <si>
    <t>Kitchenaid.xlsx</t>
  </si>
  <si>
    <t>Faixas de metrica especifica - UDI - WHIRLPOOL - SERV KITCHENAID N2 - AGOSTO 2019.xlsm</t>
  </si>
  <si>
    <t>Faixas de metrica especifica - UDI - WHIRLPOOL - SERV KITCHENAID N1 - AGOSTO 2019.xlsm</t>
  </si>
  <si>
    <t>Cópia de HORÁRIOS KITCHENAID LANÇAMENTO.xlsx</t>
  </si>
  <si>
    <t>C:\Users\luizavs\OneDrive - Grupo Algar\Backup PC Luiz\06-11-2019\LUIZ ALFREDO\00 - WHIRLPOOL\04 - SERV KITCHENAID\09 - SETEMBRO\</t>
  </si>
  <si>
    <t>Impacto TRN kaid.xlsx</t>
  </si>
  <si>
    <t>C:\Users\luizavs\OneDrive - Grupo Algar\Backup PC Luiz\06-11-2019\LUIZ ALFREDO\00 - WHIRLPOOL\04 - SERV KITCHENAID\10 - OUTUBRO\</t>
  </si>
  <si>
    <t>C:\Users\luizavs\OneDrive - Grupo Algar\Backup PC Luiz\06-11-2019\LUIZ ALFREDO\00 - WHIRLPOOL\04 - SERV KITCHENAID\11 - NOVEMBRO\</t>
  </si>
  <si>
    <t>C:\Users\luizavs\OneDrive - Grupo Algar\Backup PC Luiz\06-11-2019\LUIZ ALFREDO\00 - WHIRLPOOL\05 - IMPLANTAÇÃO\TLV\</t>
  </si>
  <si>
    <t>SKILLS TLV + BBLEND + KAID.xlsx</t>
  </si>
  <si>
    <t>Indicadores Televendas.xlsx</t>
  </si>
  <si>
    <t>RECEITA CROSSELING 2017.xlsx</t>
  </si>
  <si>
    <t>C:\Users\luizavs\OneDrive - Grupo Algar\Backup PC Luiz\06-11-2019\LUIZ ALFREDO\00 - WHIRLPOOL\01 - TLV COMPRA CERTA\2019\08 - AGOSTO\</t>
  </si>
  <si>
    <t>Rechamada TLV.XLSX</t>
  </si>
  <si>
    <t>Apuração motivacional dobradinha TLV.xlsx</t>
  </si>
  <si>
    <t>Skills - Novas Operações Livia.xlsx</t>
  </si>
  <si>
    <t>Vendas Agosto TLV versão total.xlsx</t>
  </si>
  <si>
    <t>Vendas Agosto TLV.xlsx</t>
  </si>
  <si>
    <t>Resumo TLV Whirlpool_envio.xlsm</t>
  </si>
  <si>
    <t>Mapa de Skills - TLV.xlsx</t>
  </si>
  <si>
    <t>OMS.xlsx</t>
  </si>
  <si>
    <t>Overview Tabulação TLV CC.xlsx</t>
  </si>
  <si>
    <t>Impacto TRN Reciclagem.xlsx</t>
  </si>
  <si>
    <t>Impacto TRN Reciclagem GAE.xlsx</t>
  </si>
  <si>
    <t>Formulário de Inserção de Skills - Corporate.xlsx</t>
  </si>
  <si>
    <t>Faixas de metrica especifica - UDI - WHIRLPOOL - TLV CC RECEPTIVO - AGOSTO 2019.xlsm</t>
  </si>
  <si>
    <t>Faixas de metrica especifica - UDI - WHIRLPOOL - TLV CC CHAT - AGOSTO 2019 - Copia.xlsm</t>
  </si>
  <si>
    <t>Faixas de metrica especifica - UDI - WHIRLPOOL - TLV CC ATIVO - AGOSTO 2019.xlsm</t>
  </si>
  <si>
    <t>Escala TRN - Reciclagem TLV.xlsx</t>
  </si>
  <si>
    <t>Escala TRN - Reciclagem TLV v2.xlsx</t>
  </si>
  <si>
    <t>Escala TRN - Reciclagem TLV GAE.xlsx</t>
  </si>
  <si>
    <t>Cópia de Vendas (respostas).xlsx</t>
  </si>
  <si>
    <t>Cópia de Vendas (respostas) - revisada.xlsx</t>
  </si>
  <si>
    <t>Cálculo de Meta - Set19.xlsx</t>
  </si>
  <si>
    <t>BD Oficial.xlsx</t>
  </si>
  <si>
    <t>22041 - UDI - WHIRLPOOL - SERV TLV CC CHAT Ago 2019.xlsx</t>
  </si>
  <si>
    <t>C:\Users\luizavs\OneDrive - Grupo Algar\Backup PC Luiz\06-11-2019\LUIZ ALFREDO\00 - WHIRLPOOL\01 - TLV COMPRA CERTA\2019\09 - SETEMBRO\</t>
  </si>
  <si>
    <t>22040 - UDI - WHIRLPOOL - SERV TLV CC ATIVO Ago 2019.xlsx</t>
  </si>
  <si>
    <t>Visões_Forecast - BF CC.xlsx</t>
  </si>
  <si>
    <t>22037 - UDI - WHIRLPOOL - SERV TLV CC RECEPTIVO Ago 2019.xlsx</t>
  </si>
  <si>
    <t>Vendas TLV Setembro - 4ª Semana.xlsx</t>
  </si>
  <si>
    <t>Vendas TLV Setembro - 1ª Semana.xlsx</t>
  </si>
  <si>
    <t>Vendas TLV Setembro - 2ª Semana.xlsx</t>
  </si>
  <si>
    <t>Vendas TLV 09-14-Set.xlsx</t>
  </si>
  <si>
    <t>Vendas Setembro TLV.xlsx</t>
  </si>
  <si>
    <t>Vendas TLV 02-07-Set.xlsx</t>
  </si>
  <si>
    <t>Quebra Diária TLV Set19.xlsx</t>
  </si>
  <si>
    <t>Impacto TRN Produtos.xlsx</t>
  </si>
  <si>
    <t>Impacto TRN Categ Argum.xlsx</t>
  </si>
  <si>
    <t>folgas tlv.xlsx</t>
  </si>
  <si>
    <t>Escala TRN - Produtos.xlsx</t>
  </si>
  <si>
    <t>Escala TRN - Categorização e Argumentação.xlsx</t>
  </si>
  <si>
    <t>CATEG PROD IMPROD.xlsx</t>
  </si>
  <si>
    <t>Callcenter Code Algar.xlsx</t>
  </si>
  <si>
    <t>AHT TLV Compra Certa.xlsm</t>
  </si>
  <si>
    <t>C:\Users\luizavs\OneDrive - Grupo Algar\Backup PC Luiz\06-11-2019\LUIZ ALFREDO\00 - WHIRLPOOL\01 - TLV COMPRA CERTA\2019\10 - OUTUBRO\</t>
  </si>
  <si>
    <t>Árvore de categorização TLV Ecenter.xlsx</t>
  </si>
  <si>
    <t>Impacto TRN Assurant.xlsx</t>
  </si>
  <si>
    <t>Impacto TRN Argumentação.xlsx</t>
  </si>
  <si>
    <t>Impacto TLV Receptivo.xlsx</t>
  </si>
  <si>
    <t>Escala Black Friday TLV.xlsx</t>
  </si>
  <si>
    <t>Cálculo de Meta - Out19.xlsx</t>
  </si>
  <si>
    <t>Cenários Black Friday (Cenário Final).xlsx</t>
  </si>
  <si>
    <t>ATING META.xlsx</t>
  </si>
  <si>
    <t>C:\Users\luizavs\OneDrive - Grupo Algar\Backup PC Luiz\06-11-2019\LUIZ ALFREDO\00 - WHIRLPOOL\01 - TLV COMPRA CERTA\2019\11 - NOVEMBRO\</t>
  </si>
  <si>
    <t>Times Ofensores TLV Out19.xlsx</t>
  </si>
  <si>
    <t>C:\Users\luizavs\OneDrive - Grupo Algar\Backup PC Luiz\06-11-2019\LUIZ ALFREDO\00 - WHIRLPOOL\01 - TLV COMPRA CERTA\HORAS LOGADAS\2019\</t>
  </si>
  <si>
    <t>EXT_TLV.xls</t>
  </si>
  <si>
    <t>Ofensores Ligações Improdutivas E-Center Out19.xlsx</t>
  </si>
  <si>
    <t>10 - TEMPO LOGADO - TLV CC - OUT19.xlsx</t>
  </si>
  <si>
    <t>09 - TEMPO LOGADO - TLV CC - SET19.xlsx</t>
  </si>
  <si>
    <t>08 - TEMPO LOGADO - TLV CC - AGO19.xlsx</t>
  </si>
  <si>
    <t>C:\Users\luizavs\OneDrive - Grupo Algar\Backup PC Luiz\06-11-2019\LUIZ ALFREDO\00 - WHIRLPOOL\02 - COMPRA CERTA\2019\06 - JUNHO\</t>
  </si>
  <si>
    <t>Retidos Compra Certa - Maio.xlsm</t>
  </si>
  <si>
    <t>Retidos Compra Certa - Junho.xlsm</t>
  </si>
  <si>
    <t>Retidos Compra Certa - Abril.xlsm</t>
  </si>
  <si>
    <t>query retidos.xlsx</t>
  </si>
  <si>
    <t>PLAN x REAL - COMPRA CERTA.xlsx</t>
  </si>
  <si>
    <t>Pausas Almoço Chat CC.xlsx</t>
  </si>
  <si>
    <t>OAs BKO.xlsx</t>
  </si>
  <si>
    <t>Motivos Máscaras BKO.xlsx</t>
  </si>
  <si>
    <t>Mapa Apoio CC.xlsx</t>
  </si>
  <si>
    <t>Máscara BKO TESTE V4.xlsx</t>
  </si>
  <si>
    <t>Histórico de indicadores Compra Certa V3.xlsx</t>
  </si>
  <si>
    <t>export Junho BKO.XLSX</t>
  </si>
  <si>
    <t>Escala TRN - Encantamento Compra Certa.xlsx</t>
  </si>
  <si>
    <t>Escala Treinamento Coleta de Peças.xlsx</t>
  </si>
  <si>
    <t>Escala Treinamento Baixa de Pagamentos.xlsx</t>
  </si>
  <si>
    <t>export (20-mai - 23-jun).XLSX</t>
  </si>
  <si>
    <t>Escala NR17 - Compra Certa.xlsx</t>
  </si>
  <si>
    <t>DE-PARA MÁSCARA BKO.xlsx</t>
  </si>
  <si>
    <t>Categorizações Compra Certa (Atual).xlsx</t>
  </si>
  <si>
    <t>CASOS BKO 11-16-JUN.xlsx</t>
  </si>
  <si>
    <t>Casos BKO - 20-Mai-23-Jun.xlsx</t>
  </si>
  <si>
    <t>Banco de dados - Compra Certa.xlsx</t>
  </si>
  <si>
    <t>Atividades Fernanda.xlsx</t>
  </si>
  <si>
    <t>Atendimento x Operador BKO.xlsx</t>
  </si>
  <si>
    <t>AcompanhamentoOnlineCategorizacoes DIA 05-06-19.xlsm</t>
  </si>
  <si>
    <t>Abandono Chat - Junho19.xlsx</t>
  </si>
  <si>
    <t>06 - Rechamada Junho.xlsx</t>
  </si>
  <si>
    <t>C:\Users\luizavs\OneDrive - Grupo Algar\Backup PC Luiz\06-11-2019\LUIZ ALFREDO\00 - WHIRLPOOL\02 - COMPRA CERTA\2019\07 - JULHO\</t>
  </si>
  <si>
    <t>Validação Infos Dash WHP.xlsx</t>
  </si>
  <si>
    <t>Top 5 - Motivos Jun19.xlsx</t>
  </si>
  <si>
    <t>06 - Produtividade WHATSAPP (OLD).xlsx</t>
  </si>
  <si>
    <t>TMA e TMIA_Metas - Jul19.xlsx</t>
  </si>
  <si>
    <t>Retidos MarketPlace Junho19.xlsx</t>
  </si>
  <si>
    <t>Retidos Compra Certa - Julho (Após TRN).xlsm</t>
  </si>
  <si>
    <t>Retenção Chat.xlsx</t>
  </si>
  <si>
    <t>Relatórios MKT Place.xlsx</t>
  </si>
  <si>
    <t>Retidos Compra Certa - Julho.xlsm</t>
  </si>
  <si>
    <t>Quartil Eco House.xlsx</t>
  </si>
  <si>
    <t>Programação de Férias - Compra Certa.xlsx</t>
  </si>
  <si>
    <t>OAs Informação em aberto - 16-07.xlsx</t>
  </si>
  <si>
    <t>Quartil Compra Certa.xlsx</t>
  </si>
  <si>
    <t>MÁSCARA DE-PARA BKO (VERSÃO CLIENTE).xlsx</t>
  </si>
  <si>
    <t>Modelo e árvore CC (ATUAL) 17-07.xlsx</t>
  </si>
  <si>
    <t>Novas Parciais Original V4.xls</t>
  </si>
  <si>
    <t>Modelo e árvore CC (Alteração).xlsx</t>
  </si>
  <si>
    <t>LISTA DE DADOS CENTRAL.xlsx</t>
  </si>
  <si>
    <t>Máscara BKO V5.xlsx</t>
  </si>
  <si>
    <t>Levantamento Apresentação.xlsx</t>
  </si>
  <si>
    <t>HISTÓRICO EFETIVIDADE ATIVO.xlsx</t>
  </si>
  <si>
    <t>Histórico Compra Certa.xlsx</t>
  </si>
  <si>
    <t>HISTÓRICO NS WHATSAPP.xlsx</t>
  </si>
  <si>
    <t>Historico de Indicadores v2.xlsx</t>
  </si>
  <si>
    <t>export Julho - 16-07.XLSX</t>
  </si>
  <si>
    <t>Escala TRN - Ação Retenção.xlsx</t>
  </si>
  <si>
    <t>D2C_OA_V3 - 29-07.xlsb</t>
  </si>
  <si>
    <t>Categorizações Ativo - Reinput.xlsx</t>
  </si>
  <si>
    <t>Casos Em Aberto BKO - 09-07.xlsx</t>
  </si>
  <si>
    <t>Casos Em Aberto BKO - 05-07.xlsx</t>
  </si>
  <si>
    <t>Casos Em Aberto BKO - 02-07.xlsx</t>
  </si>
  <si>
    <t>Apuração PPR - Compra Certa.xlsx</t>
  </si>
  <si>
    <t>C:\Users\luizavs\OneDrive - Grupo Algar\Backup PC Luiz\06-11-2019\LUIZ ALFREDO\00 - WHIRLPOOL\02 - COMPRA CERTA\2019\08 - AGOSTO\</t>
  </si>
  <si>
    <t>Árvore Pilotos.xlsx</t>
  </si>
  <si>
    <t>Árvore MKTPlace.xlsx</t>
  </si>
  <si>
    <t>Árvore MarketPlace.xlsx</t>
  </si>
  <si>
    <t>Árvore Chat CC.xlsx</t>
  </si>
  <si>
    <t>Árvore Ativo-Prevenção.xlsx</t>
  </si>
  <si>
    <t>Validação dimens faixas NS.xlsx</t>
  </si>
  <si>
    <t>TMA e TMIA_Metas - Ago19.xlsx</t>
  </si>
  <si>
    <t>Resultado_Indicadores_UDI - WHIRLPOOL - SAC SINERGIA - 201907.xlsx</t>
  </si>
  <si>
    <t>Real x Plan - PMO Compra Certa - Set-19.xlsx</t>
  </si>
  <si>
    <t>Real x Plan - PMO Compra Certa - Ago-19.xlsx</t>
  </si>
  <si>
    <t>Retidos Compra Certa - Agosto.xlsm</t>
  </si>
  <si>
    <t>Prévia Financeira - Set-19.xlsx</t>
  </si>
  <si>
    <t>Idt_Session - Jul19.xlsx</t>
  </si>
  <si>
    <t>Quebra Diária - PA Digital.xlsx</t>
  </si>
  <si>
    <t>Folgas Feriado.xlsx</t>
  </si>
  <si>
    <t>Folgas Brenda.xlsx</t>
  </si>
  <si>
    <t>Fechamento TLV + BBlend.xlsx</t>
  </si>
  <si>
    <t>Folga feriado 15 de agosto - Equipe Tassi.xlsx</t>
  </si>
  <si>
    <t>D2C_OA_V3 - 20-08.xlsb</t>
  </si>
  <si>
    <t>D2C_OA_V3 - 07-08.xlsb</t>
  </si>
  <si>
    <t>Cópia de Base Não Importada OA's (19.08).xlsx</t>
  </si>
  <si>
    <t>Cálculo CSAT - Histórico.xlsx</t>
  </si>
  <si>
    <t>BD COMPRA CERTA - JUL 22-07.xlsx</t>
  </si>
  <si>
    <t>Base URA.xlsx</t>
  </si>
  <si>
    <t>Base URA - Julho19.xlsx</t>
  </si>
  <si>
    <t>Base Não Importada OA's.XLSX</t>
  </si>
  <si>
    <t>Base Retidos Devolução.xlsx</t>
  </si>
  <si>
    <t>Base Retidos Devolução v2.xlsx</t>
  </si>
  <si>
    <t>Atraso na Entrega - Compra Certa.xlsx</t>
  </si>
  <si>
    <t>Base Acionamentos.xlsx</t>
  </si>
  <si>
    <t>C:\Users\luizavs\OneDrive - Grupo Algar\Backup PC Luiz\06-11-2019\LUIZ ALFREDO\00 - WHIRLPOOL\02 - COMPRA CERTA\2019\09 - SETEMBRO\</t>
  </si>
  <si>
    <t>TMA e TMIA_Metas - Set19.xlsx</t>
  </si>
  <si>
    <t>Incentivos Supervisão Ago19.xlsx</t>
  </si>
  <si>
    <t>Folga Feriado - Tassi.xlsx</t>
  </si>
  <si>
    <t>Faixas de metrica especifica - UDI - WHIRLPOOL - ATIVO COMPRA CERTA - OUTUBRO 2019.xlsm</t>
  </si>
  <si>
    <t>Faixas de metrica especifica - UDI - WHIRLPOOL - WONDERLAND - OUTUBRO 2019.xlsm</t>
  </si>
  <si>
    <t>Faixas de metrica especifica - UDI - WHIRLPOOL - SERV KITCHENAID N1 - OUTUBRO 2019.xlsm</t>
  </si>
  <si>
    <t>Faixas de metrica especifica - UDI - WHIRLPOOL - SAC SINERGIA - OUTUBRO 2019.xlsm</t>
  </si>
  <si>
    <t>Faixas de metrica especifica - UDI - WHIRLPOOL - BBLEND N1 - OUTUBRO 2019.xlsm</t>
  </si>
  <si>
    <t>Escala TRN - Chat - WhatsApp.xlsx</t>
  </si>
  <si>
    <t>D2C_OA_V3 - 24-09.xlsb</t>
  </si>
  <si>
    <t>D2C_OA_V3 - 11-09.xlsb</t>
  </si>
  <si>
    <t>Base Retidos Devolução V3.xlsx</t>
  </si>
  <si>
    <t>Avaliação de Folgas - Ludicele.xlsx</t>
  </si>
  <si>
    <t>Alteração Não Contato 60 dias Dash.xlsx</t>
  </si>
  <si>
    <t>%Retenção URA.xlsx</t>
  </si>
  <si>
    <t>C:\Users\luizavs\OneDrive - Grupo Algar\Backup PC Luiz\06-11-2019\LUIZ ALFREDO\00 - WHIRLPOOL\02 - COMPRA CERTA\2019\10 - OUTUBRO\</t>
  </si>
  <si>
    <t>volumetria kelly.xlsx</t>
  </si>
  <si>
    <t>Volumetria D2C - Set19.xlsx</t>
  </si>
  <si>
    <t>AGEING ENCERRAMENTO FC - BKO - MKTPLACE.xlsx</t>
  </si>
  <si>
    <t>Resultado_Indicadores_UDI - WHIRLPOOL - SAC SINERGIA - 201909.xlsx</t>
  </si>
  <si>
    <t>NS x Abandono D2C.xlsx</t>
  </si>
  <si>
    <t>INDICADORES BF 2019.xlsx</t>
  </si>
  <si>
    <t>Cópia de Ociosidade.xls</t>
  </si>
  <si>
    <t>Casos BKO - BF 2018.xlsx</t>
  </si>
  <si>
    <t>C:\Users\luizavs\OneDrive - Grupo Algar\Backup PC Luiz\06-11-2019\LUIZ ALFREDO\00 - WHIRLPOOL\02 - COMPRA CERTA\2019\11 - NOVEMBRO\</t>
  </si>
  <si>
    <t>DIMENS_CC SAC SIN (COM RET)_WHP_NOV - 27k AHT 450 (cenário atual dia 5).xlsm</t>
  </si>
  <si>
    <t>C:\Users\luizavs\OneDrive - Grupo Algar\Backup PC Luiz\06-11-2019\LUIZ ALFREDO\00 - WHIRLPOOL\03 - BBLEND\2019\08 - AGOSTO\</t>
  </si>
  <si>
    <t>Mapa de Skills - BBlend.xlsx</t>
  </si>
  <si>
    <t>Faixas de metrica especifica - UDI - WHIRLPOOL - BBLEND N2 - AGOSTO 2019.xlsm</t>
  </si>
  <si>
    <t>Faixas de metrica especifica - UDI - WHIRLPOOL - BBLEND N1 - AGOSTO 2019.xlsm</t>
  </si>
  <si>
    <t>Base Dynamics BBlend 28.08.xlsx</t>
  </si>
  <si>
    <t>Base Dynamics BBlend 27.08.xlsx</t>
  </si>
  <si>
    <t>22052 - UDI - WHIRLPOOL - SERV BBLEND N2 (preenchido).xlsx</t>
  </si>
  <si>
    <t>22051 - UDI - WHIRLPOOL - SERV BBLEND N1 (preenchido).xlsx</t>
  </si>
  <si>
    <t>22052 - UDI - WHIRLPOOL - SERV BBLEND N2 Ago 2019.xlsx</t>
  </si>
  <si>
    <t>C:\Users\luizavs\OneDrive - Grupo Algar\Backup PC Luiz\06-11-2019\LUIZ ALFREDO\00 - WHIRLPOOL\03 - BBLEND\2019\09 - SETEMBRO\</t>
  </si>
  <si>
    <t>Árvore de Categorização - BBlend.xlsx</t>
  </si>
  <si>
    <t>Plano de Ação - BBlend N2.xlsx</t>
  </si>
  <si>
    <t>22051 - UDI - WHIRLPOOL - SERV BBLEND N1 Ago 2019.xlsx</t>
  </si>
  <si>
    <t>Escala TRN - Técnicas de Atendimento.xlsx</t>
  </si>
  <si>
    <t>Escala TRN - Técnicas de Atendimento v2.xlsx</t>
  </si>
  <si>
    <t>Escala TRN - BBlend.xlsx</t>
  </si>
  <si>
    <t>Categorizações BBlend Ago19.xlsx</t>
  </si>
  <si>
    <t>AHT BBlend N1.xlsm</t>
  </si>
  <si>
    <t>C:\Users\luizavs\OneDrive - Grupo Algar\Backup PC Luiz\06-11-2019\LUIZ ALFREDO\00 - WHIRLPOOL\03 - BBLEND\2019\10 - OUTUBRO\</t>
  </si>
  <si>
    <t>ÁRVORE BBLEND N1.xlsx</t>
  </si>
  <si>
    <t>Rechamada.xlsx</t>
  </si>
  <si>
    <t>DIMENS_SERV BBLEND N2_2019.xlsx</t>
  </si>
  <si>
    <t>C:\Users\luizavs\OneDrive - Grupo Algar\Backup PC Luiz\06-11-2019\LUIZ ALFREDO\00 - WHIRLPOOL\06 - ECOHOUSE\2019\07 - JULHO\</t>
  </si>
  <si>
    <t>Indicadores Contrato Algar - ECOHOUSE.xlsx</t>
  </si>
  <si>
    <t>Dashboard PA Digital Novo - 201907.xlsx</t>
  </si>
  <si>
    <t>C:\Users\luizavs\OneDrive - Grupo Algar\Backup PC Luiz\06-11-2019\LUIZ ALFREDO\00 - WHIRLPOOL\02 - COMPRA CERTA\2019\06 - JUNHO\INDICADORES\</t>
  </si>
  <si>
    <t>Extrair_Categorizacoes_Retencao.xlsm</t>
  </si>
  <si>
    <t>C:\Users\luizavs\OneDrive - Grupo Algar\Backup PC Luiz\06-11-2019\LUIZ ALFREDO\01 - TELECOM\01 - TELEVENDAS\01 - TLV VAREJO\0 - CANAL DIGITAL\2018\10 - OUTUBRO\</t>
  </si>
  <si>
    <t>Resultado Canal Digital 2018.xlsx</t>
  </si>
  <si>
    <t>PONTO DE CONTROLE - VAREJO.xlsx</t>
  </si>
  <si>
    <t>MAILING DESCONEXÃO HORÁRIO IMPRÓPRIO.xlsx</t>
  </si>
  <si>
    <t>Retidos Compra Certa.xlsm</t>
  </si>
  <si>
    <t>Indicadores Contratuais - 20190628.xlsx</t>
  </si>
  <si>
    <t>MAILING DESCONEXÃO HORÁRIO IMPRÓPRIO.csv</t>
  </si>
  <si>
    <t>MAILING DESCON HORÁRIO IMPROPRIO.xlsx</t>
  </si>
  <si>
    <t>DIMENS TLV DIGITAL.xlsx</t>
  </si>
  <si>
    <t>Desconexão 21h.xlsx</t>
  </si>
  <si>
    <t>analise canal digital parcial de agosto.xlsx</t>
  </si>
  <si>
    <t>Aceites Leads Parciais.xlsx</t>
  </si>
  <si>
    <t>C:\Users\luizavs\OneDrive - Grupo Algar\Backup PC Luiz\06-11-2019\LUIZ ALFREDO\01 - TELECOM\01 - TELEVENDAS\01 - TLV VAREJO\0 - CANAL DIGITAL\2018\11 - NOVEMBRO\</t>
  </si>
  <si>
    <t>Pesquisa Satisfação - Canal Digital.xlsx</t>
  </si>
  <si>
    <t>DIMENSIONAMENTO TLV DIGITAL VAREJO.xlsx</t>
  </si>
  <si>
    <t>Performance Mailings - CANAL DIGITAL - NOV18.xlsx</t>
  </si>
  <si>
    <t>DIMENS TLV DIGITAL (WHATS + CHAT).xlsx</t>
  </si>
  <si>
    <t>DIMENS LEADS (ASPECT).xlsx</t>
  </si>
  <si>
    <t>DIMENS CONVERSÃO DIGITAL.xlsx</t>
  </si>
  <si>
    <t>DIMENS CONVERSÃO DIGITAL - v2.xlsx</t>
  </si>
  <si>
    <t>DIMENS TLV DIGITAL (WHATS + CHAT) - v2.xlsx</t>
  </si>
  <si>
    <t>C:\Users\luizavs\OneDrive - Grupo Algar\Backup PC Luiz\06-11-2019\LUIZ ALFREDO\01 - TELECOM\01 - TELEVENDAS\01 - TLV VAREJO\0 - CANAL DIGITAL\2018\12 - DEZEMBRO\</t>
  </si>
  <si>
    <t>Resumo Conversão Mailings.xlsx</t>
  </si>
  <si>
    <t>Resultados Canal Digital Jun-Dez18.xlsx</t>
  </si>
  <si>
    <t>Leads 2018 - Canal Digital.xlsx</t>
  </si>
  <si>
    <t>Elegiveis Out-Dez18.xlsx</t>
  </si>
  <si>
    <t>Performance Mailings - CANAL DIGITAL - DEZ18.xlsx</t>
  </si>
  <si>
    <t>Controle de folgas_Dezembro_operadores.xlsx</t>
  </si>
  <si>
    <t>analise canal digital.xlsx</t>
  </si>
  <si>
    <t>C:\Users\luizavs\OneDrive - Grupo Algar\Backup PC Luiz\06-11-2019\LUIZ ALFREDO\01 - TELECOM\01 - TELEVENDAS\01 - TLV VAREJO\0 - CANAL DIGITAL\2019\01 - JANEIRO\</t>
  </si>
  <si>
    <t>Resumo Conversão Mailings Jan19.xlsx</t>
  </si>
  <si>
    <t>Leads Histórico - Canal Digital.xlsx</t>
  </si>
  <si>
    <t>Associados Canal Digital - Jan19.xlsx</t>
  </si>
  <si>
    <t>Associados Canal Digital - Jan19 v2.xlsx</t>
  </si>
  <si>
    <t>C:\Users\luizavs\OneDrive - Grupo Algar\Backup PC Luiz\06-11-2019\LUIZ ALFREDO\01 - TELECOM\01 - TELEVENDAS\01 - TLV VAREJO\0 - CANAL DIGITAL\2019\02 - FEVEREIRO\</t>
  </si>
  <si>
    <t>Performance Mailings - CANAL DIGITAL JAN19.xlsx</t>
  </si>
  <si>
    <t>ASC DDD 16.xlsx</t>
  </si>
  <si>
    <t>MÉDIA CANAL DIGITAL - ASPECT.xlsx</t>
  </si>
  <si>
    <t>Meta Operadores - Canal Digital.xlsx</t>
  </si>
  <si>
    <t>Performance Mailings - CANAL DIGITAL FEV19.xlsx</t>
  </si>
  <si>
    <t>cesaradsg@algartech.com.br;denisems@algartech.com.br;equipediegodiniz@algartech.com.br;grizanibda@algartech.com.br;talouanecsr@algartech.com.br;welingtoncg@algartech.com.br;</t>
  </si>
  <si>
    <t>cesaradsg@algartech.com.br,denisems@algartech.com.br,equipediegodiniz@algartech.com.br,grizanibda@algartech.com.br,talouanecsr@algartech.com.br,welingtoncg@algartech.com.br</t>
  </si>
  <si>
    <t>Performance Mailings - CANAL DIGITAL (OLD).xlsx</t>
  </si>
  <si>
    <t>DIMENS TLV DIGITAL (WHATS + CHAT) - Sábados.xlsx</t>
  </si>
  <si>
    <t>CATEGORIZAÇÕES FEV19.xlsx</t>
  </si>
  <si>
    <t>CATEGORIZAÇÕES DIGITAL.xlsx</t>
  </si>
  <si>
    <t>C:\Users\luizavs\OneDrive - Grupo Algar\Backup PC Luiz\06-11-2019\LUIZ ALFREDO\02 - SELEÇÕES\</t>
  </si>
  <si>
    <t>BD Seleções - Turma 1.xlsx</t>
  </si>
  <si>
    <t>Backlog - TLV.xlsx</t>
  </si>
  <si>
    <t>C:\Users\luizavs\OneDrive - Grupo Algar\Backup PC Luiz\06-11-2019\LUIZ ALFREDO\03 - POOL\</t>
  </si>
  <si>
    <t>LIGAÇÕES MADRECOR 17-04.xlsx</t>
  </si>
  <si>
    <t>Desmobilização TELEVENDAS SELEÇÕES.xls</t>
  </si>
  <si>
    <t>C:\Users\luizavs\OneDrive - Grupo Algar\Backup PC Luiz\06-11-2019\LUIZ ALFREDO\04 - CPC\</t>
  </si>
  <si>
    <t>Teste Perfil comportamental e preferencia cerebral - LAVS.xls</t>
  </si>
  <si>
    <t>TABELA META RECEITA.xlsx</t>
  </si>
  <si>
    <t>Tabela importação Simple.xlsx</t>
  </si>
  <si>
    <t>ROTEIRO EUROPA.xlsx</t>
  </si>
  <si>
    <t>Relatórios Telecom.xlsx</t>
  </si>
  <si>
    <t>Processo importacao ASPECT.xlsx</t>
  </si>
  <si>
    <t>Premissas Algar Telecom Dez18-Jan19.xlsx</t>
  </si>
  <si>
    <t>Pontos GTH x Portal TH.xlsx</t>
  </si>
  <si>
    <t>Planilha de Custos - Capoava.xlsx</t>
  </si>
  <si>
    <t>PGP CONTESTAÇÃO.xlsx</t>
  </si>
  <si>
    <t>Material de apoio ASPECT.xlsx</t>
  </si>
  <si>
    <t>Material de Apoio ao companhamento control desk.xlsm</t>
  </si>
  <si>
    <t>Lista de Entregas - Luiz Alfredo.xlsx</t>
  </si>
  <si>
    <t>LINE UP.xls</t>
  </si>
  <si>
    <t>Indicadores Contrato_Consolidado - Abr-2019.xlsx</t>
  </si>
  <si>
    <t>Horário dia 17 agosto.xlsx</t>
  </si>
  <si>
    <t>Grade Validação CPC.xlsx</t>
  </si>
  <si>
    <t>Formulário - Relatório de Despesas - Luiz Alfredo.xls</t>
  </si>
  <si>
    <t>EXTRATOR_LOGIN_LOGOUT_AGENTE.xls</t>
  </si>
  <si>
    <t>EXTRATOR_ECH_VDN.xls</t>
  </si>
  <si>
    <t>EQUIPE RAFAEL GONÇALVES.xlsx</t>
  </si>
  <si>
    <t>Entregaveis_Telecom_v2.xlsx</t>
  </si>
  <si>
    <t>Enriquecimento_Mar_2019 - CIELO.xlsx</t>
  </si>
  <si>
    <t>Entregaveis Luiz Alfredo TLV Telecom.xls</t>
  </si>
  <si>
    <t>DEMANDAS HAEL.xlsx</t>
  </si>
  <si>
    <t>DEMANDAS FÉRIAS.xlsx</t>
  </si>
  <si>
    <t>DEMANDA NOTEBOOK.xlsx</t>
  </si>
  <si>
    <t>Cópia de 08 - Levantamento de PA's ALGAR.xls</t>
  </si>
  <si>
    <t>Custos Boutique Carne.xlsx</t>
  </si>
  <si>
    <t>CONTROLE DE PONTO - LUIZ ALFREDO.xlsx</t>
  </si>
  <si>
    <t>Contatenar - Cópia.xlsm</t>
  </si>
  <si>
    <t>Consórcio Evernelson.xlsx</t>
  </si>
  <si>
    <t>BOOK ENTREGAS - LUIZ ALFREDO.xlsx</t>
  </si>
  <si>
    <t>ATIVIDADES TLV.xlsx</t>
  </si>
  <si>
    <t>BOOK 8.1.xls</t>
  </si>
  <si>
    <t>Apuração PPR 2019-1.xlsx</t>
  </si>
  <si>
    <t>AVALIAÇÃO RCV.xlsx</t>
  </si>
  <si>
    <t>Acessos PCP - Genesys.xlsx</t>
  </si>
  <si>
    <t>3ª Métrica - Time Grevy.xlsx</t>
  </si>
  <si>
    <t>C:\Users\luizavs\OneDrive - Grupo Algar\Backup PC Luiz\06-11-2019\LUIZ ALFREDO\01 - TELECOM\02 - RETENÇÃO\</t>
  </si>
  <si>
    <t>Treinamento Novas Ofertas Celular.xlsx</t>
  </si>
  <si>
    <t>EXTRATOR_ECH_POR_SKILL_NUMEROS_DISCADOS (RETENÇÃO CALLBACK.xls</t>
  </si>
  <si>
    <t>CALLBACK RETENÇÃO 18-04.xlsx</t>
  </si>
  <si>
    <t>BANCO DE DADOS ATUALIZADO.xlsx</t>
  </si>
  <si>
    <t>EXTRATOR_ECH_SKILL.XLS</t>
  </si>
  <si>
    <t>C:\Users\luizavs\OneDrive - Grupo Algar\Backup PC Luiz\06-11-2019\LUIZ ALFREDO\01 - TELECOM\04 - PÓS VENDAS\</t>
  </si>
  <si>
    <t>Importar mailings pós vendas.xlsx</t>
  </si>
  <si>
    <t>Estudo de Metas.xlsx</t>
  </si>
  <si>
    <t>DIMENS POS VENDAS.xlsx</t>
  </si>
  <si>
    <t>C:\Users\luizavs\OneDrive - Grupo Algar\Backup PC Luiz\06-11-2019\LUIZ ALFREDO\01 - TELECOM\05 - 102\</t>
  </si>
  <si>
    <t>20170504_CAMPANHA_12955_PILOTO_FATURA_DIGITAL.xlsx</t>
  </si>
  <si>
    <t>C:\Users\luizavs\OneDrive - Grupo Algar\Backup PC Luiz\06-11-2019\LUIZ ALFREDO\01 - TELECOM\05 - 102\20170504_CAMPANHA_12955_PILOTO_FATURA_DIGITAL Excel.zip\</t>
  </si>
  <si>
    <t>20170504_CAMPANHA_12955_PILOTO_FATURA_DIGITAL.csv</t>
  </si>
  <si>
    <t>C:\Users\luizavs\OneDrive - Grupo Algar\Backup PC Luiz\06-11-2019\LUIZ ALFREDO\01 - TELECOM\08 - BIG DATA\TODOS.rar\</t>
  </si>
  <si>
    <t>FINAL.csv</t>
  </si>
  <si>
    <t>C:\Users\luizavs\OneDrive - Grupo Algar\Backup PC Luiz\06-11-2019\LUIZ ALFREDO\01 - TELECOM\08 - BIG DATA\SOMENTE_TELEFONE.rar\</t>
  </si>
  <si>
    <t>FINAL_SOMENTE_TELEFONE.csv</t>
  </si>
  <si>
    <t>C:\Users\luizavs\OneDrive - Grupo Algar\Backup PC Luiz\06-11-2019\LUIZ ALFREDO\02 - SELEÇÕES\ASPECT\</t>
  </si>
  <si>
    <t>Retorno de Base 201708 – Flex.xlsx</t>
  </si>
  <si>
    <t>Relatório de Performance_Editora Seleções_NOV17.xlsx</t>
  </si>
  <si>
    <t>Produto+ValorUnit.xlsx</t>
  </si>
  <si>
    <t>Modelo Monitoria - Operador XXXXXXX - QUIT-CARMO.XLSX</t>
  </si>
  <si>
    <t>CATEGORIZAÇÕES SELEÇÕES.xlsx</t>
  </si>
  <si>
    <t>CATEGORIZAÇÕES SELEÇÕES v2.xlsx</t>
  </si>
  <si>
    <t>Auxiliar antiga.xlsx</t>
  </si>
  <si>
    <t>02CARMO_2018_JANEIRO_NTF.csv</t>
  </si>
  <si>
    <t>C:\Users\luizavs\OneDrive - Grupo Algar\Backup PC Luiz\06-11-2019\LUIZ ALFREDO\02 - SELEÇÕES\ENRIQUECIMENTO\</t>
  </si>
  <si>
    <t>MARÇO18.csv</t>
  </si>
  <si>
    <t>ABRIL.csv</t>
  </si>
  <si>
    <t>marco18_output_OK.csv</t>
  </si>
  <si>
    <t>C:\Users\luizavs\OneDrive - Grupo Algar\Backup PC Luiz\06-11-2019\LUIZ ALFREDO\02 - SELEÇÕES\IMPLANTAÇÃO\</t>
  </si>
  <si>
    <t>RESULTADOS TESTE CONTROL DESK.xlsx</t>
  </si>
  <si>
    <t>abril_output_OK.csv</t>
  </si>
  <si>
    <t>140514.01.17 - Televendas_v6_Fechada_v2.xlsb</t>
  </si>
  <si>
    <t>C:\Users\luizavs\OneDrive - Grupo Algar\Backup PC Luiz\06-11-2019\LUIZ ALFREDO\02 - SELEÇÕES\IMPLANTAÇÃO\140514.01.17 - Televendas_v6_Fechada_v2.xlsb\</t>
  </si>
  <si>
    <t>C:\Users\luizavs\OneDrive - Grupo Algar\Backup PC Luiz\06-11-2019\LUIZ ALFREDO\02 - SELEÇÕES\MAILINGS\</t>
  </si>
  <si>
    <t>MODELO MAILING.csv</t>
  </si>
  <si>
    <t>C:\Users\luizavs\OneDrive - Grupo Algar\Backup PC Luiz\06-11-2019\LUIZ ALFREDO\02 - SELEÇÕES\PROCESSO DE SELEÇÃO\</t>
  </si>
  <si>
    <t>Sofia Maria Silva e Sato.xlsx</t>
  </si>
  <si>
    <t>Samuel Silva Lima.xlsx</t>
  </si>
  <si>
    <t>Renan Gustavo Aguiar.xlsx</t>
  </si>
  <si>
    <t>Pedro Henrique Silva Xavier.xlsx</t>
  </si>
  <si>
    <t>Leonardo Silva de Oliveira.xlsx</t>
  </si>
  <si>
    <t>Juan Henrique da Silva Braga.xlsx</t>
  </si>
  <si>
    <t>João Lucas Carrijo Vieira.xlsx</t>
  </si>
  <si>
    <t>Glaykon Thayer Silva Lima.xlsx</t>
  </si>
  <si>
    <t>Gabriela Ferreira Freire Dos Santos - Control Desk 0701.xlsx</t>
  </si>
  <si>
    <t>Carlos Alexandre Nascimento da Silva.xlsx</t>
  </si>
  <si>
    <t>Bruna Joyce.xlsx</t>
  </si>
  <si>
    <t>Bruna Abadia da Silva Reis.xlsx</t>
  </si>
  <si>
    <t>Arthur da Conceição Cassimiro.xlsx</t>
  </si>
  <si>
    <t>Ana Laura Torrano Costa.xlsx</t>
  </si>
  <si>
    <t>C:\Users\luizavs\OneDrive - Grupo Algar\Backup PC Luiz\06-11-2019\LUIZ ALFREDO\01 - TELECOM\01 - TELEVENDAS\02 - TLV MPE\</t>
  </si>
  <si>
    <t>VOLUMETRIA TLV MPE.xlsx</t>
  </si>
  <si>
    <t>VOLUME x AÇÕES MKT MPE.xlsx</t>
  </si>
  <si>
    <t>VOLUME TLV MPE FEV-MAR-ABR.xlsx</t>
  </si>
  <si>
    <t>VOLUME RECEPTIVO TLV MPE.xlsx</t>
  </si>
  <si>
    <t>Volume Expansão x Concessão.xlsx</t>
  </si>
  <si>
    <t>VENDAS VITOR HUGO MPE.xlsx</t>
  </si>
  <si>
    <t>VENDAS OUT17 TLV MPE.xlsx</t>
  </si>
  <si>
    <t>VENDA ALAN.xlsx</t>
  </si>
  <si>
    <t>VALIDAÇÃO ARQUIVOS TELECOM MPE.xlsx</t>
  </si>
  <si>
    <t>UBL x UPGRADE.xlsx</t>
  </si>
  <si>
    <t>Validação Receita Mailings.xls</t>
  </si>
  <si>
    <t>TLV MPE 05-2019 - TRANSFORMAÇÃO.xlsx</t>
  </si>
  <si>
    <t>TLV MPE 04-2019 - TRANSFORMAÇÃO.xlsx</t>
  </si>
  <si>
    <t>TRANSF VAREJO-MPE.xlsx</t>
  </si>
  <si>
    <t>TLV MPE 02-2019 - TRANSFORMAÇÃO.xlsx</t>
  </si>
  <si>
    <t>TLV MPE - Agner.xlsx</t>
  </si>
  <si>
    <t>TEMPO PRODUTIVO TLV MPE.xlsx</t>
  </si>
  <si>
    <t>SKILL TLV MPE.xlsx</t>
  </si>
  <si>
    <t>Simualação de Meta Mix.xlsx</t>
  </si>
  <si>
    <t>SEM CONTATO - TELEFONES.xlsx</t>
  </si>
  <si>
    <t>Saúde dos PG27s.xlsx</t>
  </si>
  <si>
    <t>Retorno Aspect 01112017.xlsx</t>
  </si>
  <si>
    <t>Relação-skills-SAC-MPE.xlsx</t>
  </si>
  <si>
    <t>REGIONAL x CANAL - FEV18.xlsx</t>
  </si>
  <si>
    <t>regionais tlv mpe.xlsx</t>
  </si>
  <si>
    <t>REGIONAIS FABIO.xlsx</t>
  </si>
  <si>
    <t>RECEITA POR OPERADOR - TLV MPE.xls</t>
  </si>
  <si>
    <t>Receita MPE x Produtos Varejo.xlsx</t>
  </si>
  <si>
    <t>RECEITA MPE FORA HORÁRIO COMERCIAL.xlsx</t>
  </si>
  <si>
    <t>REAL X EXPECTATIVA MAILINGS MPE.xlsx</t>
  </si>
  <si>
    <t>RANKING TLV MPE.xlsx</t>
  </si>
  <si>
    <t>racional algar midia.xlsx</t>
  </si>
  <si>
    <t>PROJEÇÃO RECEITA JULHO17.xlsx</t>
  </si>
  <si>
    <t>Produtos MPE.xlsx</t>
  </si>
  <si>
    <t>Planos Celular Upgrade.xlsx</t>
  </si>
  <si>
    <t>Planejamento Volumes Pessoas e Infra.xlsx</t>
  </si>
  <si>
    <t>Planejamento Horário Comercial TLV MPE.xlsx</t>
  </si>
  <si>
    <t>Picos WhatsApp.xlsx</t>
  </si>
  <si>
    <t>Painel_Intraday.xlsx</t>
  </si>
  <si>
    <t>Pacote 2 - Telecom MPE.xlsx</t>
  </si>
  <si>
    <t>OS Canceladas SUL Março.xlsx</t>
  </si>
  <si>
    <t>OPS CANCELADAS VINICIUS (002).xlsx</t>
  </si>
  <si>
    <t>Operadores x Ativo.xlsx</t>
  </si>
  <si>
    <t>Ociosidade TLV MPE.xlsx</t>
  </si>
  <si>
    <t>NÃO ELEGÍVEL DDD.xlsx</t>
  </si>
  <si>
    <t>MOTIVACIONAL RONE CHURN.xlsx</t>
  </si>
  <si>
    <t>MOTIVACIONAL ACOMP MIS.xlsm</t>
  </si>
  <si>
    <t>MIX CAMPANHA.xlsx</t>
  </si>
  <si>
    <t>Motivacional Jogo Brasil Copa.xls</t>
  </si>
  <si>
    <t>METAS ACOMPANHAMENTO DE RECEITA MAI-19 (EXPANSÃO).xlsx</t>
  </si>
  <si>
    <t>Motivacional 2 Jogo Brasil Copa.xls</t>
  </si>
  <si>
    <t>METAS ACOMPANHAMENTO DE RECEITA MAI-19 (CONCESSÃO).xlsx</t>
  </si>
  <si>
    <t>Microgestão_TLV MPE 26-12.xlsx</t>
  </si>
  <si>
    <t>METAS ACOMPANHAMENTO DE RECEITA ABR-19 (EXPANSÃO).xlsx</t>
  </si>
  <si>
    <t>METAS ACOMPANHAMENTO DE RECEITA ABR-19 (CONCESSÃO).xlsx</t>
  </si>
  <si>
    <t>meta tlv mpe.xlsx</t>
  </si>
  <si>
    <t>Meta PAs Grevy.xlsx</t>
  </si>
  <si>
    <t>META MIX ABRIL - TLV MPE.xlsx</t>
  </si>
  <si>
    <t>MEMÓRIA DE CÁLCULO - REC EITA ATIVO MAIO.xlsx</t>
  </si>
  <si>
    <t>Matriz faturamento GRC v3.xlsx</t>
  </si>
  <si>
    <t>LUIZ AUGUSTO MAIO-18.xlsx</t>
  </si>
  <si>
    <t>LOCALIDADE x RECEITA NOV-DEZ-JAN17.xlsx</t>
  </si>
  <si>
    <t>Ligações Priscila 05-09.xlsx</t>
  </si>
  <si>
    <t>INTRADIÁRIO TLV MPE.xlsx</t>
  </si>
  <si>
    <t>INFO TLV MPE.xlsx</t>
  </si>
  <si>
    <t>HORÁRIO NOVATOS.xlsx</t>
  </si>
  <si>
    <t>HORÁRIO COMERCIAL TLV MPE.xlsx</t>
  </si>
  <si>
    <t>HISTORICO BASE LDN.xlsx</t>
  </si>
  <si>
    <t>HE TLV MPE.xlsx</t>
  </si>
  <si>
    <t>HORÁRIO VENDA TLV MPE.xlsx</t>
  </si>
  <si>
    <t>GPON 2018.xlsx</t>
  </si>
  <si>
    <t>GeraBaseMPE.xlsx</t>
  </si>
  <si>
    <t>FORMULÁRIO TTV TLV MPE.xlsx</t>
  </si>
  <si>
    <t>Formulário de Inserção de Skills - TLV MPE.xlsx</t>
  </si>
  <si>
    <t>Financeiro Transformação - Qualidade_Claudio.xlsx</t>
  </si>
  <si>
    <t>FIDELIDADE TLV MPE.xlsx</t>
  </si>
  <si>
    <t>FECHAMENTO SUL.xlsx</t>
  </si>
  <si>
    <t>FECHAMENTO MPE.xlsx</t>
  </si>
  <si>
    <t>FABIO 04JULHO.xlsx</t>
  </si>
  <si>
    <t>EXPANSÃO TLV MPE.xlsx</t>
  </si>
  <si>
    <t>exemplo gráfico analise de perdas.xls</t>
  </si>
  <si>
    <t>Evolutivo Franca.xlsx</t>
  </si>
  <si>
    <t>ESCALA AGENTES - SETEMBRO.xlsx</t>
  </si>
  <si>
    <t>ERROS OP.xlsx</t>
  </si>
  <si>
    <t>EFETIVIDADE x HORÁRIO - OUTUBRO.xlsx</t>
  </si>
  <si>
    <t>DISPOSITION PLAN MPE.xls</t>
  </si>
  <si>
    <t>EFETIVIDADE x HORÁRIO - MARÇO18.xlsx</t>
  </si>
  <si>
    <t>EFETIVIDADE x HORÁRIO - JUNHO.xlsx</t>
  </si>
  <si>
    <t>EFETIVIDADE x HORÁRIO - MAIO.xlsx</t>
  </si>
  <si>
    <t>EFETIVIDADE x HORÁRIO.xlsx</t>
  </si>
  <si>
    <t>DIMENS PROSPECT.xlsx</t>
  </si>
  <si>
    <t>Dimens Leads.xlsx</t>
  </si>
  <si>
    <t>DIMENS CHURN.xlsx</t>
  </si>
  <si>
    <t>DIAGNÓSTICO RECEITA ABERTA 07MAIO.xlsm</t>
  </si>
  <si>
    <t>dezembro volume tlv mpe.xlsx</t>
  </si>
  <si>
    <t>DELTA TLV MPE.xlsx</t>
  </si>
  <si>
    <t>DDD SUL.xlsx</t>
  </si>
  <si>
    <t>DDD por mÊs.xlsx</t>
  </si>
  <si>
    <t>DDD - TLV MPE.xlsx</t>
  </si>
  <si>
    <t>DADOS TLV MPE RAFAEL.xlsx</t>
  </si>
  <si>
    <t>Desmobilização TELEVENDAS MPE.xls</t>
  </si>
  <si>
    <t>Cópia de Pedidos atrasados 28-09.xlsx</t>
  </si>
  <si>
    <t>Cópia de NOVA ARVORE DE CATEGORIZAÇÃO VS 3.xlsx</t>
  </si>
  <si>
    <t>Cópia de Motivos_nao_encontrados_arvore.xlsx</t>
  </si>
  <si>
    <t>Cópia de BASE BARIL.xlsx</t>
  </si>
  <si>
    <t>CÁLCULO DE HORAS LOGADAS.xlsx</t>
  </si>
  <si>
    <t>Curva Intradiária Abril-16.xls</t>
  </si>
  <si>
    <t>CONVERSÃO MPE.xlsx</t>
  </si>
  <si>
    <t>CONTATOS SEM SUCESSO TLV MPE JAN17.xlsx</t>
  </si>
  <si>
    <t>Comparativo %Fechamento.xlsx</t>
  </si>
  <si>
    <t>Classificações WhatsApp TLV MPE.xlsx</t>
  </si>
  <si>
    <t>CATEGORIZAÇÕES TLV MPE PROSPECT.xlsx</t>
  </si>
  <si>
    <t>Categorizações RCV.xlsx</t>
  </si>
  <si>
    <t>CATEGORIZAÇÕES PRESENCE - TLV MPE.xlsx</t>
  </si>
  <si>
    <t>CANCELADOS SUL 2018.xlsx</t>
  </si>
  <si>
    <t>Cadastro Aspect.xls</t>
  </si>
  <si>
    <t>Black Friday.xlsx</t>
  </si>
  <si>
    <t>BD_OPERAÇÃO_SKILL.xlsx</t>
  </si>
  <si>
    <t>BD JUNHO.xlsx</t>
  </si>
  <si>
    <t>Backlog Em Execução.xlsx</t>
  </si>
  <si>
    <t>Back log MPE.xls</t>
  </si>
  <si>
    <t>AÇÃO PANFLETAGEM.xlsx</t>
  </si>
  <si>
    <t>ATINGIMENTO x OPERADOR - TLV MPE.xlsx</t>
  </si>
  <si>
    <t>Backlog Pedidos Algar CRM (Assets) 16-07-2018.xlsx</t>
  </si>
  <si>
    <t>ATINGIMENTO DE META TLV MPE.xlsx</t>
  </si>
  <si>
    <t>ARVORE CATEGORIZAÇÕES TLV MPE.xlsx</t>
  </si>
  <si>
    <t>ARVORE CATEGORIZAÇÕES TLV MPE PROSPECÇÃO v2.xlsx</t>
  </si>
  <si>
    <t>ARVORE CATEGORIZAÇÕES TLV MPE MAIO-18.xlsx</t>
  </si>
  <si>
    <t>APURAÇÃO CAMPANHA TRIMESTRAL MPE.xlsx</t>
  </si>
  <si>
    <t>APURAÇÃO CAMPANHA DIÁRIA.xlsx</t>
  </si>
  <si>
    <t>APURAÇÃO BL+UPLOAD.xlsx</t>
  </si>
  <si>
    <t>APURAÇÃO BL+UPLOAD (MIS).xlsx</t>
  </si>
  <si>
    <t>Apuração 4julho.xlsx</t>
  </si>
  <si>
    <t>APURAÇÃO 13-14-JULHO.xlsx</t>
  </si>
  <si>
    <t>ANÁLISE PARÁ DE MINAS.xlsx</t>
  </si>
  <si>
    <t>ANÁLISE OPERADORES TLV MPE.xlsx</t>
  </si>
  <si>
    <t>ANÁLISE OCIOSIDADE - TLV MPE.xlsx</t>
  </si>
  <si>
    <t>Análise Meta Ituiutaba.xlsx</t>
  </si>
  <si>
    <t>ANÁLISE FRANCA.xlsx</t>
  </si>
  <si>
    <t>Análise de Volumetria 2016.xlsx</t>
  </si>
  <si>
    <t>ANTECIPAÇÃO DE ENTRADA AGENTES.xlsx</t>
  </si>
  <si>
    <t>ACOMPANHAMENTO RECEITA TLV - ALGAR MPE (2).xlsx</t>
  </si>
  <si>
    <t>Acomp Cob e Tlv - SELEÇÕES - MPE.xlsx</t>
  </si>
  <si>
    <t>ACOMP ATIVO MPE.xlsx</t>
  </si>
  <si>
    <t>42490.csv</t>
  </si>
  <si>
    <t>20171110_CATEGORIZACOES_NAO_ENCONTRADAS_AGORA ENCONTRADAS.xlsx</t>
  </si>
  <si>
    <t>ACOMPANHAMENTO RECEITA TLV - ALGAR MPE.xlsx</t>
  </si>
  <si>
    <t>ACEITE x NÃO ABERTAS.xlsx</t>
  </si>
  <si>
    <t>04-JULHO.xlsx</t>
  </si>
  <si>
    <t>%REGIONAIS MPE.xlsx</t>
  </si>
  <si>
    <t>C:\Users\luizavs\OneDrive - Grupo Algar\Backup PC Luiz\06-11-2019\LUIZ ALFREDO\01 - TELECOM\01 - TELEVENDAS\03 - SUPORTE A CANAIS\</t>
  </si>
  <si>
    <t>FATURAMENTO 2016-17.xlsx</t>
  </si>
  <si>
    <t>C:\Users\luizavs\OneDrive - Grupo Algar\Backup PC Luiz\06-11-2019\LUIZ ALFREDO\01 - TELECOM\01 - TELEVENDAS\04 - TLV NETSABE\</t>
  </si>
  <si>
    <t>LIGAÇOES MUDAS NETSABE.xlsx</t>
  </si>
  <si>
    <t>Desmobilização SUP CANAIS.xls</t>
  </si>
  <si>
    <t>C:\Users\luizavs\OneDrive - Grupo Algar\Backup PC Luiz\06-11-2019\LUIZ ALFREDO\01 - TELECOM\01 - TELEVENDAS\CALCULADORA ATIVO - MURILO\</t>
  </si>
  <si>
    <t>Calculadora Ativo 2.xlsx</t>
  </si>
  <si>
    <t>Calculadora Ativo 1.xlsx</t>
  </si>
  <si>
    <t>C:\Users\luizavs\OneDrive - Grupo Algar\Backup PC Luiz\06-11-2019\LUIZ ALFREDO\01 - TELECOM\02 - RETENÇÃO\MAILING PILOTO\</t>
  </si>
  <si>
    <t>20170503_EXTRACAO_TELEFONE_VAL_20170518_51746_GRUPO1.xls</t>
  </si>
  <si>
    <t>ACOMP NETSABE.xlsx</t>
  </si>
  <si>
    <t>20170503_EXTRACAO_TELEFONE_VAL_20170518_51746_GRUPO1.csv</t>
  </si>
  <si>
    <t>20170503_EXTRACAO_TELEFONE_VAL_20170518_51745_GRUPO1.xls</t>
  </si>
  <si>
    <t>20170503_EXTRACAO_TELEFONE_VAL_20170518_51745_GRUPO1.csv</t>
  </si>
  <si>
    <t>C:\Users\luizavs\OneDrive - Grupo Algar\Backup PC Luiz\06-11-2019\LUIZ ALFREDO\01 - TELECOM\04 - PÓS VENDAS\3ª METRICA\</t>
  </si>
  <si>
    <t>Resultado_Indicadores_UDI - ALGAR TELECOM POS VENDAS_MARCO_16.xlsx</t>
  </si>
  <si>
    <t>Resultado_Indicadores_UDI - ALGAR TELECOM POS VENDAS_MAIO_16.xlsx</t>
  </si>
  <si>
    <t>Resultado_Indicadores_UDI - ALGAR TELECOM POS VENDAS_JUNHO_16.xlsx</t>
  </si>
  <si>
    <t>Resultado_Indicadores_UDI - ALGAR TELECOM POS VENDAS_FEVEREIRO_16_.xlsx</t>
  </si>
  <si>
    <t>Resultado_Indicadores_UDI - ALGAR TELECOM POS VENDAS_ABRIL_16.xlsx</t>
  </si>
  <si>
    <t>Faixas de metrica especifica - UDI - CTBC POS VENDA - MARÇO 2016.xlsm</t>
  </si>
  <si>
    <t>3ª METRICA MARCO POS VENDAS.xlsx</t>
  </si>
  <si>
    <t>3ª METRICA MAIO POS VENDAS.xlsx</t>
  </si>
  <si>
    <t>3ª METRICA JUNHO POS VENDAS.xlsx</t>
  </si>
  <si>
    <t>3ª METRICA FEVEREIRO POS VENDAS.xlsx</t>
  </si>
  <si>
    <t>3ª METRICA ABRIL POS VENDAS.xlsx</t>
  </si>
  <si>
    <t>C:\Users\luizavs\OneDrive - Grupo Algar\Backup PC Luiz\06-11-2019\LUIZ ALFREDO\01 - TELECOM\04 - PÓS VENDAS\ESCALA TRN\</t>
  </si>
  <si>
    <t>Proposta PERIÓDICO - Maio-16.xlsx</t>
  </si>
  <si>
    <t>Proposta NR17 - Maio-16.xlsx</t>
  </si>
  <si>
    <t>C:\Users\luizavs\OneDrive - Grupo Algar\Backup PC Luiz\06-11-2019\LUIZ ALFREDO\01 - TELECOM\04 - PÓS VENDAS\ESTUDOS\</t>
  </si>
  <si>
    <t>Resultado Detalhado Naiara de Avila.xlsx</t>
  </si>
  <si>
    <t>Resultado Detalhado Naiara de Avila v2.xlsx</t>
  </si>
  <si>
    <t>REL GERENCIAL MOTIVO CAMPANHAS.xls</t>
  </si>
  <si>
    <t>CONTATOS DUPLICADOS JULHO-16.xlsx</t>
  </si>
  <si>
    <t>ANÁLISE DEB CONTA E CONTA VIA EMAIL.xlsx</t>
  </si>
  <si>
    <t>EFETIVIDADE DE CONTATO x HORÁRIO V2.xlsx</t>
  </si>
  <si>
    <t>EFETIVIDADE DE CONTATO x HORÁRIO.xlsx</t>
  </si>
  <si>
    <t>C:\Users\luizavs\OneDrive - Grupo Algar\Backup PC Luiz\06-11-2019\LUIZ ALFREDO\01 - TELECOM\04 - PÓS VENDAS\PONTOS DE CONTROLE\</t>
  </si>
  <si>
    <t>CAMPANHA PÓS VENDAS -ABRIL 2ª SEMANA.xlsm</t>
  </si>
  <si>
    <t>CAMPANHA PÓS VENDAS -2ª SEMANA MAIO.xlsm</t>
  </si>
  <si>
    <t>CAMPANHA PÓS VENDAS -1ª SEMANA MAIO.xlsm</t>
  </si>
  <si>
    <t>CAMPANHA PÓS VENDAS -1ª SEMANA MAIO V2.xlsm</t>
  </si>
  <si>
    <t>CAMPANHA PÓS VENDAS - 3ª SEMANA ABRIL.xlsm</t>
  </si>
  <si>
    <t>CAMPANHA PÓS VENDAS - 1ª SEMANA JUNHO.xlsm</t>
  </si>
  <si>
    <t>C:\Users\luizavs\OneDrive - Grupo Algar\Backup PC Luiz\06-11-2019\LUIZ ALFREDO\02 - SELEÇÕES\ASPECT\Posicional Seleções\Posicional Seleções.rar\</t>
  </si>
  <si>
    <t>Auxiliar.xlsx</t>
  </si>
  <si>
    <t>C:\Users\luizavs\OneDrive - Grupo Algar\Backup PC Luiz\06-11-2019\LUIZ ALFREDO\02 - SELEÇÕES\ASPECT\Posicional Seleções\</t>
  </si>
  <si>
    <t>C:\Users\luizavs\OneDrive - Grupo Algar\Backup PC Luiz\06-11-2019\LUIZ ALFREDO\02 - SELEÇÕES\ASPECT\TESTE 05-03\</t>
  </si>
  <si>
    <t>MAILING TESTE 05032018.csv</t>
  </si>
  <si>
    <t>C:\Users\luizavs\OneDrive - Grupo Algar\Backup PC Luiz\06-11-2019\LUIZ ALFREDO\02 - SELEÇÕES\MAILINGS\04 - ABRIL\</t>
  </si>
  <si>
    <t>08 META_2018_ABRIL.csv</t>
  </si>
  <si>
    <t>06 QUITANDA_2018_ABRIL_ENRIQUECER.csv</t>
  </si>
  <si>
    <t>C:\Users\luizavs\OneDrive - Grupo Algar\Backup PC Luiz\06-11-2019\LUIZ ALFREDO\02 - SELEÇÕES\MAILINGS\03 - MARÇO\</t>
  </si>
  <si>
    <t>09 ALGAR_2018_MARCO_ENRIQUECIDO.csv</t>
  </si>
  <si>
    <t>09 ALGAR_2018_ABRIL_ENRIQUECIDO.csv</t>
  </si>
  <si>
    <t>09 ALGAR_2018_ABRIL.csv</t>
  </si>
  <si>
    <t>09 ALGAR_2018_MARCO.csv</t>
  </si>
  <si>
    <t>07 QUITANDA_2018_ABRIL_ERODIDOS.csv</t>
  </si>
  <si>
    <t>03 CARMO_2018_ABRIL_RESSUSCITADOS.csv</t>
  </si>
  <si>
    <t>05 CARMO_2018_ABRIL_ACB_ERODIDOS.csv</t>
  </si>
  <si>
    <t>02 CARMO_2018_ABRIL_NTF.csv</t>
  </si>
  <si>
    <t>01 CARMO_2018_ABRIL_ENRIQUECER.csv</t>
  </si>
  <si>
    <t>C:\Users\luizavs\OneDrive - Grupo Algar\Backup PC Luiz\06-11-2019\LUIZ ALFREDO\03 - POOL\06 - CSC ATENDE\ACOMPANHAMENTO DIGITAL\</t>
  </si>
  <si>
    <t>CSCDigital - Abril.xlsx</t>
  </si>
  <si>
    <t>C:\Users\luizavs\OneDrive - Grupo Algar\Backup PC Luiz\06-11-2019\LUIZ ALFREDO\03 - POOL\06 - CSC ATENDE\PAINEL AHT\</t>
  </si>
  <si>
    <t>EXTRATOR_AHT_SKILL_MES_OPERADOR_v2.xls</t>
  </si>
  <si>
    <t>CSC - Painel de AHT.xlsx</t>
  </si>
  <si>
    <t>C:\Users\luizavs\OneDrive - Grupo Algar\Backup PC Luiz\06-11-2019\LUIZ ALFREDO\03 - POOL\06 - CSC ATENDE\PREVIA FINANCEIRA\</t>
  </si>
  <si>
    <t>FATURAMENTO CSC - Abril - 1704.xlsx</t>
  </si>
  <si>
    <t>FATURAMENTO CSC - Abril - 1004.xlsx</t>
  </si>
  <si>
    <t>EXTRATOR_PRODUCAO_CSC.xlsm</t>
  </si>
  <si>
    <t>C:\Users\luizavs\OneDrive - Grupo Algar\Backup PC Luiz\06-11-2019\LUIZ ALFREDO\01 - TELECOM\01 - TELEVENDAS\01 - TLV VAREJO\PLANEJAMENTO DE MAILINGS\</t>
  </si>
  <si>
    <t>Ofertas x Mailings.xlsx</t>
  </si>
  <si>
    <t>C:\Users\luizavs\OneDrive - Grupo Algar\Backup PC Luiz\06-11-2019\LUIZ ALFREDO\01 - TELECOM\01 - TELEVENDAS\01 - TLV VAREJO\QUERY &amp; EXTRATOR\</t>
  </si>
  <si>
    <t>TESTE ECH.xlsm</t>
  </si>
  <si>
    <t>Extrator_Mensal_Volume e AHT_V2.xlsm</t>
  </si>
  <si>
    <t>Extrator_Forecast_Amex com NS_MEGA POWER_V2.xls</t>
  </si>
  <si>
    <t>EXTRATOR_CAIXA v2.xls</t>
  </si>
  <si>
    <t>C:\Users\luizavs\OneDrive - Grupo Algar\Backup PC Luiz\06-11-2019\LUIZ ALFREDO\01 - TELECOM\01 - TELEVENDAS\01 - TLV VAREJO\TOTALVIEW\</t>
  </si>
  <si>
    <t>UG Férias.xlsx</t>
  </si>
  <si>
    <t>TEMPLATE ATUALIZAÇÃO DE ADERÊNCIA.xls</t>
  </si>
  <si>
    <t>DOC DE APOIO - PLANEJAMENTO AMEX.xlsx</t>
  </si>
  <si>
    <t>C:\Users\luizavs\OneDrive - Grupo Algar\Backup PC Luiz\06-11-2019\LUIZ ALFREDO\01 - TELECOM\01 - TELEVENDAS\01 - TLV VAREJO\URA ATIVA\</t>
  </si>
  <si>
    <t>TESTE INTEGRAÇÃO URA ATIVA - RECEPTIVO.xlsx</t>
  </si>
  <si>
    <t>Resultado URA Ativa.xlsx</t>
  </si>
  <si>
    <t>RESULTADOS URA ATIVA.xlsx</t>
  </si>
  <si>
    <t>C:\Users\luizavs\OneDrive - Grupo Algar\Backup PC Luiz\06-11-2019\LUIZ ALFREDO\01 - TELECOM\01 - TELEVENDAS\02 - TLV MPE\ACOMPANHAMENTO\</t>
  </si>
  <si>
    <t>HISTÓRICO DE MAILINGS CELULAR.xlsx</t>
  </si>
  <si>
    <t>C:\Users\luizavs\OneDrive - Grupo Algar\Backup PC Luiz\06-11-2019\LUIZ ALFREDO\01 - TELECOM\01 - TELEVENDAS\02 - TLV MPE\AJUSTE RETORNO\</t>
  </si>
  <si>
    <t>BASE CPF AJUSTE RETORNO.xlsx</t>
  </si>
  <si>
    <t>C:\Users\luizavs\OneDrive - Grupo Algar\Backup PC Luiz\06-11-2019\LUIZ ALFREDO\01 - TELECOM\01 - TELEVENDAS\02 - TLV MPE\ANATEL\</t>
  </si>
  <si>
    <t>DETALHE ANATEL.xlsx</t>
  </si>
  <si>
    <t>C:\Users\luizavs\OneDrive - Grupo Algar\Backup PC Luiz\06-11-2019\LUIZ ALFREDO\01 - TELECOM\01 - TELEVENDAS\02 - TLV MPE\CURVA ABC\</t>
  </si>
  <si>
    <t>Indicadores x Agentes - TLV MPE.xlsx</t>
  </si>
  <si>
    <t>Curva ABC Novembro_20161129.xlsx</t>
  </si>
  <si>
    <t>C:\Users\luizavs\OneDrive - Grupo Algar\Backup PC Luiz\06-11-2019\LUIZ ALFREDO\01 - TELECOM\01 - TELEVENDAS\02 - TLV MPE\DIMENS RET MPE\</t>
  </si>
  <si>
    <t>Retenção.xlsx</t>
  </si>
  <si>
    <t>Resultados Retenção Varejo-MPE.xlsx</t>
  </si>
  <si>
    <t>DIMENS MPE.xlsx</t>
  </si>
  <si>
    <t>Calculadora Retenção 13.xlsm</t>
  </si>
  <si>
    <t>03 - TLV MPE + RET MPE.xlsx</t>
  </si>
  <si>
    <t>C:\Users\luizavs\OneDrive - Grupo Algar\Backup PC Luiz\06-11-2019\LUIZ ALFREDO\01 - TELECOM\01 - TELEVENDAS\02 - TLV MPE\ENRIQUECIMENTO\</t>
  </si>
  <si>
    <t>ENRIQUECIMENTO Leads Traynet _ RSS - RPO - BHE _ 28 03 16 - V2.xlsx</t>
  </si>
  <si>
    <t>ENRIQUECIMENTO Leads Traynet _ RSS - RPO - BHE _ 28 03 16 - V2 (2).xlsx</t>
  </si>
  <si>
    <t>egbd_0013_0003_20160510094705_abril 20bh 20mpe_output_OK.txt_output_OK.csv</t>
  </si>
  <si>
    <t>egbd_0013_0003_20160510094705_abril 20bh 20mpe_output_NOK.txt_output_NOK.csv</t>
  </si>
  <si>
    <t>egbd_0013_0003_20160510094705_abril 20bh 20mpe_output_LOG.xlsx_output_LOG.xlsx</t>
  </si>
  <si>
    <t>C:\Users\luizavs\OneDrive - Grupo Algar\Backup PC Luiz\06-11-2019\LUIZ ALFREDO\01 - TELECOM\01 - TELEVENDAS\02 - TLV MPE\ENRIQUECIMENTO\EGBD_0013_0003_20160510094705_ABRIL 20BH 20MPE.zip\</t>
  </si>
  <si>
    <t>egbd_0013_0003_20160510094705_abril%20bh%20mpe_output_NOK.txt_output_NOK.csv</t>
  </si>
  <si>
    <t>egbd_0013_0003_20160510094705_abril%20bh%20mpe_output_OK.txt_output_OK.csv</t>
  </si>
  <si>
    <t>egbd_0013_0003_20160510094705_abril%20bh%20mpe_output_LOG.xlsx_output_LOG.xlsx</t>
  </si>
  <si>
    <t>egbd_0013_0003_20160420105559_enriquecimento_tlv_mpe_abril.txt.csv</t>
  </si>
  <si>
    <t>C:\Users\luizavs\OneDrive - Grupo Algar\Backup PC Luiz\06-11-2019\LUIZ ALFREDO\01 - TELECOM\01 - TELEVENDAS\02 - TLV MPE\FINANCEIRO\</t>
  </si>
  <si>
    <t>Vendas Inputadas_MPE.xlsx</t>
  </si>
  <si>
    <t>VARIAÇÃO DESEMPENHO TLV MPE.xlsx</t>
  </si>
  <si>
    <t>Racional Conversão x Fechamento.xlsx</t>
  </si>
  <si>
    <t>Provisão TLV MPE - Outubro16.xlsx</t>
  </si>
  <si>
    <t>Provisão TLV MPE - Novembro16.xlsx</t>
  </si>
  <si>
    <t>Proposta Revisão Contratual TLV MPE V3.xlsx</t>
  </si>
  <si>
    <t>Proposta Revisão Contratual TLV MPE V2.xlsx</t>
  </si>
  <si>
    <t>PROPOSTA META TLV MPE.xlsx</t>
  </si>
  <si>
    <t>Proposta Conversão TLV MPE.xlsx</t>
  </si>
  <si>
    <t>Impacto de Ociosidade TLV MPE.xlsx</t>
  </si>
  <si>
    <t>ESTUDO MPE FATURAMENTO.xlsx</t>
  </si>
  <si>
    <t>Calculo Variação de desempenho.xlsx</t>
  </si>
  <si>
    <t>Análise de Vendas - Outubro - TLV MPE.xlsx</t>
  </si>
  <si>
    <t>Análise de Performance Operação.xlsx</t>
  </si>
  <si>
    <t>C:\Users\luizavs\OneDrive - Grupo Algar\Backup PC Luiz\06-11-2019\LUIZ ALFREDO\01 - TELECOM\01 - TELEVENDAS\02 - TLV MPE\GESTÃO OPERADORES\</t>
  </si>
  <si>
    <t>Visao Operador.xlsx</t>
  </si>
  <si>
    <t>Visao Operador.xls</t>
  </si>
  <si>
    <t>C:\Users\luizavs\OneDrive - Grupo Algar\Backup PC Luiz\06-11-2019\LUIZ ALFREDO\01 - TELECOM\01 - TELEVENDAS\02 - TLV MPE\INDICADORES\</t>
  </si>
  <si>
    <t>TAYS SANTOS - INDICADORES CLIENTES - 201604 V2.xlsx</t>
  </si>
  <si>
    <t>TAYS SANTOS - INDICADORES CLIENTES - 201604 V1.xlsx</t>
  </si>
  <si>
    <t>C:\Users\luizavs\OneDrive - Grupo Algar\Backup PC Luiz\06-11-2019\LUIZ ALFREDO\01 - TELECOM\01 - TELEVENDAS\02 - TLV MPE\MAILINGS\</t>
  </si>
  <si>
    <t>Não Categorizado TLV MPE.xlsx</t>
  </si>
  <si>
    <t>C:\Users\luizavs\OneDrive - Grupo Algar\Backup PC Luiz\06-11-2019\LUIZ ALFREDO\01 - TELECOM\01 - TELEVENDAS\02 - TLV MPE\PGP FERRAMENTA BKO\</t>
  </si>
  <si>
    <t>Planilha Financeira - PGP 2018.xls</t>
  </si>
  <si>
    <t>PARCIAL DE MAILING TLV MPE.xlsx</t>
  </si>
  <si>
    <t>C:\Users\luizavs\OneDrive - Grupo Algar\Backup PC Luiz\06-11-2019\LUIZ ALFREDO\01 - TELECOM\01 - TELEVENDAS\02 - TLV MPE\PLANEJAMENTO DE MAILINGS\</t>
  </si>
  <si>
    <t>C:\Users\luizavs\OneDrive - Grupo Algar\Backup PC Luiz\06-11-2019\LUIZ ALFREDO\01 - TELECOM\01 - TELEVENDAS\02 - TLV MPE\PLANEJAMENTO MENSAL\</t>
  </si>
  <si>
    <t>META x NOVATOS.xlsx</t>
  </si>
  <si>
    <t>C:\Users\luizavs\OneDrive - Grupo Algar\Backup PC Luiz\06-11-2019\LUIZ ALFREDO\01 - TELECOM\01 - TELEVENDAS\02 - TLV MPE\PPT GERENCIAL\</t>
  </si>
  <si>
    <t>Histórico TLV MPE.xlsx</t>
  </si>
  <si>
    <t>PGP Ferramenta BKO.xlsx</t>
  </si>
  <si>
    <t>C:\Users\luizavs\OneDrive - Grupo Algar\Backup PC Luiz\06-11-2019\LUIZ ALFREDO\01 - TELECOM\01 - TELEVENDAS\02 - TLV MPE\QUERY &amp; EXTRATOR\</t>
  </si>
  <si>
    <t>Transferidas.xls</t>
  </si>
  <si>
    <t>C:\Users\luizavs\OneDrive - Grupo Algar\Backup PC Luiz\06-11-2019\LUIZ ALFREDO\01 - TELECOM\01 - TELEVENDAS\02 - TLV MPE\URA ATIVA\</t>
  </si>
  <si>
    <t>MODELO IMPORTAÇÃO URA ATIVA.xlsx</t>
  </si>
  <si>
    <t>C:\Users\luizavs\OneDrive - Grupo Algar\Backup PC Luiz\06-11-2019\LUIZ ALFREDO\01 - TELECOM\01 - TELEVENDAS\04 - TLV NETSABE\AGENDAMENTOS\</t>
  </si>
  <si>
    <t>Agendamentos Netsabe - Outubro-16.xls</t>
  </si>
  <si>
    <t>Agendamentos Netsabe - Novembro-16.xls</t>
  </si>
  <si>
    <t>C:\Users\luizavs\OneDrive - Grupo Algar\Backup PC Luiz\06-11-2019\LUIZ ALFREDO\01 - TELECOM\02 - RETENÇÃO\Acompanhamento 2018\01 - JANEIRO\</t>
  </si>
  <si>
    <t>ACOMP RETENÇÃO DIARIO 3101 - Fechamento.xlsm</t>
  </si>
  <si>
    <t>ACOMP RETENÇÃO DIARIO 3101 - Fechamento Interno.xlsm</t>
  </si>
  <si>
    <t>C:\Users\luizavs\OneDrive - Grupo Algar\Backup PC Luiz\06-11-2019\LUIZ ALFREDO\01 - TELECOM\02 - RETENÇÃO\Acompanhamento 2018\02 - FEVEREIRO\</t>
  </si>
  <si>
    <t>ACOMP RETENÇÃO DIARIO FEV - FECHAMENTO.xlsm</t>
  </si>
  <si>
    <t>ACOMP RETENÇÃO DIARIO FEV - FECHAMENTO INTERNO.xlsm</t>
  </si>
  <si>
    <t>C:\Users\luizavs\OneDrive - Grupo Algar\Backup PC Luiz\06-11-2019\LUIZ ALFREDO\01 - TELECOM\02 - RETENÇÃO\Acompanhamento 2018\03 - MARÇO\</t>
  </si>
  <si>
    <t>ACOMP RETENÇÃO DIARIO MAR - FECHAMENTO.xlsm</t>
  </si>
  <si>
    <t>ACOMP RETENÇÃO DIARIO MAR - FECHAMENTO INTERNO.xlsm</t>
  </si>
  <si>
    <t>ACOMP RETENÇÃO DIARIO 3103 - OTJ.xlsm</t>
  </si>
  <si>
    <t>C:\Users\luizavs\OneDrive - Grupo Algar\Backup PC Luiz\06-11-2019\LUIZ ALFREDO\01 - TELECOM\02 - RETENÇÃO\Acompanhamento 2018\04 - ABRIL\</t>
  </si>
  <si>
    <t>ACOMP RETENÇÃO DIARIO ABR - FECHAMENTO nao oficial.xlsm</t>
  </si>
  <si>
    <t>ACOMP RETENÇÃO DIARIO 3004 - FECHAMENTO.xlsm</t>
  </si>
  <si>
    <t>ACOMP RETENÇÃO DIARIO 3004 - FECHAMENTO INTERNO.xlsm</t>
  </si>
  <si>
    <t>C:\Users\luizavs\OneDrive - Grupo Algar\Backup PC Luiz\06-11-2019\LUIZ ALFREDO\01 - TELECOM\02 - RETENÇÃO\Acompanhamento 2018\05 - MAIO\</t>
  </si>
  <si>
    <t>ACOMP RETENÇÃO DIARIO 3105 - FECHAMENTO.xlsm</t>
  </si>
  <si>
    <t>ACOMP RETENÇÃO DIARIO 3105 - FECHAMENTO INTERNO.xlsm</t>
  </si>
  <si>
    <t>C:\Users\luizavs\OneDrive - Grupo Algar\Backup PC Luiz\06-11-2019\LUIZ ALFREDO\01 - TELECOM\02 - RETENÇÃO\Acompanhamento 2018\06 - JUNHO\</t>
  </si>
  <si>
    <t>ACOMP RETENÇÃO DIARIO 3006 - FECHAMENTO.xlsm</t>
  </si>
  <si>
    <t>ACOMP RETENÇÃO DIARIO 3006 - FECHAMENTO INTERNO.xlsm</t>
  </si>
  <si>
    <t>C:\Users\luizavs\OneDrive - Grupo Algar\Backup PC Luiz\06-11-2019\LUIZ ALFREDO\01 - TELECOM\02 - RETENÇÃO\Acompanhamento 2018\07 - JULHO\</t>
  </si>
  <si>
    <t>De-Para Fech Jul 18.xlsx</t>
  </si>
  <si>
    <t>ACOMP RETENÇÃO DIARIO 3107.xlsm</t>
  </si>
  <si>
    <t>ACOMP RETENÇÃO DIARIO 3107 - FECHAMENTO.xlsm</t>
  </si>
  <si>
    <t>ACOMP RETENÇÃO DIARIO 3107 - FECHAMENTO INTERNO.xlsm</t>
  </si>
  <si>
    <t>C:\Users\luizavs\OneDrive - Grupo Algar\Backup PC Luiz\06-11-2019\LUIZ ALFREDO\01 - TELECOM\02 - RETENÇÃO\Acompanhamento 2018\08 - AGOSTO\</t>
  </si>
  <si>
    <t>ACOMP RETENÇÃO DIARIO - FECHAMENTO.xlsm</t>
  </si>
  <si>
    <t>ACOMP RETENÇÃO DIARIO - FECHAMENTO INTERNO.xlsm</t>
  </si>
  <si>
    <t>C:\Users\luizavs\OneDrive - Grupo Algar\Backup PC Luiz\06-11-2019\LUIZ ALFREDO\01 - TELECOM\02 - RETENÇÃO\Acompanhamento 2018\09 - SETEMBRO\</t>
  </si>
  <si>
    <t>ACOMP RETENÇÃO DIARIO - FECHAMENTO SET.xlsm</t>
  </si>
  <si>
    <t>RL 18 e 19 por semestre</t>
  </si>
  <si>
    <t>168a19f3c655400c9db5101626ffd365.xls</t>
  </si>
  <si>
    <t>C:\Users\luizavs\OneDrive - Grupo Algar\Backup PC Luiz\06-11-2019\LUIZ ALFREDO\01 - TELECOM\02 - RETENÇÃO\Acompanhamento 2018\10 - OUTUBRO\</t>
  </si>
  <si>
    <t>ACOMP RETENÇÃO DIARIO - FECHAMENTO OUT.xlsm</t>
  </si>
  <si>
    <t>ACOMP RETENÇÃO DIARIO - FECHAMENTO - INTERNO.xlsm</t>
  </si>
  <si>
    <t>C:\Users\luizavs\OneDrive - Grupo Algar\Backup PC Luiz\06-11-2019\LUIZ ALFREDO\01 - TELECOM\02 - RETENÇÃO\Acompanhamento 2018\11 - NOVEMBRO\</t>
  </si>
  <si>
    <t>ACOMP RETENÇÃO DIARIO - FECHAMENTO NOV.xlsm</t>
  </si>
  <si>
    <t>C:\Users\luizavs\OneDrive - Grupo Algar\Backup PC Luiz\06-11-2019\LUIZ ALFREDO\01 - TELECOM\02 - RETENÇÃO\PAUSA 0\10 - OUTUBRO\</t>
  </si>
  <si>
    <t>Pausa Pessoais Retenção.xls</t>
  </si>
  <si>
    <t>C:\Users\luizavs\OneDrive - Grupo Algar\Backup PC Luiz\06-11-2019\LUIZ ALFREDO\01 - TELECOM\02 - RETENÇÃO\Acompanhamento 2018\12 - DEZEMBRO\</t>
  </si>
  <si>
    <t>ACOMP RETENÇÃO DIARIO - FECHAMENTO.XLSM</t>
  </si>
  <si>
    <t>C:\Users\luizavs\OneDrive - Grupo Algar\Backup PC Luiz\06-11-2019\LUIZ ALFREDO\01 - TELECOM\04 - PÓS VENDAS\ACOMPANHAMENTO\JULHO-16\</t>
  </si>
  <si>
    <t>POS_VENDAS_2807.xlsb</t>
  </si>
  <si>
    <t>POS_VENDAS_2107.xlsb</t>
  </si>
  <si>
    <t>C:\Users\luizavs\OneDrive - Grupo Algar\Backup PC Luiz\06-11-2019\LUIZ ALFREDO\02 - SELEÇÕES\PPT GERENCIAL\2018\03 - MARÇO\</t>
  </si>
  <si>
    <t>Analise Tab.xlsx</t>
  </si>
  <si>
    <t>POS_VENDAS_1407.xlsb</t>
  </si>
  <si>
    <t>C:\Users\luizavs\OneDrive - Grupo Algar\Backup PC Luiz\06-11-2019\LUIZ ALFREDO\01 - TELECOM\01 - TELEVENDAS\01 - TLV VAREJO\PACOTE ASSOCIADO\Pacotes Associados Março\</t>
  </si>
  <si>
    <t>Pacotes Associados Março 07-04 atual.xls</t>
  </si>
  <si>
    <t>C:\Users\luizavs\OneDrive - Grupo Algar\Backup PC Luiz\06-11-2019\LUIZ ALFREDO\01 - TELECOM\01 - TELEVENDAS\01 - TLV VAREJO\PLANEJAMENTO DE MAILINGS\07 - JULHO\</t>
  </si>
  <si>
    <t>PLANEJAMENTO DE MAILINGS - ALGAR TECH.xlsx</t>
  </si>
  <si>
    <t>C:\Users\luizavs\OneDrive - Grupo Algar\Backup PC Luiz\06-11-2019\LUIZ ALFREDO\01 - TELECOM\01 - TELEVENDAS\01 - TLV VAREJO\PLANEJAMENTO DE MAILINGS\09 - SETEMBRO\</t>
  </si>
  <si>
    <t>PLANEJAMENTO DE MAILINGS - TECH - SET-17.xlsx</t>
  </si>
  <si>
    <t>C:\Users\luizavs\OneDrive - Grupo Algar\Backup PC Luiz\06-11-2019\LUIZ ALFREDO\01 - TELECOM\01 - TELEVENDAS\01 - TLV VAREJO\PLANEJAMENTO DE MAILINGS\05 - MAIO\</t>
  </si>
  <si>
    <t>PROVISÃO DE MAILING 2ªSEM.xlsx</t>
  </si>
  <si>
    <t>PLANEJAMENTO DE MAILINGS - TECH - SET-17 v3.xlsx</t>
  </si>
  <si>
    <t>PROVISÃO DE MAILING 4ªSEM.xlsx</t>
  </si>
  <si>
    <t>PLANEJAMENTO DE MAILINGS - TECH - SET-17 v2.xlsx</t>
  </si>
  <si>
    <t>PLANEJAMENTO DE MAILINGS - SET17.xlsx</t>
  </si>
  <si>
    <t>PROVISÃO DE MAILING 3ªSEM.xlsx</t>
  </si>
  <si>
    <t>PLANEJAMENTO DE MAILINGS - SET17 [SEGMENTADO].xlsx</t>
  </si>
  <si>
    <t>PLANEJAMENTO DE MAILINGS - SET17 v5 [OFICIAL].xlsx</t>
  </si>
  <si>
    <t>PLANEJAMENTO DE MAILINGS - SET17 v4 [OFICIAL].xlsx</t>
  </si>
  <si>
    <t>PLANEJAMENTO DE MAILINGS - SET17 v4 [ANTIGO].xlsx</t>
  </si>
  <si>
    <t>PLANEJAMENTO DE MAILINGS - SET17 v3.xlsx</t>
  </si>
  <si>
    <t>PLANEJAMENTO DE MAILINGS - SET17 v2.xlsx</t>
  </si>
  <si>
    <t>Análise Mailing 2ªSemana Set17.xlsx</t>
  </si>
  <si>
    <t>Análise Mailing 1ªSemana Set17.xlsx</t>
  </si>
  <si>
    <t>C:\Users\luizavs\OneDrive - Grupo Algar\Backup PC Luiz\06-11-2019\LUIZ ALFREDO\01 - TELECOM\01 - TELEVENDAS\01 - TLV VAREJO\PLANEJAMENTO DE VENDAS\01 - JANEIRO - 17\</t>
  </si>
  <si>
    <t>PLAN VENDAS.xlsx</t>
  </si>
  <si>
    <t>C:\Users\luizavs\OneDrive - Grupo Algar\Backup PC Luiz\06-11-2019\LUIZ ALFREDO\01 - TELECOM\01 - TELEVENDAS\01 - TLV VAREJO\PONTO DE CONTROLE\JANEIRO - 17\</t>
  </si>
  <si>
    <t>META ILHA DE CELULAR.xlsx</t>
  </si>
  <si>
    <t>C:\Users\luizavs\OneDrive - Grupo Algar\Backup PC Luiz\06-11-2019\LUIZ ALFREDO\01 - TELECOM\01 - TELEVENDAS\01 - TLV VAREJO\PONTO DE CONTROLE\NOVEMBRO - 16\</t>
  </si>
  <si>
    <t>PONTO DE CONTROLE TLV.xlsx</t>
  </si>
  <si>
    <t>PONTO DE CONTROLE TLV - Fechamento.xlsx</t>
  </si>
  <si>
    <t>PONTO DE CONTROLE TLV - 3ª SEMANA.xlsx</t>
  </si>
  <si>
    <t>C:\Users\luizavs\OneDrive - Grupo Algar\Backup PC Luiz\06-11-2019\LUIZ ALFREDO\01 - TELECOM\01 - TELEVENDAS\01 - TLV VAREJO\PONTO DE CONTROLE\OUTUBRO - 16\</t>
  </si>
  <si>
    <t>Info Rafael Telecom.xlsx</t>
  </si>
  <si>
    <t>C:\Users\luizavs\OneDrive - Grupo Algar\Backup PC Luiz\06-11-2019\LUIZ ALFREDO\01 - TELECOM\01 - TELEVENDAS\01 - TLV VAREJO\QUERY &amp; EXTRATOR\DEZEMBRO - 16\</t>
  </si>
  <si>
    <t>TRANSFERENCIAS TLV.xlsx</t>
  </si>
  <si>
    <t>C:\Users\luizavs\OneDrive - Grupo Algar\Backup PC Luiz\06-11-2019\LUIZ ALFREDO\01 - TELECOM\01 - TELEVENDAS\01 - TLV VAREJO\TREINAMENTO\2016\</t>
  </si>
  <si>
    <t>Agentes Sem Treinamento 4G.xlsx</t>
  </si>
  <si>
    <t>C:\Users\luizavs\OneDrive - Grupo Algar\Backup PC Luiz\06-11-2019\LUIZ ALFREDO\01 - TELECOM\01 - TELEVENDAS\02 - TLV MPE\3ª METRICA\2016\</t>
  </si>
  <si>
    <t>Resultado_Indicadores_UDI - ALGAR TELECOM SUPERVENDAS ATIVO - MPE_MARCO_16.xlsx</t>
  </si>
  <si>
    <t>Resultado_Indicadores_UDI - ALGAR TELECOM SUPERVENDAS ATIVO - MPE_JUNHO_16.xlsx</t>
  </si>
  <si>
    <t>Resultado_Indicadores_UDI - ALGAR TELECOM SUPERVENDAS ATIVO - MPE_JULHO_16.xlsx</t>
  </si>
  <si>
    <t>Resultado_Indicadores_UDI - ALGAR TELECOM SUPERVENDAS ATIVO - MPE_FEVEREIRO_16.xlsx</t>
  </si>
  <si>
    <t>Resultado_Indicadores_UDI - ALGAR TELECOM SUPERVENDAS ATIVO - MPE_AGOSTO_16.xlsx</t>
  </si>
  <si>
    <t>Resultado_Indicadores_UDI - ALGAR TELECOM SUPERVENDAS ATIVO - MPE_ABRIL_16.xlsx</t>
  </si>
  <si>
    <t>Resultado_Indicadores_CTBC_SUPERVENDAS_ATIVO_MAIO_16.xlsx</t>
  </si>
  <si>
    <t>Faixas de metrica especifica -UDI - CTBC SUPERVENDAS ATIVO - MPE - MARÇO 2016.xlsm</t>
  </si>
  <si>
    <t>3ª METRICA MARCO TLV MPE.xlsx</t>
  </si>
  <si>
    <t>3ª METRICA MAIO TLV MPE.xlsx</t>
  </si>
  <si>
    <t>3ª METRICA JUNHO TLV MPE.xlsx</t>
  </si>
  <si>
    <t>3ª METRICA JULHO TLV MPE.xlsx</t>
  </si>
  <si>
    <t>3ª METRICA FEVEREIRO TLV MPE.xlsx</t>
  </si>
  <si>
    <t>3ª METRICA ABRIL TLV MPE.xlsx</t>
  </si>
  <si>
    <t>C:\Users\luizavs\OneDrive - Grupo Algar\Backup PC Luiz\06-11-2019\LUIZ ALFREDO\01 - TELECOM\01 - TELEVENDAS\02 - TLV MPE\ACOMPANHAMENTO\AGOSTO-16\</t>
  </si>
  <si>
    <t>MÁSCARA RESULTADO DE MAILING.xlsx</t>
  </si>
  <si>
    <t>C:\Users\luizavs\OneDrive - Grupo Algar\Backup PC Luiz\06-11-2019\LUIZ ALFREDO\01 - TELECOM\01 - TELEVENDAS\02 - TLV MPE\ACOMPANHAMENTO\JULHO-16\</t>
  </si>
  <si>
    <t>GESTÃO DE BACKLOG - EVIDENCIAS.xlsx</t>
  </si>
  <si>
    <t>Análise Mailing BH 25-05-2016_36426.xlsx</t>
  </si>
  <si>
    <t>C:\Users\luizavs\OneDrive - Grupo Algar\Backup PC Luiz\06-11-2019\LUIZ ALFREDO\01 - TELECOM\01 - TELEVENDAS\02 - TLV MPE\ACOMPANHAMENTO\ABRIL-16\</t>
  </si>
  <si>
    <t>ACOMP CAMPANHA TELEVENDAS MPE ABRIL.xlsm</t>
  </si>
  <si>
    <t>C:\Users\luizavs\OneDrive - Grupo Algar\Backup PC Luiz\06-11-2019\LUIZ ALFREDO\01 - TELECOM\01 - TELEVENDAS\02 - TLV MPE\ACOMPANHAMENTO\JUNHO-16\</t>
  </si>
  <si>
    <t>Receita Ativo MPE.xlsx</t>
  </si>
  <si>
    <t>ACOMP CAMPANHA TELEVENDAS MPE AGOSTO.xlsm</t>
  </si>
  <si>
    <t>Mailing 37016.xlsx</t>
  </si>
  <si>
    <t>ACOMP CAMPANHA TELEVENDAS MPE JULHO.xlsm</t>
  </si>
  <si>
    <t>Mailing 37004.xlsx</t>
  </si>
  <si>
    <t>C:\Users\luizavs\OneDrive - Grupo Algar\Backup PC Luiz\06-11-2019\LUIZ ALFREDO\01 - TELECOM\01 - TELEVENDAS\02 - TLV MPE\ACOMPANHAMENTO\MAIO-16\</t>
  </si>
  <si>
    <t>ACOMP CAMPANHA TELEVENDAS MPE MAIO.xlsm</t>
  </si>
  <si>
    <t>ACOMP CAMPANHA TELEVENDAS MPE JUNHO.xlsm</t>
  </si>
  <si>
    <t>C:\Users\luizavs\OneDrive - Grupo Algar\Backup PC Luiz\06-11-2019\LUIZ ALFREDO\01 - TELECOM\01 - TELEVENDAS\02 - TLV MPE\ACOMPANHAMENTO\MARÇO-16\</t>
  </si>
  <si>
    <t>ACOMP CAMPANHA TELEVENDAS MPE MARÇO.xlsm</t>
  </si>
  <si>
    <t>ACOMP CAMPANHA TELEVENDAS MPE MARÇO ABRIL.xlsm</t>
  </si>
  <si>
    <t>C:\Users\luizavs\OneDrive - Grupo Algar\Backup PC Luiz\06-11-2019\LUIZ ALFREDO\01 - TELECOM\01 - TELEVENDAS\02 - TLV MPE\ACOMPANHAMENTO\OUTUBRO-16\</t>
  </si>
  <si>
    <t>ACOMP CAMPANHA TELEVENDAS MPE OUTUBRO.xlsm</t>
  </si>
  <si>
    <t>C:\Users\luizavs\OneDrive - Grupo Algar\Backup PC Luiz\06-11-2019\LUIZ ALFREDO\01 - TELECOM\01 - TELEVENDAS\02 - TLV MPE\ACOMPANHAMENTO\SETEMBRO-16\</t>
  </si>
  <si>
    <t>QG TLV MPE.xlsx</t>
  </si>
  <si>
    <t>QG TLV MPE V2.xlsx</t>
  </si>
  <si>
    <t>CANCELADOS 19-09 - QG TLV MPE.xlsx</t>
  </si>
  <si>
    <t>C:\Users\luizavs\OneDrive - Grupo Algar\Backup PC Luiz\06-11-2019\LUIZ ALFREDO\01 - TELECOM\01 - TELEVENDAS\02 - TLV MPE\ESCALAS TRN\2016\</t>
  </si>
  <si>
    <t>Treinamento Telecom TLV MPE - Abril.xlsm</t>
  </si>
  <si>
    <t>Treinamento Evellyn.xlsm</t>
  </si>
  <si>
    <t>DIMENS_2016_05_TLV MPE (CONTINGENCIADO).xlsm</t>
  </si>
  <si>
    <t>C:\Users\luizavs\OneDrive - Grupo Algar\Backup PC Luiz\06-11-2019\LUIZ ALFREDO\01 - TELECOM\01 - TELEVENDAS\02 - TLV MPE\FINANCEIRO\COMISSIONAMENTO\</t>
  </si>
  <si>
    <t>Conversão receptivo junho.xls</t>
  </si>
  <si>
    <t>ACOMP CAMPANHA TELEVENDAS MPE SETEMBRO.xlsm</t>
  </si>
  <si>
    <t>COMISSIONAMENTO TLV MPE - MAIO_16 ANTIGO.xlsx</t>
  </si>
  <si>
    <t>C:\Users\luizavs\OneDrive - Grupo Algar\Backup PC Luiz\06-11-2019\LUIZ ALFREDO\01 - TELECOM\01 - TELEVENDAS\02 - TLV MPE\FINANCEIRO\FECHAMENTO FINANCEIRO\</t>
  </si>
  <si>
    <t>INDICADORES CONTRATO - TLV MPE.xlsx</t>
  </si>
  <si>
    <t>C:\Users\luizavs\OneDrive - Grupo Algar\Backup PC Luiz\06-11-2019\LUIZ ALFREDO\01 - TELECOM\01 - TELEVENDAS\02 - TLV MPE\FINANCEIRO\INCENTIVO AGENTES\</t>
  </si>
  <si>
    <t>MOTIVACIONAL SET16.xlsx</t>
  </si>
  <si>
    <t>MOTIVACIONAL SET16 2.xlsx</t>
  </si>
  <si>
    <t>Incentivo 2º Trimestre 2016 - TLV MPE.xlsx</t>
  </si>
  <si>
    <t>C:\Users\luizavs\OneDrive - Grupo Algar\Backup PC Luiz\06-11-2019\LUIZ ALFREDO\01 - TELECOM\01 - TELEVENDAS\02 - TLV MPE\FINANCEIRO\INVIABILIDADE\</t>
  </si>
  <si>
    <t>ANÁLISE DE INVIABILIDADE HISTÓRICA.xlsm</t>
  </si>
  <si>
    <t>C:\Users\luizavs\OneDrive - Grupo Algar\Backup PC Luiz\06-11-2019\LUIZ ALFREDO\01 - TELECOM\01 - TELEVENDAS\02 - TLV MPE\FINANCEIRO\META DIÁRIA\</t>
  </si>
  <si>
    <t>Calcular meta diária TLV MPE.xlsx</t>
  </si>
  <si>
    <t>C:\Users\luizavs\OneDrive - Grupo Algar\Backup PC Luiz\06-11-2019\LUIZ ALFREDO\01 - TELECOM\01 - TELEVENDAS\02 - TLV MPE\FINANCEIRO\NOVO CONTRATO\</t>
  </si>
  <si>
    <t>Planejamento 201706_TLV MPE.xlsx</t>
  </si>
  <si>
    <t>Relatório de Interrompidas.xlsx</t>
  </si>
  <si>
    <t>C:\Users\luizavs\OneDrive - Grupo Algar\Backup PC Luiz\06-11-2019\LUIZ ALFREDO\01 - TELECOM\01 - TELEVENDAS\02 - TLV MPE\FINANCEIRO\RECEITA ATIVO\</t>
  </si>
  <si>
    <t>RECEITA ATIVO.xlsx</t>
  </si>
  <si>
    <t>ATIVO x RECEPTIVO - TLV MPE.xlsx</t>
  </si>
  <si>
    <t>C:\Users\luizavs\OneDrive - Grupo Algar\Backup PC Luiz\06-11-2019\LUIZ ALFREDO\01 - TELECOM\01 - TELEVENDAS\02 - TLV MPE\HORAS LOGADAS\JUNHO - 16\</t>
  </si>
  <si>
    <t>ARQUIVO TEMPO LOGADO - TLV MPE - JUNHO-16.xlsx</t>
  </si>
  <si>
    <t>C:\Users\luizavs\OneDrive - Grupo Algar\Backup PC Luiz\06-11-2019\LUIZ ALFREDO\01 - TELECOM\01 - TELEVENDAS\02 - TLV MPE\HORAS LOGADAS\MAIO - 16\</t>
  </si>
  <si>
    <t>Tempo Logado TLV MPE - Maio-16.xlsx</t>
  </si>
  <si>
    <t>Tempo Logado - Televendas MPE - Maio.xls</t>
  </si>
  <si>
    <t>Horas Logadas - Maio - TLV MPE.xlsx</t>
  </si>
  <si>
    <t>C:\Users\luizavs\OneDrive - Grupo Algar\Backup PC Luiz\06-11-2019\LUIZ ALFREDO\01 - TELECOM\01 - TELEVENDAS\02 - TLV MPE\PLANEJAMENTO DE MAILINGS\09 - SETEMBRO\</t>
  </si>
  <si>
    <t>C:\Users\luizavs\OneDrive - Grupo Algar\Backup PC Luiz\06-11-2019\LUIZ ALFREDO\01 - TELECOM\01 - TELEVENDAS\02 - TLV MPE\PLANEJAMENTO DE VENDAS\01 - JANEIRO - 17\</t>
  </si>
  <si>
    <t>C:\Users\luizavs\OneDrive - Grupo Algar\Backup PC Luiz\06-11-2019\LUIZ ALFREDO\01 - TELECOM\01 - TELEVENDAS\02 - TLV MPE\PLANEJAMENTO MENSAL\2017\</t>
  </si>
  <si>
    <t>Rampa Atingimento de Meta TLV MPE.xlsx</t>
  </si>
  <si>
    <t>C:\Users\luizavs\OneDrive - Grupo Algar\Backup PC Luiz\06-11-2019\LUIZ ALFREDO\01 - TELECOM\01 - TELEVENDAS\02 - TLV MPE\PLANEJAMENTO MENSAL\2018\</t>
  </si>
  <si>
    <t>HISTÓRICO MAILINGS.xlsx</t>
  </si>
  <si>
    <t>C:\Users\luizavs\OneDrive - Grupo Algar\Backup PC Luiz\06-11-2019\LUIZ ALFREDO\01 - TELECOM\01 - TELEVENDAS\02 - TLV MPE\PLANEJAMENTO MENSAL\2019\</t>
  </si>
  <si>
    <t>C:\Users\luizavs\OneDrive - Grupo Algar\Backup PC Luiz\06-11-2019\LUIZ ALFREDO\01 - TELECOM\01 - TELEVENDAS\02 - TLV MPE\PPT GERENCIAL\2016\</t>
  </si>
  <si>
    <t>Estrutura PPT Eider.xlsx</t>
  </si>
  <si>
    <t>Dados PPT Gerencial.xlsx</t>
  </si>
  <si>
    <t>C:\Users\luizavs\OneDrive - Grupo Algar\Backup PC Luiz\06-11-2019\LUIZ ALFREDO\01 - TELECOM\01 - TELEVENDAS\02 - TLV MPE\PPT GERENCIAL\2018\</t>
  </si>
  <si>
    <t>midias digitais.xlsx</t>
  </si>
  <si>
    <t>MIDIAS %.xlsx</t>
  </si>
  <si>
    <t>C:\Users\luizavs\OneDrive - Grupo Algar\Backup PC Luiz\06-11-2019\LUIZ ALFREDO\01 - TELECOM\01 - TELEVENDAS\02 - TLV MPE\PPT GERENCIAL\2016\Gerencial Televendas.pptx\</t>
  </si>
  <si>
    <t>Receita 2018 - TLV MPE.xlsx</t>
  </si>
  <si>
    <t>HISTÓRICO INDICADORES TLV MPE.xlsx</t>
  </si>
  <si>
    <t>Gráficos Apresentação.xlsx</t>
  </si>
  <si>
    <t>Dados Reunião Iuri.xlsx</t>
  </si>
  <si>
    <t>CAPACIDADE X REAL 2018.xlsx</t>
  </si>
  <si>
    <t>AGING.xlsx</t>
  </si>
  <si>
    <t>C:\Users\luizavs\OneDrive - Grupo Algar\Backup PC Luiz\06-11-2019\LUIZ ALFREDO\01 - TELECOM\01 - TELEVENDAS\02 - TLV MPE\QUERY &amp; EXTRATOR\2018\</t>
  </si>
  <si>
    <t>C:\Users\luizavs\OneDrive - Grupo Algar\Backup PC Luiz\06-11-2019\LUIZ ALFREDO\01 - TELECOM\01 - TELEVENDAS\CMC\2017\01-Janeiro\</t>
  </si>
  <si>
    <t>Relatorio-CMC020-FECH_CANC_AlgarCRM_20170202.csv</t>
  </si>
  <si>
    <t>Relatorio-CMC020-Diario_AlgarCRM_20170202.csv</t>
  </si>
  <si>
    <t>PR_REL_CASOS_CANCELAMENTO_20170201221038.csv</t>
  </si>
  <si>
    <t>C:\Users\luizavs\OneDrive - Grupo Algar\Backup PC Luiz\06-11-2019\LUIZ ALFREDO\01 - TELECOM\01 - TELEVENDAS\CMC\2017\02-Fevereiro\</t>
  </si>
  <si>
    <t>Relatorio-CMC020-FECH_CANC_AlgarCRM_20170302.csv</t>
  </si>
  <si>
    <t>Relatorio-CMC020-Diario_AlgarCRM_20170302.csv</t>
  </si>
  <si>
    <t>SOPRL-19_v20191105_v4.xlsb</t>
  </si>
  <si>
    <t>PR_REL_CASOS_CANCELAMENTO_20170301221037.csv</t>
  </si>
  <si>
    <t>C:\Users\luizavs\OneDrive - Grupo Algar\Backup PC Luiz\06-11-2019\LUIZ ALFREDO\01 - TELECOM\01 - TELEVENDAS\CMC\2017\03-Março\</t>
  </si>
  <si>
    <t>Relatorio-CMC020-FECH_CANC_AlgarCRM_20170402.csv</t>
  </si>
  <si>
    <t>Relatorio-CMC020-Diario_AlgarCRM_20170402.csv</t>
  </si>
  <si>
    <t>PR_REL_CASOS_CANCELAMENTO_20170401221031.csv</t>
  </si>
  <si>
    <t>C:\Users\luizavs\OneDrive - Grupo Algar\Backup PC Luiz\06-11-2019\LUIZ ALFREDO\01 - TELECOM\01 - TELEVENDAS\CMC\2017\04-Abril\</t>
  </si>
  <si>
    <t>Relatorio-CMC020-FECH_CANC_AlgarCRM_20170502.csv</t>
  </si>
  <si>
    <t>Relatorio-CMC020-Diario_AlgarCRM_20170502.csv</t>
  </si>
  <si>
    <t>PR_REL_CASOS_CANCELAMENTO_20170501221034.csv</t>
  </si>
  <si>
    <t>PR_REL_CASOS_CANCELAMENTO_20170430221029.csv</t>
  </si>
  <si>
    <t>Backlog PACOTES Algar CRM 28 04 2017.xlsx</t>
  </si>
  <si>
    <t>Backlog Pedidos Algar CRM (Assets) 28 04 2017.xlsx</t>
  </si>
  <si>
    <t>BACKLOG OP 28-04-2017.xlsx</t>
  </si>
  <si>
    <t>C:\Users\luizavs\OneDrive - Grupo Algar\Backup PC Luiz\06-11-2019\LUIZ ALFREDO\01 - TELECOM\01 - TELEVENDAS\CMC\2017\05-Maio\</t>
  </si>
  <si>
    <t>Relatorio-CMC020-FECH_CANC_AlgarCRM_20170602.csv</t>
  </si>
  <si>
    <t>Relatorio-CMC020-Diario_AlgarCRM_20170602.csv</t>
  </si>
  <si>
    <t>PR_REL_CASOS_CANCELAMENTO_20170601221026.csv</t>
  </si>
  <si>
    <t>C:\Users\luizavs\OneDrive - Grupo Algar\Backup PC Luiz\06-11-2019\LUIZ ALFREDO\01 - TELECOM\01 - TELEVENDAS\CMC\2017\06-Junho\</t>
  </si>
  <si>
    <t>Relatorio-CMC020-FECH_CANC_AlgarCRM_solic_iana.csv</t>
  </si>
  <si>
    <t>Relatorio-BacklogPedidos_AlgarCRM_20170701.csv</t>
  </si>
  <si>
    <t>Relatorio-CMC020-Diario_AlgarCRM_20170702.csv</t>
  </si>
  <si>
    <t>PR_REL_CASOS_CANCELAMENTO_20170701221034.csv</t>
  </si>
  <si>
    <t>C:\Users\luizavs\OneDrive - Grupo Algar\Backup PC Luiz\06-11-2019\LUIZ ALFREDO\01 - TELECOM\01 - TELEVENDAS\CMC\2017\07-Julho\</t>
  </si>
  <si>
    <t>REL_BACKLOG_OPP_TOTAL_2017_08_01_052739.csv</t>
  </si>
  <si>
    <t>Relatorio-CMC020-FECH_CANC_AlgarCRM_20170802.csv</t>
  </si>
  <si>
    <t>Relatorio-CMC020-Diario_AlgarCRM_20170802.csv</t>
  </si>
  <si>
    <t>PR_REL_CASOS_CANCELAMENTO_20170801221035.csv</t>
  </si>
  <si>
    <t>C:\Users\luizavs\OneDrive - Grupo Algar\Backup PC Luiz\06-11-2019\LUIZ ALFREDO\01 - TELECOM\01 - TELEVENDAS\CMC\2017\08-Agosto\</t>
  </si>
  <si>
    <t>REL_BACKLOG_OPP_TOTAL_2017_08_29_055507.csv</t>
  </si>
  <si>
    <t>Relatorio-CMC020-Diario_AlgarCRM_20170902.csv</t>
  </si>
  <si>
    <t>C:\Users\luizavs\OneDrive - Grupo Algar\Backup PC Luiz\06-11-2019\LUIZ ALFREDO\01 - TELECOM\01 - TELEVENDAS\CMC\2017\09-Setembro\</t>
  </si>
  <si>
    <t>REL_BACKLOG_OPP_TOTAL_2017_10_01_053013.csv</t>
  </si>
  <si>
    <t>Relatorio-CMC020-FECH_CANC_AlgarCRM_20171002.csv</t>
  </si>
  <si>
    <t>Relatorio-CMC020-Diario_AlgarCRM_20171002.csv</t>
  </si>
  <si>
    <t>PR_REL_CASOS_CANCELAMENTO_20171001221040.csv</t>
  </si>
  <si>
    <t>CLIENTE MPE.xlsx</t>
  </si>
  <si>
    <t>C:\Users\luizavs\OneDrive - Grupo Algar\Backup PC Luiz\06-11-2019\LUIZ ALFREDO\01 - TELECOM\01 - TELEVENDAS\CMC\2018\01 - Janeiro\</t>
  </si>
  <si>
    <t>Metas_de_Vendas_201802.csv</t>
  </si>
  <si>
    <t>C:\Users\luizavs\OneDrive - Grupo Algar\Backup PC Luiz\06-11-2019\LUIZ ALFREDO\01 - TELECOM\01 - TELEVENDAS\CMC\2018\02 - Fevereiro\</t>
  </si>
  <si>
    <t>Metas_de_Vendas_201803.csv</t>
  </si>
  <si>
    <t>Cadastro geral 06_11_2019.xlsx</t>
  </si>
  <si>
    <t>Solicitação Tatiane para Análise do Indireto</t>
  </si>
  <si>
    <t>Análises Tatiane.xlsx</t>
  </si>
  <si>
    <t>C:\Users\luizavs\OneDrive - Grupo Algar\Backup PC Luiz\06-11-2019\LUIZ ALFREDO\01 - TELECOM\02 - RETENÇÃO\ANÁLISES\2018\07 - JULHO\</t>
  </si>
  <si>
    <t>AHT x HOLD POR INTERVALO.xlsm</t>
  </si>
  <si>
    <t>C:\Users\luizavs\OneDrive - Grupo Algar\Backup PC Luiz\06-11-2019\LUIZ ALFREDO\01 - TELECOM\02 - RETENÇÃO\ANÁLISES\2018\08 - AGOSTO\</t>
  </si>
  <si>
    <t>C:\Users\luizavs\OneDrive - Grupo Algar\Backup PC Luiz\06-11-2019\LUIZ ALFREDO\01 - TELECOM\02 - RETENÇÃO\ANÁLISES\2018\09 - SETEMBRO\</t>
  </si>
  <si>
    <t>RETENÇÃO x VENDAS.xlsx</t>
  </si>
  <si>
    <t>EXTRATOR_ECH_POR_SKILL_DESCONEXÃO.xls</t>
  </si>
  <si>
    <t>DESCONEXÃO RETENÇÃO - SET-18.xlsx</t>
  </si>
  <si>
    <t>C:\Users\luizavs\OneDrive - Grupo Algar\Backup PC Luiz\06-11-2019\LUIZ ALFREDO\01 - TELECOM\02 - RETENÇÃO\ANÁLISES\2018\10 - OUTUBRO\</t>
  </si>
  <si>
    <t>Transferido Pesquisa - Out18.xlsx</t>
  </si>
  <si>
    <t>Protocolos Argumentação OUT18.xlsx</t>
  </si>
  <si>
    <t>Número Entrante x Rechamada - Out18.xlsx</t>
  </si>
  <si>
    <t>Motivacional - Vidinha de Balada.xlsx</t>
  </si>
  <si>
    <t>Motivacional - Campanha das Cores.xlsx</t>
  </si>
  <si>
    <t>Impacto Sinergia x Retenção.xlsx</t>
  </si>
  <si>
    <t>Estudo de Custo - PA's x Volume.xlsx</t>
  </si>
  <si>
    <t>Dimens Virada Genesys Retenção.xlsx</t>
  </si>
  <si>
    <t>Categorizações SGC Ret_Out19.xlsx</t>
  </si>
  <si>
    <t>Apuração Motivacional 16-10 - Indicadores Operacionais.xls</t>
  </si>
  <si>
    <t>Apuração 13-20 Guardiões.xlsx</t>
  </si>
  <si>
    <t>DESCONEXÃO RETENÇÃO - OUT-18.xlsx</t>
  </si>
  <si>
    <t>AHT x RETIDO.xlsx</t>
  </si>
  <si>
    <t>Análise Retenção x Elegíveis.xlsx</t>
  </si>
  <si>
    <t>AHT Retenção - Categorizador.xlsx</t>
  </si>
  <si>
    <t>C:\Users\luizavs\OneDrive - Grupo Algar\Backup PC Luiz\06-11-2019\LUIZ ALFREDO\01 - TELECOM\02 - RETENÇÃO\ANÁLISES\2018\11 - NOVEMBRO\</t>
  </si>
  <si>
    <t>Volume x AHT - Solicitações - Jul-Nov18.xlsx</t>
  </si>
  <si>
    <t>Volume Nov - relação meses anteriores.xlsx</t>
  </si>
  <si>
    <t>Acompanhamento Operador Retenção - 7 a 13.xls</t>
  </si>
  <si>
    <t>Variação Volume x AHT - Retenção.xlsx</t>
  </si>
  <si>
    <t>Treinamento Sinergia Retenção.xlsx</t>
  </si>
  <si>
    <t>Treinamento - Sinergia - Dez18.xlsx</t>
  </si>
  <si>
    <t>RESUMO AHT x HOLD.xlsx</t>
  </si>
  <si>
    <t>Projeção Resultado Retenção.xlsx</t>
  </si>
  <si>
    <t>Transferidas Retenção.xlsx</t>
  </si>
  <si>
    <t>Pausas Feedback.xlsx</t>
  </si>
  <si>
    <t>Motivos Solicitações - Set-Out-Nov18.xlsx</t>
  </si>
  <si>
    <t>META RET. RECALIB NOV18.xlsx</t>
  </si>
  <si>
    <t>EXTRATOR_ATENDIDAS_AHT_OPERADOR_SKILL.xls</t>
  </si>
  <si>
    <t>EXTRATOR_ECH_SKILL (TODAS OP).xls</t>
  </si>
  <si>
    <t>EXTRATOR INTRADIARIO + HOLD POR INTERVALO.xlsm</t>
  </si>
  <si>
    <t>Esteira AHT Retenção - Dez18.xlsx</t>
  </si>
  <si>
    <t>Dimens Feriado - retenção.xlsx</t>
  </si>
  <si>
    <t>Categorizações SGC Ret_Nov19.xlsx</t>
  </si>
  <si>
    <t>Apuração Semanal - Defensores Retenção - 9-16-Novembro.xlsx</t>
  </si>
  <si>
    <t>Apuração Semanal - Defensores Retenção - 26-30-Novembro.xlsx</t>
  </si>
  <si>
    <t>Apuração Semanal - Defensores Retenção - 19-23-Novembro.xlsx</t>
  </si>
  <si>
    <t>Apuração Defensores da Retenção - Nov18.xlsx</t>
  </si>
  <si>
    <t>Apuração Campanha Relampago 12-11.xlsx</t>
  </si>
  <si>
    <t>Apuração Diária - Defensores Retenção.xlsx</t>
  </si>
  <si>
    <t>Análise NS intradiário - Retenção 1411.xlsx</t>
  </si>
  <si>
    <t>Análise Mensal - Retenção.xlsx</t>
  </si>
  <si>
    <t>ANÁLISE DE PERDA DDX - RETENÇÃO.xlsx</t>
  </si>
  <si>
    <t>Análise Desconexão - Redução AHT.xlsx</t>
  </si>
  <si>
    <t>Análise Callback - Redução AHT.xlsx</t>
  </si>
  <si>
    <t>Acompanhamento Operador Retenção.xls</t>
  </si>
  <si>
    <t>C:\Users\luizavs\OneDrive - Grupo Algar\Backup PC Luiz\06-11-2019\LUIZ ALFREDO\01 - TELECOM\02 - RETENÇÃO\ANÁLISES\2018\12 - DEZEMBRO\</t>
  </si>
  <si>
    <t>Variação %Retidos Dez18.xlsx</t>
  </si>
  <si>
    <t>Telefone Vermelho.xlsx</t>
  </si>
  <si>
    <t>Relatório_Detalhado_de_Ligações 27-12.xlsx</t>
  </si>
  <si>
    <t>Mudança de Endereço - Dez18.xlsx</t>
  </si>
  <si>
    <t>Rechamada RET_DEZ.XLSX</t>
  </si>
  <si>
    <t>Micro Gestão - Retenção Digital.xlsx</t>
  </si>
  <si>
    <t>Micro Gestão Retenção - DEZ18.xlsx</t>
  </si>
  <si>
    <t>META RET. RECALIB 58%.xlsx</t>
  </si>
  <si>
    <t>Impacto Operadores 11dezembro.xlsx</t>
  </si>
  <si>
    <t>Gráfico Retenção - Genesys.xlsx</t>
  </si>
  <si>
    <t>Escala Feriado - Véspera.xlsx</t>
  </si>
  <si>
    <t>DESCONEXÃO REINCIDENCIS.xlsx</t>
  </si>
  <si>
    <t>Comportamento %Retidos Dez.xlsx</t>
  </si>
  <si>
    <t>CH OUT sem CH IN.xlsx</t>
  </si>
  <si>
    <t>Categorizações SGC Ret_Dez18.xlsx</t>
  </si>
  <si>
    <t>Desconexão Dez.xls</t>
  </si>
  <si>
    <t>CALLBACK DEZEMBRO.xlsx</t>
  </si>
  <si>
    <t>Apuração Semanal - Defensores Retenção - 24-28-Dez.xlsx</t>
  </si>
  <si>
    <t>Apuração Semanal - Defensores Retenção - 17-21-Dez.xlsx</t>
  </si>
  <si>
    <t>Apuração Semanal - Defensores Retenção - 10-14-Dez.xlsx</t>
  </si>
  <si>
    <t>Apuração Semanal - Defensores Retenção - 03-07-Dez.xlsx</t>
  </si>
  <si>
    <t>Análise Dezembro.xlsx</t>
  </si>
  <si>
    <t>Análise Dezembro v3.xlsx</t>
  </si>
  <si>
    <t>Análise Dezembro v2.xlsx</t>
  </si>
  <si>
    <t>Análise 12-12.xlsx</t>
  </si>
  <si>
    <t>Abandonadas Dezembro.xlsx</t>
  </si>
  <si>
    <t>%Retenção x Redução de Gastos.xlsx</t>
  </si>
  <si>
    <t>C:\Users\luizavs\OneDrive - Grupo Algar\Backup PC Luiz\06-11-2019\LUIZ ALFREDO\01 - TELECOM\02 - RETENÇÃO\ANÁLISES\2019\01 - JANEIRO\</t>
  </si>
  <si>
    <t>Volumetria Retenção Jan19.xlsx</t>
  </si>
  <si>
    <t>Análise callback.xlsx</t>
  </si>
  <si>
    <t>Volumetria Jan19.xlsx</t>
  </si>
  <si>
    <t>VALIDAÇÃO QUERYS.xlsx</t>
  </si>
  <si>
    <t>Simulacao_NS_Treinamento_Lego.xlsx</t>
  </si>
  <si>
    <t>Motivos Retenção x Responsabilidade.xlsx</t>
  </si>
  <si>
    <t>Rechamada RET_JAN.XLSX</t>
  </si>
  <si>
    <t>META RECALIBRADA ASSOCIADOS.xlsx</t>
  </si>
  <si>
    <t>Layout Qlik Retenção.xlsx</t>
  </si>
  <si>
    <t>Rechamada RCV_JAN.xlsx</t>
  </si>
  <si>
    <t>Micro Gestão Retenção - JAN19.xlsx</t>
  </si>
  <si>
    <t>INFORMAÇÕES DIMENSIONAMENTO VAREJO E MPE - PROPOSTA TRAZER MPE E UNIFICAR_v2.xlsx</t>
  </si>
  <si>
    <t>Faturamento Fixo x Variável.xlsx</t>
  </si>
  <si>
    <t>Evolução Volumetria Retenção.xlsx</t>
  </si>
  <si>
    <t>Estudo Impacto x Canal de Atendimento.xlsx</t>
  </si>
  <si>
    <t>ESCALA NR17.xlsx</t>
  </si>
  <si>
    <t>Desvio Plan x Real.xlsx</t>
  </si>
  <si>
    <t>Comparativo Fechamento Tech x Telecom.xlsx</t>
  </si>
  <si>
    <t>Categorizações SGC Ret_Jan19.xlsx</t>
  </si>
  <si>
    <t>AVALIAÇÃO DIÁRIA PARCIAL RETENÇÃO.xlsx</t>
  </si>
  <si>
    <t>Análise Janeiro.xlsx</t>
  </si>
  <si>
    <t>Análise Janeiro v3.xlsx</t>
  </si>
  <si>
    <t>Análise Janeiro v2.xlsx</t>
  </si>
  <si>
    <t>Aderência.xlsx</t>
  </si>
  <si>
    <t>Aderência RET NR JAN CONSOLIDADO.xlsx</t>
  </si>
  <si>
    <t>AHT x Motivo Cancelamento - JANEIRO.xlsx</t>
  </si>
  <si>
    <t>ABANDONO 2018 - RET.xlsx</t>
  </si>
  <si>
    <t>C:\Users\luizavs\OneDrive - Grupo Algar\Backup PC Luiz\06-11-2019\LUIZ ALFREDO\01 - TELECOM\02 - RETENÇÃO\ANÁLISES\2019\02 - FEVEREIRO\</t>
  </si>
  <si>
    <t>Volume SS x Lego - 2018-2019.xlsx</t>
  </si>
  <si>
    <t>Acompanhamento HE Operações Telecom.xlsx</t>
  </si>
  <si>
    <t>Testes URA Retenção 01-02.xlsx</t>
  </si>
  <si>
    <t>RESUMO RET-TLV-RCV FEV19.xlsx</t>
  </si>
  <si>
    <t>RESUMO RET FEV19.xlsx</t>
  </si>
  <si>
    <t>Flexfield</t>
  </si>
  <si>
    <t>PICO DE PA - RET + TLV.xlsx</t>
  </si>
  <si>
    <t>Performance Retenção Fev-19.xlsx</t>
  </si>
  <si>
    <t>OPERADORES - Desligados ou não encontrados.xls</t>
  </si>
  <si>
    <t>Rechamada RCV_FEV.xlsx</t>
  </si>
  <si>
    <t>Novatos Retenção - Fev19.xlsx</t>
  </si>
  <si>
    <t>Rechamada RET_FEV.XLSX</t>
  </si>
  <si>
    <t>Motivos Retenção x Indevidos x Argumentados.xlsx</t>
  </si>
  <si>
    <t>Infos Cristiano - semanal.xlsx</t>
  </si>
  <si>
    <t>KPIs Retenção.xlsx</t>
  </si>
  <si>
    <t>Informações Retenção - 07-Fev.xlsx</t>
  </si>
  <si>
    <t>INFORMAÇÕES HUDSON.xlsx</t>
  </si>
  <si>
    <t>Micro Gestão - Retenção - Fev19.xlsx</t>
  </si>
  <si>
    <t>IMPRODUTIVIDADE RETENÇÃO - FEV.xlsx</t>
  </si>
  <si>
    <t>IMPACTO RETENÇÃO.xlsx</t>
  </si>
  <si>
    <t>Histórico Negócio Retenção.xlsx</t>
  </si>
  <si>
    <t>Folgas Carnaval - Retenção 2019.xlsx</t>
  </si>
  <si>
    <t>Entrada Novatos.xlsx</t>
  </si>
  <si>
    <t>Entrada Novatos Total - Fev19.xlsx</t>
  </si>
  <si>
    <t>DIMENS FERIADO CARNAVAL 19.xlsx</t>
  </si>
  <si>
    <t>DESCONEXÃO E RECHAMADA - RETENÇÃO.xlsx</t>
  </si>
  <si>
    <t>DADOS KARINA - REUNIÃO CRISTIANO.xlsx</t>
  </si>
  <si>
    <t>Comparativo Fev19 - Retenção.xlsx</t>
  </si>
  <si>
    <t>Comparativo Faturamento - TLV RET.xlsx</t>
  </si>
  <si>
    <t>Categorizações SGC Ret_Fev19.xlsx</t>
  </si>
  <si>
    <t>Aumento Motivos Retenção.xlsx</t>
  </si>
  <si>
    <t>Aumento Motivos Retenção x Fev.xlsx</t>
  </si>
  <si>
    <t>APURAÇÃO SEMANAL CAMPANHA HERÓIS DA RETENÇÃO (SEMANA 3).xlsx</t>
  </si>
  <si>
    <t>APURAÇÃO SEMANAL CAMPANHA HERÓIS DA RETENÇÃO (SEMANA 2).xlsx</t>
  </si>
  <si>
    <t>Base Retenção - Criado Por.xlsx</t>
  </si>
  <si>
    <t>APURAÇÃO SEMANAL CAMPANHA HERÓIS DA RETENÇÃO (SEMANA 1).xlsx</t>
  </si>
  <si>
    <t>APURAÇÃO MOTIVACIONAL JAN19.xlsx</t>
  </si>
  <si>
    <t>AHT x Mês - retenção.xlsx</t>
  </si>
  <si>
    <t>APURAÇÃO CAMPANHA HERÓIS DA RETENÇÃO.xlsx</t>
  </si>
  <si>
    <t>APURAÇÃO CAMPANHA HERÓIS DA RETENÇÃO v2.xlsx</t>
  </si>
  <si>
    <t>AHT x Motivo Cancelamento - FEV.xlsx</t>
  </si>
  <si>
    <t>C:\Users\luizavs\OneDrive - Grupo Algar\Backup PC Luiz\06-11-2019\LUIZ ALFREDO\01 - TELECOM\02 - RETENÇÃO\ANÁLISES\2019\03 - MARÇO\</t>
  </si>
  <si>
    <t>Vendas Retenção.xlsx</t>
  </si>
  <si>
    <t>SQUAD Março Retenção.xlsx</t>
  </si>
  <si>
    <t>Validação Base Retenção.xlsx</t>
  </si>
  <si>
    <t>Rechamada TLV_MAR.XLSX</t>
  </si>
  <si>
    <t>Projeção Marco - Retenção.xlsx</t>
  </si>
  <si>
    <t>Rechamada RET_MAR.XLSX</t>
  </si>
  <si>
    <t>Rechamada RET_MAR V2.xlsx</t>
  </si>
  <si>
    <t>Performance Retenção Mar-19.xlsx</t>
  </si>
  <si>
    <t>Meta Recalibrada Ação Publio.xlsx</t>
  </si>
  <si>
    <t>Informações Genesys.xlsx</t>
  </si>
  <si>
    <t>escala trn programadora (mirna).xlsx</t>
  </si>
  <si>
    <t>Escala TRN - Programadora (TLV + RET + MPE Conc).xlsx</t>
  </si>
  <si>
    <t>Escala Café Retenção.xlsx</t>
  </si>
  <si>
    <t>Desmobilização Retenção.xlsx</t>
  </si>
  <si>
    <t>Curva D x Reincidência.xlsx</t>
  </si>
  <si>
    <t>APURAÇÃO SEMANAL CAMPANHA HERÓIS DA RETENÇÃO (SEMANA 6).xlsx</t>
  </si>
  <si>
    <t>APURAÇÃO SEMANAL CAMPANHA HERÓIS DA RETENÇÃO (SEMANA 5).xlsx</t>
  </si>
  <si>
    <t>base pedidos jan 19 - Envio Tech.xlsx</t>
  </si>
  <si>
    <t>APURAÇÃO SEMANAL CAMPANHA HERÓIS DA RETENÇÃO (SEMANA 4).xlsx</t>
  </si>
  <si>
    <t>C:\Users\luizavs\OneDrive - Grupo Algar\Backup PC Luiz\06-11-2019\LUIZ ALFREDO\01 - TELECOM\02 - RETENÇÃO\ANÁLISES\2019\04 - ABRIL\</t>
  </si>
  <si>
    <t>Protocolo 12-04.xlsx</t>
  </si>
  <si>
    <t>Intramensal resumo retenção.xlsx</t>
  </si>
  <si>
    <t>FOLGA SEMANA SANTA RETENÇÃO.xlsx</t>
  </si>
  <si>
    <t>Escala Pizza RET.xlsx</t>
  </si>
  <si>
    <t>CURVA ABCD - RETENÇÃO.xlsx</t>
  </si>
  <si>
    <t>APURAÇÃO SEMANAL CAMPANHA HERÓIS DA RETENÇÃO (SEMANA 9).xlsx</t>
  </si>
  <si>
    <t>APURAÇÃO SEMANAL CAMPANHA HERÓIS DA RETENÇÃO (SEMANA 8).xlsx</t>
  </si>
  <si>
    <t>APURAÇÃO SEMANAL CAMPANHA HERÓIS DA RETENÇÃO (SEMANA 7).xlsx</t>
  </si>
  <si>
    <t>APURAÇÃO SEMANAL CAMPANHA HERÓIS DA RETENÇÃO (SEMANA 10).xlsx</t>
  </si>
  <si>
    <t>Apuração Relampago Abr19.xlsx</t>
  </si>
  <si>
    <t>C:\Users\luizavs\OneDrive - Grupo Algar\Backup PC Luiz\06-11-2019\LUIZ ALFREDO\01 - TELECOM\02 - RETENÇÃO\ANÁLISES\2019\05 - MAIO\</t>
  </si>
  <si>
    <t>Ofensores ABS - Ret.xlsx</t>
  </si>
  <si>
    <t>Informações Operaçoes v4 (Redução).xlsx</t>
  </si>
  <si>
    <t>Transferencias Internas.xlsx</t>
  </si>
  <si>
    <t>Estruturas Patricia Lucio.xlsx</t>
  </si>
  <si>
    <t>Escala TRN - Rampa de Ofertas e IPTV.xlsx</t>
  </si>
  <si>
    <t>Escala NR17 - Retenção.xlsx</t>
  </si>
  <si>
    <t>Desmobilização v2.xlsx</t>
  </si>
  <si>
    <t>Cópia de RELATORIO RETENÇÃO ATIVA.xlsx</t>
  </si>
  <si>
    <t>assiduidade aderencia desvio 2018 - retenção.xlsx</t>
  </si>
  <si>
    <t>APURAÇÃO SEMANAL CAMPANHA HERÓIS DA RETENÇÃO (SEMANA 13).xlsx</t>
  </si>
  <si>
    <t>APURAÇÃO SEMANAL CAMPANHA HERÓIS DA RETENÇÃO (SEMANA 12).xlsx</t>
  </si>
  <si>
    <t>APURAÇÃO SEMANAL CAMPANHA HERÓIS DA RETENÇÃO (SEMANA 11).xlsx</t>
  </si>
  <si>
    <t>C:\Users\luizavs\OneDrive - Grupo Algar\Backup PC Luiz\06-11-2019\LUIZ ALFREDO\01 - TELECOM\02 - RETENÇÃO\FECHAMENTO FINANCEIRO\2019\01 - JANEIRO\</t>
  </si>
  <si>
    <t>EXTRA BASELINE.xlsx</t>
  </si>
  <si>
    <t>201901 Fechamento Hora Logada Retenção.xlsx</t>
  </si>
  <si>
    <t>201901 DDX Retenção.xlsx</t>
  </si>
  <si>
    <t>C:\Users\luizavs\OneDrive - Grupo Algar\Backup PC Luiz\06-11-2019\LUIZ ALFREDO\01 - TELECOM\04 - PÓS VENDAS\3ª METRICA\2018\06 - JUNHO\</t>
  </si>
  <si>
    <t>Resultado_Indicadores_UDI - ALGAR TELECOM POS VENDAS_JUNHO_18.xlsx</t>
  </si>
  <si>
    <t>C:\Users\luizavs\OneDrive - Grupo Algar\Backup PC Luiz\06-11-2019\LUIZ ALFREDO\01 - TELECOM\04 - PÓS VENDAS\3ª METRICA\2018\07 - JULHO\</t>
  </si>
  <si>
    <t>Resultado_Indicadores_UDI - ALGAR TELECOM POS VENDAS_JULHO_18.xlsx</t>
  </si>
  <si>
    <t>APURAÇÃO MENSAL CAMPANHA HERÓIS DA RETENÇÃO (ABRIL19).xlsx</t>
  </si>
  <si>
    <t>C:\Users\luizavs\OneDrive - Grupo Algar\Backup PC Luiz\06-11-2019\LUIZ ALFREDO\01 - TELECOM\04 - PÓS VENDAS\3ª METRICA\2018\08 - AGOSTO\</t>
  </si>
  <si>
    <t>Resultado_Indicadores_UDI - ALGAR TELECOM POS VENDAS_AGOSTO_18.xlsx</t>
  </si>
  <si>
    <t>C:\Users\luizavs\OneDrive - Grupo Algar\Backup PC Luiz\06-11-2019\LUIZ ALFREDO\01 - TELECOM\04 - PÓS VENDAS\MAILINGS\2016\MAIO-16\</t>
  </si>
  <si>
    <t>Repetição Mailings.xlsx</t>
  </si>
  <si>
    <t>C:\Users\luizavs\OneDrive - Grupo Algar\Backup PC Luiz\06-11-2019\LUIZ ALFREDO\01 - TELECOM\01 - TELEVENDAS\01 - TLV VAREJO\PLANEJAMENTO MENSAL\2017\08 - AGOSTO\</t>
  </si>
  <si>
    <t>Replanejamento para atingimento de meta_Tlv Varejo.xlsx</t>
  </si>
  <si>
    <t>GRÁFICO DE ESTEIRA - TLV VAREJO.xlsx</t>
  </si>
  <si>
    <t>C:\Users\luizavs\OneDrive - Grupo Algar\Backup PC Luiz\06-11-2019\LUIZ ALFREDO\01 - TELECOM\01 - TELEVENDAS\01 - TLV VAREJO\PLANEJAMENTO MENSAL\2017\09 - SETEMBRO\</t>
  </si>
  <si>
    <t>[RAFA] GRÁFICO DE ESTEIRA - TLV VAREJO.xlsx</t>
  </si>
  <si>
    <t>C:\Users\luizavs\OneDrive - Grupo Algar\Backup PC Luiz\06-11-2019\LUIZ ALFREDO\01 - TELECOM\04 - PÓS VENDAS\MAILINGS\2016\MARÇO-16\</t>
  </si>
  <si>
    <t>Análise Repetidos Mensal - Pós Vendas.xlsx</t>
  </si>
  <si>
    <t>Planejamento Atingimento de Meta TLV Varejo.xlsx</t>
  </si>
  <si>
    <t>Planejamento Atingimento de Meta TLV Varejo V5.xlsx</t>
  </si>
  <si>
    <t>Planejamento Atingimento de Meta TLV Varejo V4.xlsx</t>
  </si>
  <si>
    <t>Planejamento Atingimento de Meta TLV Varejo V3.xlsx</t>
  </si>
  <si>
    <t>Planejamento Atingimento de Meta TLV Varejo V2.xlsx</t>
  </si>
  <si>
    <t>DADOS CRISTIANO.xlsx</t>
  </si>
  <si>
    <t>C:\Users\luizavs\OneDrive - Grupo Algar\Backup PC Luiz\06-11-2019\LUIZ ALFREDO\01 - TELECOM\01 - TELEVENDAS\01 - TLV VAREJO\PONTO DE CONTROLE\JANEIRO - 17\1ª SEMANA\</t>
  </si>
  <si>
    <t>REINPUT BKO.xlsx</t>
  </si>
  <si>
    <t>PREMISSAS TLV.xlsx</t>
  </si>
  <si>
    <t>C:\Users\luizavs\OneDrive - Grupo Algar\Backup PC Luiz\06-11-2019\LUIZ ALFREDO\01 - TELECOM\01 - TELEVENDAS\01 - TLV VAREJO\PONTO DE CONTROLE\OUTUBRO - 16\4ª SEMANA\</t>
  </si>
  <si>
    <t>GAP DE PESSOAS.xls</t>
  </si>
  <si>
    <t>GAP DE OCIOSIDADE.xls</t>
  </si>
  <si>
    <t>C:\Users\luizavs\OneDrive - Grupo Algar\Backup PC Luiz\06-11-2019\LUIZ ALFREDO\01 - TELECOM\01 - TELEVENDAS\01 - TLV VAREJO\PPT GERENCIAL\2017\10 - OUTUBRO\</t>
  </si>
  <si>
    <t>TB01_20171027_095606.xlsx</t>
  </si>
  <si>
    <t>mail.google.com/_/upload?authuser=0&amp;dcp=asu-n&amp;upload_id=AEnB2UrKq5EXSLiTBYrDe0kAYSaq0-PUs5uCYLUxHonh7LtjaVcIH-2wS4WHCUIqQL-fVr4DqsSjqzvppV_bz2vH-wVbobj47n3csEXv_gCaYiZtYFeR5Qg&amp;upload_protocol=resumable</t>
  </si>
  <si>
    <t>D:\OneDrive\AlgarTech\Pré-Vendas\Reports\Vendas Carreira PV\</t>
  </si>
  <si>
    <t>VendasTOTAL_CarreiraPV.xlsx</t>
  </si>
  <si>
    <t>C:\Users\luizavs\OneDrive - Grupo Algar\Backup PC Luiz\06-11-2019\LUIZ ALFREDO\01 - TELECOM\01 - TELEVENDAS\01 - TLV VAREJO\QUERY &amp; EXTRATOR\NOVEMBRO - 16\VOLUMETRIA POR REGIÃO\</t>
  </si>
  <si>
    <t>Cópia de Chamadas Entrantes - TLV (2).xlsx</t>
  </si>
  <si>
    <t>C:\Users\luizavs\OneDrive - Grupo Algar\Backup PC Luiz\06-11-2019\LUIZ ALFREDO\01 - TELECOM\01 - TELEVENDAS\01 - TLV VAREJO\QUERY &amp; EXTRATOR\DEZEMBRO - 16\VOLUMETRIA POR REGIÃO\</t>
  </si>
  <si>
    <t>C:\Users\luizavs\OneDrive - Grupo Algar\Backup PC Luiz\06-11-2019\LUIZ ALFREDO\01 - TELECOM\01 - TELEVENDAS\01 - TLV VAREJO\RANKING x OPERADOR\2017\03 - MARÇO\</t>
  </si>
  <si>
    <t>RANKING TLV VAREJO MAR17.xlsx</t>
  </si>
  <si>
    <t>C:\Users\luizavs\OneDrive - Grupo Algar\Backup PC Luiz\06-11-2019\LUIZ ALFREDO\01 - TELECOM\01 - TELEVENDAS\01 - TLV VAREJO\QUERY &amp; EXTRATOR\OUTUBRO - 16\VOLUMETRIA SKILLS TRANSFERENCIA\</t>
  </si>
  <si>
    <t>Cópia de SKILL DE TRANSFERENCIA.xlsx</t>
  </si>
  <si>
    <t>C:\Users\luizavs\OneDrive - Grupo Algar\Backup PC Luiz\06-11-2019\LUIZ ALFREDO\01 - TELECOM\01 - TELEVENDAS\01 - TLV VAREJO\QUERY &amp; EXTRATOR\OUTUBRO - 16\VOLUMETRIA POR REGIÃO\</t>
  </si>
  <si>
    <t>Chamadas Entrantes - TLV.xlsx</t>
  </si>
  <si>
    <t>Ranking x Operador - TLV VAREJO.xlsx</t>
  </si>
  <si>
    <t>C:\Users\luizavs\OneDrive - Grupo Algar\Backup PC Luiz\06-11-2019\LUIZ ALFREDO\01 - TELECOM\01 - TELEVENDAS\01 - TLV VAREJO\RANKING x OPERADOR\2017\04 - ABRIL\</t>
  </si>
  <si>
    <t>RANKING TLV VAREJO ABR17.xlsx</t>
  </si>
  <si>
    <t>C:\Users\luizavs\OneDrive - Grupo Algar\Backup PC Luiz\06-11-2019\LUIZ ALFREDO\01 - TELECOM\01 - TELEVENDAS\01 - TLV VAREJO\RANKING x OPERADOR\2017\05 - MAIO\</t>
  </si>
  <si>
    <t>RANKING TLV VAREJO Mai-17.xlsx</t>
  </si>
  <si>
    <t>C:\Users\luizavs\OneDrive - Grupo Algar\Backup PC Luiz\06-11-2019\LUIZ ALFREDO\01 - TELECOM\01 - TELEVENDAS\01 - TLV VAREJO\STH &amp; CONTRATAÇÕES\2017\02 - FEVEREIRO\</t>
  </si>
  <si>
    <t>PAS TLV - TREINAMENTO.xlsx</t>
  </si>
  <si>
    <t>C:\Users\luizavs\OneDrive - Grupo Algar\Backup PC Luiz\06-11-2019\LUIZ ALFREDO\01 - TELECOM\01 - TELEVENDAS\01 - TLV VAREJO\TREINAMENTO\2016\NOVEMBRO-16\</t>
  </si>
  <si>
    <t>Treinamento 4G - TLV.xlsx</t>
  </si>
  <si>
    <t>C:\Users\luizavs\OneDrive - Grupo Algar\Backup PC Luiz\06-11-2019\LUIZ ALFREDO\01 - TELECOM\01 - TELEVENDAS\01 - TLV VAREJO\TREINAMENTO\2017\01 - JANEIRO\</t>
  </si>
  <si>
    <t>Treinamento Lig8 - TLV.xlsx</t>
  </si>
  <si>
    <t>Treinamento Lig8 - TLV v3.xlsx</t>
  </si>
  <si>
    <t>Treinamento Lig8 - TLV v2.xlsx</t>
  </si>
  <si>
    <t>INTRAMENSAL.xlsx</t>
  </si>
  <si>
    <t>C:\Users\luizavs\OneDrive - Grupo Algar\Backup PC Luiz\06-11-2019\LUIZ ALFREDO\01 - TELECOM\01 - TELEVENDAS\01 - TLV VAREJO\TREINAMENTO\2017\03 - MARÇO\</t>
  </si>
  <si>
    <t>Treinamento VID+ - TLV.xlsx</t>
  </si>
  <si>
    <t>Treinamento HAB CHIP.xlsx</t>
  </si>
  <si>
    <t>SIMULADO DE ABANDONO INCENDIO.xlsx</t>
  </si>
  <si>
    <t>C:\Users\luizavs\OneDrive - Grupo Algar\Backup PC Luiz\06-11-2019\LUIZ ALFREDO\01 - TELECOM\01 - TELEVENDAS\01 - TLV VAREJO\TREINAMENTO\2017\04 - ABRIL\</t>
  </si>
  <si>
    <t>Treinamento Venda Mais 1.xlsx</t>
  </si>
  <si>
    <t>C:\Users\luizavs\OneDrive - Grupo Algar\Backup PC Luiz\06-11-2019\LUIZ ALFREDO\01 - TELECOM\01 - TELEVENDAS\01 - TLV VAREJO\URA ATIVA\2016\JULHO-16\</t>
  </si>
  <si>
    <t>Ura Ativa - 25-07-16.xlsx</t>
  </si>
  <si>
    <t>C:\Users\luizavs\OneDrive - Grupo Algar\Backup PC Luiz\06-11-2019\LUIZ ALFREDO\01 - TELECOM\01 - TELEVENDAS\01 - TLV VAREJO\URA ATIVA\2017\10 - OUTUBRO\</t>
  </si>
  <si>
    <t>RELATÓRIO URA ATIVA - RETENÇÃO.xlsx</t>
  </si>
  <si>
    <t>C:\Users\luizavs\OneDrive - Grupo Algar\Backup PC Luiz\06-11-2019\LUIZ ALFREDO\01 - TELECOM\01 - TELEVENDAS\01 - TLV VAREJO\URA ATIVA\2018\01 - JANEIRO\</t>
  </si>
  <si>
    <t>TESTE.xlsx</t>
  </si>
  <si>
    <t>Migracao_CONTROLE_BLINDAGEM_62961.xlsx</t>
  </si>
  <si>
    <t>Comparativo Ura Ativa.xlsx</t>
  </si>
  <si>
    <t>C:\Users\luizavs\OneDrive - Grupo Algar\Backup PC Luiz\06-11-2019\LUIZ ALFREDO\01 - TELECOM\01 - TELEVENDAS\01 - TLV VAREJO\WEEK REPORT\2017\03-MARÇO\</t>
  </si>
  <si>
    <t>CURVA ABC.xlsx</t>
  </si>
  <si>
    <t>CURVA ABC MARÇO 17.xlsx</t>
  </si>
  <si>
    <t>C:\Users\luizavs\OneDrive - Grupo Algar\Backup PC Luiz\06-11-2019\LUIZ ALFREDO\01 - TELECOM\01 - TELEVENDAS\01 - TLV VAREJO\URA ATIVA\2018\02 - FEVEREIRO\</t>
  </si>
  <si>
    <t>RELATÓRIO URA ATIVA - TLV VAREJO.xlsx</t>
  </si>
  <si>
    <t>C:\Users\luizavs\OneDrive - Grupo Algar\Backup PC Luiz\06-11-2019\LUIZ ALFREDO\01 - TELECOM\01 - TELEVENDAS\01 - TLV VAREJO\WEEK REPORT\2017\04-ABRIL\</t>
  </si>
  <si>
    <t>CURVA ABC ABRIL 17.xlsx</t>
  </si>
  <si>
    <t>C:\Users\luizavs\OneDrive - Grupo Algar\Backup PC Luiz\06-11-2019\LUIZ ALFREDO\01 - TELECOM\01 - TELEVENDAS\02 - TLV MPE\3ª METRICA\2016\DEZEMBRO-16\</t>
  </si>
  <si>
    <t>Resultado_Indicadores_UDI - ALGAR TELECOM SUPERVENDAS ATIVO - MPE_DEZEMBRO_16.xlsx</t>
  </si>
  <si>
    <t>C:\Users\luizavs\OneDrive - Grupo Algar\Backup PC Luiz\06-11-2019\LUIZ ALFREDO\01 - TELECOM\01 - TELEVENDAS\02 - TLV MPE\3ª METRICA\2016\NOVEMBRO-16\</t>
  </si>
  <si>
    <t>Resultado_Indicadores_UDI - ALGAR TELECOM SUPERVENDAS ATIVO - MPE_NOVEMBRO_16.xlsx</t>
  </si>
  <si>
    <t>C:\Users\luizavs\OneDrive - Grupo Algar\Backup PC Luiz\06-11-2019\LUIZ ALFREDO\01 - TELECOM\01 - TELEVENDAS\02 - TLV MPE\3ª METRICA\2016\OUTUBRO-16\</t>
  </si>
  <si>
    <t>Resultado_Indicadores_UDI - ALGAR TELECOM SUPERVENDAS ATIVO - MPE_OUTUBRO_16.xlsx</t>
  </si>
  <si>
    <t>C:\Users\luizavs\OneDrive - Grupo Algar\Backup PC Luiz\06-11-2019\LUIZ ALFREDO\01 - TELECOM\01 - TELEVENDAS\02 - TLV MPE\3ª METRICA\2016\SETEMBRO-16\</t>
  </si>
  <si>
    <t>Resultado_Indicadores_UDI - ALGAR TELECOM SUPERVENDAS ATIVO - MPE_SETEMBRO_16.xlsx</t>
  </si>
  <si>
    <t>C:\Users\luizavs\OneDrive - Grupo Algar\Backup PC Luiz\06-11-2019\LUIZ ALFREDO\01 - TELECOM\01 - TELEVENDAS\02 - TLV MPE\3ª METRICA\2017\01 - JANEIRO\</t>
  </si>
  <si>
    <t>Resultado_Indicadores_UDI - ALGAR TELECOM SUPERVENDAS ATIVO - MPE_JANEIRO_17.xlsx</t>
  </si>
  <si>
    <t>C:\Users\luizavs\OneDrive - Grupo Algar\Backup PC Luiz\06-11-2019\LUIZ ALFREDO\01 - TELECOM\01 - TELEVENDAS\02 - TLV MPE\3ª METRICA\2017\02 - FEVEREIRO\</t>
  </si>
  <si>
    <t>Resultado_Indicadores_UDI - ALGAR TELECOM SUPERVENDAS ATIVO - MPE_FEVEREIRO_17.xlsx</t>
  </si>
  <si>
    <t>C:\Users\luizavs\OneDrive - Grupo Algar\Backup PC Luiz\06-11-2019\LUIZ ALFREDO\01 - TELECOM\01 - TELEVENDAS\02 - TLV MPE\3ª METRICA\2017\03 - MARÇO\</t>
  </si>
  <si>
    <t>Resultado_Indicadores_UDI - ALGAR TELECOM SUPERVENDAS ATIVO - MPE_MARÇO_17.xlsx</t>
  </si>
  <si>
    <t>C:\Users\luizavs\OneDrive - Grupo Algar\Backup PC Luiz\06-11-2019\LUIZ ALFREDO\01 - TELECOM\01 - TELEVENDAS\02 - TLV MPE\3ª METRICA\2017\04 - ABRIL\</t>
  </si>
  <si>
    <t>Resultado_Indicadores_UDI - ALGAR TELECOM SUPERVENDAS ATIVO - MPE_ABRIL_17.xlsx</t>
  </si>
  <si>
    <t>C:\Users\luizavs\OneDrive - Grupo Algar\Backup PC Luiz\06-11-2019\LUIZ ALFREDO\01 - TELECOM\01 - TELEVENDAS\02 - TLV MPE\3ª METRICA\2017\05 - MAIO\</t>
  </si>
  <si>
    <t>Resultado_Indicadores_UDI - ALGAR TELECOM SUPERVENDAS ATIVO - MPE_MAIO_17.xlsx</t>
  </si>
  <si>
    <t>C:\Users\luizavs\OneDrive - Grupo Algar\Backup PC Luiz\06-11-2019\LUIZ ALFREDO\01 - TELECOM\01 - TELEVENDAS\02 - TLV MPE\3ª METRICA\2017\06 - JUNHO\</t>
  </si>
  <si>
    <t>Resultado_Indicadores_UDI - ALGAR TELECOM SUPERVENDAS ATIVO - MPE_JUNHO_17.xlsx</t>
  </si>
  <si>
    <t>C:\Users\luizavs\OneDrive - Grupo Algar\Backup PC Luiz\06-11-2019\LUIZ ALFREDO\01 - TELECOM\01 - TELEVENDAS\02 - TLV MPE\3ª METRICA\2017\07 - JULHO\</t>
  </si>
  <si>
    <t>Resultado_Indicadores_UDI - ALGAR TELECOM SUPERVENDAS ATIVO - MPE_JULHO_17.xlsx</t>
  </si>
  <si>
    <t>C:\Users\luizavs\OneDrive - Grupo Algar\Backup PC Luiz\06-11-2019\LUIZ ALFREDO\01 - TELECOM\01 - TELEVENDAS\02 - TLV MPE\3ª METRICA\2017\08 - AGOSTO\</t>
  </si>
  <si>
    <t>Resultado_Indicadores_UDI - ALGAR TELECOM SUPERVENDAS ATIVO - MPE_AGOSTO_17.xlsx</t>
  </si>
  <si>
    <t>C:\Users\luizavs\OneDrive - Grupo Algar\Backup PC Luiz\06-11-2019\LUIZ ALFREDO\01 - TELECOM\01 - TELEVENDAS\02 - TLV MPE\3ª METRICA\2017\09 - SETEMBRO\</t>
  </si>
  <si>
    <t>Resultado_Indicadores_UDI - ALGAR TELECOM SUPERVENDAS ATIVO - MPE_SETEMBRO_17.xlsx</t>
  </si>
  <si>
    <t>C:\Users\luizavs\OneDrive - Grupo Algar\Backup PC Luiz\06-11-2019\LUIZ ALFREDO\01 - TELECOM\01 - TELEVENDAS\02 - TLV MPE\3ª METRICA\2017\10 - OUTUBRO\</t>
  </si>
  <si>
    <t>Resultado_Indicadores_UDI - ALGAR TELECOM SUPERVENDAS ATIVO - MPE_OUTUBRO_17.xlsx</t>
  </si>
  <si>
    <t>C:\Users\luizavs\OneDrive - Grupo Algar\Backup PC Luiz\06-11-2019\LUIZ ALFREDO\01 - TELECOM\01 - TELEVENDAS\02 - TLV MPE\3ª METRICA\2017\11 - NOVEMBRO\</t>
  </si>
  <si>
    <t>Resultado_Indicadores_UDI - ALGAR TELECOM SUPERVENDAS ATIVO - MPE_NOVEMBRO_17.xlsx</t>
  </si>
  <si>
    <t>C:\Users\luizavs\OneDrive - Grupo Algar\Backup PC Luiz\06-11-2019\LUIZ ALFREDO\01 - TELECOM\01 - TELEVENDAS\02 - TLV MPE\3ª METRICA\2017\12 - DEZEMBRO\</t>
  </si>
  <si>
    <t>Resultado_Indicadores_UDI - ALGAR TELECOM SUPERVENDAS ATIVO - MPE_DEZEMBRO_17.xlsx</t>
  </si>
  <si>
    <t>C:\Users\luizavs\OneDrive - Grupo Algar\Backup PC Luiz\06-11-2019\LUIZ ALFREDO\01 - TELECOM\01 - TELEVENDAS\02 - TLV MPE\3ª METRICA\2018\01 - JANEIRO\</t>
  </si>
  <si>
    <t>Resultado_Indicadores_UDI - ALGAR TELECOM SUPERVENDAS ATIVO - MPE_JANEIRO_18.xlsx</t>
  </si>
  <si>
    <t>C:\Users\luizavs\OneDrive - Grupo Algar\Backup PC Luiz\06-11-2019\LUIZ ALFREDO\01 - TELECOM\01 - TELEVENDAS\02 - TLV MPE\3ª METRICA\2018\02 - FEVEREIRO\</t>
  </si>
  <si>
    <t>Resultado_Indicadores_UDI - ALGAR TELECOM SUPERVENDAS ATIVO - MPE_FEVEREIRO_18.xlsx</t>
  </si>
  <si>
    <t>C:\Users\luizavs\OneDrive - Grupo Algar\Backup PC Luiz\06-11-2019\LUIZ ALFREDO\01 - TELECOM\01 - TELEVENDAS\02 - TLV MPE\CAPACIDADE MAILING\2016\AGOSTO-16\</t>
  </si>
  <si>
    <t>MEMÓRIA DE CÁLCULO.xlsx</t>
  </si>
  <si>
    <t>CAPACIDADE DE MAILING_ATIVO.xlsx</t>
  </si>
  <si>
    <t>C:\Users\luizavs\OneDrive - Grupo Algar\Backup PC Luiz\06-11-2019\LUIZ ALFREDO\01 - TELECOM\01 - TELEVENDAS\02 - TLV MPE\CAPACIDADE MAILING\2016\DEZEMBRO-16\</t>
  </si>
  <si>
    <t>C:\Users\luizavs\OneDrive - Grupo Algar\Backup PC Luiz\06-11-2019\LUIZ ALFREDO\01 - TELECOM\01 - TELEVENDAS\02 - TLV MPE\CAPACIDADE MAILING\2016\JULHO-16\</t>
  </si>
  <si>
    <t>CAPACIDADE DE MAILING_ATIVO_JULHO.xlsx</t>
  </si>
  <si>
    <t>C:\Users\luizavs\OneDrive - Grupo Algar\Backup PC Luiz\06-11-2019\LUIZ ALFREDO\01 - TELECOM\01 - TELEVENDAS\02 - TLV MPE\CAPACIDADE MAILING\2016\JUNHO-16\</t>
  </si>
  <si>
    <t>CAPACIDADE DE MAILING_ATIVO junho.xlsx</t>
  </si>
  <si>
    <t>CAPACIDADE DE MAILING_ATIVO - COMPLEMENTAR.xlsx</t>
  </si>
  <si>
    <t>C:\Users\luizavs\OneDrive - Grupo Algar\Backup PC Luiz\06-11-2019\LUIZ ALFREDO\01 - TELECOM\01 - TELEVENDAS\02 - TLV MPE\CAPACIDADE MAILING\2016\MAIO-16\</t>
  </si>
  <si>
    <t>PERFIL MAILING - DISTRIBUIÇÃO.xlsx</t>
  </si>
  <si>
    <t>Capacity Abril TLV MPE.xlsx</t>
  </si>
  <si>
    <t>Capacity Abril TLV MPE x realizado.xlsx</t>
  </si>
  <si>
    <t>CAPACITY - MAIO-16.xls</t>
  </si>
  <si>
    <t>CAPACIDADE DE MAILING_ATIVO - ABRIL.xlsx</t>
  </si>
  <si>
    <t>C:\Users\luizavs\OneDrive - Grupo Algar\Backup PC Luiz\06-11-2019\LUIZ ALFREDO\01 - TELECOM\01 - TELEVENDAS\02 - TLV MPE\CAPACIDADE MAILING\2016\NOVEMBRO-16\</t>
  </si>
  <si>
    <t>C:\Users\luizavs\OneDrive - Grupo Algar\Backup PC Luiz\06-11-2019\LUIZ ALFREDO\01 - TELECOM\01 - TELEVENDAS\02 - TLV MPE\CAPACIDADE MAILING\2016\OUTUBRO-16\</t>
  </si>
  <si>
    <t>Mailing Ativo - Outubro 2016.xlsx</t>
  </si>
  <si>
    <t>CAPACIDADE DE MAILING_ATIVOOUT.xlsx</t>
  </si>
  <si>
    <t>C:\Users\luizavs\OneDrive - Grupo Algar\Backup PC Luiz\06-11-2019\LUIZ ALFREDO\01 - TELECOM\01 - TELEVENDAS\02 - TLV MPE\CAPACIDADE MAILING\2017\02 - FEVEREIRO\</t>
  </si>
  <si>
    <t>C:\Users\luizavs\OneDrive - Grupo Algar\Backup PC Luiz\06-11-2019\LUIZ ALFREDO\01 - TELECOM\01 - TELEVENDAS\02 - TLV MPE\CAPACIDADE MAILING\2017\03 - MARÇO\</t>
  </si>
  <si>
    <t>C:\Users\luizavs\OneDrive - Grupo Algar\Backup PC Luiz\06-11-2019\LUIZ ALFREDO\01 - TELECOM\01 - TELEVENDAS\02 - TLV MPE\CAPACIDADE MAILING\2017\06 - JUNHO\</t>
  </si>
  <si>
    <t>C:\Users\luizavs\OneDrive - Grupo Algar\Backup PC Luiz\06-11-2019\LUIZ ALFREDO\01 - TELECOM\01 - TELEVENDAS\02 - TLV MPE\CAPACIDADE MAILING\2017\07 - JULHO\</t>
  </si>
  <si>
    <t>C:\Users\luizavs\OneDrive - Grupo Algar\Backup PC Luiz\06-11-2019\LUIZ ALFREDO\01 - TELECOM\01 - TELEVENDAS\02 - TLV MPE\CAPACIDADE MAILING\2017\09 - SETEMBRO\</t>
  </si>
  <si>
    <t>C:\Users\luizavs\OneDrive - Grupo Algar\Backup PC Luiz\06-11-2019\LUIZ ALFREDO\01 - TELECOM\01 - TELEVENDAS\02 - TLV MPE\CAPACIDADE MAILING\2017\10 - OUTUBRO\</t>
  </si>
  <si>
    <t>C:\Users\luizavs\OneDrive - Grupo Algar\Backup PC Luiz\06-11-2019\LUIZ ALFREDO\01 - TELECOM\01 - TELEVENDAS\02 - TLV MPE\COMISSIONAMENTO\2018\02 - FEVEREIRO\</t>
  </si>
  <si>
    <t>Comissionamento TLV MPE - FEV18.xlsx</t>
  </si>
  <si>
    <t>C:\Users\luizavs\OneDrive - Grupo Algar\Backup PC Luiz\06-11-2019\LUIZ ALFREDO\01 - TELECOM\01 - TELEVENDAS\02 - TLV MPE\COMISSIONAMENTO\2018\03 - MARÇO\</t>
  </si>
  <si>
    <t>Comissionamento TLV MPE - MAR18.xlsx</t>
  </si>
  <si>
    <t>Comissionamento TLV MPE - MAR18 V3.xlsx</t>
  </si>
  <si>
    <t>Comissionamento TLV MPE - MAR18 V2.xlsx</t>
  </si>
  <si>
    <t>C:\Users\luizavs\OneDrive - Grupo Algar\Backup PC Luiz\06-11-2019\LUIZ ALFREDO\01 - TELECOM\01 - TELEVENDAS\02 - TLV MPE\COMISSIONAMENTO\2018\04 - ABRIL\</t>
  </si>
  <si>
    <t>Comissionamento TLV MPE - ABR18.xlsx</t>
  </si>
  <si>
    <t>Comissionamento TLV MPE - ABR18 v2.xlsx</t>
  </si>
  <si>
    <t>C:\Users\luizavs\OneDrive - Grupo Algar\Backup PC Luiz\06-11-2019\LUIZ ALFREDO\01 - TELECOM\01 - TELEVENDAS\02 - TLV MPE\COMISSIONAMENTO\2018\05 - MAIO\</t>
  </si>
  <si>
    <t>5_Comissionamento TLV MPE - MAIO v2.xlsx</t>
  </si>
  <si>
    <t>C:\Users\luizavs\OneDrive - Grupo Algar\Backup PC Luiz\06-11-2019\LUIZ ALFREDO\01 - TELECOM\01 - TELEVENDAS\02 - TLV MPE\COMISSIONAMENTO\2018\06 - JUNHO\</t>
  </si>
  <si>
    <t>Comissionamento TLV MPE - JUN18.xlsx</t>
  </si>
  <si>
    <t>6_Comissionamento TLV MPE - JUN18.xlsx</t>
  </si>
  <si>
    <t>C:\Users\luizavs\OneDrive - Grupo Algar\Backup PC Luiz\06-11-2019\LUIZ ALFREDO\01 - TELECOM\01 - TELEVENDAS\02 - TLV MPE\COMISSIONAMENTO\2018\07 - JULHO\</t>
  </si>
  <si>
    <t>Comissionamento TLV MPE - JUL18.xlsx</t>
  </si>
  <si>
    <t>/o=exchangelabs/ou=exchange administrative group (fydibohf23spdlt)/cn=recipients/cn=393fb405d98d45528dd58c52e770b5b3-karlos garc;/o=exchangelabs/ou=exchange administrative group (fydibohf23spdlt)/cn=recipients/cn=430b7fc0ccfe4728933af1b3039c7e24-marcus gome;/o=exchangelabs/ou=exchange administrative group (fydibohf23spdlt)/cn=recipients/cn=545f738e0fe740ba856f4eb6ef0135e0-vinicius si;/o=exchangelabs/ou=exchange administrative group (fydibohf23spdlt)/cn=recipients/cn=c54bebbd63a1403e83787e59fcd1acdc-joao sergio;/o=exchangelabs/ou=exchange administrative group (fydibohf23spdlt)/cn=recipients/cn=d052f9c9a4404e849e00b751758229a8-carlos dos;/o=exchangelabs/ou=exchange administrative group (fydibohf23spdlt)/cn=recipients/cn=d1bcfb1498124af49c7d3ae622d9e2da-iara agosti;izadorans@algartech.com;</t>
  </si>
  <si>
    <t>RES: Indicadores padrões - Receptivo Algar Telecom</t>
  </si>
  <si>
    <t>/o=exchangelabs/ou=exchange administrative group (fydibohf23spdlt)/cn=recipients/cn=393fb405d98d45528dd58c52e770b5b3-karlos garc,/o=exchangelabs/ou=exchange administrative group (fydibohf23spdlt)/cn=recipients/cn=430b7fc0ccfe4728933af1b3039c7e24-marcus gome,/o=exchangelabs/ou=exchange administrative group (fydibohf23spdlt)/cn=recipients/cn=545f738e0fe740ba856f4eb6ef0135e0-vinicius si,/o=exchangelabs/ou=exchange administrative group (fydibohf23spdlt)/cn=recipients/cn=c54bebbd63a1403e83787e59fcd1acdc-joao sergio,/o=exchangelabs/ou=exchange administrative group (fydibohf23spdlt)/cn=recipients/cn=d052f9c9a4404e849e00b751758229a8-carlos dos,/o=exchangelabs/ou=exchange administrative group (fydibohf23spdlt)/cn=recipients/cn=d1bcfb1498124af49c7d3ae622d9e2da-iara agosti,izadorans@algartech.com</t>
  </si>
  <si>
    <t>C:\Users\luizavs\OneDrive - Grupo Algar\Backup PC Luiz\06-11-2019\LUIZ ALFREDO\01 - TELECOM\01 - TELEVENDAS\02 - TLV MPE\COMISSIONAMENTO\2018\08 - AGOSTO\</t>
  </si>
  <si>
    <t>Comissionamento TLV MPE - AGO18.xlsx</t>
  </si>
  <si>
    <t>8_Comissionamento TLV MPE - AGO18_v2.xlsx</t>
  </si>
  <si>
    <t>C:\Users\luizavs\OneDrive - Grupo Algar\Backup PC Luiz\06-11-2019\LUIZ ALFREDO\01 - TELECOM\01 - TELEVENDAS\02 - TLV MPE\COMISSIONAMENTO\2018\09 - SETEMBRO\</t>
  </si>
  <si>
    <t>Comissionamento TLV MPE - SET_18.xlsx</t>
  </si>
  <si>
    <t>Comissionamento TLV MPE - SET_18 v2.xlsx</t>
  </si>
  <si>
    <t>C:\Users\luizavs\OneDrive - Grupo Algar\Backup PC Luiz\06-11-2019\LUIZ ALFREDO\01 - TELECOM\01 - TELEVENDAS\02 - TLV MPE\COMISSIONAMENTO\2018\10 - OUTUBRO\</t>
  </si>
  <si>
    <t>Comissionamento TLV MPE - OUT_18.xlsx</t>
  </si>
  <si>
    <t>C:\Users\luizavs\OneDrive - Grupo Algar\Backup PC Luiz\06-11-2019\LUIZ ALFREDO\01 - TELECOM\01 - TELEVENDAS\02 - TLV MPE\COMISSIONAMENTO\2018\11 - NOVEMBRO\</t>
  </si>
  <si>
    <t>Comissionamento TLV MPE - NOV_18.xlsx</t>
  </si>
  <si>
    <t>Comissionamento TLV MPE - NOV_18 v2.xlsx</t>
  </si>
  <si>
    <t>C:\Users\luizavs\OneDrive - Grupo Algar\Backup PC Luiz\06-11-2019\LUIZ ALFREDO\01 - TELECOM\01 - TELEVENDAS\02 - TLV MPE\COMISSIONAMENTO\2018\12 - DEZEMBRO\</t>
  </si>
  <si>
    <t>Comissionamento TLV MPE - DEZ_18.xlsx</t>
  </si>
  <si>
    <t>Comissionamento TLV MPE - DEZ_18 v2.xlsx</t>
  </si>
  <si>
    <t>C:\Users\luizavs\OneDrive - Grupo Algar\Backup PC Luiz\06-11-2019\LUIZ ALFREDO\01 - TELECOM\01 - TELEVENDAS\02 - TLV MPE\COMISSIONAMENTO\2019\01 - JANEIRO\</t>
  </si>
  <si>
    <t>Comissionamento TLV MPE - JAN_19.xlsx</t>
  </si>
  <si>
    <t>C:\Users\luizavs\OneDrive - Grupo Algar\Backup PC Luiz\06-11-2019\LUIZ ALFREDO\01 - TELECOM\01 - TELEVENDAS\02 - TLV MPE\COMISSIONAMENTO\2019\03 - MARÇO\</t>
  </si>
  <si>
    <t>Comissionamento TLV MPE - MAR_19.xlsx</t>
  </si>
  <si>
    <t>Comissionamento TLV MPE - MAR_19 V3.xlsx</t>
  </si>
  <si>
    <t>C:\Users\luizavs\OneDrive - Grupo Algar\Backup PC Luiz\06-11-2019\LUIZ ALFREDO\01 - TELECOM\01 - TELEVENDAS\02 - TLV MPE\COMISSIONAMENTO\2019\02 - FEVEREIRO\</t>
  </si>
  <si>
    <t>Comissionamento TLV MPE - FEV_19.xlsx</t>
  </si>
  <si>
    <t>Comissionamento TLV MPE - MAR_19 V2.xlsx</t>
  </si>
  <si>
    <t>C:\Users\luizavs\OneDrive - Grupo Algar\Backup PC Luiz\06-11-2019\LUIZ ALFREDO\01 - TELECOM\01 - TELEVENDAS\02 - TLV MPE\COMISSIONAMENTO\2019\04 - ABRIL\</t>
  </si>
  <si>
    <t>Comissionamento TLV MPE - ABR_19.xlsx</t>
  </si>
  <si>
    <t>C:\Users\luizavs\OneDrive - Grupo Algar\Backup PC Luiz\06-11-2019\LUIZ ALFREDO\01 - TELECOM\01 - TELEVENDAS\02 - TLV MPE\CURVA ABC\BACKUP TELECOM MPE\ACOMPANHAMENTO\</t>
  </si>
  <si>
    <t>HISTÓRICO INDICADORES TLV MPE_V3.xlsx</t>
  </si>
  <si>
    <t>ACOMP_MAILING_MPE.xlsx</t>
  </si>
  <si>
    <t>C:\Users\luizavs\OneDrive - Grupo Algar\Backup PC Luiz\06-11-2019\LUIZ ALFREDO\01 - TELECOM\01 - TELEVENDAS\02 - TLV MPE\CURVA ABC\BACKUP TELECOM MPE\PLANEJAMENTO\</t>
  </si>
  <si>
    <t>MAPA DE FÉRIAS - TLV MPE.xlsm</t>
  </si>
  <si>
    <t>Capacity Maio TLV MPE.xlsx</t>
  </si>
  <si>
    <t>C:\Users\luizavs\OneDrive - Grupo Algar\Backup PC Luiz\06-11-2019\LUIZ ALFREDO\01 - TELECOM\01 - TELEVENDAS\02 - TLV MPE\CURVA ABC\BACKUP TELECOM MPE\DDX\</t>
  </si>
  <si>
    <t>DDX - BASE DE CÁLCULO.xlsx</t>
  </si>
  <si>
    <t>QUEBRA VOLUME E AHT (TLV MPE).xlsx</t>
  </si>
  <si>
    <t>C:\Users\luizavs\OneDrive - Grupo Algar\Backup PC Luiz\06-11-2019\LUIZ ALFREDO\01 - TELECOM\01 - TELEVENDAS\02 - TLV MPE\ESCALAS TRN\2016\ABRIL - 16\</t>
  </si>
  <si>
    <t>Proposta TRN Telecom MPE TLV.xlsx</t>
  </si>
  <si>
    <t>C:\Users\luizavs\OneDrive - Grupo Algar\Backup PC Luiz\06-11-2019\LUIZ ALFREDO\01 - TELECOM\01 - TELEVENDAS\02 - TLV MPE\ESCALAS TRN\2016\MAIO - 16\</t>
  </si>
  <si>
    <t>C:\Users\luizavs\OneDrive - Grupo Algar\Backup PC Luiz\06-11-2019\LUIZ ALFREDO\01 - TELECOM\01 - TELEVENDAS\02 - TLV MPE\ESCALAS TRN\2016\SETEMBRO - 16\</t>
  </si>
  <si>
    <t>Pacotes MPE - TLV MPE.xlsx</t>
  </si>
  <si>
    <t>Pacotes MPE - Retenção MPE.xlsx</t>
  </si>
  <si>
    <t>Pacotes MPE - MPE.xlsx</t>
  </si>
  <si>
    <t>C:\Users\luizavs\OneDrive - Grupo Algar\Backup PC Luiz\06-11-2019\LUIZ ALFREDO\01 - TELECOM\01 - TELEVENDAS\02 - TLV MPE\ESCALAS TRN\2018\11 - NOVEMBRO\</t>
  </si>
  <si>
    <t>Treinamento - Presença Digital - Dez18.xlsx</t>
  </si>
  <si>
    <t>Treinamento - Link Dedicado e Voz Total - Jan19.xlsx</t>
  </si>
  <si>
    <t>C:\Users\luizavs\OneDrive - Grupo Algar\Backup PC Luiz\06-11-2019\LUIZ ALFREDO\01 - TELECOM\01 - TELEVENDAS\02 - TLV MPE\ESCALAS TRN\2019\01 - JANEIRO\</t>
  </si>
  <si>
    <t>Treinamento - Algar Lego 2.0 - Jan19.xlsx</t>
  </si>
  <si>
    <t>Treinamento - Algar Lego 2.0 - Jan19 v2.xlsx</t>
  </si>
  <si>
    <t>Distribuição Trn.xlsx</t>
  </si>
  <si>
    <t>C:\Users\luizavs\OneDrive - Grupo Algar\Backup PC Luiz\06-11-2019\LUIZ ALFREDO\01 - TELECOM\01 - TELEVENDAS\02 - TLV MPE\FINANCEIRO\INCENTIVO AGENTES\CAMPANHA TELECAMPEÕES MPE\</t>
  </si>
  <si>
    <t>APURAÇÃO TELECAMPEÕES - MAIO-16.xlsx</t>
  </si>
  <si>
    <t>APURAÇÃO TELECAMPEÕES - JUNHO-16.xlsx</t>
  </si>
  <si>
    <t>APURAÇÃO TELECAMPEÕES - JULHO-16.xlsx</t>
  </si>
  <si>
    <t>APURAÇÃO TELECAMPEÕES - ABRIL-16.xlsx</t>
  </si>
  <si>
    <t>APURAÇÃO TELECAMPEÕES - 1TRIMESTRE-16.xlsx</t>
  </si>
  <si>
    <t>C:\Users\luizavs\OneDrive - Grupo Algar\Backup PC Luiz\06-11-2019\LUIZ ALFREDO\01 - TELECOM\01 - TELEVENDAS\02 - TLV MPE\FINANCEIRO\INVIABILIDADE\JUNHO-16\</t>
  </si>
  <si>
    <t>INVIÁVEIS TLV MPE JUNHO 17.xlsx</t>
  </si>
  <si>
    <t>ANÁLISE DE INVIABILIDADE.xlsm</t>
  </si>
  <si>
    <t>C:\Users\luizavs\OneDrive - Grupo Algar\Backup PC Luiz\06-11-2019\LUIZ ALFREDO\01 - TELECOM\01 - TELEVENDAS\02 - TLV MPE\FINANCEIRO\SEGMENTOS\AGOSTO - 16\</t>
  </si>
  <si>
    <t>OPPS VAREJO x MPE.xlsx</t>
  </si>
  <si>
    <t>C:\Users\luizavs\OneDrive - Grupo Algar\Backup PC Luiz\06-11-2019\LUIZ ALFREDO\01 - TELECOM\01 - TELEVENDAS\02 - TLV MPE\FINANCEIRO\SEGMENTOS\JULHO - 16\</t>
  </si>
  <si>
    <t>Mudança de Segmento.xlsx</t>
  </si>
  <si>
    <t>C:\Users\luizavs\OneDrive - Grupo Algar\Backup PC Luiz\06-11-2019\LUIZ ALFREDO\01 - TELECOM\01 - TELEVENDAS\02 - TLV MPE\FINANCEIRO\SEGMENTOS\JUNHO - 16\</t>
  </si>
  <si>
    <t>OPPS VAREJO x MPE - FECHAMENTO JUNHO.xlsx</t>
  </si>
  <si>
    <t>C:\Users\luizavs\OneDrive - Grupo Algar\Backup PC Luiz\06-11-2019\LUIZ ALFREDO\01 - TELECOM\01 - TELEVENDAS\02 - TLV MPE\FINANCEIRO\SEGMENTOS\MAIO - 16\</t>
  </si>
  <si>
    <t>ACOMPANHAMENTO DE SEGMENTOS TLV MPE.xlsx</t>
  </si>
  <si>
    <t>C:\Users\luizavs\OneDrive - Grupo Algar\Backup PC Luiz\06-11-2019\LUIZ ALFREDO\01 - TELECOM\01 - TELEVENDAS\02 - TLV MPE\FINANCEIRO\SEGMENTOS\SETEMBRO - 16\</t>
  </si>
  <si>
    <t>C:\Users\luizavs\OneDrive - Grupo Algar\Backup PC Luiz\06-11-2019\LUIZ ALFREDO\01 - TELECOM\01 - TELEVENDAS\02 - TLV MPE\FINANCEIRO\SIMULAÇÃO DE RECEITA\JULHO-16\</t>
  </si>
  <si>
    <t>ACOMPANHAMENTO RECEITA TLV MPE - JULHO TABELA ANTIGA.xlsm</t>
  </si>
  <si>
    <t>C:\Users\luizavs\OneDrive - Grupo Algar\Backup PC Luiz\06-11-2019\LUIZ ALFREDO\01 - TELECOM\01 - TELEVENDAS\02 - TLV MPE\FINANCEIRO\SIMULAÇÃO DE RECEITA\JUNHO-16\</t>
  </si>
  <si>
    <t>ACOMPANHAMENTO RECEITA TLV MPE JUNHO - TABELA JULHO.xlsm</t>
  </si>
  <si>
    <t>C:\Users\luizavs\OneDrive - Grupo Algar\Backup PC Luiz\06-11-2019\LUIZ ALFREDO\01 - TELECOM\01 - TELEVENDAS\02 - TLV MPE\FINANCEIRO\SIMULAÇÃO DE RECEITA\MARÇO-17\</t>
  </si>
  <si>
    <t>Tab Fev x Tab Mar-17.xlsx</t>
  </si>
  <si>
    <t>C:\Users\luizavs\OneDrive - Grupo Algar\Backup PC Luiz\06-11-2019\LUIZ ALFREDO\01 - TELECOM\01 - TELEVENDAS\02 - TLV MPE\FINANCEIRO\SIMULAÇÃO DE RECEITA\OUTUBRO-16\</t>
  </si>
  <si>
    <t>Comparativo de Tabelas - TLV MPE.xlsx</t>
  </si>
  <si>
    <t>I ACOMPANHAMENTO RECEITA TLV - ALGAR MPE 20170324.xlsm</t>
  </si>
  <si>
    <t>C:\Users\luizavs\OneDrive - Grupo Algar\Backup PC Luiz\06-11-2019\LUIZ ALFREDO\01 - TELECOM\01 - TELEVENDAS\02 - TLV MPE\MAILINGS\2016\ABRIL-16\</t>
  </si>
  <si>
    <t>Ofertas Mailings MPE TLV - Abril 16.txt.xlsx</t>
  </si>
  <si>
    <t>Finalizações TLV MPE - ABRIL.xlsx</t>
  </si>
  <si>
    <t>BASE MAILINGS Abril TLV MPE.xlsx</t>
  </si>
  <si>
    <t>C:\Users\luizavs\OneDrive - Grupo Algar\Backup PC Luiz\06-11-2019\LUIZ ALFREDO\01 - TELECOM\01 - TELEVENDAS\02 - TLV MPE\MAILINGS\2016\FEVEREIRO-16\</t>
  </si>
  <si>
    <t>MAILINGS FEVEREIRO-16.xlsx</t>
  </si>
  <si>
    <t>C:\Users\luizavs\OneDrive - Grupo Algar\Backup PC Luiz\06-11-2019\LUIZ ALFREDO\01 - TELECOM\01 - TELEVENDAS\02 - TLV MPE\MAILINGS\2016\JANEIRO-16\</t>
  </si>
  <si>
    <t>MAILINGS JANEIRO-16.xlsx</t>
  </si>
  <si>
    <t>C:\Users\luizavs\OneDrive - Grupo Algar\Backup PC Luiz\06-11-2019\LUIZ ALFREDO\01 - TELECOM\01 - TELEVENDAS\02 - TLV MPE\MAILINGS\2016\MARÇO-16\</t>
  </si>
  <si>
    <t>Mailings março.xlsx</t>
  </si>
  <si>
    <t>Análise de Mailings Mar-Abr.xlsx</t>
  </si>
  <si>
    <t>C:\Users\luizavs\OneDrive - Grupo Algar\Backup PC Luiz\06-11-2019\LUIZ ALFREDO\01 - TELECOM\01 - TELEVENDAS\02 - TLV MPE\MAILINGS\2016\NOVEMBRO - 16\</t>
  </si>
  <si>
    <t>Análise de Mailings TLV MPE.xlsx</t>
  </si>
  <si>
    <t>C:\Users\luizavs\OneDrive - Grupo Algar\Backup PC Luiz\06-11-2019\LUIZ ALFREDO\01 - TELECOM\01 - TELEVENDAS\02 - TLV MPE\MAILINGS\2016\OUTUBRO-16\</t>
  </si>
  <si>
    <t>RETORNO PROSPECT AGO16.xlsx</t>
  </si>
  <si>
    <t>RETORNO PROSPECT - AGO-16.xlsx</t>
  </si>
  <si>
    <t>NÃO ACEITE - TLV MPE - OUT16.xlsx</t>
  </si>
  <si>
    <t>C:\Users\luizavs\OneDrive - Grupo Algar\Backup PC Luiz\06-11-2019\LUIZ ALFREDO\01 - TELECOM\01 - TELEVENDAS\02 - TLV MPE\MAILINGS\2017\03 - MARÇO\</t>
  </si>
  <si>
    <t>MAILINGS TLV MPE 45692 46986 47765.xlsx</t>
  </si>
  <si>
    <t>C:\Users\luizavs\OneDrive - Grupo Algar\Backup PC Luiz\06-11-2019\LUIZ ALFREDO\01 - TELECOM\01 - TELEVENDAS\02 - TLV MPE\MAILINGS\2017\04 - ABRIL\</t>
  </si>
  <si>
    <t>Acompanhamento Prospects.xlsx</t>
  </si>
  <si>
    <t>Acompanhamento Leads.xlsx</t>
  </si>
  <si>
    <t>C:\Users\luizavs\OneDrive - Grupo Algar\Backup PC Luiz\06-11-2019\LUIZ ALFREDO\01 - TELECOM\01 - TELEVENDAS\02 - TLV MPE\MAILINGS\2017\08 - AGOSTO\</t>
  </si>
  <si>
    <t>RECEPTIVO TLV MPE NÃO ACEITE.xlsx</t>
  </si>
  <si>
    <t>C:\Users\luizavs\OneDrive - Grupo Algar\Backup PC Luiz\06-11-2019\LUIZ ALFREDO\01 - TELECOM\01 - TELEVENDAS\02 - TLV MPE\MAILINGS\2017\09 - SETEMBRO\</t>
  </si>
  <si>
    <t>Sem Sucesso - Prospect.xlsx</t>
  </si>
  <si>
    <t>NOVO MAILING ENRIQUECIDO.xlsx</t>
  </si>
  <si>
    <t>Cópia de Mailing Prospecção - Enriquecido.xlsx</t>
  </si>
  <si>
    <t>C:\Users\luizavs\OneDrive - Grupo Algar\Backup PC Luiz\06-11-2019\LUIZ ALFREDO\01 - TELECOM\01 - TELEVENDAS\02 - TLV MPE\MAILINGS\2017\10 - OUTUBRO\</t>
  </si>
  <si>
    <t>TLV MPE 58295.xls</t>
  </si>
  <si>
    <t>SISTEMA NÃO ATENDE.xlsx</t>
  </si>
  <si>
    <t>MPE 58295 58317.xls</t>
  </si>
  <si>
    <t>MAILING LISTA PACOTE DADOS.csv</t>
  </si>
  <si>
    <t>MAILING LISTA PACOTE DADOS PR2.xlsx</t>
  </si>
  <si>
    <t>MAILING LISTA PACOTE DADOS PR1.xlsx</t>
  </si>
  <si>
    <t>LISTA PACOTE DE DADOS.xlsx</t>
  </si>
  <si>
    <t>LISTA PACOTE DE DADOS PRIORIDADE 2.xlsx</t>
  </si>
  <si>
    <t>LISTA JOHNNY PRIORIDADE 1.xlsx</t>
  </si>
  <si>
    <t>C:\Users\luizavs\OneDrive - Grupo Algar\Backup PC Luiz\06-11-2019\LUIZ ALFREDO\01 - TELECOM\01 - TELEVENDAS\02 - TLV MPE\MAILINGS\2017\11 - NOVEMBRO\</t>
  </si>
  <si>
    <t>LISTA UBL 100-200.xlsx</t>
  </si>
  <si>
    <t>Lista Sem Sucesso Prospect.xlsx</t>
  </si>
  <si>
    <t>C:\Users\luizavs\OneDrive - Grupo Algar\Backup PC Luiz\06-11-2019\LUIZ ALFREDO\01 - TELECOM\01 - TELEVENDAS\02 - TLV MPE\MAILINGS\2017\12 - DEZEMBRO\</t>
  </si>
  <si>
    <t>Vendas Mailings Dezembro17.xlsx</t>
  </si>
  <si>
    <t>Efetividade x Dia - TLV MPE.xlsx</t>
  </si>
  <si>
    <t>SIMULAÇÃO MAILINGS ATIVAÇÃO.xlsx</t>
  </si>
  <si>
    <t>Retorno 61872.csv</t>
  </si>
  <si>
    <t>RESULTADO ATIVO TLV MPE TECH.xlsx</t>
  </si>
  <si>
    <t>RESSUB DEZ17 ASPECT3.xlsx</t>
  </si>
  <si>
    <t>RESSUB DEZ17 ASPECT2.xlsx</t>
  </si>
  <si>
    <t>RESSUB DEZ17 ASPECT.xlsx</t>
  </si>
  <si>
    <t>MAILING LISTA RESSUB NOV17.xlsx</t>
  </si>
  <si>
    <t>Mailing Lista Celular TLV MPE.xlsx</t>
  </si>
  <si>
    <t>Mailing Lista Celular TLV MPE V2.xlsx</t>
  </si>
  <si>
    <t>LISTA UBL.xlsx</t>
  </si>
  <si>
    <t>LISTA LIGADO 8.1.xlsx</t>
  </si>
  <si>
    <t>Lista Expansão 300 MB.xlsx</t>
  </si>
  <si>
    <t>C:\Users\luizavs\OneDrive - Grupo Algar\Backup PC Luiz\06-11-2019\LUIZ ALFREDO\01 - TELECOM\01 - TELEVENDAS\02 - TLV MPE\MAILINGS\2018\01 - JANEIRO\</t>
  </si>
  <si>
    <t>TB27_20180108_143436.xls</t>
  </si>
  <si>
    <t>RETORNO INDECISOS.csv</t>
  </si>
  <si>
    <t>RESSUB 61505 61436.csv</t>
  </si>
  <si>
    <t>MAILINGS JAN18.xlsx</t>
  </si>
  <si>
    <t>MAILING RESSUB ASPECT JAN-17.xlsx</t>
  </si>
  <si>
    <t>MAILING RESSUB ASPECT JAN-17.csv</t>
  </si>
  <si>
    <t>INDECISO NOV-DEZ-JAN.xlsx</t>
  </si>
  <si>
    <t>C:\Users\luizavs\OneDrive - Grupo Algar\Backup PC Luiz\06-11-2019\LUIZ ALFREDO\01 - TELECOM\01 - TELEVENDAS\02 - TLV MPE\MAILINGS\2018\02 - FEVEREIRO\</t>
  </si>
  <si>
    <t>REUNIÃO ATIVO TLV MPE.xlsx</t>
  </si>
  <si>
    <t>MAILINGS FEV18.xlsx</t>
  </si>
  <si>
    <t>LISTA UBL 20-40 MB - HFC GPON.xlsx</t>
  </si>
  <si>
    <t>C:\Users\luizavs\OneDrive - Grupo Algar\Backup PC Luiz\06-11-2019\LUIZ ALFREDO\01 - TELECOM\01 - TELEVENDAS\02 - TLV MPE\MAILINGS\2018\03 - MARÇO\</t>
  </si>
  <si>
    <t>Mailings TLV MPE - Março18.xlsx</t>
  </si>
  <si>
    <t>LISTA GPON TLV MPE - Março18.xlsx</t>
  </si>
  <si>
    <t>C:\Users\luizavs\OneDrive - Grupo Algar\Backup PC Luiz\06-11-2019\LUIZ ALFREDO\01 - TELECOM\01 - TELEVENDAS\02 - TLV MPE\MAILINGS\2018\04 - ABRIL\</t>
  </si>
  <si>
    <t>PRODUTOS ELEGÍVEIS PROMOÇÃO CELULAR.xlsx</t>
  </si>
  <si>
    <t>C:\Users\luizavs\OneDrive - Grupo Algar\Backup PC Luiz\06-11-2019\LUIZ ALFREDO\01 - TELECOM\01 - TELEVENDAS\02 - TLV MPE\MAILINGS\2018\05 - MAIO\</t>
  </si>
  <si>
    <t>Dados Augusto.xlsx</t>
  </si>
  <si>
    <t>C:\Users\luizavs\OneDrive - Grupo Algar\Backup PC Luiz\06-11-2019\LUIZ ALFREDO\01 - TELECOM\01 - TELEVENDAS\02 - TLV MPE\MAILINGS\2018\06 - JUNHO\</t>
  </si>
  <si>
    <t>Churn Junho.xls</t>
  </si>
  <si>
    <t>C:\Users\luizavs\OneDrive - Grupo Algar\Backup PC Luiz\06-11-2019\LUIZ ALFREDO\01 - TELECOM\01 - TELEVENDAS\02 - TLV MPE\MAILINGS\2018\07 - JULHO\</t>
  </si>
  <si>
    <t>Incentivo Volume.xlsx</t>
  </si>
  <si>
    <t>ANÁLISE DIÁRIA TLV MPE.xls</t>
  </si>
  <si>
    <t>C:\Users\luizavs\OneDrive - Grupo Algar\Backup PC Luiz\06-11-2019\LUIZ ALFREDO\01 - TELECOM\01 - TELEVENDAS\02 - TLV MPE\MAILINGS\2018\08 - AGOSTO\</t>
  </si>
  <si>
    <t>MAILINGS AGOSTO.xlsx</t>
  </si>
  <si>
    <t>Incentivo Volume.csv</t>
  </si>
  <si>
    <t>Estratégia - POC USO DIGITAL.xlsx</t>
  </si>
  <si>
    <t>Celular Pré-Pós (Acima 40 reais recarga).xlsx</t>
  </si>
  <si>
    <t>BRAIN.xlsx</t>
  </si>
  <si>
    <t>BRAIN v2.xlsx</t>
  </si>
  <si>
    <t>BRAIN ASPECT.xlsx</t>
  </si>
  <si>
    <t>C:\Users\luizavs\OneDrive - Grupo Algar\Backup PC Luiz\06-11-2019\LUIZ ALFREDO\01 - TELECOM\01 - TELEVENDAS\02 - TLV MPE\MAILINGS\2018\09 - SETEMBRO\</t>
  </si>
  <si>
    <t>QUERY ASPECT.xlsx</t>
  </si>
  <si>
    <t>PROSPECÇÃO SETEMBRO.xls</t>
  </si>
  <si>
    <t>Mailing SGL - MIDIA.xlsx</t>
  </si>
  <si>
    <t>BASE SGL Algar Mídia.xlsx</t>
  </si>
  <si>
    <t>C:\Users\luizavs\OneDrive - Grupo Algar\Backup PC Luiz\06-11-2019\LUIZ ALFREDO\01 - TELECOM\01 - TELEVENDAS\02 - TLV MPE\MAILINGS\2018\12 - DEZEMBRO\</t>
  </si>
  <si>
    <t>MAILINGS MPE NOV18 - AÇÃO MAILINGS.xlsx</t>
  </si>
  <si>
    <t>MAILINGS MPE NOV18 - AÇÃO MAILINGS.csv</t>
  </si>
  <si>
    <t>MAILINGS MPE NOV18 - AÇÃO MAILINGS iub.csv</t>
  </si>
  <si>
    <t>Campanhas de Rentabilização.xlsx</t>
  </si>
  <si>
    <t>Cópia de Ação MPE - Franca Dez18.xlsx</t>
  </si>
  <si>
    <t>AÇÃO FRANCA.csv</t>
  </si>
  <si>
    <t>C:\Users\luizavs\OneDrive - Grupo Algar\Backup PC Luiz\06-11-2019\LUIZ ALFREDO\01 - TELECOM\01 - TELEVENDAS\02 - TLV MPE\MAILINGS\2019\01 - JANEIRO\</t>
  </si>
  <si>
    <t>VENDAS COMBATE VIVO.xlsx</t>
  </si>
  <si>
    <t>C:\Users\luizavs\OneDrive - Grupo Algar\Backup PC Luiz\06-11-2019\LUIZ ALFREDO\01 - TELECOM\01 - TELEVENDAS\02 - TLV MPE\PLANEJAMENTO MENSAL\2017\08 - AGOSTO\</t>
  </si>
  <si>
    <t>Planejamento Anual TLV MPE.xlsx</t>
  </si>
  <si>
    <t>10.200.61.19</t>
  </si>
  <si>
    <t>/o=exchangelabs/ou=exchange administrative group (fydibohf23spdlt)/cn=recipients/cn=0e2eb71726a34a0da705bbb0bf5c0367-leonardo me;/o=exchangelabs/ou=exchange administrative group (fydibohf23spdlt)/cn=recipients/cn=a7d54e15e3a94d53b0b5014d75c8d080-wanessa bor;/o=exchangelabs/ou=exchange administrative group (fydibohf23spdlt)/cn=recipients/cn=d5130784dc81436d9511788de4df376c-jeciene gom;</t>
  </si>
  <si>
    <t>/o=exchangelabs/ou=exchange administrative group (fydibohf23spdlt)/cn=recipients/cn=0e2eb71726a34a0da705bbb0bf5c0367-leonardo me,/o=exchangelabs/ou=exchange administrative group (fydibohf23spdlt)/cn=recipients/cn=a7d54e15e3a94d53b0b5014d75c8d080-wanessa bor,/o=exchangelabs/ou=exchange administrative group (fydibohf23spdlt)/cn=recipients/cn=d5130784dc81436d9511788de4df376c-jeciene gom</t>
  </si>
  <si>
    <t>Planejamento Anual TLV MPE - V2.xlsx</t>
  </si>
  <si>
    <t>GRÁFICO DE ESTEIRA - TLV MPE.xlsx</t>
  </si>
  <si>
    <t>C:\Users\luizavs\OneDrive - Grupo Algar\Backup PC Luiz\06-11-2019\LUIZ ALFREDO\01 - TELECOM\01 - TELEVENDAS\02 - TLV MPE\MAILINGS\FINALIZAÇÕES MAILINGS\NOVEMBRO-16\</t>
  </si>
  <si>
    <t>Consolidado Novembro - MPE.xlsx</t>
  </si>
  <si>
    <t>C:\Users\luizavs\OneDrive - Grupo Algar\Backup PC Luiz\06-11-2019\LUIZ ALFREDO\01 - TELECOM\01 - TELEVENDAS\02 - TLV MPE\MAILINGS\FINALIZAÇÕES MAILINGS\OUTUBRO-16\</t>
  </si>
  <si>
    <t>Consolidado Outubro - MPE.xlsx</t>
  </si>
  <si>
    <t>GRÁFICO DE ESTEIRA - TLV MPE - V2.xlsx</t>
  </si>
  <si>
    <t>C:\Users\luizavs\OneDrive - Grupo Algar\Backup PC Luiz\06-11-2019\LUIZ ALFREDO\01 - TELECOM\01 - TELEVENDAS\02 - TLV MPE\PLANEJAMENTO MENSAL\2017\09 - SETEMBRO\</t>
  </si>
  <si>
    <t>Planejamento Atingimento de Meta TLV MPE.xlsx</t>
  </si>
  <si>
    <t>C:\Users\luizavs\OneDrive - Grupo Algar\Backup PC Luiz\06-11-2019\LUIZ ALFREDO\01 - TELECOM\01 - TELEVENDAS\02 - TLV MPE\PLANEJAMENTO MENSAL\2017\10 - OUTUBRO\</t>
  </si>
  <si>
    <t>Planejamento TLV MPE - Out17.xlsx</t>
  </si>
  <si>
    <t>Planejamento TLV MPE - Out17 V3.xlsx</t>
  </si>
  <si>
    <t>Planejamento TLV MPE - Out17 V2.xlsx</t>
  </si>
  <si>
    <t>META OPERADOR TLV MPE.xlsx</t>
  </si>
  <si>
    <t>CÁLCULO ESTEIRA.xlsx</t>
  </si>
  <si>
    <t>C:\Users\luizavs\OneDrive - Grupo Algar\Backup PC Luiz\06-11-2019\LUIZ ALFREDO\01 - TELECOM\01 - TELEVENDAS\02 - TLV MPE\PLANEJAMENTO MENSAL\2017\11 - NOVEMBRO\</t>
  </si>
  <si>
    <t>Planejamento TLV MPE - Nov17.xlsx</t>
  </si>
  <si>
    <t>META x OPERADOR TLV MPE - NOV17.xlsx</t>
  </si>
  <si>
    <t>C:\Users\luizavs\OneDrive - Grupo Algar\Backup PC Luiz\06-11-2019\LUIZ ALFREDO\01 - TELECOM\01 - TELEVENDAS\02 - TLV MPE\PLANEJAMENTO MENSAL\2017\12 - DEZEMBRO\</t>
  </si>
  <si>
    <t>PONDERAÇÃO META PROSPECT BLEND.xlsx</t>
  </si>
  <si>
    <t>Planejamento TLV MPE - Dez17.xlsx</t>
  </si>
  <si>
    <t>METAS x OPERADOR.xlsx</t>
  </si>
  <si>
    <t>Desafio Perfis Dez17.xlsx</t>
  </si>
  <si>
    <t>CAPACIDADE x REAL.xlsx</t>
  </si>
  <si>
    <t>C:\Users\luizavs\OneDrive - Grupo Algar\Backup PC Luiz\06-11-2019\LUIZ ALFREDO\01 - TELECOM\01 - TELEVENDAS\02 - TLV MPE\PLANEJAMENTO MENSAL\2018\01 - JANEIRO\</t>
  </si>
  <si>
    <t>Planejamento TLV MPE - Jan18.xlsx</t>
  </si>
  <si>
    <t>META TURNOS.xlsx</t>
  </si>
  <si>
    <t>Meta Mix Regionais.xlsx</t>
  </si>
  <si>
    <t>C:\Users\luizavs\OneDrive - Grupo Algar\Backup PC Luiz\06-11-2019\LUIZ ALFREDO\01 - TELECOM\01 - TELEVENDAS\02 - TLV MPE\PLANEJAMENTO MENSAL\2018\02 - FEVEREIRO\</t>
  </si>
  <si>
    <t>Planejamento TLV MPE - Fev18.xlsx</t>
  </si>
  <si>
    <t>PLAN META.xlsx</t>
  </si>
  <si>
    <t>Analise_Producao_Fevereiro_TLV MPE.xlsx</t>
  </si>
  <si>
    <t>C:\Users\luizavs\OneDrive - Grupo Algar\Backup PC Luiz\06-11-2019\LUIZ ALFREDO\01 - TELECOM\01 - TELEVENDAS\02 - TLV MPE\PLANEJAMENTO MENSAL\2018\03 - MARÇO\</t>
  </si>
  <si>
    <t>Simulação %Fechamento.xlsx</t>
  </si>
  <si>
    <t>Planejamento TLV MPE - Mar18.xlsx</t>
  </si>
  <si>
    <t>Planejamento TLV MPE - Mar18 V2.xlsx</t>
  </si>
  <si>
    <t>C:\Users\luizavs\OneDrive - Grupo Algar\Backup PC Luiz\06-11-2019\LUIZ ALFREDO\01 - TELECOM\01 - TELEVENDAS\02 - TLV MPE\PLANEJAMENTO MENSAL\2018\09 - SETEMBRO\</t>
  </si>
  <si>
    <t>RANKING AJUSTE DIMENS TLV MPE_SET18 v2.xlsx</t>
  </si>
  <si>
    <t>RANKING AJUSTE DIMENS TLV MPE_SET18 v1.xlsx</t>
  </si>
  <si>
    <t>Planejamento TLV MPE - SET18.xlsx</t>
  </si>
  <si>
    <t>PLAN x REAL - SET18.xlsx</t>
  </si>
  <si>
    <t>PLAN x REAL - META SET18.xlsx</t>
  </si>
  <si>
    <t>Meta Agentes.xlsx</t>
  </si>
  <si>
    <t>ANÁLISE SKILL 569.xlsx</t>
  </si>
  <si>
    <t>C:\Users\luizavs\OneDrive - Grupo Algar\Backup PC Luiz\06-11-2019\LUIZ ALFREDO\01 - TELECOM\01 - TELEVENDAS\02 - TLV MPE\PLANEJAMENTO MENSAL\2018\10 - OUTUBRO\</t>
  </si>
  <si>
    <t>SCRIPT TLV MPE - OUT_18.xlsx</t>
  </si>
  <si>
    <t>RANKING AJUSTE DIMENS TLV MPE_OUT18.xlsx</t>
  </si>
  <si>
    <t>RANKING AJUSTE DIMENS TLV MPE_OUT18 v2.xlsx</t>
  </si>
  <si>
    <t>Acomp SR SE18.xlsx</t>
  </si>
  <si>
    <t>BACKLOG.xlsx</t>
  </si>
  <si>
    <t>Planejamento TLV MPE - OUT18.xlsx</t>
  </si>
  <si>
    <t>Planejamento TLV MPE - OUT18 v2.xlsx</t>
  </si>
  <si>
    <t>C:\Users\luizavs\OneDrive - Grupo Algar\Backup PC Luiz\06-11-2019\LUIZ ALFREDO\01 - TELECOM\01 - TELEVENDAS\02 - TLV MPE\PLANEJAMENTO MENSAL\2018\11 - NOVEMBRO\</t>
  </si>
  <si>
    <t>Planejamento TLV MPE - NOV18.xlsx</t>
  </si>
  <si>
    <t>Planejamento TLV MPE - NOV18 V3.xlsx</t>
  </si>
  <si>
    <t>Planejamento TLV MPE - NOV18 V2.xlsx</t>
  </si>
  <si>
    <t>C:\Users\luizavs\OneDrive - Grupo Algar\Backup PC Luiz\06-11-2019\LUIZ ALFREDO\01 - TELECOM\01 - TELEVENDAS\02 - TLV MPE\PLANEJAMENTO MENSAL\2018\12 - DEZEMBRO\</t>
  </si>
  <si>
    <t>Planejamento TLV MPE - DEZ18.xlsx</t>
  </si>
  <si>
    <t>Planejamento TLV MPE - DEZ18 - V2.xlsx</t>
  </si>
  <si>
    <t>Meta Agentes dez18.xlsx</t>
  </si>
  <si>
    <t>C:\Users\luizavs\OneDrive - Grupo Algar\Backup PC Luiz\06-11-2019\LUIZ ALFREDO\01 - TELECOM\01 - TELEVENDAS\02 - TLV MPE\PLANEJAMENTO MENSAL\2019\01 - JANEIRO\</t>
  </si>
  <si>
    <t>Quadro Fev19.xlsx</t>
  </si>
  <si>
    <t>Planejamento_Mailing_Proposta_ativo_MPE.xlsx</t>
  </si>
  <si>
    <t>Planejamento TLV MPE - JAN19.xlsx</t>
  </si>
  <si>
    <t>Planejamento TLV MPE - JAN19 v2.xlsx</t>
  </si>
  <si>
    <t>Comparativo Jan x Dez.xlsx</t>
  </si>
  <si>
    <t>Avaliação Performance Jan19 x Dez18.xlsx</t>
  </si>
  <si>
    <t>C:\Users\luizavs\OneDrive - Grupo Algar\Backup PC Luiz\06-11-2019\LUIZ ALFREDO\01 - TELECOM\01 - TELEVENDAS\02 - TLV MPE\PLANEJAMENTO MENSAL\2019\02 - FEVEREIRO\</t>
  </si>
  <si>
    <t>Proposta Meta Fev19.xlsx</t>
  </si>
  <si>
    <t>Planejamento TLV MPE - FEV19.xlsx</t>
  </si>
  <si>
    <t>Planejamento TLV MPE - FEV19 v3.xlsx</t>
  </si>
  <si>
    <t>Planejamento TLV MPE - FEV19 v2.xlsx</t>
  </si>
  <si>
    <t>C:\Users\luizavs\OneDrive - Grupo Algar\Backup PC Luiz\06-11-2019\LUIZ ALFREDO\01 - TELECOM\01 - TELEVENDAS\02 - TLV MPE\PLANEJAMENTO MENSAL\2019\03 - MARÇO\</t>
  </si>
  <si>
    <t>Planejamento x Real - TLV MPE - MAR19.xlsx</t>
  </si>
  <si>
    <t>Planejamento TLV MPE - MAR19.xlsx</t>
  </si>
  <si>
    <t>Infos Mari.xlsx</t>
  </si>
  <si>
    <t>C:\Users\luizavs\OneDrive - Grupo Algar\Backup PC Luiz\06-11-2019\LUIZ ALFREDO\01 - TELECOM\01 - TELEVENDAS\02 - TLV MPE\PLANEJAMENTO MENSAL\2019\04 - ABRIL\</t>
  </si>
  <si>
    <t>Planejamento TLV MPE - ABR19.xlsx</t>
  </si>
  <si>
    <t>Planejamento TLV MPE - ABR19 v2.xlsx</t>
  </si>
  <si>
    <t>Planejamento TLV MPE - ABR19 (EXPANSÃO).xlsx</t>
  </si>
  <si>
    <t>PLAN META (EXPANSÃO).xlsx</t>
  </si>
  <si>
    <t>C:\Users\luizavs\OneDrive - Grupo Algar\Backup PC Luiz\06-11-2019\LUIZ ALFREDO\01 - TELECOM\01 - TELEVENDAS\02 - TLV MPE\PLANEJAMENTO MENSAL\2019\05 - MAIO\</t>
  </si>
  <si>
    <t>VALIDAÇÃO EXPANSÃO CONCESSÃO.xlsx</t>
  </si>
  <si>
    <t>VALIDAÇÃO EXPANSÃO CONCESSÃO v4.xlsx</t>
  </si>
  <si>
    <t>VALIDAÇÃO EXPANSÃO CONCESSÃO v3.xlsx</t>
  </si>
  <si>
    <t>VALIDAÇÃO EXPANSÃO CONCESSÃO v2.xlsx</t>
  </si>
  <si>
    <t>Planejamento TLV MPE - MAI19.xlsx</t>
  </si>
  <si>
    <t>PARAMETROS SEGMENTAÇÃO.xlsx</t>
  </si>
  <si>
    <t>Cópia de ticket 627160.xlsx</t>
  </si>
  <si>
    <t>C:\Users\luizavs\OneDrive - Grupo Algar\Backup PC Luiz\06-11-2019\LUIZ ALFREDO\01 - TELECOM\01 - TELEVENDAS\02 - TLV MPE\PPT GERENCIAL\2016\JULHO-16\</t>
  </si>
  <si>
    <t>PPT Grevy.xlsx</t>
  </si>
  <si>
    <t>C:\Users\luizavs\OneDrive - Grupo Algar\Backup PC Luiz\06-11-2019\LUIZ ALFREDO\01 - TELECOM\01 - TELEVENDAS\02 - TLV MPE\PPT GERENCIAL\2016\JUNHO\</t>
  </si>
  <si>
    <t>C:\Users\luizavs\OneDrive - Grupo Algar\Backup PC Luiz\06-11-2019\LUIZ ALFREDO\01 - TELECOM\01 - TELEVENDAS\02 - TLV MPE\PPT GERENCIAL\2016\MAIO\</t>
  </si>
  <si>
    <t>TLV MPE ABRIL.xlsx</t>
  </si>
  <si>
    <t>C:\Users\luizavs\OneDrive - Grupo Algar\Backup PC Luiz\06-11-2019\LUIZ ALFREDO\01 - TELECOM\01 - TELEVENDAS\02 - TLV MPE\PPT GERENCIAL\2017\01 - JANEIRO\</t>
  </si>
  <si>
    <t>PPT GREVY.xlsx</t>
  </si>
  <si>
    <t>C:\Users\luizavs\OneDrive - Grupo Algar\Backup PC Luiz\06-11-2019\LUIZ ALFREDO\01 - TELECOM\01 - TELEVENDAS\02 - TLV MPE\PPT GERENCIAL\2017\10 - OUTUBRO\</t>
  </si>
  <si>
    <t>dados cristiano.xlsx</t>
  </si>
  <si>
    <t>C:\Users\luizavs\OneDrive - Grupo Algar\Backup PC Luiz\06-11-2019\LUIZ ALFREDO\01 - TELECOM\01 - TELEVENDAS\02 - TLV MPE\PPT GERENCIAL\2017\11 - NOVEMBRO\</t>
  </si>
  <si>
    <t>TICKET MÉDIO SET-NOV17 - TLV MPE.xlsx</t>
  </si>
  <si>
    <t>Receita Projetada.xlsx</t>
  </si>
  <si>
    <t>%Fechamento TLV MPE.xlsx</t>
  </si>
  <si>
    <t>C:\Users\luizavs\OneDrive - Grupo Algar\Backup PC Luiz\06-11-2019\LUIZ ALFREDO\01 - TELECOM\01 - TELEVENDAS\02 - TLV MPE\PPT GERENCIAL\2017\12 - DEZEMBRO\</t>
  </si>
  <si>
    <t>WEEK 2017.xlsx</t>
  </si>
  <si>
    <t>C:\Users\luizavs\OneDrive - Grupo Algar\Backup PC Luiz\06-11-2019\LUIZ ALFREDO\01 - TELECOM\01 - TELEVENDAS\02 - TLV MPE\PPT GERENCIAL\2018\01 - JANEIRO\</t>
  </si>
  <si>
    <t>REGIONAIS PPT.xlsx</t>
  </si>
  <si>
    <t>RECEITA ATIVO - TLV MPE.xlsx</t>
  </si>
  <si>
    <t>C:\Users\luizavs\OneDrive - Grupo Algar\Backup PC Luiz\06-11-2019\LUIZ ALFREDO\01 - TELECOM\01 - TELEVENDAS\02 - TLV MPE\PPT GERENCIAL\2018\02 - FEVEREIRO\</t>
  </si>
  <si>
    <t>Conversão Receptivo TLV MPE.xlsx</t>
  </si>
  <si>
    <t>C:\Users\luizavs\OneDrive - Grupo Algar\Backup PC Luiz\06-11-2019\LUIZ ALFREDO\01 - TELECOM\01 - TELEVENDAS\02 - TLV MPE\PPT GERENCIAL\2018\04 - ABRIL\</t>
  </si>
  <si>
    <t>Impacto Ociosidade - 3ªSemana Abril.xlsx</t>
  </si>
  <si>
    <t>Efetividade Abril (DDD por Cidade).xlsx</t>
  </si>
  <si>
    <t>Comparativo Associado x Televendas MPE.xlsx</t>
  </si>
  <si>
    <t>AGING ABRIL.xlsx</t>
  </si>
  <si>
    <t>%FECHAMENTO x REGIONAIS - 2018.xlsx</t>
  </si>
  <si>
    <t>C:\Users\luizavs\OneDrive - Grupo Algar\Backup PC Luiz\06-11-2019\LUIZ ALFREDO\01 - TELECOM\01 - TELEVENDAS\02 - TLV MPE\PPT GERENCIAL\2018\05 - MAIO\</t>
  </si>
  <si>
    <t>Oportunidade Conversão.xlsx</t>
  </si>
  <si>
    <t>C:\Users\luizavs\OneDrive - Grupo Algar\Backup PC Luiz\06-11-2019\LUIZ ALFREDO\01 - TELECOM\01 - TELEVENDAS\02 - TLV MPE\PPT GERENCIAL\2018\06 - JUNHO\</t>
  </si>
  <si>
    <t>VAREJO x MPE.xlsx</t>
  </si>
  <si>
    <t>CATEGORIZAÇÕES JAN-ABRIL - TLV MPE.xlsx</t>
  </si>
  <si>
    <t>Transferência TLV MPE.xlsx</t>
  </si>
  <si>
    <t>TRANF TLV MPE.xlsx</t>
  </si>
  <si>
    <t>Volumes MPE Grevy.xlsx</t>
  </si>
  <si>
    <t>Gráficos Apresentação MPE.xlsx</t>
  </si>
  <si>
    <t>CELULAR 2018.xlsx</t>
  </si>
  <si>
    <t>CELULAR 2018 - 100%.xlsx</t>
  </si>
  <si>
    <t>SKILLS TRANSF TLV MPE.xlsx</t>
  </si>
  <si>
    <t>ANÁLISE PAE.xlsx</t>
  </si>
  <si>
    <t>C:\Users\luizavs\OneDrive - Grupo Algar\Backup PC Luiz\06-11-2019\LUIZ ALFREDO\01 - TELECOM\01 - TELEVENDAS\02 - TLV MPE\PPT GERENCIAL\2018\07 - JULHO\</t>
  </si>
  <si>
    <t>Protocolos Churn.xls</t>
  </si>
  <si>
    <t>Proposta TLV MPE_2018_200K V2.xlsx</t>
  </si>
  <si>
    <t>C:\Users\luizavs\OneDrive - Grupo Algar\Backup PC Luiz\06-11-2019\LUIZ ALFREDO\01 - TELECOM\01 - TELEVENDAS\02 - TLV MPE\PPT GERENCIAL\2018\07 - JULHO\PPT Churn.pptx\</t>
  </si>
  <si>
    <t>churn1.xls</t>
  </si>
  <si>
    <t>Categorizações Receptivo - Junho 18.xlsx</t>
  </si>
  <si>
    <t>Categorizações Receptivo - Julho 18.xlsx</t>
  </si>
  <si>
    <t>churn2.xls</t>
  </si>
  <si>
    <t>MICRO ANÁLISE OPERADOR.xlsx</t>
  </si>
  <si>
    <t>Análise Ativo TLV MPE.xls</t>
  </si>
  <si>
    <t>C:\Users\luizavs\OneDrive - Grupo Algar\Backup PC Luiz\06-11-2019\LUIZ ALFREDO\01 - TELECOM\01 - TELEVENDAS\02 - TLV MPE\PPT GERENCIAL\2018\08 - AGOSTO\</t>
  </si>
  <si>
    <t>Categorizações Receptivo - Agosto 18.xlsx</t>
  </si>
  <si>
    <t>C:\Users\luizavs\OneDrive - Grupo Algar\Backup PC Luiz\06-11-2019\LUIZ ALFREDO\01 - TELECOM\01 - TELEVENDAS\02 - TLV MPE\PPT GERENCIAL\2018\09 - SETEMBRO\</t>
  </si>
  <si>
    <t>Status Mailings até 3a Semana.xlsx</t>
  </si>
  <si>
    <t>CHAMADAS x DDD - 2018.xlsx</t>
  </si>
  <si>
    <t>REGIONAIS x TIPO OPERAÇÃO.xlsx</t>
  </si>
  <si>
    <t>MAILINGS SETEMBRO.xlsx</t>
  </si>
  <si>
    <t>DIMENSIONAMENTO TLV MPE - BLINDAGEM VIVO.xlsx</t>
  </si>
  <si>
    <t>Comparativo Regionais.xlsx</t>
  </si>
  <si>
    <t>C:\Users\luizavs\OneDrive - Grupo Algar\Backup PC Luiz\06-11-2019\LUIZ ALFREDO\01 - TELECOM\01 - TELEVENDAS\02 - TLV MPE\PPT GERENCIAL\2018\10 - OUTUBRO\</t>
  </si>
  <si>
    <t>MAILINGS OUT.xlsx</t>
  </si>
  <si>
    <t>CPF Fidelidade 24 meses.xls</t>
  </si>
  <si>
    <t>CHAMADAS x DDD x Dia - 2018.xlsx</t>
  </si>
  <si>
    <t>C:\Users\luizavs\OneDrive - Grupo Algar\Backup PC Luiz\06-11-2019\LUIZ ALFREDO\01 - TELECOM\01 - TELEVENDAS\02 - TLV MPE\PPT GERENCIAL\2018\11 - NOVEMBRO\</t>
  </si>
  <si>
    <t>Variação Tabela 2018 - TLV MPE.xlsx</t>
  </si>
  <si>
    <t>Motivos Não Venda x DDD.xlsx</t>
  </si>
  <si>
    <t>Cronograma</t>
  </si>
  <si>
    <t>Cronograma Detalhado.xlsx</t>
  </si>
  <si>
    <t>/o=exchangelabs/ou=exchange administrative group (fydibohf23spdlt)/cn=recipients/cn=26d35797a23841dda77608720c95f631-tiago dos r;/o=exchangelabs/ou=exchange administrative group (fydibohf23spdlt)/cn=recipients/cn=7903c13fa0504ff0bc7dd2644020b0e8-mirna prado;/o=exchangelabs/ou=exchange administrative group (fydibohf23spdlt)/cn=recipients/cn=c22b2d8de1594760baec681322c0933f-fernanda ma;</t>
  </si>
  <si>
    <t>/o=exchangelabs/ou=exchange administrative group (fydibohf23spdlt)/cn=recipients/cn=26d35797a23841dda77608720c95f631-tiago dos r,/o=exchangelabs/ou=exchange administrative group (fydibohf23spdlt)/cn=recipients/cn=7903c13fa0504ff0bc7dd2644020b0e8-mirna prado,/o=exchangelabs/ou=exchange administrative group (fydibohf23spdlt)/cn=recipients/cn=c22b2d8de1594760baec681322c0933f-fernanda ma</t>
  </si>
  <si>
    <t>MOTIVOS NÃO VENDA ATIVO NOVEMBRO.csv</t>
  </si>
  <si>
    <t>MAILINGS NOV.xlsx</t>
  </si>
  <si>
    <t>Evolução Mix Produtos.xlsx</t>
  </si>
  <si>
    <t>LEADS x LOCALIDADE.xlsx</t>
  </si>
  <si>
    <t>Análise x Regional - Nov18.xlsx</t>
  </si>
  <si>
    <t>Análise BCU.xlsx</t>
  </si>
  <si>
    <t>C:\Users\luizavs\OneDrive - Grupo Algar\Backup PC Luiz\06-11-2019\LUIZ ALFREDO\01 - TELECOM\01 - TELEVENDAS\02 - TLV MPE\PPT GERENCIAL\2018\12 - DEZEMBRO\</t>
  </si>
  <si>
    <t>Vendas WhatsAPP.xlsx</t>
  </si>
  <si>
    <t>TMA Ativo x Receptivo.xlsx</t>
  </si>
  <si>
    <t>MAILINGS DEZ.xlsx</t>
  </si>
  <si>
    <t>Fechamento Indicadores.xlsx</t>
  </si>
  <si>
    <t>MPE x Regional.xlsx</t>
  </si>
  <si>
    <t>AÇÃO SMS WHATSAPP.xlsx</t>
  </si>
  <si>
    <t>Análise x Regional - Dez18.xlsx</t>
  </si>
  <si>
    <t>C:\Users\luizavs\OneDrive - Grupo Algar\Backup PC Luiz\06-11-2019\LUIZ ALFREDO\01 - TELECOM\01 - TELEVENDAS\02 - TLV MPE\PPT GERENCIAL\2019\01 - JANEIRO\</t>
  </si>
  <si>
    <t>Volumetria Jan18.xlsx</t>
  </si>
  <si>
    <t>Vendas Jan19 x Dez18.xlsx</t>
  </si>
  <si>
    <t>SMS TLV MPE JAN19.xlsx</t>
  </si>
  <si>
    <t>Resultado 2018 - Sul e SP.xlsx</t>
  </si>
  <si>
    <t>QTDDE LEADS x LOCALIDADE.xlsx</t>
  </si>
  <si>
    <t>MAILINGS JAN-19.xlsx</t>
  </si>
  <si>
    <t>Mailings x Regional - Jan19.xlsx</t>
  </si>
  <si>
    <t>Informações Luciano.xlsx</t>
  </si>
  <si>
    <t>Informações DDD 011.xlsx</t>
  </si>
  <si>
    <t>Estudo Volumetria Sábados.xlsx</t>
  </si>
  <si>
    <t>DIMENS COMBATE VIVO (ASPECT).xlsx</t>
  </si>
  <si>
    <t>CHAMADAS x DDD x Dia - 2018-2019.xlsx</t>
  </si>
  <si>
    <t>Análise x Regional - Jan19.xlsx</t>
  </si>
  <si>
    <t>%Representatividade TLV MPE.xlsx</t>
  </si>
  <si>
    <t>CHAMADAS x DDD - 2018-2019.xlsx</t>
  </si>
  <si>
    <t>C:\Users\luizavs\OneDrive - Grupo Algar\Backup PC Luiz\06-11-2019\LUIZ ALFREDO\01 - TELECOM\01 - TELEVENDAS\02 - TLV MPE\PPT GERENCIAL\2019\02 - FEVEREIRO\</t>
  </si>
  <si>
    <t>MAILINGS FEV-19.xlsx</t>
  </si>
  <si>
    <t>MAILINGS FEV-19 (mirna).xlsx</t>
  </si>
  <si>
    <t>Mailings x Regional - Fev19.xlsx</t>
  </si>
  <si>
    <t>DDD MPE.xlsx</t>
  </si>
  <si>
    <t>BAD CALL.xlsx</t>
  </si>
  <si>
    <t>/o=exchangelabs/ou=exchange administrative group (fydibohf23spdlt)/cn=recipients/cn=49457acaa5584c6d8daec8f0ad186be2-carlos maur;/o=exchangelabs/ou=exchange administrative group (fydibohf23spdlt)/cn=recipients/cn=651324bc204a42f6bbcdf62273ebdc5c-aluisio ant;/o=exchangelabs/ou=exchange administrative group (fydibohf23spdlt)/cn=recipients/cn=89e58c8da071492dbdcb4fee4156b705-gustavo alm;/o=exchangelabs/ou=exchange administrative group (fydibohf23spdlt)/cn=recipients/cn=b859166c1393425bac9aa28de626d8d4-gerentesdeo;/o=exchangelabs/ou=exchange administrative group (fydibohf23spdlt)/cn=recipients/cn=group16586c68;</t>
  </si>
  <si>
    <t>Capilaridade e Mapa</t>
  </si>
  <si>
    <t>/o=exchangelabs/ou=exchange administrative group (fydibohf23spdlt)/cn=recipients/cn=49457acaa5584c6d8daec8f0ad186be2-carlos maur,/o=exchangelabs/ou=exchange administrative group (fydibohf23spdlt)/cn=recipients/cn=651324bc204a42f6bbcdf62273ebdc5c-aluisio ant,/o=exchangelabs/ou=exchange administrative group (fydibohf23spdlt)/cn=recipients/cn=89e58c8da071492dbdcb4fee4156b705-gustavo alm,/o=exchangelabs/ou=exchange administrative group (fydibohf23spdlt)/cn=recipients/cn=b859166c1393425bac9aa28de626d8d4-gerentesdeo,/o=exchangelabs/ou=exchange administrative group (fydibohf23spdlt)/cn=recipients/cn=group16586c68</t>
  </si>
  <si>
    <t>Análise x Regional - Fev19.xlsx</t>
  </si>
  <si>
    <t>Análise x Regional - Fev19 (a´te 25).xlsx</t>
  </si>
  <si>
    <t>Análise x Regional - COMBATE A VIVO.xlsx</t>
  </si>
  <si>
    <t>C:\Users\luizavs\OneDrive - Grupo Algar\Backup PC Luiz\06-11-2019\LUIZ ALFREDO\01 - TELECOM\01 - TELEVENDAS\02 - TLV MPE\PPT GERENCIAL\2019\03 - MARÇO\</t>
  </si>
  <si>
    <t>Validação URA MPE.xlsx</t>
  </si>
  <si>
    <t>Mailings x Regional.xlsx</t>
  </si>
  <si>
    <t>MAILINGS MAR-19.xlsx</t>
  </si>
  <si>
    <t>Mailings x Regional - Mar19.xlsx</t>
  </si>
  <si>
    <t>Análise x Regional - Mar19.xlsx</t>
  </si>
  <si>
    <t>Acompanhamento Resultados Tech_Consultor.xlsx</t>
  </si>
  <si>
    <t>Abono Meta 18março.xlsx</t>
  </si>
  <si>
    <t>C:\Users\luizavs\OneDrive - Grupo Algar\Backup PC Luiz\06-11-2019\LUIZ ALFREDO\01 - TELECOM\01 - TELEVENDAS\02 - TLV MPE\PPT GERENCIAL\2019\04 - ABRIL\</t>
  </si>
  <si>
    <t>Volume Celular - TLV MPE.xlsx</t>
  </si>
  <si>
    <t>Viabilidade Meta TLV MPE.xlsx</t>
  </si>
  <si>
    <t>Venda x Operador.xlsx</t>
  </si>
  <si>
    <t>Resumo TLV MPE Expansão.xlsx</t>
  </si>
  <si>
    <t>Resumo TLV MPE Concessão.xlsx</t>
  </si>
  <si>
    <t>REFORECAST 04_2019_TLV MPE.xlsx</t>
  </si>
  <si>
    <t>Prioridades TLV MPE.xlsx</t>
  </si>
  <si>
    <t>MAILINGS ABR-19.xlsx</t>
  </si>
  <si>
    <t>Informações Marilia 6 meses.xlsx</t>
  </si>
  <si>
    <t>BAD CALLS TLV MPE.xlsx</t>
  </si>
  <si>
    <t>Análise x Regional - Abr19.xlsx</t>
  </si>
  <si>
    <t>C:\Users\luizavs\OneDrive - Grupo Algar\Backup PC Luiz\06-11-2019\LUIZ ALFREDO\01 - TELECOM\01 - TELEVENDAS\02 - TLV MPE\PPT GERENCIAL\2019\05 - MAIO\</t>
  </si>
  <si>
    <t>Volumetria - TLV MPE - Concessão.xlsx</t>
  </si>
  <si>
    <t>APURAÇÃO TLV MPE - ABR19.xls</t>
  </si>
  <si>
    <t>Operadores x Segmento.xlsx</t>
  </si>
  <si>
    <t>MAILINGS MAI-19.xlsx</t>
  </si>
  <si>
    <t>Incremento Receita TLV MPE Concessão.xlsx</t>
  </si>
  <si>
    <t>Conversão x DDD.xlsx</t>
  </si>
  <si>
    <t>Análise x Regional - Mai19.xlsx</t>
  </si>
  <si>
    <t>C:\Users\luizavs\OneDrive - Grupo Algar\Backup PC Luiz\06-11-2019\LUIZ ALFREDO\01 - TELECOM\01 - TELEVENDAS\02 - TLV MPE\QUERY &amp; EXTRATOR\2016\11 - NOVEMBRO\</t>
  </si>
  <si>
    <t>Chamadas x Skills.xlsx</t>
  </si>
  <si>
    <t>/o=exchangelabs/ou=exchange administrative group (fydibohf23spdlt)/cn=recipients/cn=029150745eb3404986232d7559006193-acacio ribe;/o=exchangelabs/ou=exchange administrative group (fydibohf23spdlt)/cn=recipients/cn=1698f5af44b14116ad2d0b751d584c7d-danilo rafa;/o=exchangelabs/ou=exchange administrative group (fydibohf23spdlt)/cn=recipients/cn=1867d5fca12044e08946537995369baf-diego rodri;/o=exchangelabs/ou=exchange administrative group (fydibohf23spdlt)/cn=recipients/cn=2144abc9537143519f505fcb8550b74c-juliana emi;/o=exchangelabs/ou=exchange administrative group (fydibohf23spdlt)/cn=recipients/cn=685a6c7fa4684b9ab51c683ec151a83c-kelly crist;/o=exchangelabs/ou=exchange administrative group (fydibohf23spdlt)/cn=recipients/cn=b63d7f09ae264ee197cf923a77c993b6-dgrc - gere;/o=exchangelabs/ou=exchange administrative group (fydibohf23spdlt)/cn=recipients/cn=groupef329f5e;pamelatc@algartech.com;</t>
  </si>
  <si>
    <t>## BRIGADA DE EMERGENCIA ##</t>
  </si>
  <si>
    <t>/o=exchangelabs/ou=exchange administrative group (fydibohf23spdlt)/cn=recipients/cn=029150745eb3404986232d7559006193-acacio ribe,/o=exchangelabs/ou=exchange administrative group (fydibohf23spdlt)/cn=recipients/cn=1698f5af44b14116ad2d0b751d584c7d-danilo rafa,/o=exchangelabs/ou=exchange administrative group (fydibohf23spdlt)/cn=recipients/cn=1867d5fca12044e08946537995369baf-diego rodri,/o=exchangelabs/ou=exchange administrative group (fydibohf23spdlt)/cn=recipients/cn=2144abc9537143519f505fcb8550b74c-juliana emi,/o=exchangelabs/ou=exchange administrative group (fydibohf23spdlt)/cn=recipients/cn=685a6c7fa4684b9ab51c683ec151a83c-kelly crist,/o=exchangelabs/ou=exchange administrative group (fydibohf23spdlt)/cn=recipients/cn=b63d7f09ae264ee197cf923a77c993b6-dgrc - gere,/o=exchangelabs/ou=exchange administrative group (fydibohf23spdlt)/cn=recipients/cn=groupef329f5e,pamelatc@algartech.com</t>
  </si>
  <si>
    <t>C:\Users\luizavs\OneDrive - Grupo Algar\Backup PC Luiz\06-11-2019\LUIZ ALFREDO\01 - TELECOM\01 - TELEVENDAS\02 - TLV MPE\PPT GERENCIAL\2019\05 - MAIO\CHAMADAS x DDD - 2018-2019.zip\</t>
  </si>
  <si>
    <t>C:\Users\luizavs\OneDrive - Grupo Algar\Backup PC Luiz\06-11-2019\LUIZ ALFREDO\01 - TELECOM\01 - TELEVENDAS\02 - TLV MPE\QUERY &amp; EXTRATOR\2017\05 - MAIO\</t>
  </si>
  <si>
    <t>C:\Users\luizavs\OneDrive - Grupo Algar\Backup PC Luiz\06-11-2019\LUIZ ALFREDO\01 - TELECOM\01 - TELEVENDAS\02 - TLV MPE\QUERY &amp; EXTRATOR\2017\06 - JUNHO\</t>
  </si>
  <si>
    <t>NUMERO DE A MAIO JUNHO.xlsx</t>
  </si>
  <si>
    <t>VOLUME MAIO TLV MPE RECEPTIVO.xlsx</t>
  </si>
  <si>
    <t>NUMERO DE A JAN-JUNHO.xlsx</t>
  </si>
  <si>
    <t>C:\Users\luizavs\OneDrive - Grupo Algar\Backup PC Luiz\06-11-2019\LUIZ ALFREDO\01 - TELECOM\01 - TELEVENDAS\02 - TLV MPE\URA ATIVA\2017\04-ABRIL\</t>
  </si>
  <si>
    <t>URA ATIVA ABRIL 2 SEMANA.xlsx</t>
  </si>
  <si>
    <t>C:\Users\luizavs\OneDrive - Grupo Algar\Backup PC Luiz\06-11-2019\LUIZ ALFREDO\01 - TELECOM\01 - TELEVENDAS\02 - TLV MPE\URA ATIVA\2016\12-DEZEMBRO\</t>
  </si>
  <si>
    <t>URA ATIVA CELULAR - DEZEMBRO 2016.xlsx</t>
  </si>
  <si>
    <t>C:\Users\luizavs\OneDrive - Grupo Algar\Backup PC Luiz\06-11-2019\LUIZ ALFREDO\01 - TELECOM\01 - TELEVENDAS\02 - TLV MPE\URA ATIVA\2017\02-FEVEREIRO\</t>
  </si>
  <si>
    <t>RESULTADO URA ATIVA FEV17.xlsx</t>
  </si>
  <si>
    <t>C:\Users\luizavs\OneDrive - Grupo Algar\Backup PC Luiz\06-11-2019\LUIZ ALFREDO\01 - TELECOM\01 - TELEVENDAS\02 - TLV MPE\URA ATIVA\2017\03-MARÇO\</t>
  </si>
  <si>
    <t>RESULTADO URA ATIVA MAR17.xlsx</t>
  </si>
  <si>
    <t>URA ATIVA ABRIL 1 SEMANA.xlsx</t>
  </si>
  <si>
    <t>URA ATIVA - OFERTA LIVRE v2.xlsx</t>
  </si>
  <si>
    <t>SEM SUCESSO CELULAR.xlsx</t>
  </si>
  <si>
    <t>C:\Users\luizavs\OneDrive - Grupo Algar\Backup PC Luiz\06-11-2019\LUIZ ALFREDO\01 - TELECOM\01 - TELEVENDAS\02 - TLV MPE\URA ATIVA\2017\05 - MAIO\</t>
  </si>
  <si>
    <t>URA ATIVA 3 SEMANA MAIO.xlsx</t>
  </si>
  <si>
    <t>RESULTADO URA ATIVA ABR17.xlsx</t>
  </si>
  <si>
    <t>RESULTADO URA ATIVA MAI17.xlsx</t>
  </si>
  <si>
    <t>C:\Users\luizavs\OneDrive - Grupo Algar\Backup PC Luiz\06-11-2019\LUIZ ALFREDO\01 - TELECOM\01 - TELEVENDAS\02 - TLV MPE\URA ATIVA\2017\11 - NOVEMBRO\</t>
  </si>
  <si>
    <t>URA ATIVA 1 SEMANA NOVEMBRO.xlsx</t>
  </si>
  <si>
    <t>C:\Users\luizavs\OneDrive - Grupo Algar\Backup PC Luiz\06-11-2019\LUIZ ALFREDO\01 - TELECOM\01 - TELEVENDAS\02 - TLV MPE\URA ATIVA\2017\12 - DEZEMBRO\</t>
  </si>
  <si>
    <t>URA ATIVA 1 SEMANA DEZEMBRO.xlsx</t>
  </si>
  <si>
    <t>C:\Users\luizavs\OneDrive - Grupo Algar\Backup PC Luiz\06-11-2019\LUIZ ALFREDO\01 - TELECOM\01 - TELEVENDAS\02 - TLV MPE\URA ATIVA\2018\01 - JANEIRO\</t>
  </si>
  <si>
    <t>URA ATIVA 4 SEMANA JANEIRO.xlsx</t>
  </si>
  <si>
    <t>C:\Users\luizavs\OneDrive - Grupo Algar\Backup PC Luiz\06-11-2019\LUIZ ALFREDO\01 - TELECOM\01 - TELEVENDAS\02 - TLV MPE\URA ATIVA\2018\02 - FEVEREIRO\</t>
  </si>
  <si>
    <t>URA ATIVA 3 SEMANA FEVEREIRO - Cópia.xlsx</t>
  </si>
  <si>
    <t>URA ATIVA 2 SEMANA FEVEREIRO.xlsx</t>
  </si>
  <si>
    <t>C:\Users\luizavs\OneDrive - Grupo Algar\Backup PC Luiz\06-11-2019\LUIZ ALFREDO\01 - TELECOM\01 - TELEVENDAS\02 - TLV MPE\URA ATIVA\2018\03 - MARÇO\</t>
  </si>
  <si>
    <t>URA ATIVA 1 SEMANA MARÇO.xlsx</t>
  </si>
  <si>
    <t>C:\Users\luizavs\OneDrive - Grupo Algar\Backup PC Luiz\06-11-2019\LUIZ ALFREDO\01 - TELECOM\01 - TELEVENDAS\02 - TLV MPE\URA ATIVA\2018\04 - ABRIL\</t>
  </si>
  <si>
    <t>URA ATIVA 1 SEMANA ABRIL.xlsx</t>
  </si>
  <si>
    <t>C:\Users\luizavs\OneDrive - Grupo Algar\Backup PC Luiz\06-11-2019\LUIZ ALFREDO\01 - TELECOM\01 - TELEVENDAS\02 - TLV MPE\URA ATIVA\2018\05 - MAIO\</t>
  </si>
  <si>
    <t>URA ATIVA 1 SEMANA MAIO.xlsx</t>
  </si>
  <si>
    <t>Acompanhamento URA Ativa.xlsx</t>
  </si>
  <si>
    <t>C:\Users\luizavs\OneDrive - Grupo Algar\Backup PC Luiz\06-11-2019\LUIZ ALFREDO\01 - TELECOM\01 - TELEVENDAS\02 - TLV MPE\URA ATIVA\2018\06 - JUNHO\</t>
  </si>
  <si>
    <t>URA ATIVA 4 SEMANA JUNHO.xlsx</t>
  </si>
  <si>
    <t>URA ATIVA 1 SEMANA JUNHO.xlsx</t>
  </si>
  <si>
    <t>C:\Users\luizavs\OneDrive - Grupo Algar\Backup PC Luiz\06-11-2019\LUIZ ALFREDO\01 - TELECOM\01 - TELEVENDAS\02 - TLV MPE\URA ATIVA\2018\07 - JULHO\</t>
  </si>
  <si>
    <t>URA ATIVA 1 SEMANA JULHO.xlsx</t>
  </si>
  <si>
    <t>C:\Users\luizavs\OneDrive - Grupo Algar\Backup PC Luiz\06-11-2019\LUIZ ALFREDO\01 - TELECOM\01 - TELEVENDAS\02 - TLV MPE\URA ATIVA\2018\08 - AGOSTO\</t>
  </si>
  <si>
    <t>URA ATIVA 1 SEMANA AGOSTO.xlsx</t>
  </si>
  <si>
    <t>C:\Users\luizavs\OneDrive - Grupo Algar\Backup PC Luiz\06-11-2019\LUIZ ALFREDO\01 - TELECOM\01 - TELEVENDAS\02 - TLV MPE\URA ATIVA\2018\09 - SETEMBRO\</t>
  </si>
  <si>
    <t>URA ATIVA 1 SEMANA SETEMBRO.xlsx</t>
  </si>
  <si>
    <t>C:\Users\luizavs\OneDrive - Grupo Algar\Backup PC Luiz\06-11-2019\LUIZ ALFREDO\01 - TELECOM\01 - TELEVENDAS\02 - TLV MPE\URA ATIVA\2018\10 - OUTUBRO\</t>
  </si>
  <si>
    <t>URA ATIVA 1 SEMANA OUTUBRO.xlsx</t>
  </si>
  <si>
    <t>C:\Users\luizavs\OneDrive - Grupo Algar\Backup PC Luiz\06-11-2019\LUIZ ALFREDO\01 - TELECOM\01 - TELEVENDAS\04 - TLV NETSABE\MAILINGS\OUTUBRO-16\1ª SEMANA\</t>
  </si>
  <si>
    <t>Arquivo Discador-2.xlsx</t>
  </si>
  <si>
    <t>Arquivo Discador-2.csv</t>
  </si>
  <si>
    <t>Arquivo Discador-1.xlsx</t>
  </si>
  <si>
    <t>C:\Users\luizavs\OneDrive - Grupo Algar\Backup PC Luiz\06-11-2019\LUIZ ALFREDO\01 - TELECOM\04 - PÓS VENDAS\MAILINGS\2016\JULHO-16\2ª SEMANA\</t>
  </si>
  <si>
    <t>Importar mailings pós vendas2.xlsx</t>
  </si>
  <si>
    <t>C:\Users\luizavs\OneDrive - Grupo Algar\Backup PC Luiz\06-11-2019\LUIZ ALFREDO\01 - TELECOM\04 - PÓS VENDAS\MAILINGS\2016\JULHO-16\3ª SEMANA\</t>
  </si>
  <si>
    <t>C:\Users\luizavs\OneDrive - Grupo Algar\Backup PC Luiz\06-11-2019\LUIZ ALFREDO\01 - TELECOM\04 - PÓS VENDAS\MAILINGS\2016\JULHO-16\WINBACK_CHEQUE\</t>
  </si>
  <si>
    <t>20160711_Winback_Cheque_AlgarTelecom_Lembranca_11Meses_SEMANA2_JULHO_2016.xlsx</t>
  </si>
  <si>
    <t>20160711_Winback_Cheque_AlgarTelecom_Lembranca_11Meses_SEMANA2_JULHO_2016.csv</t>
  </si>
  <si>
    <t>20160704_Winback_Cheque_AlgarTelecom_Lembranca_11Meses_SEMANA1_07_2016.xlsx</t>
  </si>
  <si>
    <t>20160704_Winback_Cheque_AlgarTelecom_Lembranca_11Meses_SEMANA1_07_2016.csv</t>
  </si>
  <si>
    <t>C:\Users\luizavs\OneDrive - Grupo Algar\Backup PC Luiz\06-11-2019\LUIZ ALFREDO\01 - TELECOM\04 - PÓS VENDAS\MAILINGS\2016\JUNHO-16\1ªSEMANA\</t>
  </si>
  <si>
    <t>TABELA NOMENCLATURA.xlsx</t>
  </si>
  <si>
    <t>Mailing 1ª Semana Junho.xlsx</t>
  </si>
  <si>
    <t>C:\Users\luizavs\OneDrive - Grupo Algar\Backup PC Luiz\06-11-2019\LUIZ ALFREDO\01 - TELECOM\04 - PÓS VENDAS\MAILINGS\2016\MAIO-16\1ª SEMANA\</t>
  </si>
  <si>
    <t>Desvio de Agentes Pós Vendas.xlsx</t>
  </si>
  <si>
    <t>Comparativo Pesquisas.xls</t>
  </si>
  <si>
    <t>BASE Mailings faltantes.xlsx</t>
  </si>
  <si>
    <t>C:\Users\luizavs\OneDrive - Grupo Algar\Backup PC Luiz\06-11-2019\LUIZ ALFREDO\01 - TELECOM\04 - PÓS VENDAS\MAILINGS\2016\MAIO-16\2ª SEMANA\</t>
  </si>
  <si>
    <t>C:\Users\luizavs\OneDrive - Grupo Algar\Backup PC Luiz\06-11-2019\LUIZ ALFREDO\01 - TELECOM\04 - PÓS VENDAS\MAILINGS\2016\MAIO-16\3ª SEMANA\</t>
  </si>
  <si>
    <t>C:\Users\luizavs\OneDrive - Grupo Algar\Backup PC Luiz\06-11-2019\LUIZ ALFREDO\01 - TELECOM\04 - PÓS VENDAS\MAILINGS\2016\MAIO-16\4ª SEMANA\</t>
  </si>
  <si>
    <t>C:\Users\luizavs\OneDrive - Grupo Algar\Backup PC Luiz\06-11-2019\LUIZ ALFREDO\01 - TELECOM\04 - PÓS VENDAS\MAILINGS\2017\02 - FEVEREIRO\2ª SEMANA\</t>
  </si>
  <si>
    <t>C:\Users\luizavs\OneDrive - Grupo Algar\Backup PC Luiz\06-11-2019\LUIZ ALFREDO\01 - TELECOM\04 - PÓS VENDAS\MAILINGS\2017\04 - ABRIL\3ª SEMANA\</t>
  </si>
  <si>
    <t>Importação 190417.xlsx</t>
  </si>
  <si>
    <t>C:\Users\luizavs\OneDrive - Grupo Algar\Backup PC Luiz\06-11-2019\LUIZ ALFREDO\01 - TELECOM\04 - PÓS VENDAS\MAILINGS\2017\04 - ABRIL\4ª SEMANA\</t>
  </si>
  <si>
    <t>Importação 250417.xlsx</t>
  </si>
  <si>
    <t>C:\Users\luizavs\OneDrive - Grupo Algar\Backup PC Luiz\06-11-2019\LUIZ ALFREDO\01 - TELECOM\04 - PÓS VENDAS\MAILINGS\2017\05 - MAIO\1ª SEMANA\</t>
  </si>
  <si>
    <t>Importação 030517.xlsx</t>
  </si>
  <si>
    <t>C:\Users\luizavs\OneDrive - Grupo Algar\Backup PC Luiz\06-11-2019\LUIZ ALFREDO\01 - TELECOM\01 - TELEVENDAS\01 - TLV VAREJO\URA ATIVA\2016\DEZEMBRO - 16\1ª SEMANA\</t>
  </si>
  <si>
    <t>URA ATIVA - DEZEMBRO16 - 1ª SEMANA.xlsx</t>
  </si>
  <si>
    <t>C:\Users\luizavs\OneDrive - Grupo Algar\Backup PC Luiz\06-11-2019\LUIZ ALFREDO\01 - TELECOM\01 - TELEVENDAS\01 - TLV VAREJO\URA ATIVA\2016\NOVEMBRO-16\1ª SEMANA\</t>
  </si>
  <si>
    <t>URA ATIVA 1ª SEMANA.xlsx</t>
  </si>
  <si>
    <t>C:\Users\luizavs\OneDrive - Grupo Algar\Backup PC Luiz\06-11-2019\LUIZ ALFREDO\01 - TELECOM\01 - TELEVENDAS\01 - TLV VAREJO\URA ATIVA\2016\NOVEMBRO-16\2ª SEMANA\</t>
  </si>
  <si>
    <t>URA ATIVA 2ª SEMANA NOVEMBRO.xlsx</t>
  </si>
  <si>
    <t>C:\Users\luizavs\OneDrive - Grupo Algar\Backup PC Luiz\06-11-2019\LUIZ ALFREDO\01 - TELECOM\01 - TELEVENDAS\01 - TLV VAREJO\URA ATIVA\2016\NOVEMBRO-16\3ª SEMANA\</t>
  </si>
  <si>
    <t>URA ATIVA 3ª SEMANA NOVEMBRO.xlsx</t>
  </si>
  <si>
    <t>C:\Users\luizavs\OneDrive - Grupo Algar\Backup PC Luiz\06-11-2019\LUIZ ALFREDO\01 - TELECOM\01 - TELEVENDAS\01 - TLV VAREJO\URA ATIVA\2016\OUTUBRO-16\1ª SEMANA\</t>
  </si>
  <si>
    <t>URA ATIVA - MIGRAÇÃO 2MB - 4MB.xlsx</t>
  </si>
  <si>
    <t>C:\Users\luizavs\OneDrive - Grupo Algar\Backup PC Luiz\06-11-2019\LUIZ ALFREDO\01 - TELECOM\01 - TELEVENDAS\01 - TLV VAREJO\URA ATIVA\2016\OUTUBRO-16\2ª SEMANA\</t>
  </si>
  <si>
    <t>20161007_URA_ATIVA_42236_Grupo1.xlsx</t>
  </si>
  <si>
    <t>C:\Users\luizavs\OneDrive - Grupo Algar\Backup PC Luiz\06-11-2019\LUIZ ALFREDO\01 - TELECOM\01 - TELEVENDAS\01 - TLV VAREJO\URA ATIVA\2016\OUTUBRO-16\3ª SEMANA\</t>
  </si>
  <si>
    <t>URA ATIVA PRE CONTROLE 18-10.xlsx</t>
  </si>
  <si>
    <t>C:\Users\luizavs\OneDrive - Grupo Algar\Backup PC Luiz\06-11-2019\LUIZ ALFREDO\01 - TELECOM\01 - TELEVENDAS\01 - TLV VAREJO\URA ATIVA\2016\OUTUBRO-16\4ª SEMANA\</t>
  </si>
  <si>
    <t>URA ATIVA 4ª SEMANA.xlsx</t>
  </si>
  <si>
    <t>C:\Users\luizavs\OneDrive - Grupo Algar\Backup PC Luiz\06-11-2019\LUIZ ALFREDO\01 - TELECOM\01 - TELEVENDAS\01 - TLV VAREJO\URA ATIVA\2017\01 - JANEIRO\1ª SEMANA\</t>
  </si>
  <si>
    <t>IMPORTAÇÃO URA ATIVA 1701.xlsx</t>
  </si>
  <si>
    <t>C:\Users\luizavs\OneDrive - Grupo Algar\Backup PC Luiz\06-11-2019\LUIZ ALFREDO\01 - TELECOM\01 - TELEVENDAS\01 - TLV VAREJO\URA ATIVA\2017\01 - JANEIRO\2ª SEMANA\</t>
  </si>
  <si>
    <t>URA ATIVA 2 SEMANA.xlsx</t>
  </si>
  <si>
    <t>C:\Users\luizavs\OneDrive - Grupo Algar\Backup PC Luiz\06-11-2019\LUIZ ALFREDO\01 - TELECOM\01 - TELEVENDAS\01 - TLV VAREJO\URA ATIVA\2017\02 - FEVEREIRO\1ª SEMANA\</t>
  </si>
  <si>
    <t>URA ATIVA 1 SEMANA.xlsx</t>
  </si>
  <si>
    <t>C:\Users\luizavs\OneDrive - Grupo Algar\Backup PC Luiz\06-11-2019\LUIZ ALFREDO\01 - TELECOM\01 - TELEVENDAS\01 - TLV VAREJO\URA ATIVA\2017\02 - FEVEREIRO\2ª SEMANA\</t>
  </si>
  <si>
    <t>C:\Users\luizavs\OneDrive - Grupo Algar\Backup PC Luiz\06-11-2019\LUIZ ALFREDO\01 - TELECOM\01 - TELEVENDAS\01 - TLV VAREJO\URA ATIVA\2017\02 - FEVEREIRO\3ª SEMANA\</t>
  </si>
  <si>
    <t>URA ATIVA 3 SEMANA.xlsx</t>
  </si>
  <si>
    <t>C:\Users\luizavs\OneDrive - Grupo Algar\Backup PC Luiz\06-11-2019\LUIZ ALFREDO\01 - TELECOM\01 - TELEVENDAS\01 - TLV VAREJO\URA ATIVA\2017\02 - FEVEREIRO\4ª SEMANA\</t>
  </si>
  <si>
    <t>URA ATIVA 4 SEMANA.xlsx</t>
  </si>
  <si>
    <t>C:\Users\luizavs\OneDrive - Grupo Algar\Backup PC Luiz\06-11-2019\LUIZ ALFREDO\01 - TELECOM\01 - TELEVENDAS\01 - TLV VAREJO\URA ATIVA\2017\03 - MARÇO\1ª SEMANA\</t>
  </si>
  <si>
    <t>URA ATIVA 1 SEM MAR17.xlsx</t>
  </si>
  <si>
    <t>C:\Users\luizavs\OneDrive - Grupo Algar\Backup PC Luiz\06-11-2019\LUIZ ALFREDO\01 - TELECOM\01 - TELEVENDAS\01 - TLV VAREJO\URA ATIVA\2017\03 - MARÇO\3ª SEMANA\</t>
  </si>
  <si>
    <t>URA ATIVA 3 SEM MAR17.xlsx</t>
  </si>
  <si>
    <t>C:\Users\luizavs\OneDrive - Grupo Algar\Backup PC Luiz\06-11-2019\LUIZ ALFREDO\01 - TELECOM\01 - TELEVENDAS\01 - TLV VAREJO\URA ATIVA\2017\03 - MARÇO\4ª SEMANA\</t>
  </si>
  <si>
    <t>URA ATIVA 4 SEM MAR17.xlsx</t>
  </si>
  <si>
    <t>C:\Users\luizavs\OneDrive - Grupo Algar\Backup PC Luiz\06-11-2019\LUIZ ALFREDO\01 - TELECOM\01 - TELEVENDAS\01 - TLV VAREJO\URA ATIVA\2017\03 - MARÇO\5ª SEMANA\</t>
  </si>
  <si>
    <t>URA ATIVA 5 SEM MAR17.xlsx</t>
  </si>
  <si>
    <t>C:\Users\luizavs\OneDrive - Grupo Algar\Backup PC Luiz\06-11-2019\LUIZ ALFREDO\01 - TELECOM\01 - TELEVENDAS\01 - TLV VAREJO\URA ATIVA\2017\04 - ABRIL\1ª SEMANA\</t>
  </si>
  <si>
    <t>URA ATIVA 1 SEM ABR17.xlsx</t>
  </si>
  <si>
    <t>C:\Users\luizavs\OneDrive - Grupo Algar\Backup PC Luiz\06-11-2019\LUIZ ALFREDO\01 - TELECOM\01 - TELEVENDAS\01 - TLV VAREJO\URA ATIVA\2017\04 - ABRIL\2ª SEMANA\</t>
  </si>
  <si>
    <t>URA ATIVA 2 SEM ABR17.xlsx</t>
  </si>
  <si>
    <t>C:\Users\luizavs\OneDrive - Grupo Algar\Backup PC Luiz\06-11-2019\LUIZ ALFREDO\01 - TELECOM\01 - TELEVENDAS\01 - TLV VAREJO\URA ATIVA\2017\04 - ABRIL\3ª SEMANA\</t>
  </si>
  <si>
    <t>URA ATIVA 3 SEM ABR17.xlsx</t>
  </si>
  <si>
    <t>C:\Users\luizavs\OneDrive - Grupo Algar\Backup PC Luiz\06-11-2019\LUIZ ALFREDO\01 - TELECOM\01 - TELEVENDAS\01 - TLV VAREJO\URA ATIVA\2017\04 - ABRIL\4ª SEMANA\</t>
  </si>
  <si>
    <t>URA ATIVA 4 SEM ABR17.xlsx</t>
  </si>
  <si>
    <t>C:\Users\luizavs\OneDrive - Grupo Algar\Backup PC Luiz\06-11-2019\LUIZ ALFREDO\01 - TELECOM\01 - TELEVENDAS\01 - TLV VAREJO\URA ATIVA\2017\05 - MAIO\2ª SEMANA\</t>
  </si>
  <si>
    <t>URA ATIVA 2 SEM MAI17.xlsx</t>
  </si>
  <si>
    <t>C:\Users\luizavs\OneDrive - Grupo Algar\Backup PC Luiz\06-11-2019\LUIZ ALFREDO\01 - TELECOM\01 - TELEVENDAS\01 - TLV VAREJO\URA ATIVA\2017\06 - JUNHO\3ª SEMANA\</t>
  </si>
  <si>
    <t>URA ATIVA 3 SEM JUN 17.xlsx</t>
  </si>
  <si>
    <t>C:\Users\luizavs\OneDrive - Grupo Algar\Backup PC Luiz\06-11-2019\LUIZ ALFREDO\01 - TELECOM\01 - TELEVENDAS\01 - TLV VAREJO\WEEK REPORT\2017\03-MARÇO\ATIVO\</t>
  </si>
  <si>
    <t>WEEK REPORT ATIVO 3ª SEMANA.xlsx</t>
  </si>
  <si>
    <t>WEEK REPORT ATIVO 2ª SEMANA.xlsx</t>
  </si>
  <si>
    <t>C:\Users\luizavs\OneDrive - Grupo Algar\Backup PC Luiz\06-11-2019\LUIZ ALFREDO\01 - TELECOM\01 - TELEVENDAS\01 - TLV VAREJO\WEEK REPORT\2017\03-MARÇO\BLEND\</t>
  </si>
  <si>
    <t>WEEK REPORT TLV RECEPTIVO_SEMANA 3.xlsx</t>
  </si>
  <si>
    <t>C:\Users\luizavs\OneDrive - Grupo Algar\Backup PC Luiz\06-11-2019\LUIZ ALFREDO\01 - TELECOM\01 - TELEVENDAS\02 - TLV MPE\3ª METRICA\2017\10 - OUTUBRO\MÉTRICAS\</t>
  </si>
  <si>
    <t>Faixas de metrica especifica - UDI - ALGAR TELECOM SUPERVENDAS MPE - OUTUBRO 2017.xlsm</t>
  </si>
  <si>
    <t>C:\Users\luizavs\OneDrive - Grupo Algar\Backup PC Luiz\06-11-2019\LUIZ ALFREDO\01 - TELECOM\01 - TELEVENDAS\02 - TLV MPE\CURVA ABC\BACKUP TELECOM MPE\ACOMPANHAMENTO\CAPACIDADE MAILING\</t>
  </si>
  <si>
    <t>C:\Users\luizavs\OneDrive - Grupo Algar\Backup PC Luiz\06-11-2019\LUIZ ALFREDO\01 - TELECOM\01 - TELEVENDAS\02 - TLV MPE\CURVA ABC\BACKUP TELECOM MPE\ACOMPANHAMENTO\ACOMP MAILING ANTIGO\</t>
  </si>
  <si>
    <t>C:\Users\luizavs\OneDrive - Grupo Algar\Backup PC Luiz\06-11-2019\LUIZ ALFREDO\01 - TELECOM\01 - TELEVENDAS\02 - TLV MPE\CURVA ABC\BACKUP TELECOM MPE\ACOMPANHAMENTO\Acompanhamento de Mailings\</t>
  </si>
  <si>
    <t>Categorizações Ativo MPE MAIO.xlsx</t>
  </si>
  <si>
    <t>C:\Users\luizavs\OneDrive - Grupo Algar\Backup PC Luiz\06-11-2019\LUIZ ALFREDO\01 - TELECOM\01 - TELEVENDAS\02 - TLV MPE\CURVA ABC\BACKUP TELECOM MPE\ACOMPANHAMENTO\ACOMPANHAMENTO DE RECEITA\</t>
  </si>
  <si>
    <t>ACOMPANHAMENTO RECEITA TLV - ALGAR VAREJO 20170511.xlsm</t>
  </si>
  <si>
    <t>C:\Users\luizavs\OneDrive - Grupo Algar\Backup PC Luiz\06-11-2019\LUIZ ALFREDO\01 - TELECOM\01 - TELEVENDAS\02 - TLV MPE\CURVA ABC\BACKUP TELECOM MPE\ACOMPANHAMENTO\Acompanhamento Receptivo\</t>
  </si>
  <si>
    <t>Produção TLV - MAI-17 - MPE.xlsx</t>
  </si>
  <si>
    <t>ACOMPANHAMENTO RECEITA TLV - ALGAR MPE 20170511.xlsm</t>
  </si>
  <si>
    <t>C:\Users\luizavs\OneDrive - Grupo Algar\Backup PC Luiz\06-11-2019\LUIZ ALFREDO\01 - TELECOM\01 - TELEVENDAS\02 - TLV MPE\CURVA ABC\BACKUP TELECOM MPE\ACOMPANHAMENTO\DESCONEXÃO\</t>
  </si>
  <si>
    <t>C:\Users\luizavs\OneDrive - Grupo Algar\Backup PC Luiz\06-11-2019\LUIZ ALFREDO\01 - TELECOM\01 - TELEVENDAS\02 - TLV MPE\CURVA ABC\BACKUP TELECOM MPE\ACOMPANHAMENTO\ESCALA TREINAMENTO\</t>
  </si>
  <si>
    <t>C:\Users\luizavs\OneDrive - Grupo Algar\Backup PC Luiz\06-11-2019\LUIZ ALFREDO\01 - TELECOM\01 - TELEVENDAS\02 - TLV MPE\CURVA ABC\BACKUP TELECOM MPE\ACOMPANHAMENTO\FINANCEIRO\</t>
  </si>
  <si>
    <t>Contestação de Receitas - Abril 17.xlsx</t>
  </si>
  <si>
    <t>C:\Users\luizavs\OneDrive - Grupo Algar\Backup PC Luiz\06-11-2019\LUIZ ALFREDO\01 - TELECOM\01 - TELEVENDAS\02 - TLV MPE\CURVA ABC\BACKUP TELECOM MPE\ACOMPANHAMENTO\HORAS LOGADAS\</t>
  </si>
  <si>
    <t>ARQUIVO TEMPO LOGADO - TELEVENDAS MPE - MAIO.xlsx</t>
  </si>
  <si>
    <t>C:\Users\luizavs\OneDrive - Grupo Algar\Backup PC Luiz\06-11-2019\LUIZ ALFREDO\01 - TELECOM\01 - TELEVENDAS\02 - TLV MPE\CURVA ABC\BACKUP TELECOM MPE\ACOMPANHAMENTO\INTRADIÁRIO\</t>
  </si>
  <si>
    <t>TLV MPE - ACOMPANHAMENTO INTRADIARIO.xlsm</t>
  </si>
  <si>
    <t>C:\Users\luizavs\OneDrive - Grupo Algar\Backup PC Luiz\06-11-2019\LUIZ ALFREDO\01 - TELECOM\01 - TELEVENDAS\02 - TLV MPE\CURVA ABC\BACKUP TELECOM MPE\ACOMPANHAMENTO\INTRAMENSAL\</t>
  </si>
  <si>
    <t>TLV MPE - ACOMPANHAMENTO INTRAMENSAL.xlsm</t>
  </si>
  <si>
    <t>C:\Users\luizavs\OneDrive - Grupo Algar\Backup PC Luiz\06-11-2019\LUIZ ALFREDO\01 - TELECOM\01 - TELEVENDAS\02 - TLV MPE\CURVA ABC\BACKUP TELECOM MPE\ACOMPANHAMENTO\MICRO GESTÃO\</t>
  </si>
  <si>
    <t>Micro Gestão MPE Novo Maio.xlsx</t>
  </si>
  <si>
    <t>C:\Users\luizavs\OneDrive - Grupo Algar\Backup PC Luiz\06-11-2019\LUIZ ALFREDO\01 - TELECOM\01 - TELEVENDAS\02 - TLV MPE\CURVA ABC\BACKUP TELECOM MPE\ACOMPANHAMENTO\PPT GERENCIAL\</t>
  </si>
  <si>
    <t>Ranking x Operador - TLV MPE.xlsx</t>
  </si>
  <si>
    <t>C:\Users\luizavs\OneDrive - Grupo Algar\Backup PC Luiz\06-11-2019\LUIZ ALFREDO\01 - TELECOM\01 - TELEVENDAS\02 - TLV MPE\CURVA ABC\BACKUP TELECOM MPE\ACOMPANHAMENTO\PPT GERENCIAL\Gerencial Televendas.pptx\</t>
  </si>
  <si>
    <t>C:\Users\luizavs\OneDrive - Grupo Algar\Backup PC Luiz\06-11-2019\LUIZ ALFREDO\01 - TELECOM\01 - TELEVENDAS\02 - TLV MPE\CURVA ABC\BACKUP TELECOM MPE\ACOMPANHAMENTO\PRODUTIVIDADE ONLINE\</t>
  </si>
  <si>
    <t>Produtividade_Online_TELEVENDAS.xls</t>
  </si>
  <si>
    <t>C:\Users\luizavs\OneDrive - Grupo Algar\Backup PC Luiz\06-11-2019\LUIZ ALFREDO\01 - TELECOM\01 - TELEVENDAS\02 - TLV MPE\CURVA ABC\BACKUP TELECOM MPE\ACOMPANHAMENTO\URA ATIVA\</t>
  </si>
  <si>
    <t>C:\Users\luizavs\OneDrive - Grupo Algar\Backup PC Luiz\06-11-2019\LUIZ ALFREDO\01 - TELECOM\01 - TELEVENDAS\02 - TLV MPE\CURVA ABC\BACKUP TELECOM MPE\ACOMPANHAMENTO\PROVISÃO MAILING\</t>
  </si>
  <si>
    <t>C:\Users\luizavs\OneDrive - Grupo Algar\Backup PC Luiz\06-11-2019\LUIZ ALFREDO\01 - TELECOM\01 - TELEVENDAS\02 - TLV MPE\CURVA ABC\BACKUP TELECOM MPE\ACOMPANHAMENTO\WEEK REPORT\</t>
  </si>
  <si>
    <t>WEEK REPORT TLV RECEPTIVO 1ª SEMANA.xlsx</t>
  </si>
  <si>
    <t>WEEK REPORT ATIVO 1ª SEMANA.xlsx</t>
  </si>
  <si>
    <t>CURVA ABC MAIO 17.xlsx</t>
  </si>
  <si>
    <t>C:\Users\luizavs\OneDrive - Grupo Algar\Backup PC Luiz\06-11-2019\LUIZ ALFREDO\01 - TELECOM\01 - TELEVENDAS\02 - TLV MPE\CURVA ABC\BACKUP TELECOM MPE\DDX\Cenário Com desvio\</t>
  </si>
  <si>
    <t>DDX MAIO_TECH - OFICIAL_DESVIO_270417.xlsx</t>
  </si>
  <si>
    <t>DDX MAIO_TECH - OFICIAL_DESVIO.xlsx</t>
  </si>
  <si>
    <t>DDX MAIO_ CONSOLIDADO_OFICIAL_DESVIO.xlsx</t>
  </si>
  <si>
    <t>DDX - TV A CABO _TECH_DESVIO.xlsm</t>
  </si>
  <si>
    <t>DDX - TV A CABO _Consolidado_DESVIO.xlsm</t>
  </si>
  <si>
    <t>DDX - SCM, SMP E STFC_TECH_DESVIO.xlsm</t>
  </si>
  <si>
    <t>DDX - SCM, SMP E STFC_CONSOLIDADO_DESVIO_ajuste aht rcv.xlsm</t>
  </si>
  <si>
    <t>DDX - SCM, SMP E STFC_CONSOLIDADO_DESVIO.xlsm</t>
  </si>
  <si>
    <t>DDX - CTBC TV_TECH_DESVIO.xlsm</t>
  </si>
  <si>
    <t>DDX - CTBC TV_CONSOLIDADO_DESVIO.xlsm</t>
  </si>
  <si>
    <t>C:\Users\luizavs\OneDrive - Grupo Algar\Backup PC Luiz\06-11-2019\LUIZ ALFREDO\01 - TELECOM\01 - TELEVENDAS\02 - TLV MPE\CURVA ABC\BACKUP TELECOM MPE\DDX\Cenário Oficial\</t>
  </si>
  <si>
    <t>DDX MAIO_TECH_OFICIAL.xlsx</t>
  </si>
  <si>
    <t>DDX MAIO_CONSOLIDADO_OFICIAL.xlsx</t>
  </si>
  <si>
    <t>DDX - TV A CABO _TECH.xlsm</t>
  </si>
  <si>
    <t>DDX - TV A CABO _Consolidado.xlsm</t>
  </si>
  <si>
    <t>DDX - SCM, SMP E STFC_TECH.xlsm</t>
  </si>
  <si>
    <t>DDX - SCM, SMP E STFC_CONSOLIDADO.xlsm</t>
  </si>
  <si>
    <t>DDX - CTBC TV_TECH.xlsm</t>
  </si>
  <si>
    <t>DDX - CTBC TV_CONSOLIDADO.xlsm</t>
  </si>
  <si>
    <t>C:\Users\luizavs\OneDrive - Grupo Algar\Backup PC Luiz\06-11-2019\LUIZ ALFREDO\01 - TELECOM\01 - TELEVENDAS\02 - TLV MPE\CURVA ABC\BACKUP TELECOM MPE\EXTRATORES\QUERY &amp; EXTRATOR\</t>
  </si>
  <si>
    <t>C:\Users\luizavs\OneDrive - Grupo Algar\Backup PC Luiz\06-11-2019\LUIZ ALFREDO\01 - TELECOM\01 - TELEVENDAS\02 - TLV MPE\CURVA ABC\BACKUP TELECOM MPE\PLANEJAMENTO\Cenários\</t>
  </si>
  <si>
    <t>05 - DIMENS. TLV MPE_variação 14%.xlsm</t>
  </si>
  <si>
    <t>05 - DIMENS. TLV MPE_CAPACITY.xlsm</t>
  </si>
  <si>
    <t>05 - DIMENS. TLV MPE_9860_resultado.xlsm</t>
  </si>
  <si>
    <t>05 - DIMENS. TLV MPE_9860_necessidade.xlsm</t>
  </si>
  <si>
    <t>C:\Users\luizavs\OneDrive - Grupo Algar\Backup PC Luiz\06-11-2019\LUIZ ALFREDO\01 - TELECOM\01 - TELEVENDAS\02 - TLV MPE\CURVA ABC\BACKUP TELECOM MPE\PLANEJAMENTO\DIMENSIONAMENTO\</t>
  </si>
  <si>
    <t>C:\Users\luizavs\OneDrive - Grupo Algar\Backup PC Luiz\06-11-2019\LUIZ ALFREDO\01 - TELECOM\01 - TELEVENDAS\02 - TLV MPE\FINANCEIRO\CONTESTAÇÃO DE RECEITA\2016\DEZEMBRO - 16\</t>
  </si>
  <si>
    <t>Apuração Fechamento - TLV MPE - Dezembro - 2016.xlsx</t>
  </si>
  <si>
    <t>C:\Users\luizavs\OneDrive - Grupo Algar\Backup PC Luiz\06-11-2019\LUIZ ALFREDO\01 - TELECOM\01 - TELEVENDAS\02 - TLV MPE\FINANCEIRO\CONTESTAÇÃO DE RECEITA\2016\JULHO-16\</t>
  </si>
  <si>
    <t>Contestação de Receitas - Julho-16.xlsx</t>
  </si>
  <si>
    <t>C:\Users\luizavs\OneDrive - Grupo Algar\Backup PC Luiz\06-11-2019\LUIZ ALFREDO\01 - TELECOM\01 - TELEVENDAS\02 - TLV MPE\FINANCEIRO\CONTESTAÇÃO DE RECEITA\2016\JUNHO-16\</t>
  </si>
  <si>
    <t>Contestação junho.xlsx</t>
  </si>
  <si>
    <t>Contestação de Receitas - Junho-16.xlsx</t>
  </si>
  <si>
    <t>C:\Users\luizavs\OneDrive - Grupo Algar\Backup PC Luiz\06-11-2019\LUIZ ALFREDO\01 - TELECOM\01 - TELEVENDAS\02 - TLV MPE\FINANCEIRO\CONTESTAÇÃO DE RECEITA\2016\MAIO-16\</t>
  </si>
  <si>
    <t>Televendas (003).xlsx</t>
  </si>
  <si>
    <t>CONTESTAÇÃO DE RECEITA.xlsx</t>
  </si>
  <si>
    <t>CONTESTAÇÃO DE RECEITA v2.xlsx</t>
  </si>
  <si>
    <t>C:\Users\luizavs\OneDrive - Grupo Algar\Backup PC Luiz\06-11-2019\LUIZ ALFREDO\01 - TELECOM\01 - TELEVENDAS\02 - TLV MPE\FINANCEIRO\CONTESTAÇÃO DE RECEITA\2016\NOVEMBRO - 16\</t>
  </si>
  <si>
    <t>Apuração Fechamento - TLV MPE - Novembro - 2016.xlsx</t>
  </si>
  <si>
    <t>C:\Users\luizavs\OneDrive - Grupo Algar\Backup PC Luiz\06-11-2019\LUIZ ALFREDO\01 - TELECOM\01 - TELEVENDAS\02 - TLV MPE\FINANCEIRO\CONTESTAÇÃO DE RECEITA\2016\OUTUBRO - 16\</t>
  </si>
  <si>
    <t>Contestação TLV MPE.xlsx</t>
  </si>
  <si>
    <t>C:\Users\luizavs\OneDrive - Grupo Algar\Backup PC Luiz\06-11-2019\LUIZ ALFREDO\01 - TELECOM\01 - TELEVENDAS\02 - TLV MPE\FINANCEIRO\CONTESTAÇÃO DE RECEITA\2016\SETEMBRO-16\</t>
  </si>
  <si>
    <t>Contestação de Receitas - Setembro-16.xlsx</t>
  </si>
  <si>
    <t>C:\Users\luizavs\OneDrive - Grupo Algar\Backup PC Luiz\06-11-2019\LUIZ ALFREDO\01 - TELECOM\01 - TELEVENDAS\02 - TLV MPE\FINANCEIRO\CONTESTAÇÃO DE RECEITA\2017\01 - JANEIRO\</t>
  </si>
  <si>
    <t>Contestação de Receitas - Janeiro-17.xlsx</t>
  </si>
  <si>
    <t>APURAÇÃO JANEIRO FECHAMENTO.xlsx</t>
  </si>
  <si>
    <t>C:\Users\luizavs\OneDrive - Grupo Algar\Backup PC Luiz\06-11-2019\LUIZ ALFREDO\01 - TELECOM\01 - TELEVENDAS\02 - TLV MPE\FINANCEIRO\CONTESTAÇÃO DE RECEITA\2017\02 - FEVEREIRO\</t>
  </si>
  <si>
    <t>Fechamento Televendas MPE.xlsx</t>
  </si>
  <si>
    <t>Contestação de Receitas - Fevereiro-17.xlsx</t>
  </si>
  <si>
    <t>Contestação de Receitas - Fevereiro-17 V2.xlsx</t>
  </si>
  <si>
    <t>C:\Users\luizavs\OneDrive - Grupo Algar\Backup PC Luiz\06-11-2019\LUIZ ALFREDO\01 - TELECOM\01 - TELEVENDAS\02 - TLV MPE\FINANCEIRO\CONTESTAÇÃO DE RECEITA\2017\03 - MARÇO\</t>
  </si>
  <si>
    <t>Contestação de Receitas - Março 17.xlsx</t>
  </si>
  <si>
    <t>BASE FECHAMENTO MARÇO.xlsx</t>
  </si>
  <si>
    <t>C:\Users\luizavs\OneDrive - Grupo Algar\Backup PC Luiz\06-11-2019\LUIZ ALFREDO\01 - TELECOM\01 - TELEVENDAS\02 - TLV MPE\FINANCEIRO\CONTESTAÇÃO DE RECEITA\2017\04 - ABRIL\</t>
  </si>
  <si>
    <t>Resultado Televendas.xlsx</t>
  </si>
  <si>
    <t>C:\Users\luizavs\OneDrive - Grupo Algar\Backup PC Luiz\06-11-2019\LUIZ ALFREDO\01 - TELECOM\01 - TELEVENDAS\02 - TLV MPE\FINANCEIRO\CONTESTAÇÃO DE RECEITA\2017\05 - MAIO\</t>
  </si>
  <si>
    <t>Contestação de Receitas - MAIO 17.xlsx</t>
  </si>
  <si>
    <t>ACOMPANHAMENTO RECEITA TLV - ALGAR MPE Fechamento.xlsm</t>
  </si>
  <si>
    <t>C:\Users\luizavs\OneDrive - Grupo Algar\Backup PC Luiz\06-11-2019\LUIZ ALFREDO\01 - TELECOM\01 - TELEVENDAS\02 - TLV MPE\FINANCEIRO\CONTESTAÇÃO DE RECEITA\2017\08 - AGOSTO\</t>
  </si>
  <si>
    <t>C:\Users\luizavs\OneDrive - Grupo Algar\Backup PC Luiz\06-11-2019\LUIZ ALFREDO\01 - TELECOM\01 - TELEVENDAS\02 - TLV MPE\FINANCEIRO\CONTESTAÇÃO DE RECEITA\2017\09 - SETEMBRO\</t>
  </si>
  <si>
    <t>Relatorio-CMC020-FECH_AlgarCRM_20170928.xlsx</t>
  </si>
  <si>
    <t>MEMBRO MPE RECEITA RESIDENCIAL.xlsx</t>
  </si>
  <si>
    <t>Contestação de Receitas - SET-17.xlsx</t>
  </si>
  <si>
    <t>Relatorio-CMC020-FECH_CANC_AlgarCRM_20170928.xlsx</t>
  </si>
  <si>
    <t>C:\Users\luizavs\OneDrive - Grupo Algar\Backup PC Luiz\06-11-2019\LUIZ ALFREDO\01 - TELECOM\01 - TELEVENDAS\02 - TLV MPE\FINANCEIRO\CONTESTAÇÃO DE RECEITA\2017\10 - OUTUBRO\</t>
  </si>
  <si>
    <t>Contestação de Receitas - OUT-17.xlsx</t>
  </si>
  <si>
    <t>APURAÇÃO TELEVENDAS MPE OUTUBRO (RECEITA SET17).xlsx</t>
  </si>
  <si>
    <t>ACOMPANHAMENTO RECEITA TLV - ALGAR MPE 20171002.xlsm</t>
  </si>
  <si>
    <t>APURAÇÃO TELEVENDAS MPE OUTUBRO (RECEITA SET17).xls</t>
  </si>
  <si>
    <t>C:\Users\luizavs\OneDrive - Grupo Algar\Backup PC Luiz\06-11-2019\LUIZ ALFREDO\01 - TELECOM\01 - TELEVENDAS\02 - TLV MPE\FINANCEIRO\CONTESTAÇÃO DE RECEITA\2017\11 - NOVEMBRO\</t>
  </si>
  <si>
    <t>RECEITA DIVERGENTE.xlsx</t>
  </si>
  <si>
    <t>Fechamento Novembro - 2017.xlsx</t>
  </si>
  <si>
    <t>Contestação Migração Expansão.xlsx</t>
  </si>
  <si>
    <t>Contestação de Receitas - NOV-17.xlsx</t>
  </si>
  <si>
    <t>APURAÇÃO TELEVENDAS MPE NOVEMBRO.xlsx</t>
  </si>
  <si>
    <t>C:\Users\luizavs\OneDrive - Grupo Algar\Backup PC Luiz\06-11-2019\LUIZ ALFREDO\01 - TELECOM\01 - TELEVENDAS\02 - TLV MPE\FINANCEIRO\CONTESTAÇÃO DE RECEITA\2017\12 - DEZEMBRO\</t>
  </si>
  <si>
    <t>Vendas Inputadas_MPE_2712.xlsx</t>
  </si>
  <si>
    <t>Vendas GDAX.xlsx</t>
  </si>
  <si>
    <t>GDAX GREVY.xlsx</t>
  </si>
  <si>
    <t>ACOMPANHAMENTO RECEITA TLV - ALGAR MPE 20171204.xlsm</t>
  </si>
  <si>
    <t>FECHAMENTO TECH DEZEMBRO - 2017.xlsx</t>
  </si>
  <si>
    <t>Contestação de Receitas - DEZ-17.xlsx</t>
  </si>
  <si>
    <t>Contestação 12-12.xlsx</t>
  </si>
  <si>
    <t>C:\Users\luizavs\OneDrive - Grupo Algar\Backup PC Luiz\06-11-2019\LUIZ ALFREDO\01 - TELECOM\01 - TELEVENDAS\02 - TLV MPE\FINANCEIRO\CONTESTAÇÃO DE RECEITA\2018\01 - JANEIRO\</t>
  </si>
  <si>
    <t>TABELA JAN-18.xlsx</t>
  </si>
  <si>
    <t>Inviabilidade.xlsx</t>
  </si>
  <si>
    <t>ACOMPANHAMENTO RECEITA TLV - ALGAR MPE 20171231.xlsm</t>
  </si>
  <si>
    <t>Fechado final Janeiro.xlsx</t>
  </si>
  <si>
    <t>CONTESTAÇÃO V2.xls</t>
  </si>
  <si>
    <t>Contestação de Receitas - JAN-18.xlsx</t>
  </si>
  <si>
    <t>APURAÇÃO TELEVENDAS MPE JANEIRO.xlsx</t>
  </si>
  <si>
    <t>C:\Users\luizavs\OneDrive - Grupo Algar\Backup PC Luiz\06-11-2019\LUIZ ALFREDO\01 - TELECOM\01 - TELEVENDAS\02 - TLV MPE\FINANCEIRO\CONTESTAÇÃO DE RECEITA\2018\02 - FEVEREIRO\</t>
  </si>
  <si>
    <t>SEGMENTOS MPE FEV18.xlsx</t>
  </si>
  <si>
    <t>FECHADO TLV MPE - FEVEREIRO 2018.xlsx</t>
  </si>
  <si>
    <t>Cópia de APURAÇÃO TELEVENDAS MPE FEVEREIRO.xlsx</t>
  </si>
  <si>
    <t>ACOMPANHAMENTO RECEITA TLV - ALGAR MPE 20180131 - Fechamento.xlsm</t>
  </si>
  <si>
    <t>Microgestão_TLV MPE - Nova Meta.xlsx</t>
  </si>
  <si>
    <t>Contestação de Receitas - FEV-18.xlsx</t>
  </si>
  <si>
    <t>APURAÇÃO TELEVENDAS MPE FEVEREIRO.xlsx</t>
  </si>
  <si>
    <t>C:\Users\luizavs\OneDrive - Grupo Algar\Backup PC Luiz\06-11-2019\LUIZ ALFREDO\01 - TELECOM\01 - TELEVENDAS\02 - TLV MPE\FINANCEIRO\CONTESTAÇÃO DE RECEITA\2018\03 - MARÇO\</t>
  </si>
  <si>
    <t>Fechamento Oficial - Março 2018.xlsx</t>
  </si>
  <si>
    <t>Contestação Grevy.xlsx</t>
  </si>
  <si>
    <t>Contestação de Receitas - MAR-18.xlsx</t>
  </si>
  <si>
    <t>Avaliação SVA.xlsx</t>
  </si>
  <si>
    <t>C:\Users\luizavs\OneDrive - Grupo Algar\Backup PC Luiz\06-11-2019\LUIZ ALFREDO\01 - TELECOM\01 - TELEVENDAS\02 - TLV MPE\FINANCEIRO\CONTESTAÇÃO DE RECEITA\2018\04 - ABRIL\</t>
  </si>
  <si>
    <t>Vendas TLV MPE 24-04.xlsx</t>
  </si>
  <si>
    <t>Relatorio de SMS Enviado por Arquivo (1).csv</t>
  </si>
  <si>
    <t>receita simulada.xlsx</t>
  </si>
  <si>
    <t>Projeção Resultado Aberto 4ªSemana TLV MPE.xlsx</t>
  </si>
  <si>
    <t>Inviáveis Marketing Telecom.xlsx</t>
  </si>
  <si>
    <t>Dados 10GB Franquia 2.xlsx</t>
  </si>
  <si>
    <t>10.200.61.211</t>
  </si>
  <si>
    <t>Microanálise operacional e evolutivo</t>
  </si>
  <si>
    <t>MIS - Atualização até 1205.msg\s1\</t>
  </si>
  <si>
    <t>MIS - Rosilene 2019.xlsm</t>
  </si>
  <si>
    <t>10.200.60.31</t>
  </si>
  <si>
    <t>/o=exchangelabs/ou=exchange administrative group (fydibohf23spdlt)/cn=recipients/cn=2504d5028b6b4fb89d14a5df6031358d-jane carla;/o=exchangelabs/ou=exchange administrative group (fydibohf23spdlt)/cn=recipients/cn=ed2578a7fad746b59b0f586e2ee82bbd-heliel de f;cristianecsa@algartech.com;</t>
  </si>
  <si>
    <t>Depreciação e Baixa</t>
  </si>
  <si>
    <t>Justificativa Depreciação e Baixas Outubro.xlsx</t>
  </si>
  <si>
    <t>/o=exchangelabs/ou=exchange administrative group (fydibohf23spdlt)/cn=recipients/cn=2504d5028b6b4fb89d14a5df6031358d-jane carla,/o=exchangelabs/ou=exchange administrative group (fydibohf23spdlt)/cn=recipients/cn=ed2578a7fad746b59b0f586e2ee82bbd-heliel de f,cristianecsa@algartech.com</t>
  </si>
  <si>
    <t>Cópia de tabela-MPE-Abril_2018.xls</t>
  </si>
  <si>
    <t>Contestação de Receitas - ABR-18.xlsx</t>
  </si>
  <si>
    <t>Contestação de Receitas - ABR-18 V2.xlsx</t>
  </si>
  <si>
    <t>Base Produtividade Telecom de Receita - ABRIL 2018.xlsx</t>
  </si>
  <si>
    <t>C:\Users\luizavs\OneDrive - Grupo Algar\Backup PC Luiz\06-11-2019\LUIZ ALFREDO\01 - TELECOM\01 - TELEVENDAS\02 - TLV MPE\FINANCEIRO\CONTESTAÇÃO DE RECEITA\2018\05 - MAIO\</t>
  </si>
  <si>
    <t>VALIDAÇÃO RECEITA FECHADA 16-05.xlsx</t>
  </si>
  <si>
    <t>Comissão Dados Giga Ilimitado.xlsx</t>
  </si>
  <si>
    <t>BASE RECEITA MPE.xls</t>
  </si>
  <si>
    <t>C:\Users\luizavs\OneDrive - Grupo Algar\Backup PC Luiz\06-11-2019\LUIZ ALFREDO\01 - TELECOM\01 - TELEVENDAS\02 - TLV MPE\FINANCEIRO\CONTESTAÇÃO DE RECEITA\2018\06 - JUNHO\</t>
  </si>
  <si>
    <t>RONE-REBECA (PORTOUT-CHURN).xlsx</t>
  </si>
  <si>
    <t>Contestação de Receitas - JUN-18.xlsx</t>
  </si>
  <si>
    <t>Contestação - Junho 2018.xlsx</t>
  </si>
  <si>
    <t>TB24_20180703_085121.xls</t>
  </si>
  <si>
    <t>C:\Users\luizavs\OneDrive - Grupo Algar\Backup PC Luiz\06-11-2019\LUIZ ALFREDO\01 - TELECOM\01 - TELEVENDAS\02 - TLV MPE\FINANCEIRO\CONTESTAÇÃO DE RECEITA\2018\07 - JULHO\</t>
  </si>
  <si>
    <t>VENDAS DANIEL HD.xlsx</t>
  </si>
  <si>
    <t>Tabela-MPE-Julho_2018.xls</t>
  </si>
  <si>
    <t>Relatorio de SMS Enviado TLV MPE.xlsx</t>
  </si>
  <si>
    <t>Produtos Fidelizados TLV MPE.xlsx</t>
  </si>
  <si>
    <t>VALIDAÇÃO HOMOLOGAÇÃO.xls</t>
  </si>
  <si>
    <t>MPE 6 sem Fidelidadexlsx.xlsx</t>
  </si>
  <si>
    <t>MELHORES UPGRADES - MPE 6.xlsx</t>
  </si>
  <si>
    <t>FIDELIDADE EM BRANCO.xlsx</t>
  </si>
  <si>
    <t>Fechamento - Julho 2018 Algar Tech.xlsx</t>
  </si>
  <si>
    <t>PRODUTIVIDADE Julho18.xlsx</t>
  </si>
  <si>
    <t>DOWNGRADE MPE 6.xlsx</t>
  </si>
  <si>
    <t>Cópia de Base 25-07.xlsx</t>
  </si>
  <si>
    <t>Contestação de Receitas - JUL-18.xlsx</t>
  </si>
  <si>
    <t>COMPARATIVO TLV MPE.xlsx</t>
  </si>
  <si>
    <t>Base 16-07.xlsx</t>
  </si>
  <si>
    <t>Auxiliar MPE.xlsx</t>
  </si>
  <si>
    <t>ALTERAÇÃO TABELA_VALOR_MPE.xlsx</t>
  </si>
  <si>
    <t>C:\Users\luizavs\OneDrive - Grupo Algar\Backup PC Luiz\06-11-2019\LUIZ ALFREDO\01 - TELECOM\01 - TELEVENDAS\02 - TLV MPE\FINANCEIRO\CONTESTAÇÃO DE RECEITA\2018\08 - AGOSTO\</t>
  </si>
  <si>
    <t>VALIDAÇÃO CMC020 22-08.xlsx</t>
  </si>
  <si>
    <t>Tabela MPE Agosto 2018.xls</t>
  </si>
  <si>
    <t>MPE6 FIDELIDADE EM BRANCO.xlsx</t>
  </si>
  <si>
    <t>IMPACTO TABELA em julho.xlsx</t>
  </si>
  <si>
    <t>IMPACTO TABELA.xlsx</t>
  </si>
  <si>
    <t>Contestação de Receitas - AGO-18.xlsx</t>
  </si>
  <si>
    <t>Contestação de Receitas - AGO-18 v3 (GREVY).xlsx</t>
  </si>
  <si>
    <t>Fechamento - Agosto 2018 v2 grevy.xlsx</t>
  </si>
  <si>
    <t>Contestação de Receitas - AGO-18 v2.xlsx</t>
  </si>
  <si>
    <t>Fechamento - Agosto 2018.xlsx</t>
  </si>
  <si>
    <t>C:\Users\luizavs\OneDrive - Grupo Algar\Backup PC Luiz\06-11-2019\LUIZ ALFREDO\01 - TELECOM\01 - TELEVENDAS\02 - TLV MPE\FINANCEIRO\CONTESTAÇÃO DE RECEITA\2018\09 - SETEMBRO\</t>
  </si>
  <si>
    <t>Relatorio Joao Fechado! v2.xlsx</t>
  </si>
  <si>
    <t>PRODUTOS ALTERADOS.xlsx</t>
  </si>
  <si>
    <t>IMPACTO TABELA SETEMBRO.xlsx</t>
  </si>
  <si>
    <t>FIDELIDADE MPE 6.xlsx</t>
  </si>
  <si>
    <t>Fechamento Ago-Set.xlsx</t>
  </si>
  <si>
    <t>DIFERENÇA RELATÓRIOS TELECOM.xlsx</t>
  </si>
  <si>
    <t>CONTESTAÇÃO SETEMBRO.xlsx</t>
  </si>
  <si>
    <t>Fechamento - Setembro 2018.xlsx</t>
  </si>
  <si>
    <t>Contestação de Receitas - SET-18.xlsx</t>
  </si>
  <si>
    <t>Contestação de Receitas - SET-18 V2.xlsx</t>
  </si>
  <si>
    <t>C:\Users\luizavs\OneDrive - Grupo Algar\Backup PC Luiz\06-11-2019\LUIZ ALFREDO\01 - TELECOM\01 - TELEVENDAS\02 - TLV MPE\FINANCEIRO\CONTESTAÇÃO DE RECEITA\2018\10 - OUTUBRO\</t>
  </si>
  <si>
    <t>Tabela MPE Out_2018.xls</t>
  </si>
  <si>
    <t>Relatorio de SMS Enviado por Arquivo.csv</t>
  </si>
  <si>
    <t>Conversão TLV MPE.xlsx</t>
  </si>
  <si>
    <t>Contestação de Receitas - OUT-18.xlsx</t>
  </si>
  <si>
    <t>Contestação de Receitas - OUT-18 - V2.xlsx</t>
  </si>
  <si>
    <t>C:\Users\luizavs\OneDrive - Grupo Algar\Backup PC Luiz\06-11-2019\LUIZ ALFREDO\01 - TELECOM\01 - TELEVENDAS\02 - TLV MPE\FINANCEIRO\CONTESTAÇÃO DE RECEITA\2018\11 - NOVEMBRO\</t>
  </si>
  <si>
    <t>TABELA_PREÇO_NOV18.xlsx</t>
  </si>
  <si>
    <t>Produtividade Telecom x Qlik Tech.xlsx</t>
  </si>
  <si>
    <t>Receita Simulada - Tabela Nov x Out.xlsx</t>
  </si>
  <si>
    <t>Produtividade - NOVEMBRO 2018.xlsx</t>
  </si>
  <si>
    <t>FIDELIDADDE EM BRANCO NOV18.xlsx</t>
  </si>
  <si>
    <t>Contestação de Receitas - NOV-18.xlsx</t>
  </si>
  <si>
    <t>AUXILIAR.xlsx</t>
  </si>
  <si>
    <t>C:\Users\luizavs\OneDrive - Grupo Algar\Backup PC Luiz\06-11-2019\LUIZ ALFREDO\01 - TELECOM\01 - TELEVENDAS\02 - TLV MPE\FINANCEIRO\CONTESTAÇÃO DE RECEITA\2018\12 - DEZEMBRO\</t>
  </si>
  <si>
    <t>Simulação Receita Johnny Dezembro.xlsx</t>
  </si>
  <si>
    <t>IMPACTO TABELA NOVEMBRO.xlsx</t>
  </si>
  <si>
    <t>Contestação de Receitas - DEZ-18.xlsx</t>
  </si>
  <si>
    <t>Siimulação de Receita 2019.xlsx</t>
  </si>
  <si>
    <t>CHECK LIST CONTESTAÇÃO TLV MPE - DEZ18.xlsx</t>
  </si>
  <si>
    <t>C:\Users\luizavs\OneDrive - Grupo Algar\Backup PC Luiz\06-11-2019\LUIZ ALFREDO\01 - TELECOM\01 - TELEVENDAS\02 - TLV MPE\FINANCEIRO\CONTESTAÇÃO DE RECEITA\2019\01 - JANEIRO\</t>
  </si>
  <si>
    <t>TABELAS_JAN_FEV_TECH.xlsx</t>
  </si>
  <si>
    <t>RECEITA TLV MPE.xlsx</t>
  </si>
  <si>
    <t>Pacote MPE - Fidelidade em branco - JAN19 - Dia 6-13.xlsx</t>
  </si>
  <si>
    <t>Pacote MPE - Fidelidade em branco - JAN19 - Dia 31.xlsx</t>
  </si>
  <si>
    <t>Pacote MPE - Fidelidade em branco - JAN19 - Dia 27-30.xlsx</t>
  </si>
  <si>
    <t>Pacote MPE - Fidelidade em branco - JAN19 - Dia 18-27.xlsx</t>
  </si>
  <si>
    <t>Pacote MPE - Fidelidade em branco - JAN19 - Dia 14-17.xlsx</t>
  </si>
  <si>
    <t>Pacote MPE - Fidelidade em branco - JAN19 - Dia 1-12.xlsx</t>
  </si>
  <si>
    <t>Contestação de Receitas - JAN - 19.xlsx</t>
  </si>
  <si>
    <t>Contestação de Receitas - JAN - 19 v2.xlsx</t>
  </si>
  <si>
    <t>MÊS JANEIRO 19_ SEM CONTESTACAO.xlsx</t>
  </si>
  <si>
    <t>Contestação 24 meses.xlsx</t>
  </si>
  <si>
    <t>CHECK LIST CONTESTAÇÃO TLV MPE - JAN19.xlsx</t>
  </si>
  <si>
    <t>AUXILIAR 2019 MPE.xlsx</t>
  </si>
  <si>
    <t>C:\Users\luizavs\OneDrive - Grupo Algar\Backup PC Luiz\06-11-2019\LUIZ ALFREDO\01 - TELECOM\01 - TELEVENDAS\02 - TLV MPE\FINANCEIRO\CONTESTAÇÃO DE RECEITA\2019\02 - FEVEREIRO\</t>
  </si>
  <si>
    <t>FIDELIDADE EM BRANCO - 18-25 FEV.xlsx</t>
  </si>
  <si>
    <t>FIDELIDADE EM BRANCO - 12-17 FEV.xlsx</t>
  </si>
  <si>
    <t>FIDELIDADE EM BRANCO - 01-11 FEV.xlsx</t>
  </si>
  <si>
    <t>C:\Users\luizavs\OneDrive - Grupo Algar\Backup PC Luiz\06-11-2019\LUIZ ALFREDO\01 - TELECOM\01 - TELEVENDAS\02 - TLV MPE\FINANCEIRO\CONTESTAÇÃO DE RECEITA\2019\03 - MARÇO\</t>
  </si>
  <si>
    <t>Receita Zerada - Detalhado.xlsx</t>
  </si>
  <si>
    <t>Fidelidade Zerado - 22-31 Março.xlsx</t>
  </si>
  <si>
    <t>Fidelidade Zerado - 01-21 Março.xlsx</t>
  </si>
  <si>
    <t>Contestação de Receitas - Mar19.xlsx</t>
  </si>
  <si>
    <t>CHECK LIST CONTESTAÇÃO TLV MPE - MAR19.xlsx</t>
  </si>
  <si>
    <t>C:\Users\luizavs\OneDrive - Grupo Algar\Backup PC Luiz\06-11-2019\LUIZ ALFREDO\01 - TELECOM\01 - TELEVENDAS\02 - TLV MPE\FINANCEIRO\CONTESTAÇÃO DE RECEITA\2019\04 - ABRIL\</t>
  </si>
  <si>
    <t>fidelidade zerado - Abril19.xlsx</t>
  </si>
  <si>
    <t>C:\Users\luizavs\OneDrive - Grupo Algar\Backup PC Luiz\06-11-2019\LUIZ ALFREDO\01 - TELECOM\01 - TELEVENDAS\02 - TLV MPE\FINANCEIRO\FECHAMENTO FINANCEIRO\2016\AGOSTO - 16\</t>
  </si>
  <si>
    <t>PRÉVIA FINANCEIRA TLV MPE - AGO_16.xlsx</t>
  </si>
  <si>
    <t>FECHAMENTO FINANCEIRO TLV MPE - AGO_16.xlsx</t>
  </si>
  <si>
    <t>Cálculo de PAs.xlsx</t>
  </si>
  <si>
    <t>C:\Users\luizavs\OneDrive - Grupo Algar\Backup PC Luiz\06-11-2019\LUIZ ALFREDO\01 - TELECOM\01 - TELEVENDAS\02 - TLV MPE\FINANCEIRO\FECHAMENTO FINANCEIRO\2016\DEZEMBRO - 16\</t>
  </si>
  <si>
    <t>FECHAMENTO FINANCEIRO TLV MPE - DEZ_16.xlsx</t>
  </si>
  <si>
    <t>C:\Users\luizavs\OneDrive - Grupo Algar\Backup PC Luiz\06-11-2019\LUIZ ALFREDO\01 - TELECOM\01 - TELEVENDAS\02 - TLV MPE\FINANCEIRO\FECHAMENTO FINANCEIRO\2016\JULHO - 16\</t>
  </si>
  <si>
    <t>PRÉVIA FINANCEIRA TLV MPE - JUL_16.xlsx</t>
  </si>
  <si>
    <t>FECHAMENTO FINANCEIRO TLV MPE - JUL_16.xlsx</t>
  </si>
  <si>
    <t>C:\Users\luizavs\OneDrive - Grupo Algar\Backup PC Luiz\06-11-2019\LUIZ ALFREDO\01 - TELECOM\01 - TELEVENDAS\02 - TLV MPE\FINANCEIRO\FECHAMENTO FINANCEIRO\2016\JUNHO - 16\</t>
  </si>
  <si>
    <t>PRÉVIA FINANCEIRA TLV MPE - JUN_16.xlsx</t>
  </si>
  <si>
    <t>FECHAMENTO FINANCEIRO TLV MPE - JUN_16.xlsx</t>
  </si>
  <si>
    <t>C:\Users\luizavs\OneDrive - Grupo Algar\Backup PC Luiz\06-11-2019\LUIZ ALFREDO\01 - TELECOM\01 - TELEVENDAS\02 - TLV MPE\FINANCEIRO\FECHAMENTO FINANCEIRO\2016\MAIO-16\</t>
  </si>
  <si>
    <t>PRÉVIA FINANCEIRA TLV MPE - MAI_16.xlsx</t>
  </si>
  <si>
    <t>FECHAMENTO FINANCEIRO TLV MPE - MAI_16.xlsx</t>
  </si>
  <si>
    <t>C:\Users\luizavs\OneDrive - Grupo Algar\Backup PC Luiz\06-11-2019\LUIZ ALFREDO\01 - TELECOM\01 - TELEVENDAS\02 - TLV MPE\FINANCEIRO\FECHAMENTO FINANCEIRO\2016\NOVEMBRO - 16\</t>
  </si>
  <si>
    <t>PRÉVIA FINANCEIRA TLV MPE - NOV_16.xlsx</t>
  </si>
  <si>
    <t>FECHAMENTO FINANCEIRO TLV MPE - NOV_16.xlsx</t>
  </si>
  <si>
    <t>C:\Users\luizavs\OneDrive - Grupo Algar\Backup PC Luiz\06-11-2019\LUIZ ALFREDO\01 - TELECOM\01 - TELEVENDAS\02 - TLV MPE\FINANCEIRO\FECHAMENTO FINANCEIRO\2016\OUTUBRO - 16\</t>
  </si>
  <si>
    <t>PRÉVIA FINANCEIRA TLV MPE - OUT_16.xlsx</t>
  </si>
  <si>
    <t>FECHAMENTO FINANCEIRO TLV MPE - OUT_16.xlsx</t>
  </si>
  <si>
    <t>C:\Users\luizavs\OneDrive - Grupo Algar\Backup PC Luiz\06-11-2019\LUIZ ALFREDO\01 - TELECOM\01 - TELEVENDAS\02 - TLV MPE\FINANCEIRO\FECHAMENTO FINANCEIRO\2016\SETEMBRO - 16\</t>
  </si>
  <si>
    <t>PRÉVIA FINANCEIRA TLV MPE - SET_16.xlsx</t>
  </si>
  <si>
    <t>Cópia de Relatorio - Outubro-2016.xlsx</t>
  </si>
  <si>
    <t>FECHAMENTO FINANCEIRO TLV MPE - SET_16.xlsx</t>
  </si>
  <si>
    <t>C:\Users\luizavs\OneDrive - Grupo Algar\Backup PC Luiz\06-11-2019\LUIZ ALFREDO\01 - TELECOM\01 - TELEVENDAS\02 - TLV MPE\FINANCEIRO\FECHAMENTO FINANCEIRO\2017\ABRIL - 17\</t>
  </si>
  <si>
    <t>APURAÇÃO TELEVENDAS MPE ABRIL.xlsx</t>
  </si>
  <si>
    <t>C:\Users\luizavs\OneDrive - Grupo Algar\Backup PC Luiz\06-11-2019\LUIZ ALFREDO\01 - TELECOM\01 - TELEVENDAS\02 - TLV MPE\FINANCEIRO\FECHAMENTO FINANCEIRO\2017\JANEIRO - 17\</t>
  </si>
  <si>
    <t>Receita MPE Janeiro Ajustar.xlsx</t>
  </si>
  <si>
    <t>Receita MPE com Segmento Varejo Jan17.xlsx</t>
  </si>
  <si>
    <t>C:\Users\luizavs\OneDrive - Grupo Algar\Backup PC Luiz\06-11-2019\LUIZ ALFREDO\01 - TELECOM\01 - TELEVENDAS\02 - TLV MPE\FINANCEIRO\NOVA TABELA\2016\06 - JUNHO\</t>
  </si>
  <si>
    <t>COMPARATIVO JUNHO - NOVA TABELA.xlsx</t>
  </si>
  <si>
    <t>C:\Users\luizavs\OneDrive - Grupo Algar\Backup PC Luiz\06-11-2019\LUIZ ALFREDO\01 - TELECOM\01 - TELEVENDAS\02 - TLV MPE\FINANCEIRO\NOVA TABELA\2017\06 - JUNHO\</t>
  </si>
  <si>
    <t>TABELA_VALOR_MPE.xlsx</t>
  </si>
  <si>
    <t>Tabela MPE.xlsx</t>
  </si>
  <si>
    <t>C:\Users\luizavs\OneDrive - Grupo Algar\Backup PC Luiz\06-11-2019\LUIZ ALFREDO\01 - TELECOM\01 - TELEVENDAS\02 - TLV MPE\MAILINGS\2016\ABRIL-16\26042016\</t>
  </si>
  <si>
    <t>20160426_EXTRACAO_TELEFONE_VAL_20160514_35655.xlsx</t>
  </si>
  <si>
    <t>ACOMPANHAMENTO RECEITA TLV - ALGAR MPE 20170627.xlsm</t>
  </si>
  <si>
    <t>C:\Users\luizavs\OneDrive - Grupo Algar\Backup PC Luiz\06-11-2019\LUIZ ALFREDO\01 - TELECOM\01 - TELEVENDAS\02 - TLV MPE\MAILINGS\2016\ABRIL-16\PROSPECT BH\</t>
  </si>
  <si>
    <t>PROSPECT BH - ENRIQUECIDO SEM SUCESSO.xlsx</t>
  </si>
  <si>
    <t>PROSPECT BH - ENRIQUECIDO SEM SUCESSO.csv</t>
  </si>
  <si>
    <t>MAILING BH - SUCESSO.xlsx</t>
  </si>
  <si>
    <t>job5568_enriquecimentoData.xlsx</t>
  </si>
  <si>
    <t>COMPARATIVO MAILING x ENRIQUECIMENTO.xlsx</t>
  </si>
  <si>
    <t>Análise Mailing BH 30-03-2016_34493.xlsx</t>
  </si>
  <si>
    <t>Análise Mailing BH - NÃO ACEITE.xlsx</t>
  </si>
  <si>
    <t>20160330_EXTRACAO_TELEFONE_VAL_20160415_34493.xlsx</t>
  </si>
  <si>
    <t>C:\Users\luizavs\OneDrive - Grupo Algar\Backup PC Luiz\06-11-2019\LUIZ ALFREDO\01 - TELECOM\01 - TELEVENDAS\02 - TLV MPE\MAILINGS\2016\AGOSTO-16\1ª SEMANA\</t>
  </si>
  <si>
    <t>20160803_EXTRACAO_TELEFONE_VAL_20160820_38723.xlsx</t>
  </si>
  <si>
    <t>20160803_EXTRACAO_TELEFONE_VAL_20160814_38728.xlsx</t>
  </si>
  <si>
    <t>20160802_EXTRACAO_TELEFONE_VAL_20160820_37967.xlsx</t>
  </si>
  <si>
    <t>C:\Users\luizavs\OneDrive - Grupo Algar\Backup PC Luiz\06-11-2019\LUIZ ALFREDO\01 - TELECOM\01 - TELEVENDAS\02 - TLV MPE\MAILINGS\2016\AGOSTO-16\2ª SEMANA\</t>
  </si>
  <si>
    <t>MAILING FRANCA FERIADO 15 AGOSTO.xlsx</t>
  </si>
  <si>
    <t>MAILING FRANCA FERIADO 15 AGOSTO.csv</t>
  </si>
  <si>
    <t>20160811_EXTRACAO_TELEFONE_VAL_20160829_39011.xlsx</t>
  </si>
  <si>
    <t>20160811_EXTRACAO_TELEFONE_VAL_20160829_39010.xlsx</t>
  </si>
  <si>
    <t>C:\Users\luizavs\OneDrive - Grupo Algar\Backup PC Luiz\06-11-2019\LUIZ ALFREDO\01 - TELECOM\01 - TELEVENDAS\02 - TLV MPE\MAILINGS\2016\AGOSTO-16\3ª SEMANA\</t>
  </si>
  <si>
    <t>20160816_EXTRACAO_TELEFONE_VAL_20160902_39180.xlsx</t>
  </si>
  <si>
    <t>C:\Users\luizavs\OneDrive - Grupo Algar\Backup PC Luiz\06-11-2019\LUIZ ALFREDO\01 - TELECOM\01 - TELEVENDAS\02 - TLV MPE\MAILINGS\2016\AGOSTO-16\4ª SEMANA\</t>
  </si>
  <si>
    <t>20160822_EXTRACAO_TELEFONE_VAL_20160910_39502.xlsx</t>
  </si>
  <si>
    <t>C:\Users\luizavs\OneDrive - Grupo Algar\Backup PC Luiz\06-11-2019\LUIZ ALFREDO\01 - TELECOM\01 - TELEVENDAS\02 - TLV MPE\MAILINGS\2016\AGOSTO-16\PROSPECT\</t>
  </si>
  <si>
    <t>Enriquecimento SERASA - 23-08-16.xlsx</t>
  </si>
  <si>
    <t>20160819_EXTRACAO_TELEFONE_VAL_20160902_39293.xlsx</t>
  </si>
  <si>
    <t>20160819_EXTRACAO_TELEFONE_VAL_20160902_39293.csv</t>
  </si>
  <si>
    <t>20160819_EXTRACAO_TELEFONE_VAL_20160902_39290.xlsx</t>
  </si>
  <si>
    <t>20160819_EXTRACAO_TELEFONE_VAL_20160902_39290.csv</t>
  </si>
  <si>
    <t>20160819_EXTRACAO_TELEFONE_VAL_20160902_39288.xlsx</t>
  </si>
  <si>
    <t>20160819_EXTRACAO_TELEFONE_VAL_20160902_39288.csv</t>
  </si>
  <si>
    <t>20160819_EXTRACAO_TELEFONE_VAL_20160902_39287.xlsx</t>
  </si>
  <si>
    <t>20160819_EXTRACAO_TELEFONE_VAL_20160902_39287.csv</t>
  </si>
  <si>
    <t>C:\Users\luizavs\OneDrive - Grupo Algar\Backup PC Luiz\06-11-2019\LUIZ ALFREDO\01 - TELECOM\01 - TELEVENDAS\02 - TLV MPE\MAILINGS\2016\DEZEMBRO - 16\PROSPECT\</t>
  </si>
  <si>
    <t>MAILING TOOLBAR.xlsx</t>
  </si>
  <si>
    <t>MAILING TOOLBAR.csv</t>
  </si>
  <si>
    <t>mailing bh predios.xlsx</t>
  </si>
  <si>
    <t>job8714_enriquecimentoData.xlsx</t>
  </si>
  <si>
    <t>C:\Users\luizavs\OneDrive - Grupo Algar\Backup PC Luiz\06-11-2019\LUIZ ALFREDO\01 - TELECOM\01 - TELEVENDAS\02 - TLV MPE\MAILINGS\2016\JULHO-16\1ª SEMANA\</t>
  </si>
  <si>
    <t>20160705_EXTRACAO_TELEFONE_VAL_20160715_37692.xlsx</t>
  </si>
  <si>
    <t>C:\Users\luizavs\OneDrive - Grupo Algar\Backup PC Luiz\06-11-2019\LUIZ ALFREDO\01 - TELECOM\01 - TELEVENDAS\02 - TLV MPE\MAILINGS\2016\JULHO-16\2ª SEMANA\</t>
  </si>
  <si>
    <t>20160713_EXTRACAO_TELEFONE_VAL_20160729_37967.xlsx</t>
  </si>
  <si>
    <t>C:\Users\luizavs\OneDrive - Grupo Algar\Backup PC Luiz\06-11-2019\LUIZ ALFREDO\01 - TELECOM\01 - TELEVENDAS\02 - TLV MPE\MAILINGS\2016\JULHO-16\3ª SEMANA\</t>
  </si>
  <si>
    <t>Análise Mailing 38204.xlsx</t>
  </si>
  <si>
    <t>20160719_EXTRACAO_TELEFONE_VAL_20160807_38204.xlsx</t>
  </si>
  <si>
    <t>C:\Users\luizavs\OneDrive - Grupo Algar\Backup PC Luiz\06-11-2019\LUIZ ALFREDO\01 - TELECOM\01 - TELEVENDAS\02 - TLV MPE\MAILINGS\2016\JULHO-16\4ª SEMANA\</t>
  </si>
  <si>
    <t>20160726_EXTRACAO_TELEFONE_VAL_20160814_38457.xlsx</t>
  </si>
  <si>
    <t>C:\Users\luizavs\OneDrive - Grupo Algar\Backup PC Luiz\06-11-2019\LUIZ ALFREDO\01 - TELECOM\01 - TELEVENDAS\02 - TLV MPE\MAILINGS\2016\JUNHO-16\1ª SEMANA\</t>
  </si>
  <si>
    <t>20160531_EXTRACAO_TELEFONE_VAL_20160617_36603.xlsx</t>
  </si>
  <si>
    <t>20160531_EXTRACAO_TELEFONE_VAL_20160617_36603.csv</t>
  </si>
  <si>
    <t>C:\Users\luizavs\OneDrive - Grupo Algar\Backup PC Luiz\06-11-2019\LUIZ ALFREDO\01 - TELECOM\01 - TELEVENDAS\02 - TLV MPE\MAILINGS\2016\JUNHO-16\2ª SEMANA\</t>
  </si>
  <si>
    <t>20160607_EXTRACAO_TELEFONE_VAL_20160624_36804.xlsx</t>
  </si>
  <si>
    <t>20160607_EXTRACAO_TELEFONE_VAL_20160624_36804.csv</t>
  </si>
  <si>
    <t>C:\Users\luizavs\OneDrive - Grupo Algar\Backup PC Luiz\06-11-2019\LUIZ ALFREDO\01 - TELECOM\01 - TELEVENDAS\02 - TLV MPE\MAILINGS\2016\JUNHO-16\3ª SEMANA\</t>
  </si>
  <si>
    <t>20160615_EXTRACAO_TELEFONE_VAL_20160701_37016.xlsx</t>
  </si>
  <si>
    <t>20160614_EXTRACAO_TELEFONE_VAL_20160701_37004.xlsx</t>
  </si>
  <si>
    <t>C:\Users\luizavs\OneDrive - Grupo Algar\Backup PC Luiz\06-11-2019\LUIZ ALFREDO\01 - TELECOM\01 - TELEVENDAS\02 - TLV MPE\MAILINGS\2016\JUNHO-16\4ª SEMANA\</t>
  </si>
  <si>
    <t>20160622_EXTRACAO_TELEFONE_VAL_20160708_37249.xlsx</t>
  </si>
  <si>
    <t>C:\Users\luizavs\OneDrive - Grupo Algar\Backup PC Luiz\06-11-2019\LUIZ ALFREDO\01 - TELECOM\01 - TELEVENDAS\02 - TLV MPE\MAILINGS\2016\JUNHO-16\5ª SEMANA\</t>
  </si>
  <si>
    <t>20160628_EXTRACAO_TELEFONE_VAL_20160715_37469.xlsx</t>
  </si>
  <si>
    <t>C:\Users\luizavs\OneDrive - Grupo Algar\Backup PC Luiz\06-11-2019\LUIZ ALFREDO\01 - TELECOM\01 - TELEVENDAS\02 - TLV MPE\MAILINGS\2016\MAIO-16\2ª SEMANA\</t>
  </si>
  <si>
    <t>10950_EMP_MAI16_TLV_MIGRACAO_LIGADO_PARA_FLEX_10MB_IUA_NVS_PRS_PMS_36030.xlsx</t>
  </si>
  <si>
    <t>10950_EMP_MAI16_TLV_MIGRACAO_LIGADO_PARA_FLEX_10MB_IUA_NVS_PRS_PMS_36030.csv</t>
  </si>
  <si>
    <t>10949_EMP_MAI16_2_TLV_UPGRADE_UBL_10MB_ULA_URA_FAC_PMS_36027.xlsx</t>
  </si>
  <si>
    <t>10949_EMP_MAI16_2_TLV_UPGRADE_UBL_10MB_ULA_URA_FAC_PMS_36027.csv</t>
  </si>
  <si>
    <t>C:\Users\luizavs\OneDrive - Grupo Algar\Backup PC Luiz\06-11-2019\LUIZ ALFREDO\01 - TELECOM\01 - TELEVENDAS\02 - TLV MPE\MAILINGS\2016\MAIO-16\3ª SEMANA\</t>
  </si>
  <si>
    <t>Contatos não contabilizados Campanha 36208.xlsx</t>
  </si>
  <si>
    <t>20160517_Campanha_10988_EMP_MAI16_TLV_MIGRACAO_LIGADO_PARA_FLEX_10MB_ULA_URA_FAC_PMS_36224.xlsx</t>
  </si>
  <si>
    <t>20160517_Campanha_10988_EMP_MAI16_TLV_MIGRACAO_LIGADO_PARA_FLEX_10MB_ULA_URA_FAC_PMS_36224.csv</t>
  </si>
  <si>
    <t>20160516_Campanha_10987_EMP_MAIO16_TLV_UPGRADE_FLEX_UBL_40MB_ULA_URA_FAC_PMS_36208.xlsx</t>
  </si>
  <si>
    <t>20160516_Campanha_10987_EMP_MAIO16_TLV_UPGRADE_FLEX_UBL_40MB_ULA_URA_FAC_PMS_36208.csv</t>
  </si>
  <si>
    <t>C:\Users\luizavs\OneDrive - Grupo Algar\Backup PC Luiz\06-11-2019\LUIZ ALFREDO\01 - TELECOM\01 - TELEVENDAS\02 - TLV MPE\MAILINGS\2016\MAIO-16\4ª SEMANA\</t>
  </si>
  <si>
    <t>20160525_EXTRACAO_TELEFONE_VAL_20160610_36432.xlsx</t>
  </si>
  <si>
    <t>20160525_EXTRACAO_TELEFONE_VAL_20160610_36432.csv</t>
  </si>
  <si>
    <t>20160524_EXTRACAO_TELEFONE_VAL_20160610_36411.xlsx</t>
  </si>
  <si>
    <t>20160524_EXTRACAO_TELEFONE_VAL_20160610_36411.csv</t>
  </si>
  <si>
    <t>C:\Users\luizavs\OneDrive - Grupo Algar\Backup PC Luiz\06-11-2019\LUIZ ALFREDO\01 - TELECOM\01 - TELEVENDAS\02 - TLV MPE\MAILINGS\2016\NOVEMBRO - 16\BLACK MARKET\</t>
  </si>
  <si>
    <t>MASCARA MAILING TLV.xlsx</t>
  </si>
  <si>
    <t>MAILING LIGADO 20161027.csv</t>
  </si>
  <si>
    <t>MAILING CELULAR 20161026.xlsx</t>
  </si>
  <si>
    <t>MAILING LIGADO 20161027.xlsx</t>
  </si>
  <si>
    <t>MAILING CELULAR 20161026.csv</t>
  </si>
  <si>
    <t>C:\Users\luizavs\OneDrive - Grupo Algar\Backup PC Luiz\06-11-2019\LUIZ ALFREDO\01 - TELECOM\01 - TELEVENDAS\02 - TLV MPE\MAILINGS\2016\OUTUBRO-16\1ª SEMANA\</t>
  </si>
  <si>
    <t>20161003_EXTRACAO_TELEFONE_VAL_20161021_42163.xlsx</t>
  </si>
  <si>
    <t>/o=exchangelabs/ou=exchange administrative group (fydibohf23spdlt)/cn=recipients/cn=1635ed1077024674b65c52767dacde9a-jullian pac;/o=exchangelabs/ou=exchange administrative group (fydibohf23spdlt)/cn=recipients/cn=24e9a045d8f54be4b10091040f36aa67-cristiane f;/o=exchangelabs/ou=exchange administrative group (fydibohf23spdlt)/cn=recipients/cn=5c0e0b883c0f4ccbb2cf13db05a00b36-luciene ivo;/o=exchangelabs/ou=exchange administrative group (fydibohf23spdlt)/cn=recipients/cn=bcc9538754d3496ea31a487e560f8214-silvio mart;/o=exchangelabs/ou=exchange administrative group (fydibohf23spdlt)/cn=recipients/cn=cac18c5388b04f6d979d1bc87a08825a-marcopaulo;</t>
  </si>
  <si>
    <t>ENC: Oportunidade Bradesco Cartões - 215438 - Operação Pós Venda</t>
  </si>
  <si>
    <t>/o=exchangelabs/ou=exchange administrative group (fydibohf23spdlt)/cn=recipients/cn=1635ed1077024674b65c52767dacde9a-jullian pac,/o=exchangelabs/ou=exchange administrative group (fydibohf23spdlt)/cn=recipients/cn=24e9a045d8f54be4b10091040f36aa67-cristiane f,/o=exchangelabs/ou=exchange administrative group (fydibohf23spdlt)/cn=recipients/cn=5c0e0b883c0f4ccbb2cf13db05a00b36-luciene ivo,/o=exchangelabs/ou=exchange administrative group (fydibohf23spdlt)/cn=recipients/cn=bcc9538754d3496ea31a487e560f8214-silvio mart,/o=exchangelabs/ou=exchange administrative group (fydibohf23spdlt)/cn=recipients/cn=cac18c5388b04f6d979d1bc87a08825a-marcopaulo</t>
  </si>
  <si>
    <t>C:\Users\fabianowo.ACS\OneDrive - Grupo Algar\Util\</t>
  </si>
  <si>
    <t>/o=exchangelabs/ou=exchange administrative group (fydibohf23spdlt)/cn=recipients/cn=5676353c001f41558e00d4c7fa4fd023-aprova.vend;/o=exchangelabs/ou=exchange administrative group (fydibohf23spdlt)/cn=recipients/cn=b16974d7de334bfabfe3dee1e8e47e59-sherley cri;/o=exchangelabs/ou=exchange administrative group (fydibohf23spdlt)/cn=recipients/cn=c514dbe8b91547adb4618232d1a650ba-afonso domi;/o=exchangelabs/ou=exchange administrative group (fydibohf23spdlt)/cn=recipients/cn=c82d742f5f1e4122a86db0495b71e095-nilton j. g;</t>
  </si>
  <si>
    <t>RES: PR193321 2019 - IBM 5919198878 - CEMAR e CELPA - Nova OC IBM80405_CEMAR</t>
  </si>
  <si>
    <t>RES 193321 - IBM CEMAR.msg\s1\</t>
  </si>
  <si>
    <t>193321_IBM_CEMAR_Field Service_v5.2_(BP_C017_B017).xlsb</t>
  </si>
  <si>
    <t>/o=exchangelabs/ou=exchange administrative group (fydibohf23spdlt)/cn=recipients/cn=5676353c001f41558e00d4c7fa4fd023-aprova.vend,/o=exchangelabs/ou=exchange administrative group (fydibohf23spdlt)/cn=recipients/cn=b16974d7de334bfabfe3dee1e8e47e59-sherley cri,/o=exchangelabs/ou=exchange administrative group (fydibohf23spdlt)/cn=recipients/cn=c514dbe8b91547adb4618232d1a650ba-afonso domi,/o=exchangelabs/ou=exchange administrative group (fydibohf23spdlt)/cn=recipients/cn=c82d742f5f1e4122a86db0495b71e095-nilton j. g</t>
  </si>
  <si>
    <t>C:\Users\luizavs\OneDrive - Grupo Algar\Backup PC Luiz\06-11-2019\LUIZ ALFREDO\01 - TELECOM\01 - TELEVENDAS\02 - TLV MPE\MAILINGS\2016\OUTUBRO-16\2ª SEMANA\</t>
  </si>
  <si>
    <t>20161006_EXTRACAO_TELEFONE_VAL_20160829_42224.xlsx</t>
  </si>
  <si>
    <t>C:\Users\luizavs\OneDrive - Grupo Algar\Backup PC Luiz\06-11-2019\LUIZ ALFREDO\01 - TELECOM\01 - TELEVENDAS\02 - TLV MPE\MAILINGS\2016\SETEMBRO-16\4ª SEMANA\</t>
  </si>
  <si>
    <t>20160920_EXTRACAO_TELEFONE_VAL_20161008_40610.xlsx</t>
  </si>
  <si>
    <t>C:\Users\luizavs\OneDrive - Grupo Algar\Backup PC Luiz\06-11-2019\LUIZ ALFREDO\01 - TELECOM\01 - TELEVENDAS\02 - TLV MPE\MAILINGS\2016\SETEMBRO-16\5ª SEMANA\</t>
  </si>
  <si>
    <t>20160929_EXTRACAO_TELEFONE_VAL_20161017_41913.xlsx</t>
  </si>
  <si>
    <t>C:\Users\luizavs\OneDrive - Grupo Algar\Backup PC Luiz\06-11-2019\LUIZ ALFREDO\01 - TELECOM\01 - TELEVENDAS\02 - TLV MPE\MAILINGS\2017\04 - ABRIL\LEADS\</t>
  </si>
  <si>
    <t>Máscara MPE Leads_10742.xlsx</t>
  </si>
  <si>
    <t>Máscara MPE Leads_10738.xlsx</t>
  </si>
  <si>
    <t>Máscara MPE Leads_10731.xlsx</t>
  </si>
  <si>
    <t>Máscara MPE Leads_10723.xlsx</t>
  </si>
  <si>
    <t>Máscara MPE Leads_10716.xlsx</t>
  </si>
  <si>
    <t>Máscara MPE Leads_10710.xlsx</t>
  </si>
  <si>
    <t>Máscara MPE Leads_10704.xlsx</t>
  </si>
  <si>
    <t>Máscara MPE Leads_10699.xlsx</t>
  </si>
  <si>
    <t>Máscara MPE Leads_10694.xlsx</t>
  </si>
  <si>
    <t>Máscara MPE Leads_10684.xlsx</t>
  </si>
  <si>
    <t>Máscara MPE Leads_10675.xlsx</t>
  </si>
  <si>
    <t>Máscara MPE Leads_10670.xlsx</t>
  </si>
  <si>
    <t>Máscara MPE Leads_10657.xlsx</t>
  </si>
  <si>
    <t>Máscara MPE Leads_10649.xlsx</t>
  </si>
  <si>
    <t>Máscara MPE Leads_10641.xlsx</t>
  </si>
  <si>
    <t>C:\Users\luizavs\OneDrive - Grupo Algar\Backup PC Luiz\06-11-2019\LUIZ ALFREDO\01 - TELECOM\01 - TELEVENDAS\02 - TLV MPE\MAILINGS\2017\04 - ABRIL\SMS\</t>
  </si>
  <si>
    <t>SMS 0800.csv</t>
  </si>
  <si>
    <t>IMPORTAÇÃO.csv</t>
  </si>
  <si>
    <t>IMPORTAÇÃO_2.csv</t>
  </si>
  <si>
    <t>IMPORTAÇÃO_1.csv</t>
  </si>
  <si>
    <t>C:\Users\luizavs\OneDrive - Grupo Algar\Backup PC Luiz\06-11-2019\LUIZ ALFREDO\01 - TELECOM\01 - TELEVENDAS\02 - TLV MPE\MAILINGS\2017\05 - MAIO\LEADS\</t>
  </si>
  <si>
    <t>Máscara MPE Leads_10802.xlsx</t>
  </si>
  <si>
    <t>Máscara MPE Leads_10800.xlsx</t>
  </si>
  <si>
    <t>Máscara MPE Leads_10798.xlsx</t>
  </si>
  <si>
    <t>Máscara MPE Leads_10792.xlsx</t>
  </si>
  <si>
    <t>Máscara MPE Leads_10789.xlsx</t>
  </si>
  <si>
    <t>Máscara MPE Leads_10781.xlsx</t>
  </si>
  <si>
    <t>Máscara MPE Leads_10778.xlsx</t>
  </si>
  <si>
    <t>Máscara MPE Leads_10773.xlsx</t>
  </si>
  <si>
    <t>Máscara MPE Leads_10767.xlsx</t>
  </si>
  <si>
    <t>Máscara MPE Leads_10764.xlsx</t>
  </si>
  <si>
    <t>Máscara MPE Leads_10755.xlsx</t>
  </si>
  <si>
    <t>Máscara MPE Leads_10749.xlsx</t>
  </si>
  <si>
    <t>Máscara MPE Leads_10757.xlsx</t>
  </si>
  <si>
    <t>Máscara MPE Leads_10746.xlsx</t>
  </si>
  <si>
    <t>Máscara MPE Leads_10744.xlsx</t>
  </si>
  <si>
    <t>C:\Users\luizavs\OneDrive - Grupo Algar\Backup PC Luiz\06-11-2019\LUIZ ALFREDO\01 - TELECOM\01 - TELEVENDAS\02 - TLV MPE\MAILINGS\2017\05 - MAIO\MAILING MANUAL\</t>
  </si>
  <si>
    <t>UBL 60 200 2905.xlsx</t>
  </si>
  <si>
    <t>UBL 60 200 2905.csv</t>
  </si>
  <si>
    <t>UBL 40 100 2905.xlsx</t>
  </si>
  <si>
    <t>UBL 40 100 2905.csv</t>
  </si>
  <si>
    <t>Malling manual v2.xlsx</t>
  </si>
  <si>
    <t>FIXO LDN 2905.xlsx</t>
  </si>
  <si>
    <t>FIXO LDN 2905.csv</t>
  </si>
  <si>
    <t>Cópia de Malling manual.xlsx</t>
  </si>
  <si>
    <t>C:\Users\luizavs\OneDrive - Grupo Algar\Backup PC Luiz\06-11-2019\LUIZ ALFREDO\01 - TELECOM\01 - TELEVENDAS\02 - TLV MPE\MAILINGS\2017\06 - JUNHO\LEADS\</t>
  </si>
  <si>
    <t>Máscara MPE Leads_10866.xlsx</t>
  </si>
  <si>
    <t>Máscara MPE Leads_10857.xlsx</t>
  </si>
  <si>
    <t>Máscara MPE Leads_10843.xlsx</t>
  </si>
  <si>
    <t>Máscara MPE Leads_10838.xlsx</t>
  </si>
  <si>
    <t>Máscara MPE Leads_10831.xlsx</t>
  </si>
  <si>
    <t>Máscara MPE Leads_10821.xlsx</t>
  </si>
  <si>
    <t>Máscara MPE Leads_10812.xlsx</t>
  </si>
  <si>
    <t>C:\Users\luizavs\OneDrive - Grupo Algar\Backup PC Luiz\06-11-2019\LUIZ ALFREDO\01 - TELECOM\01 - TELEVENDAS\02 - TLV MPE\MAILINGS\2017\06 - JUNHO\SMS\</t>
  </si>
  <si>
    <t>TESTE_MPE5.csv</t>
  </si>
  <si>
    <t>C:\Users\luizavs\OneDrive - Grupo Algar\Backup PC Luiz\06-11-2019\LUIZ ALFREDO\01 - TELECOM\01 - TELEVENDAS\02 - TLV MPE\MAILINGS\2017\10 - OUTUBRO\SMS\</t>
  </si>
  <si>
    <t>SMS TLV MPE 05-10.xlsx</t>
  </si>
  <si>
    <t>SMS TLV MPE 05-10.csv</t>
  </si>
  <si>
    <t>Relatorio de SMS Respondidos por Envio.xlsx</t>
  </si>
  <si>
    <t>C:\Users\luizavs\OneDrive - Grupo Algar\Backup PC Luiz\06-11-2019\LUIZ ALFREDO\01 - TELECOM\01 - TELEVENDAS\02 - TLV MPE\MAILINGS\2017\11 - NOVEMBRO\SMS\</t>
  </si>
  <si>
    <t>SMS TLV MPE 07-11.xlsx</t>
  </si>
  <si>
    <t>SMS TLV MPE 07-11.csv</t>
  </si>
  <si>
    <t>3º LOTE SMS - 09-11.xls</t>
  </si>
  <si>
    <t>2º LOTE SMS - 08-11.xls</t>
  </si>
  <si>
    <t>1º LOTE SMS - 07-11.xlsx</t>
  </si>
  <si>
    <t>1º LOTE SMS - 07-11.xls</t>
  </si>
  <si>
    <t>C:\Users\luizavs\OneDrive - Grupo Algar\Backup PC Luiz\06-11-2019\LUIZ ALFREDO\01 - TELECOM\01 - TELEVENDAS\02 - TLV MPE\MAILINGS\2017\12 - DEZEMBRO\SMS\</t>
  </si>
  <si>
    <t>Incentivo Franca.xlsx</t>
  </si>
  <si>
    <t>Incentivo Franca v2.csv</t>
  </si>
  <si>
    <t>C:\Users\luizavs\OneDrive - Grupo Algar\Backup PC Luiz\06-11-2019\LUIZ ALFREDO\01 - TELECOM\01 - TELEVENDAS\02 - TLV MPE\MAILINGS\2018\01 - JANEIRO\SMS\</t>
  </si>
  <si>
    <t>WHATSAPP RECEPTIVO 1-15-JAN.xlsx</t>
  </si>
  <si>
    <t>WHATSAPP RECEPTIVO 1-15-JAN.csv</t>
  </si>
  <si>
    <t>WHATSAPP MAILING 23-01.xlsx</t>
  </si>
  <si>
    <t>WHATSAPP MAILING 23-01.csv</t>
  </si>
  <si>
    <t>WHATSAPP MAILING 19-01.xlsx</t>
  </si>
  <si>
    <t>WHATSAPP MAILING 19-01.csv</t>
  </si>
  <si>
    <t>WHATSAPP MAILING 18-01.xlsx</t>
  </si>
  <si>
    <t>WHATSAPP MAILING 18-01.csv</t>
  </si>
  <si>
    <t>TESTE WHATSAPP.xlsx</t>
  </si>
  <si>
    <t>TESTE WHATSAPP.csv</t>
  </si>
  <si>
    <t>20180119_Campanha_14674_EMP_JAN18_RELATORIO_DE_CLIENTES_PRE_PAGO.xlsx</t>
  </si>
  <si>
    <t>C:\Users\luizavs\OneDrive - Grupo Algar\Backup PC Luiz\06-11-2019\LUIZ ALFREDO\01 - TELECOM\01 - TELEVENDAS\02 - TLV MPE\MAILINGS\2018\02 - FEVEREIRO\SMS\</t>
  </si>
  <si>
    <t>Incentivo Volume 2.xlsx</t>
  </si>
  <si>
    <t>INCENTIVO FRANCA.xlsx</t>
  </si>
  <si>
    <t>INCENTIVO FRANCA.csv</t>
  </si>
  <si>
    <t>C:\Users\luizavs\OneDrive - Grupo Algar\Backup PC Luiz\06-11-2019\LUIZ ALFREDO\01 - TELECOM\01 - TELEVENDAS\02 - TLV MPE\MAILINGS\2018\03 - MARÇO\SMS\</t>
  </si>
  <si>
    <t>Incentivo Volume Março.xlsx</t>
  </si>
  <si>
    <t>Incentivo Volume Março 2.xlsx</t>
  </si>
  <si>
    <t>Incentivo Volume 2.csv</t>
  </si>
  <si>
    <t>Incentivo Volume Março 2.csv</t>
  </si>
  <si>
    <t>Incentivo Volume Março.csv</t>
  </si>
  <si>
    <t>Incentivo Oferta Upload.xlsx</t>
  </si>
  <si>
    <t>Incentivo Oferta Upload.csv</t>
  </si>
  <si>
    <t>Incentivo Oferta Fast Support.xlsx</t>
  </si>
  <si>
    <t>INCENTIVO SMS.xlsx</t>
  </si>
  <si>
    <t>Incentivo Oferta Fast Support.csv</t>
  </si>
  <si>
    <t>20180314_SMS_Contrato_65870.csv</t>
  </si>
  <si>
    <t>20180313_SMS_Contrato_65852.csv</t>
  </si>
  <si>
    <t>20180312_SMS_Contrato_65822.csv</t>
  </si>
  <si>
    <t>C:\Users\luizavs\OneDrive - Grupo Algar\Backup PC Luiz\06-11-2019\LUIZ ALFREDO\01 - TELECOM\01 - TELEVENDAS\02 - TLV MPE\MAILINGS\2018\04 - ABRIL\CLUBE DE VENDAS\</t>
  </si>
  <si>
    <t>Mascara_Mailing_MPE.xls</t>
  </si>
  <si>
    <t>C:\Users\luizavs\OneDrive - Grupo Algar\Backup PC Luiz\06-11-2019\LUIZ ALFREDO\01 - TELECOM\01 - TELEVENDAS\02 - TLV MPE\MAILINGS\2018\04 - ABRIL\RETORNO 67315\</t>
  </si>
  <si>
    <t>Retorno Presence 23-30 abril.xlsx</t>
  </si>
  <si>
    <t>C:\Users\luizavs\OneDrive - Grupo Algar\Backup PC Luiz\06-11-2019\LUIZ ALFREDO\01 - TELECOM\01 - TELEVENDAS\02 - TLV MPE\MAILINGS\2018\04 - ABRIL\SMS\</t>
  </si>
  <si>
    <t>Incentivo Oferta CELULAR.csv</t>
  </si>
  <si>
    <t>Incentivo Oferta CELULAR V2.csv</t>
  </si>
  <si>
    <t>C:\Users\luizavs\OneDrive - Grupo Algar\Backup PC Luiz\06-11-2019\LUIZ ALFREDO\01 - TELECOM\01 - TELEVENDAS\02 - TLV MPE\MAILINGS\2018\05 - MAIO\SMS\</t>
  </si>
  <si>
    <t>C:\Users\luizavs\OneDrive - Grupo Algar\Backup PC Luiz\06-11-2019\LUIZ ALFREDO\01 - TELECOM\01 - TELEVENDAS\02 - TLV MPE\MAILINGS\2018\06 - JUNHO\69476\</t>
  </si>
  <si>
    <t>TB01_20180717_103952.xls</t>
  </si>
  <si>
    <t>TB01_20180717_103952.csv</t>
  </si>
  <si>
    <t>C:\Users\luizavs\OneDrive - Grupo Algar\Backup PC Luiz\06-11-2019\LUIZ ALFREDO\01 - TELECOM\01 - TELEVENDAS\02 - TLV MPE\MAILINGS\2018\08 - AGOSTO\RETORNO CHURN\</t>
  </si>
  <si>
    <t>Pasta1.csv</t>
  </si>
  <si>
    <t>C:\Users\luizavs\OneDrive - Grupo Algar\Backup PC Luiz\06-11-2019\LUIZ ALFREDO\01 - TELECOM\01 - TELEVENDAS\02 - TLV MPE\MAILINGS\2018\08 - AGOSTO\SMS\</t>
  </si>
  <si>
    <t>Incentivo Volume - NÃO EFETIVOS.csv</t>
  </si>
  <si>
    <t>EMP_base SMS.xlsx</t>
  </si>
  <si>
    <t>Incentivo Volume - SMS Telecom.csv</t>
  </si>
  <si>
    <t>BASE SMS INCENTIVO.xlsx</t>
  </si>
  <si>
    <t>C:\Users\luizavs\OneDrive - Grupo Algar\Backup PC Luiz\06-11-2019\LUIZ ALFREDO\01 - TELECOM\01 - TELEVENDAS\02 - TLV MPE\MAILINGS\2018\10 - OUTUBRO\COMBATE VIVO\</t>
  </si>
  <si>
    <t>Mailings Ago-Set.xlsx</t>
  </si>
  <si>
    <t>COMBATE VIVO.csv</t>
  </si>
  <si>
    <t>C:\Users\luizavs\OneDrive - Grupo Algar\Backup PC Luiz\06-11-2019\LUIZ ALFREDO\01 - TELECOM\01 - TELEVENDAS\02 - TLV MPE\MAILINGS\2018\10 - OUTUBRO\COMBATE VIVO 2\</t>
  </si>
  <si>
    <t>MAILING COMBATE VIVO 2.xlsx</t>
  </si>
  <si>
    <t>MAILING COMBATE VIVO 2.csv</t>
  </si>
  <si>
    <t>C:\Users\luizavs\OneDrive - Grupo Algar\Backup PC Luiz\06-11-2019\LUIZ ALFREDO\01 - TELECOM\01 - TELEVENDAS\02 - TLV MPE\MAILINGS\2018\12 - DEZEMBRO\MAILINGS DEZ18\</t>
  </si>
  <si>
    <t>Mailings Dezembro.xlsx</t>
  </si>
  <si>
    <t>C:\Users\luizavs\OneDrive - Grupo Algar\Backup PC Luiz\06-11-2019\LUIZ ALFREDO\01 - TELECOM\01 - TELEVENDAS\02 - TLV MPE\MAILINGS\2018\12 - DEZEMBRO\RETORNO MAILINGS TELECOM\</t>
  </si>
  <si>
    <t>EXPORTAÇÃO NOV18 MPE.xlsx</t>
  </si>
  <si>
    <t>C:\Users\luizavs\OneDrive - Grupo Algar\Backup PC Luiz\06-11-2019\LUIZ ALFREDO\01 - TELECOM\01 - TELEVENDAS\02 - TLV MPE\MAILINGS\2018\12 - DEZEMBRO\SMS\</t>
  </si>
  <si>
    <t>SMS MPE.csv</t>
  </si>
  <si>
    <t>Envios SMS - WhatsApp Dez18.xlsx</t>
  </si>
  <si>
    <t>C:\Users\luizavs\OneDrive - Grupo Algar\Backup PC Luiz\06-11-2019\LUIZ ALFREDO\01 - TELECOM\01 - TELEVENDAS\02 - TLV MPE\PLANEJAMENTO MENSAL\2019\05 - MAIO\VALIDAÇÃO RETORNO PRESENCE\</t>
  </si>
  <si>
    <t>C:\Users\luizavs\OneDrive - Grupo Algar\Backup PC Luiz\06-11-2019\LUIZ ALFREDO\01 - TELECOM\01 - TELEVENDAS\02 - TLV MPE\URA ATIVA\2016\10-OUTUBRO\1ª SEMANA\</t>
  </si>
  <si>
    <t>URA ATIVA - MIGRAÇÃO CELULAR 11626.xlsx</t>
  </si>
  <si>
    <t>URA ATIVA - MIGRAÇÃO CELULAR 11603.xlsx</t>
  </si>
  <si>
    <t>C:\Users\luizavs\OneDrive - Grupo Algar\Backup PC Luiz\06-11-2019\LUIZ ALFREDO\01 - TELECOM\01 - TELEVENDAS\02 - TLV MPE\URA ATIVA\2016\10-OUTUBRO\2ª SEMANA\</t>
  </si>
  <si>
    <t>URA ATIVA - UBL + 50% NVS.xlsx</t>
  </si>
  <si>
    <t>C:\Users\luizavs\OneDrive - Grupo Algar\Backup PC Luiz\06-11-2019\LUIZ ALFREDO\01 - TELECOM\01 - TELEVENDAS\02 - TLV MPE\URA ATIVA\2016\10-OUTUBRO\3ª SEMANA\</t>
  </si>
  <si>
    <t>URA ATIVA.xlsx</t>
  </si>
  <si>
    <t>C:\Users\luizavs\OneDrive - Grupo Algar\Backup PC Luiz\06-11-2019\LUIZ ALFREDO\01 - TELECOM\01 - TELEVENDAS\02 - TLV MPE\URA ATIVA\2017\01-JANEIRO\1ª SEMANA\</t>
  </si>
  <si>
    <t>URA ATIVA 1101.xlsx</t>
  </si>
  <si>
    <t>C:\Users\luizavs\OneDrive - Grupo Algar\Backup PC Luiz\06-11-2019\LUIZ ALFREDO\01 - TELECOM\01 - TELEVENDAS\02 - TLV MPE\URA ATIVA\2017\01-JANEIRO\2ª SEMANA\</t>
  </si>
  <si>
    <t>URA ATIVA 2 SEMANA.xls</t>
  </si>
  <si>
    <t>C:\Users\luizavs\OneDrive - Grupo Algar\Backup PC Luiz\06-11-2019\LUIZ ALFREDO\01 - TELECOM\01 - TELEVENDAS\02 - TLV MPE\URA ATIVA\2017\01-JANEIRO\4ª SEMANA\</t>
  </si>
  <si>
    <t>URA ATIVA 4 SEMANA.xls</t>
  </si>
  <si>
    <t>C:\Users\luizavs\OneDrive - Grupo Algar\Backup PC Luiz\06-11-2019\LUIZ ALFREDO\01 - TELECOM\01 - TELEVENDAS\02 - TLV MPE\URA ATIVA\2017\02-FEVEREIRO\1ª SEMANA\</t>
  </si>
  <si>
    <t>C:\Users\luizavs\OneDrive - Grupo Algar\Backup PC Luiz\06-11-2019\LUIZ ALFREDO\01 - TELECOM\01 - TELEVENDAS\02 - TLV MPE\URA ATIVA\2017\02-FEVEREIRO\2ª SEMANA\</t>
  </si>
  <si>
    <t>URA ATIVA 1601.xlsx</t>
  </si>
  <si>
    <t>BASE PRESENCE.xls</t>
  </si>
  <si>
    <t>https://caey.fa.us2.oraclecloud.com/crmui/faces/fusewelcome?_adf.ctrl-state=153vse756l_5</t>
  </si>
  <si>
    <t>C:\Users\sherleyce\Desktop\RES PR193321 2019 - IBM 5919198878 - DE ACORDO MARGEM OK.msg\s266\</t>
  </si>
  <si>
    <t>193321_IBM_CEMAR_Field Service_v5.2_adapt.xlsb</t>
  </si>
  <si>
    <t>C:\Users\sherleyce\Desktop\RES PR193321 2019 - IBM 5919198878 - DE ACORDO MARGEM OK.msg\s266\193321_IBM_CEMAR_Field Service_v5.2_(BP_C017_B017).xlsb\</t>
  </si>
  <si>
    <t>C:\Users\sherleyce\Desktop\RES PR193321 2019 - IBM 5919198878 - DE ACORDO MARGEM OK.msg\s266\193321_IBM_CEMAR_Field Service_v5.2_adapt.xlsb\</t>
  </si>
  <si>
    <t>C:\Users\sherleyce\Desktop\RES PR193321 2019 - IBM 5919198878 - DE ACORDO MARGEM OK.msg\s266\Premissas_BP_IBM_193321_CEMAR_Final.pptx\</t>
  </si>
  <si>
    <t>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54861e79125f48cc952d00cf8160b9a8-jeferson fe;/o=exchangelabs/ou=exchange administrative group (fydibohf23spdlt)/cn=recipients/cn=a72a765de829420582b78941417073ac-karina rodr;/o=exchangelabs/ou=exchange administrative group (fydibohf23spdlt)/cn=recipients/cn=d1d015f213f648abbf348b5ccdf8e9d9-senilda per;</t>
  </si>
  <si>
    <t>RES Portas de URA 3003.msg\s1\</t>
  </si>
  <si>
    <t>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54861e79125f48cc952d00cf8160b9a8-jeferson fe,/o=exchangelabs/ou=exchange administrative group (fydibohf23spdlt)/cn=recipients/cn=a72a765de829420582b78941417073ac-karina rodr,/o=exchangelabs/ou=exchange administrative group (fydibohf23spdlt)/cn=recipients/cn=d1d015f213f648abbf348b5ccdf8e9d9-senilda per</t>
  </si>
  <si>
    <t>C:\Users\luizavs\OneDrive - Grupo Algar\Backup PC Luiz\06-11-2019\LUIZ ALFREDO\01 - TELECOM\01 - TELEVENDAS\02 - TLV MPE\URA ATIVA\2017\06 - JUNHO\1ª SEMANA\</t>
  </si>
  <si>
    <t>C:\Users\luizavs\OneDrive - Grupo Algar\Backup PC Luiz\06-11-2019\LUIZ ALFREDO\01 - TELECOM\01 - TELEVENDAS\02 - TLV MPE\URA ATIVA\2017\02-FEVEREIRO\3ª SEMANA\</t>
  </si>
  <si>
    <t>Cópia de URA ATIVA LDN.xlsx</t>
  </si>
  <si>
    <t>C:\Users\luizavs\OneDrive - Grupo Algar\Backup PC Luiz\06-11-2019\LUIZ ALFREDO\01 - TELECOM\01 - TELEVENDAS\02 - TLV MPE\URA ATIVA\2017\06 - JUNHO\2ª SEMANA\</t>
  </si>
  <si>
    <t>URA ATIVA 2 SEMANA JUNHO.xlsx</t>
  </si>
  <si>
    <t>C:\Users\luizavs\OneDrive - Grupo Algar\Backup PC Luiz\06-11-2019\LUIZ ALFREDO\01 - TELECOM\01 - TELEVENDAS\02 - TLV MPE\URA ATIVA\2017\06 - JUNHO\3ª SEMANA\</t>
  </si>
  <si>
    <t>URA ATIVA 3 SEMANA JUNHO.xlsx</t>
  </si>
  <si>
    <t>C:\Users\luizavs\OneDrive - Grupo Algar\Backup PC Luiz\06-11-2019\LUIZ ALFREDO\01 - TELECOM\01 - TELEVENDAS\02 - TLV MPE\URA ATIVA\2017\09 - SETEMBRO\3ª SEMANA\</t>
  </si>
  <si>
    <t>URA ATIVA 3 SEMANA SETEMBRO.xlsx</t>
  </si>
  <si>
    <t>C:\Users\luizavs\OneDrive - Grupo Algar\Backup PC Luiz\06-11-2019\LUIZ ALFREDO\01 - TELECOM\01 - TELEVENDAS\02 - TLV MPE\URA ATIVA\2017\10 - OUTUBRO\3ª SEMANA\</t>
  </si>
  <si>
    <t>URA ATIVA 3 SEMANA OUTUBRO.xlsx</t>
  </si>
  <si>
    <t>C:\Users\luizavs\OneDrive - Grupo Algar\Backup PC Luiz\06-11-2019\LUIZ ALFREDO\01 - TELECOM\04 - PÓS VENDAS\MAILINGS\2016\JULHO-16\2ª SEMANA\AV NEG\</t>
  </si>
  <si>
    <t>AC20160712_AV.NEG.2ªSEMANA_JULHO.xlsx</t>
  </si>
  <si>
    <t>AC20160712_AV.NEG.2ªSEMANA_JULHO.csv</t>
  </si>
  <si>
    <t>C:\Users\luizavs\OneDrive - Grupo Algar\Backup PC Luiz\06-11-2019\LUIZ ALFREDO\01 - TELECOM\04 - PÓS VENDAS\MAILINGS\2016\JULHO-16\3ª SEMANA\AV NEG\</t>
  </si>
  <si>
    <t>AC20160719_AV.NEG.3ªSEMANA_JULHO.xlsx</t>
  </si>
  <si>
    <t>AC20160719_AV.NEG.3ªSEMANA_JULHO.csv</t>
  </si>
  <si>
    <t>C:\Users\luizavs\OneDrive - Grupo Algar\Backup PC Luiz\06-11-2019\LUIZ ALFREDO\01 - TELECOM\04 - PÓS VENDAS\MAILINGS\2016\JUNHO-16\1ªSEMANA\AV NEG\</t>
  </si>
  <si>
    <t>AV.NEG.1ªSEMANA_JUNHO.xlsx</t>
  </si>
  <si>
    <t>AV.NEG.1ªSEMANA_JUNHO.csv</t>
  </si>
  <si>
    <t>C:\Users\luizavs\OneDrive - Grupo Algar\Backup PC Luiz\06-11-2019\LUIZ ALFREDO\01 - TELECOM\04 - PÓS VENDAS\MAILINGS\2016\MAIO-16\1ª SEMANA\AV NEG\</t>
  </si>
  <si>
    <t>AV NEG 1 SEMANA MAIO.xlsx</t>
  </si>
  <si>
    <t>AV NEG 1 SEMANA MAIO.csv</t>
  </si>
  <si>
    <t>C:\Users\luizavs\OneDrive - Grupo Algar\Backup PC Luiz\06-11-2019\LUIZ ALFREDO\01 - TELECOM\04 - PÓS VENDAS\MAILINGS\2016\MAIO-16\1ª SEMANA\IMPORTAR\</t>
  </si>
  <si>
    <t>Base 1ª Semana Maio.xlsx</t>
  </si>
  <si>
    <t>C:\Users\luizavs\OneDrive - Grupo Algar\Backup PC Luiz\06-11-2019\LUIZ ALFREDO\01 - TELECOM\04 - PÓS VENDAS\MAILINGS\2016\MAIO-16\2ª SEMANA\AV NEG\</t>
  </si>
  <si>
    <t>AV NEG 2ª SEMANA.csv</t>
  </si>
  <si>
    <t>C:\Users\luizavs\OneDrive - Grupo Algar\Backup PC Luiz\06-11-2019\LUIZ ALFREDO\01 - TELECOM\04 - PÓS VENDAS\MAILINGS\2016\MAIO-16\3ª SEMANA\AV NEG\</t>
  </si>
  <si>
    <t>AV NEG 3ª SEMANA MAIO_FTT.csv</t>
  </si>
  <si>
    <t>AV NEG 3ª SEMANA MAIO.xlsx</t>
  </si>
  <si>
    <t>AV NEG 3ª SEMANA MAIO.csv</t>
  </si>
  <si>
    <t>C:\Users\luizavs\OneDrive - Grupo Algar\Backup PC Luiz\06-11-2019\LUIZ ALFREDO\01 - TELECOM\04 - PÓS VENDAS\MAILINGS\2016\MAIO-16\4ª SEMANA\AV NEG\</t>
  </si>
  <si>
    <t>AV NEG 4ª SEMANA MAIO.xlsx</t>
  </si>
  <si>
    <t>AV NEG 4ª SEMANA MAIO.csv</t>
  </si>
  <si>
    <t>C:\Users\luizavs\OneDrive - Grupo Algar\Backup PC Luiz\06-11-2019\LUIZ ALFREDO\01 - TELECOM\04 - PÓS VENDAS\MAILINGS\2016\MAIO-16\4ª SEMANA\GUAÍRA\</t>
  </si>
  <si>
    <t>20160624_EXTRACAO_TELEFONE_VAL_20160608_36418_GRUPO1.xlsx</t>
  </si>
  <si>
    <t>20160624_EXTRACAO_TELEFONE_VAL_20160608_36418_GRUPO1.csv</t>
  </si>
  <si>
    <t>C:\Users\luizavs\OneDrive - Grupo Algar\Backup PC Luiz\06-11-2019\LUIZ ALFREDO\01 - TELECOM\04 - PÓS VENDAS\MAILINGS\2016\MAIO-16\4ª SEMANA\INCENDIO\</t>
  </si>
  <si>
    <t>20160524_EXTRACAO_TELEFONE_VAL_20160603_36421_GRUPO.xlsx</t>
  </si>
  <si>
    <t>20160524_EXTRACAO_TELEFONE_VAL_20160603_36421_GRUPO.csv</t>
  </si>
  <si>
    <t>C:\Users\luizavs\OneDrive - Grupo Algar\Backup PC Luiz\06-11-2019\LUIZ ALFREDO\01 - TELECOM\04 - PÓS VENDAS\MAILINGS\2017\04 - ABRIL\3ª SEMANA\AV NEG\</t>
  </si>
  <si>
    <t>C:\Users\luizavs\OneDrive - Grupo Algar\Backup PC Luiz\06-11-2019\LUIZ ALFREDO\01 - TELECOM\04 - PÓS VENDAS\MAILINGS\2017\04 - ABRIL\3ª SEMANA\CASA SEMPRE ON\</t>
  </si>
  <si>
    <t>20171704_Extracao_Pesquisa_Casa_Sempre_On_30_Dias_50940.xlsx</t>
  </si>
  <si>
    <t>20171204_Extracao_Pesquisa_Casa_Sempre_On_30_Dias_50940.xlsx</t>
  </si>
  <si>
    <t>C:\Users\luizavs\OneDrive - Grupo Algar\Backup PC Luiz\06-11-2019\LUIZ ALFREDO\01 - TELECOM\01 - TELEVENDAS\02 - TLV MPE\CURVA ABC\BACKUP TELECOM MPE\EXTRATORES\16 - EXTRACTORES\03 - BD VDNs ANATEL\</t>
  </si>
  <si>
    <t>Skills DDX.xlsx</t>
  </si>
  <si>
    <t>BD_TELECOM_TV.xls</t>
  </si>
  <si>
    <t>BD_TELECOM_SCM_Internet.xls</t>
  </si>
  <si>
    <t>BD_TELECOM_FIXA.xls</t>
  </si>
  <si>
    <t>BD_TELECOM_CELULAR.xls</t>
  </si>
  <si>
    <t>BD ANATEL.xlsx</t>
  </si>
  <si>
    <t>C:\Users\luizavs\OneDrive - Grupo Algar\Backup PC Luiz\06-11-2019\LUIZ ALFREDO\01 - TELECOM\01 - TELEVENDAS\02 - TLV MPE\CURVA ABC\BACKUP TELECOM MPE\EXTRATORES\QUERY &amp; EXTRATOR\DEZEMBRO - 16\</t>
  </si>
  <si>
    <t>C:\Users\luizavs\OneDrive - Grupo Algar\Backup PC Luiz\06-11-2019\LUIZ ALFREDO\01 - TELECOM\01 - TELEVENDAS\02 - TLV MPE\FINANCEIRO\CONTESTAÇÃO DE RECEITA\2017\10 - OUTUBRO\TABELA NOVA CELULAR\</t>
  </si>
  <si>
    <t>Tabela MPE-Outubro v2.xls</t>
  </si>
  <si>
    <t>Tabela MPE-Outubro v2 (2).xls</t>
  </si>
  <si>
    <t>TABELA ANTIGA X ATUAL TLV MPE.xlsx</t>
  </si>
  <si>
    <t>Cópia de Tabela Vitor Outubro - 2017.xlsx</t>
  </si>
  <si>
    <t>Cópia de Base 16-09.xlsx</t>
  </si>
  <si>
    <t>ACOMPANHAMENTO RECEITA TLV - ALGAR MPE 20171103.xlsm</t>
  </si>
  <si>
    <t>C:\Users\luizavs\OneDrive - Grupo Algar\Backup PC Luiz\06-11-2019\LUIZ ALFREDO\01 - TELECOM\01 - TELEVENDAS\02 - TLV MPE\FINANCEIRO\CONTESTAÇÃO DE RECEITA\2017\12 - DEZEMBRO\NOVA TABELA\</t>
  </si>
  <si>
    <t>tabela-MPE-Dezembro_17.xls</t>
  </si>
  <si>
    <t>ACOMPANHAMENTO RECEITA TLV - ALGAR MPE 20171016.xlsm</t>
  </si>
  <si>
    <t>ACOMPANHAMENTO RECEITA TLV - ALGAR MPE 20171025.xlsm</t>
  </si>
  <si>
    <t>Produção TLV - JUN-17 - MPE.xlsx</t>
  </si>
  <si>
    <t>ACOMPANHAMENTO RECEITA TLV - ALGAR MPE OUT.xlsm</t>
  </si>
  <si>
    <t>ACOMPANHAMENTO RECEITA TLV - ALGAR MPE NOV.xlsm</t>
  </si>
  <si>
    <t>ACOMPANHAMENTO RECEITA TLV - ALGAR MPE JUN.xlsm</t>
  </si>
  <si>
    <t>C:\Users\luizavs\OneDrive - Grupo Algar\Backup PC Luiz\06-11-2019\LUIZ ALFREDO\01 - TELECOM\01 - TELEVENDAS\02 - TLV MPE\FINANCEIRO\CONTESTAÇÃO DE RECEITA\2018\04 - ABRIL\TABELA ERRADA\</t>
  </si>
  <si>
    <t>PRODS ALTERADOS.xlsx</t>
  </si>
  <si>
    <t>Cópia de tabela-MPE-Abril_2018 errada.xls</t>
  </si>
  <si>
    <t>C:\Users\luizavs\OneDrive - Grupo Algar\Backup PC Luiz\06-11-2019\LUIZ ALFREDO\01 - TELECOM\01 - TELEVENDAS\02 - TLV MPE\FINANCEIRO\CONTESTAÇÃO DE RECEITA\2019\04 - ABRIL\CONCESSÃO\</t>
  </si>
  <si>
    <t>Vendas Televendas MPE Abril 2019.xlsx</t>
  </si>
  <si>
    <t>Contestação de Receitas - Abr19.xlsx</t>
  </si>
  <si>
    <t>C:\Users\luizavs\OneDrive - Grupo Algar\Backup PC Luiz\06-11-2019\LUIZ ALFREDO\01 - TELECOM\01 - TELEVENDAS\02 - TLV MPE\FINANCEIRO\FECHAMENTO FINANCEIRO\2017\JANEIRO - 17\RECEITA MPE VAREJO\</t>
  </si>
  <si>
    <t>C:\Users\luizavs\OneDrive - Grupo Algar\Backup PC Luiz\06-11-2019\LUIZ ALFREDO\01 - TELECOM\01 - TELEVENDAS\02 - TLV MPE\MAILINGS\2016\MAIO-16\2ª SEMANA\REJEITADOS\</t>
  </si>
  <si>
    <t>TLV_UPGRADE_UBL_10MB_ULA_URA_FAC_PMS_36027_FALTANTES.xlsx</t>
  </si>
  <si>
    <t>ENC: 3003 - impactos</t>
  </si>
  <si>
    <t>/o=exchangelabs/ou=exchange administrative group (fydibohf23spdlt)/cn=recipients/cn=187454204ab5433c860af23e0536be3f-renato augu;/o=exchangelabs/ou=exchange administrative group (fydibohf23spdlt)/cn=recipients/cn=ca8488babb6543c288612ad1d0eaa13a-pedro henri;/o=exchangelabs/ou=exchange administrative group (fydibohf23spdlt)/cn=recipients/cn=e174366906884bd1b4d4c5ddfc8c9433-rodrigo men;/o=exchangelabs/ou=exchange administrative group (fydibohf23spdlt)/cn=recipients/cn=e712654cf705427d937df14d5caed840-henrique be;</t>
  </si>
  <si>
    <t>Ajustes TTV - Whirpool // Novembro 2019</t>
  </si>
  <si>
    <t>Pausas CCO_Novembro.xlsx</t>
  </si>
  <si>
    <t>/o=exchangelabs/ou=exchange administrative group (fydibohf23spdlt)/cn=recipients/cn=187454204ab5433c860af23e0536be3f-renato augu,/o=exchangelabs/ou=exchange administrative group (fydibohf23spdlt)/cn=recipients/cn=ca8488babb6543c288612ad1d0eaa13a-pedro henri,/o=exchangelabs/ou=exchange administrative group (fydibohf23spdlt)/cn=recipients/cn=e174366906884bd1b4d4c5ddfc8c9433-rodrigo men,/o=exchangelabs/ou=exchange administrative group (fydibohf23spdlt)/cn=recipients/cn=e712654cf705427d937df14d5caed840-henrique be</t>
  </si>
  <si>
    <t>TLV_UPGRADE_UBL_10MB_ULA_URA_FAC_PMS_36027_FALTANTES.csv</t>
  </si>
  <si>
    <t>TLV_MIGRACAO_LIGADO_PARA_FLEX_10MB_IUA_NVS_PRS_PMS_36030_FALTANTES.xlsx</t>
  </si>
  <si>
    <t>TLV_MIGRACAO_LIGADO_PARA_FLEX_10MB_IUA_NVS_PRS_PMS_36030_FALTANTES.csv</t>
  </si>
  <si>
    <t>C:\Users\luizavs\OneDrive - Grupo Algar\Backup PC Luiz\06-11-2019\LUIZ ALFREDO\01 - TELECOM\01 - TELEVENDAS\02 - TLV MPE\MAILINGS\2016\MAIO-16\4ª SEMANA\PROSPECT BH\</t>
  </si>
  <si>
    <t>Cópia de job5769_enriquecimentoData.xlsx</t>
  </si>
  <si>
    <t>20160525_EXTRACAO_TELEFONE_VAL_20160610_36426.xlsx</t>
  </si>
  <si>
    <t>20160525_EXTRACAO_TELEFONE_VAL_20160610_36426.csv</t>
  </si>
  <si>
    <t>C:\Users\luizavs\OneDrive - Grupo Algar\Backup PC Luiz\06-11-2019\LUIZ ALFREDO\01 - TELECOM\01 - TELEVENDAS\02 - TLV MPE\MAILINGS\2016\OUTUBRO-16\3ª SEMANA\1ª ONDA\</t>
  </si>
  <si>
    <t>42492.xlsx</t>
  </si>
  <si>
    <t>42492.csv</t>
  </si>
  <si>
    <t>42490.xlsx</t>
  </si>
  <si>
    <t>C:\Users\luizavs\OneDrive - Grupo Algar\Backup PC Luiz\06-11-2019\LUIZ ALFREDO\01 - TELECOM\01 - TELEVENDAS\02 - TLV MPE\MAILINGS\2018\12 - DEZEMBRO\RETORNO MAILINGS TELECOM\ASPECT\</t>
  </si>
  <si>
    <t>TB27_20181210_190046.xls</t>
  </si>
  <si>
    <t>C:\Users\luizavs\OneDrive - Grupo Algar\Backup PC Luiz\06-11-2019\LUIZ ALFREDO\01 - TELECOM\01 - TELEVENDAS\02 - TLV MPE\MAILINGS\2018\12 - DEZEMBRO\SMS\Mailings MPE Dez18\</t>
  </si>
  <si>
    <t>Mailings dez18.xlsx</t>
  </si>
  <si>
    <t>C:\Users\luizavs\OneDrive - Grupo Algar\Backup PC Luiz\06-11-2019\LUIZ ALFREDO\01 - TELECOM\01 - TELEVENDAS\02 - TLV MPE\MAILINGS\2018\12 - DEZEMBRO\SMS\Mailings MPE Nov18\</t>
  </si>
  <si>
    <t>MAILINGS MPE NOV18.xlsx</t>
  </si>
  <si>
    <t>ACAO 4.csv</t>
  </si>
  <si>
    <t>ACAO 3.csv</t>
  </si>
  <si>
    <t>ACAO 2.csv</t>
  </si>
  <si>
    <t>ACAO 1.csv</t>
  </si>
  <si>
    <t>C:\Users\luizavs\OneDrive - Grupo Algar\Backup PC Luiz\06-11-2019\LUIZ ALFREDO\01 - TELECOM\04 - PÓS VENDAS\MAILINGS\2016\ABRIL-16\19042016\AVALIAÇÃO NEGATIVA\ANTIGOS\</t>
  </si>
  <si>
    <t>Avaliação Negativa 3ª Semana.csv</t>
  </si>
  <si>
    <t>Avaliação Negativa 3ª Semana ABRIL.csv</t>
  </si>
  <si>
    <t>AV NEG 3 SEMANA ABRIL.xlsx</t>
  </si>
  <si>
    <t>AV NEG 3 SEMANA ABRIL.csv</t>
  </si>
  <si>
    <t>AV NEG 3 SEMANA ABRIL (2).csv</t>
  </si>
  <si>
    <t>C:\Users\luizavs\OneDrive - Grupo Algar\Backup PC Luiz\06-11-2019\LUIZ ALFREDO\01 - TELECOM\01 - TELEVENDAS\02 - TLV MPE\CURVA ABC\BACKUP TELECOM MPE\EXTRATORES\16 - EXTRACTORES\01 - USADOS TELECOM\01 - EXTRACTORES\</t>
  </si>
  <si>
    <t>Volume por Skill.xls</t>
  </si>
  <si>
    <t>Produtividade_Online_ATUALIZADO_V3.xls</t>
  </si>
  <si>
    <t>Produtividade_online.xlsb</t>
  </si>
  <si>
    <t>Volume por VDN.xls</t>
  </si>
  <si>
    <t>Extrator_TME.xls</t>
  </si>
  <si>
    <t>Extrator_Quebra da Improdutividade.xls</t>
  </si>
  <si>
    <t>EXTRATOR_ECH_RECHAMADAS.xls</t>
  </si>
  <si>
    <t>EXTRATOR_ECH_POR_SKILL_NUMEROS_DISCADOS.xls</t>
  </si>
  <si>
    <t>Extrator_Diário_Por Skill.xls</t>
  </si>
  <si>
    <t>Extrator_Diario.xlsx.xls</t>
  </si>
  <si>
    <t>Extrator_Curva Intradiáia_Devolutiva.xls</t>
  </si>
  <si>
    <t>EXTRATOR_Chamadas_SKILL.xls</t>
  </si>
  <si>
    <t>EXTRATOR_Chamadas_SKILL MÊS.xls</t>
  </si>
  <si>
    <t>EXTRATOR_CHAMADAS_OPERADOR.xls</t>
  </si>
  <si>
    <t>EXTRATOR_AHT_SKILL_MES.xls</t>
  </si>
  <si>
    <t>Extrator_AHT por Operador Online.xlsm</t>
  </si>
  <si>
    <t>EXTRATOR TRANSFERIDAS POR ID2.xlsm</t>
  </si>
  <si>
    <t>EXTRATOR INTRADIARIO_DIA.xlsm</t>
  </si>
  <si>
    <t>EXTRATOR INTRADIARIO.xlsm</t>
  </si>
  <si>
    <t>EXTRATOR INTRADIARIO SKILL E DIA.xlsm</t>
  </si>
  <si>
    <t>EXTRACTOR OCUPAÇÃO POR AGENTE.xls</t>
  </si>
  <si>
    <t>ECH EFETUADAS.xlsm</t>
  </si>
  <si>
    <t>Chamadas por dia_muitas linhas DAC 2.xls</t>
  </si>
  <si>
    <t>CALCULADORA PORTA DE URA E TRONCOS.xlsx</t>
  </si>
  <si>
    <t>ACOMPANHAMENTO DDX TV.xls</t>
  </si>
  <si>
    <t>ACOMPANHAMENTO DDX PREMIUM.xls</t>
  </si>
  <si>
    <t>C:\Users\luizavs\OneDrive - Grupo Algar\Backup PC Luiz\06-11-2019\LUIZ ALFREDO\01 - TELECOM\01 - TELEVENDAS\02 - TLV MPE\CURVA ABC\BACKUP TELECOM MPE\EXTRATORES\16 - EXTRACTORES\02 - OUTROS EXTRACTORES\02 - Extractores\</t>
  </si>
  <si>
    <t>SD_UNIMED - TESTE.xls</t>
  </si>
  <si>
    <t>SD_C_A - TESTE.xls</t>
  </si>
  <si>
    <t>Extrator_VOL e AHT_POR_DIA_SEMANA.xls</t>
  </si>
  <si>
    <t>EXTRATOR_VICTOR.xls</t>
  </si>
  <si>
    <t>EXTRATOR_VDN_REGUA_PARAMETRIZACAO.xls</t>
  </si>
  <si>
    <t>EXTRATOR_VDN_ENTR_ATEND_TMA_AHT_NS.xls</t>
  </si>
  <si>
    <t>EXTRATOR_TME_TMD_VDN.xls</t>
  </si>
  <si>
    <t>EXTRATOR_TME_TMD_SKILL.xls</t>
  </si>
  <si>
    <t>EXTRATOR_TME_TMABDN_POR INTERVALO.xls</t>
  </si>
  <si>
    <t>EXTRATOR_TME_TMABDN_POR DIA.xls</t>
  </si>
  <si>
    <t>EXTRATOR_TME_SKILL.xls</t>
  </si>
  <si>
    <t>EXTRATOR_TEMPOS_TMC_OPERADOR_SKILL.xls</t>
  </si>
  <si>
    <t>EXTRATOR_TEMPOS_AHT_SKILL.xls</t>
  </si>
  <si>
    <t>EXTRATOR_TEMPOS_AHT_OPERADOR.xls</t>
  </si>
  <si>
    <t>EXTRATOR_TELEVENDAS - VJ.xls</t>
  </si>
  <si>
    <t>EXTRATOR_TELEVENDAS - INTRADIÁRIO.xls</t>
  </si>
  <si>
    <t>EXTRATOR_TELEVENDAS - DIÁRIO.xls</t>
  </si>
  <si>
    <t>EXTRATOR_SKILL_ENTR_ATEND_TMA_AHT_NS.xls</t>
  </si>
  <si>
    <t>EXTRATOR_RODRIGO.xls</t>
  </si>
  <si>
    <t>EXTRATOR_RELATORIO_CUSTOMIZADO_3.xls</t>
  </si>
  <si>
    <t>EXTRATOR_RECEPTIVO_INTERVALO.xls</t>
  </si>
  <si>
    <t>EXTRATOR_RECEPTIVO_DIA_TME_TMABDN.xls</t>
  </si>
  <si>
    <t>EXTRATOR_RECEPTIVO_BR_HISTORICO.xls</t>
  </si>
  <si>
    <t>EXTRATOR_PAUSAS_GRUPO_AGENTE.xls</t>
  </si>
  <si>
    <t>EXTRATOR_PARA_CURVAS_MEIA_HORA_HMM.xls</t>
  </si>
  <si>
    <t>EXTRATOR_PARA_CURVAS_MEIA_HORA.xls</t>
  </si>
  <si>
    <t>EXTRATOR_OCI_IMP.xls</t>
  </si>
  <si>
    <t>EXTRATOR_MEDIA_PAS.xls</t>
  </si>
  <si>
    <t>EXTRATOR_MAGALI.xls</t>
  </si>
  <si>
    <t>EXTRATOR_LOGIN_LOGOUT_SKILL.xls</t>
  </si>
  <si>
    <t>EXTRATOR_LOGIN_LOGOUT_DIA_SKILL.xlsm</t>
  </si>
  <si>
    <t>EXTRATOR_JEAN.xls</t>
  </si>
  <si>
    <t>EXTRATOR_INTRADAY_VARIOS.xls</t>
  </si>
  <si>
    <t>EXTRATOR_INTERVALO_TRONCOS.xls</t>
  </si>
  <si>
    <t>EXTRATOR_INTERVALO_TEMPOS.xls</t>
  </si>
  <si>
    <t>EXTRATOR_INTERVALO_SKILL_ROGER.xls</t>
  </si>
  <si>
    <t>EXTRATOR_INTERVALO_SKILL_OCUPAÇÃO.xls</t>
  </si>
  <si>
    <t>EXTRATOR_INTERVALO_SKILL_LOGID.xls</t>
  </si>
  <si>
    <t>EXTRATOR_INTERVALO_AMEX_OCC_ACS.xls</t>
  </si>
  <si>
    <t>Extrator_Forecast_Amex_5.xls</t>
  </si>
  <si>
    <t>Extrator_Forecast_Amex.xls</t>
  </si>
  <si>
    <t>EXTRATOR_ENTRANTES_TOTAL.xls</t>
  </si>
  <si>
    <t>EXTRATOR_ECH_SKILL_ATIVO.xls</t>
  </si>
  <si>
    <t>EXTRATOR_ECH_POR_ID.xls</t>
  </si>
  <si>
    <t>Extrator_Diário_Agencias_Por Skill.xls</t>
  </si>
  <si>
    <t>EXTRATOR_DIEGOHG_TME_TMD.xls</t>
  </si>
  <si>
    <t>EXTRATOR_DIARIO_CE_AHT_MESPERA_NS.xls</t>
  </si>
  <si>
    <t>EXTRATOR_DEYVÃO.xls</t>
  </si>
  <si>
    <t>EXTRATOR_CONSOLIDADO_ATIVO.xls</t>
  </si>
  <si>
    <t>EXTRATOR_claro meia em meia hora.xls</t>
  </si>
  <si>
    <t>EXTRATOR_CHAMADAS_AHT_OPERADOR.xls</t>
  </si>
  <si>
    <t>EXTRATOR_AMEX.xls</t>
  </si>
  <si>
    <t>EXTRATOR_ALEMÃOZIM.xls</t>
  </si>
  <si>
    <t>EXTRATOR_AGENTE_TEMPO LOGADO.xls</t>
  </si>
  <si>
    <t>EXTRATOR_AGENTE_INTERVALO.xls</t>
  </si>
  <si>
    <t>EXTRATOR_AGENTE_inbound e outbound.xls</t>
  </si>
  <si>
    <t>EXTRATOR_AGENTE_HENRIQUE.xls</t>
  </si>
  <si>
    <t>EXTRATOR_AGENTE_DIARIO.xlsm</t>
  </si>
  <si>
    <t>EXTRATOR_AGENTE_ATIVO.xlsm</t>
  </si>
  <si>
    <t>EXTRATOR_AGENTE.xls</t>
  </si>
  <si>
    <t>EXTRATOR_ACS_PRODUÇÃO_DIARIO.xls</t>
  </si>
  <si>
    <t>EXTRATOR_ABANDONO.xls</t>
  </si>
  <si>
    <t>EXTRATOR VDNs.XLS</t>
  </si>
  <si>
    <t>EXTRATOR VDN.XLS</t>
  </si>
  <si>
    <t>EXTRATOR PARA DIMENS E FORECAST.xls</t>
  </si>
  <si>
    <t>EXTRATOR INTRADAY.xls</t>
  </si>
  <si>
    <t>EXTRATOR GRUPO DE TRONCOS.XLS</t>
  </si>
  <si>
    <t>EXTRATOR GRUPO DE TRONCOS ORIG.XLS</t>
  </si>
  <si>
    <t>EXTRATOR GREVY BOY.xls</t>
  </si>
  <si>
    <t>Extrator Diario.xlsx.xls</t>
  </si>
  <si>
    <t>EXTRATOR AHT_Operador_v3.xls</t>
  </si>
  <si>
    <t>EXTRATOR AHT_Fera.xls</t>
  </si>
  <si>
    <t>EXTRATOR AHT_Diário.xlsx</t>
  </si>
  <si>
    <t>EXTRATOR AHT_.xls</t>
  </si>
  <si>
    <t>EXTRATOR AHT.xls</t>
  </si>
  <si>
    <t>EXTRATOR AHT PF.xls</t>
  </si>
  <si>
    <t>EXTRATOR AHT - CARD.xls</t>
  </si>
  <si>
    <t>CONV. NUMERO DE A QUERY.xlsx</t>
  </si>
  <si>
    <t>CHAMADAS ATENDIDAS POR SKILL.xlsm</t>
  </si>
  <si>
    <t>CALCULADORA DIMENS INBOUND.xlsm</t>
  </si>
  <si>
    <t>CALCULADORA DIMENS BKO.xlsx</t>
  </si>
  <si>
    <t>CALCULADORA DIMENS ATIVO.xlsx</t>
  </si>
  <si>
    <t>AVON_T_F.xls</t>
  </si>
  <si>
    <t>AVON_RH.xls</t>
  </si>
  <si>
    <t>AVON_RA3.xls</t>
  </si>
  <si>
    <t>AVON_RA2.xls</t>
  </si>
  <si>
    <t>AVON_QR.xls</t>
  </si>
  <si>
    <t>AVON_FV_3.xls</t>
  </si>
  <si>
    <t>AVON_FV_2_COM CREDIT.xls</t>
  </si>
  <si>
    <t>AVON_FV_2.xls</t>
  </si>
  <si>
    <t>AVON_FV_1.xls</t>
  </si>
  <si>
    <t>AVON_CSM_2.xls</t>
  </si>
  <si>
    <t>AVON_CSM_1.xls</t>
  </si>
  <si>
    <t>ACHADOR DE CHAMADAS_UDI_DAC_2.xls</t>
  </si>
  <si>
    <t>ACHADOR DE CHAMADAS_UDI_DAC_1.xls</t>
  </si>
  <si>
    <t>Alocação de Ligações PF Agosto.xlsx</t>
  </si>
  <si>
    <t>ACHADOR DE CHAMADAS_CPS_DAC_1.xls</t>
  </si>
  <si>
    <t>ATENDIDAS POR SKILL Rafael.xls</t>
  </si>
  <si>
    <t>C:\Users\luizavs\OneDrive - Grupo Algar\Backup PC Luiz\06-11-2019\LUIZ ALFREDO\01 - TELECOM\01 - TELEVENDAS\02 - TLV MPE\CURVA ABC\BACKUP TELECOM MPE\EXTRATORES\16 - EXTRACTORES\02 - OUTROS EXTRACTORES\03 - Extractores\</t>
  </si>
  <si>
    <t>C:\Users\luizavs\OneDrive - Grupo Algar\Backup PC Luiz\06-11-2019\LUIZ ALFREDO\01 - TELECOM\01 - TELEVENDAS\02 - TLV MPE\CURVA ABC\BACKUP TELECOM MPE\EXTRATORES\QUERY &amp; EXTRATOR\DEZEMBRO - 16\VOLUMETRIA POR REGIÃO\</t>
  </si>
  <si>
    <t>https://caey.fa.us2.oraclecloud.com/crmui/faces/fusewelcome?_adf.ctrl-state=153vse756l_163</t>
  </si>
  <si>
    <t>10.200.60.17</t>
  </si>
  <si>
    <t>FC-01-7C-B3-D1-B5</t>
  </si>
  <si>
    <t>C:\Users\tiagorpf\OneDrive - Grupo Algar\CAC\BASES ATUAIS\09 - SETEMBRO\</t>
  </si>
  <si>
    <t>Base CAC Oficial - 201909 - v2.xlsm</t>
  </si>
  <si>
    <t>poliane.amaral@bradesco.com.br;</t>
  </si>
  <si>
    <t>RES: *** AUDITORIA MANUTEENÇÕES UCB</t>
  </si>
  <si>
    <t>JUNHO.xlsx</t>
  </si>
  <si>
    <t>poliane.amaral@bradesco.com.br</t>
  </si>
  <si>
    <t>C:\Users\luizavs\OneDrive - Grupo Algar\Backup PC Luiz\06-11-2019\LUIZ ALFREDO\01 - TELECOM\01 - TELEVENDAS\02 - TLV MPE\CURVA ABC\BACKUP TELECOM MPE\EXTRATORES\QUERY &amp; EXTRATOR\OUTUBRO - 16\VOLUMETRIA SKILLS TRANSFERENCIA\</t>
  </si>
  <si>
    <t>C:\Users\luizavs\OneDrive - Grupo Algar\Backup PC Luiz\06-11-2019\LUIZ ALFREDO\01 - TELECOM\01 - TELEVENDAS\02 - TLV MPE\CURVA ABC\BACKUP TELECOM MPE\EXTRATORES\QUERY &amp; EXTRATOR\NOVEMBRO - 16\VOLUMETRIA POR REGIÃO\</t>
  </si>
  <si>
    <t>C:\Users\luizavs\OneDrive - Grupo Algar\Backup PC Luiz\06-11-2019\LUIZ ALFREDO\01 - TELECOM\01 - TELEVENDAS\02 - TLV MPE\CURVA ABC\BACKUP TELECOM MPE\EXTRATORES\QUERY &amp; EXTRATOR\OUTUBRO - 16\VOLUMETRIA POR REGIÃO\</t>
  </si>
  <si>
    <t>C:\Users\luizavs\OneDrive - Grupo Algar\Backup PC Luiz\06-11-2019\LUIZ ALFREDO\01 - TELECOM\01 - TELEVENDAS\02 - TLV MPE\PONTO DE CONTROLE\JULHO-16\</t>
  </si>
  <si>
    <t>Acompanhamento de Mailing 2607.xlsx</t>
  </si>
  <si>
    <t>C:\Users\luizavs\OneDrive - Grupo Algar\Backup PC Luiz\06-11-2019\LUIZ ALFREDO\01 - TELECOM\01 - TELEVENDAS\02 - TLV MPE\PONTO DE CONTROLE\JUNHO-16\</t>
  </si>
  <si>
    <t>MAILING x INVIÁVEIS.xlsx</t>
  </si>
  <si>
    <t>Comparativo Ressub.xlsx</t>
  </si>
  <si>
    <t>ATIVO x RECEPTIVO.xlsx</t>
  </si>
  <si>
    <t>C:\Users\luizavs\OneDrive - Grupo Algar\Backup PC Luiz\06-11-2019\LUIZ ALFREDO\01 - TELECOM\01 - TELEVENDAS\02 - TLV MPE\PONTO DE CONTROLE\MAIO-16\4ª SEMANA\</t>
  </si>
  <si>
    <t>ACOMP CAMPANHA TELEVENDAS MPE MAIO BH PROSPECT.xlsm</t>
  </si>
  <si>
    <t>ACOMP CAMPANHA TELEVENDAS MPE MAIO PTO CTRL.xlsm</t>
  </si>
  <si>
    <t>Impacto AlgarCRM.xls</t>
  </si>
  <si>
    <t>Comparativo Jan x Mar.xlsx</t>
  </si>
  <si>
    <t>%FECHAMENTO TLV MPE.xlsx</t>
  </si>
  <si>
    <t>%FECHAMENTO TLV MPE V2.xlsx</t>
  </si>
  <si>
    <t>C:\Users\luizavs\OneDrive - Grupo Algar\Backup PC Luiz\06-11-2019\LUIZ ALFREDO\01 - TELECOM\01 - TELEVENDAS\02 - TLV MPE\PLANEJAMENTO MENSAL\2018\04 - ABRIL\</t>
  </si>
  <si>
    <t>Planejamento TLV MPE - Abr18.xlsx</t>
  </si>
  <si>
    <t>Meta x Real - Abril18.xlsx</t>
  </si>
  <si>
    <t>Extratificação Jan18.xlsx</t>
  </si>
  <si>
    <t>Comparativo Mar x Abr.xlsx</t>
  </si>
  <si>
    <t>AJUSTE DIMENS TLV MPE.xlsx</t>
  </si>
  <si>
    <t>AJUSTE DIMENS TLV MPE v3.xlsx</t>
  </si>
  <si>
    <t>AJUSTE DIMENS TLV MPE v2.xlsx</t>
  </si>
  <si>
    <t>C:\Users\luizavs\OneDrive - Grupo Algar\Backup PC Luiz\06-11-2019\LUIZ ALFREDO\01 - TELECOM\01 - TELEVENDAS\02 - TLV MPE\PLANEJAMENTO MENSAL\2018\05 - MAIO\</t>
  </si>
  <si>
    <t>Planejamento TLV MPE - Mai18.xlsx</t>
  </si>
  <si>
    <t>Planejamento TLV MPE - Mai18 V3.xlsx</t>
  </si>
  <si>
    <t>Planejamento TLV MPE - Mai18 V2.xlsx</t>
  </si>
  <si>
    <t>AJUSTE DIMENS TLV MPE V2.xlsx</t>
  </si>
  <si>
    <t>C:\Users\luizavs\OneDrive - Grupo Algar\Backup PC Luiz\06-11-2019\LUIZ ALFREDO\01 - TELECOM\01 - TELEVENDAS\02 - TLV MPE\PLANEJAMENTO MENSAL\2018\06 - JUNHO\</t>
  </si>
  <si>
    <t>Planejamento TLV MPE - JUN18.xlsx</t>
  </si>
  <si>
    <t>Planejamento TLV MPE - JUN18 v2.xlsx</t>
  </si>
  <si>
    <t>ANALISE GPON.xlsx</t>
  </si>
  <si>
    <t>C:\Users\luizavs\OneDrive - Grupo Algar\Backup PC Luiz\06-11-2019\LUIZ ALFREDO\01 - TELECOM\01 - TELEVENDAS\02 - TLV MPE\PLANEJAMENTO MENSAL\2018\07 - JULHO\</t>
  </si>
  <si>
    <t>Planejamento TLV MPE - JUL18.xlsx</t>
  </si>
  <si>
    <t>TME WHATSAPP.xlsx</t>
  </si>
  <si>
    <t>Planejamento TLV MPE - JUL18 V2.xlsx</t>
  </si>
  <si>
    <t>NOVA ESTRUTURA ATIVO MPE.xlsx</t>
  </si>
  <si>
    <t>CAPACITY x RECEBIDO - MAILINGS - 1ª Semana.xlsx</t>
  </si>
  <si>
    <t>CAPACITY x RECEBIDO - MAILINGS - 1ª Quinzena.xlsx</t>
  </si>
  <si>
    <t>C:\Users\luizavs\OneDrive - Grupo Algar\Backup PC Luiz\06-11-2019\LUIZ ALFREDO\01 - TELECOM\01 - TELEVENDAS\02 - TLV MPE\PLANEJAMENTO MENSAL\2018\08 - AGOSTO\</t>
  </si>
  <si>
    <t>SCRIPT TLV MPE.xlsx</t>
  </si>
  <si>
    <t>RANKING AJUSTE DIMENS TLV MPE_AGO18.xlsx</t>
  </si>
  <si>
    <t>RANKING AJUSTE DIMENS TLV MPE_AGO18 V2.xlsx</t>
  </si>
  <si>
    <t>Planejamento TLV MPE - AGO18.xlsx</t>
  </si>
  <si>
    <t>Agentes 8h12m.xlsx</t>
  </si>
  <si>
    <t>PLAN x REAL - AGO18.xlsx</t>
  </si>
  <si>
    <t>META BRENO.xls</t>
  </si>
  <si>
    <t>CAPACITY x RECEBIDO - MAILINGS - 1ª QUINZENA.xlsx</t>
  </si>
  <si>
    <t>PERFORMANCE OPERADORES PERFIS.xlsx</t>
  </si>
  <si>
    <t>SCRIPT TLV MPE - SET18.xlsx</t>
  </si>
  <si>
    <t>SCRIPT TLV MPE - SET18 V2.xlsx</t>
  </si>
  <si>
    <t>RANKING AJUSTE DIMENS TLV MPE_SET18 v4.xlsx</t>
  </si>
  <si>
    <t>RANKING AJUSTE DIMENS TLV MPE_SET18 v3.xlsx</t>
  </si>
  <si>
    <t>C:\Users\luizavs\OneDrive - Grupo Algar\Backup PC Luiz\06-11-2019\LUIZ ALFREDO\01 - TELECOM\01 - TELEVENDAS\02 - TLV MPE\RANKING x OPERADOR\2017\03 - MARÇO\</t>
  </si>
  <si>
    <t>RANKING TLV MPE MAR17.xlsx</t>
  </si>
  <si>
    <t>C:\Users\luizavs\OneDrive - Grupo Algar\Backup PC Luiz\06-11-2019\LUIZ ALFREDO\01 - TELECOM\01 - TELEVENDAS\02 - TLV MPE\RANKING x OPERADOR\2017\05 - MAIO\</t>
  </si>
  <si>
    <t>RANKING TLV MPE Mai-17.xlsx</t>
  </si>
  <si>
    <t>C:\Users\luizavs\OneDrive - Grupo Algar\Backup PC Luiz\06-11-2019\LUIZ ALFREDO\01 - TELECOM\01 - TELEVENDAS\02 - TLV MPE\URA ATIVA\2016\07-JULHO\</t>
  </si>
  <si>
    <t>MODELAGEM PADRÃO.xlsx</t>
  </si>
  <si>
    <t>INVIAVEIS INADIMPLENTES URA ATIVA 1MB-2MB - JULHO-16.xlsx</t>
  </si>
  <si>
    <t>CONTATOS 25-07.xlsx</t>
  </si>
  <si>
    <t>20160720_EXTRACAO_TELEFONE_VAL_20160807_38221.xlsx</t>
  </si>
  <si>
    <t>C:\Users\luizavs\OneDrive - Grupo Algar\Backup PC Luiz\06-11-2019\LUIZ ALFREDO\01 - TELECOM\01 - TELEVENDAS\02 - TLV MPE\URA ATIVA\2016\08-AGOSTO\</t>
  </si>
  <si>
    <t>Contatos Sem Sucesso.xlsx</t>
  </si>
  <si>
    <t>C:\Users\luizavs\OneDrive - Grupo Algar\Backup PC Luiz\06-11-2019\LUIZ ALFREDO\01 - TELECOM\01 - TELEVENDAS\02 - TLV MPE\URA ATIVA\2016\09-SETEMBRO\</t>
  </si>
  <si>
    <t>URA ATIVA INTEGRADA AO RECEPTIVO.xlsx</t>
  </si>
  <si>
    <t>URA ATIVA - ATIVAÇÃO DE CELULAR - SETEMBRO.xlsx</t>
  </si>
  <si>
    <t>Sem Sucesso - Ressub 11470 - PACOTE FLEX.xlsx</t>
  </si>
  <si>
    <t>Sem Sucesso - 39010 - 39011- 39502.xlsx</t>
  </si>
  <si>
    <t>RETORNO - SEM SUCESSO - RESSUB 11470.xlsx</t>
  </si>
  <si>
    <t>RESULTADOS URA ATIVA INTEGRADA.xlsx</t>
  </si>
  <si>
    <t>RESULTADOS URA ATIVA - ATIVAÇÃO CELULAR.xlsx</t>
  </si>
  <si>
    <t>C:\Users\luizavs\OneDrive - Grupo Algar\Backup PC Luiz\06-11-2019\LUIZ ALFREDO\01 - TELECOM\01 - TELEVENDAS\02 - TLV MPE\URA ATIVA\2016\11-NOVEMBRO\</t>
  </si>
  <si>
    <t>URA Ativa MPE - Novembro 28.xlsx</t>
  </si>
  <si>
    <t>ENC: pth grc</t>
  </si>
  <si>
    <t>pth grc.xlsx</t>
  </si>
  <si>
    <t>kelly_c_alcarria@whirlpool.com;thalita_y_cardoso@whirlpool.com;</t>
  </si>
  <si>
    <t>RES: Relatório de contatos por canais</t>
  </si>
  <si>
    <t>kelly_c_alcarria@whirlpool.com,thalita_y_cardoso@whirlpool.com</t>
  </si>
  <si>
    <t>lilian.alves@temposervicos.com.br;</t>
  </si>
  <si>
    <t>RES: CATEGORIZAÇÃO E-MAILS 2019.xlsx</t>
  </si>
  <si>
    <t>CATEGORIZAÇÃO E-MAILS 2019.xlsx</t>
  </si>
  <si>
    <t>lilian.alves@temposervicos.com.br</t>
  </si>
  <si>
    <t>Acompanhamento Análise Contrato por Produtos - OUT-2019</t>
  </si>
  <si>
    <t>Análise de Produtos OUT 2019.xlsb</t>
  </si>
  <si>
    <t>mail.google.com/_/upload?authuser=0&amp;dcp=asu-n&amp;upload_id=AEnB2Uo5xE3230pO1fJgGP5A92F_6YBGUuz7AlUOg5_BeT_SEWQYH7ZgwP1VZsoN3xDjcGtCGsft-bjhYcOko7vQuFY7xQApEsGne35pScDSQAnXgUO5mWU&amp;upload_protocol=resumable</t>
  </si>
  <si>
    <t>daniel.silva@bancobmg.com.br;fellipe.morais@prestador.com.br;heitorft@algartech.com;jonas.aquino@bancobmg.com.br;raquel.mendes@bancobmg.com.br;ricardo.lapa@bancobmg.com.br;roberto.gagliardi@algartech.com;</t>
  </si>
  <si>
    <t>daniel.silva@bancobmg.com.br,fellipe.morais@prestador.com.br,heitorft@algartech.com,jonas.aquino@bancobmg.com.br,raquel.mendes@bancobmg.com.br,ricardo.lapa@bancobmg.com.br,roberto.gagliardi@algartech.com</t>
  </si>
  <si>
    <t>mail.google.com/_/upload?authuser=0&amp;dcp=asu-n&amp;upload_id=AEnB2UojYebx0HPU0c6MQhZ8RZmGsRtIaLYgQt0xLnz_ah2OByblS9BH9Ky8WBFLuuDAkfQX_GvjiaURNN76KtmUBSd8Ay38u5UP4hccxZp-0zDRVUZya00&amp;upload_protocol=resumable</t>
  </si>
  <si>
    <t>\\acsfs\engeset\financeiro_ula\FATURAMENTO\08. Relatórios Faturamento\03. 2019\Old\</t>
  </si>
  <si>
    <t>RELATÓRIO FATURAMENTO 01.07.2019 a 30.09.2019.xlsx</t>
  </si>
  <si>
    <t>mail.google.com/_/upload?authuser=0&amp;dcp=asu-n&amp;upload_id=AEnB2UqP1x6iDJFBwyHBKFbZVW-2saLUfmgjf4vAHxtSxC42_sKIrZJEqQmVnXY7p_wid4gXsi16W6BIrA9AH5MUvN-Z16Z9Pw&amp;upload_protocol=resumable</t>
  </si>
  <si>
    <t>RELATÓRIO FATURAMENTO 01.01.2019 a 30.06.2019.xlsx</t>
  </si>
  <si>
    <t>https://caey.fa.us2.oraclecloud.com/crmui/faces/fuseoverview?_adf.ctrl-state=137il8lhau_5&amp;fnd=;;;;false;256;;;&amp;fndglobalitemnodeid=moo_opptymgmtopportunities_crm_card</t>
  </si>
  <si>
    <t>\\acsfs\Deptos\CAS - Coordenação de Arquitetura de Soluções\Projetos\2019\Faber Castell\213409 - Avaliação Diagnostico Tratamento Demandas\1. Precificação\</t>
  </si>
  <si>
    <t>213409 - SAP - Avaliação.xlsb</t>
  </si>
  <si>
    <t>\\acsfs\Deptos\CAS - Coordenação de Arquitetura de Soluções\Projetos\2019\Faber Castell\213409 - Avaliação Diagnostico Tratamento Demandas\1. Precificação\213409 - SAP - Avaliação.xlsb\</t>
  </si>
  <si>
    <t>DESMOBILIZAÇÃO LEGADO.xlsx</t>
  </si>
  <si>
    <t>/o=exchangelabs/ou=exchange administrative group (fydibohf23spdlt)/cn=recipients/cn=a72fa73d2e1a464ba879e7629d58ef97-luana erlen;</t>
  </si>
  <si>
    <t>Modelo Gestão a Vista - Calibrações</t>
  </si>
  <si>
    <t>Agenda Calibração - Oficial.xlsx</t>
  </si>
  <si>
    <t>/o=exchangelabs/ou=exchange administrative group (fydibohf23spdlt)/cn=recipients/cn=a72fa73d2e1a464ba879e7629d58ef97-luana erlen</t>
  </si>
  <si>
    <t>/o=exchangelabs/ou=exchange administrative group (fydibohf23spdlt)/cn=recipients/cn=c94f984236114f79aef3c3ce07971988-leticia gom;/o=exchangelabs/ou=exchange administrative group (fydibohf23spdlt)/cn=recipients/cn=d73974a6e555442cafd74cda95746e86-denia alves;</t>
  </si>
  <si>
    <t>Lançamento de comissão Sicoob e EDP</t>
  </si>
  <si>
    <t>SICOOB COBRANÇA-Out2019.xls</t>
  </si>
  <si>
    <t>/o=exchangelabs/ou=exchange administrative group (fydibohf23spdlt)/cn=recipients/cn=c94f984236114f79aef3c3ce07971988-leticia gom,/o=exchangelabs/ou=exchange administrative group (fydibohf23spdlt)/cn=recipients/cn=d73974a6e555442cafd74cda95746e86-denia alves</t>
  </si>
  <si>
    <t>ENC: Fechamento Faturamento Contrato Contencioso Algar - Outubro/19</t>
  </si>
  <si>
    <t>10 - Algar Convencional.xlsx</t>
  </si>
  <si>
    <t>Transferência GH</t>
  </si>
  <si>
    <t>transferências GH.xlsx</t>
  </si>
  <si>
    <t>C:\Users\lucasfbr\OneDrive - Grupo Algar\LUCAS\2 - Outros\Pessoais\Controle de Ponto\</t>
  </si>
  <si>
    <t>Transferências_Bloqueios V3.xlsx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4fbcbdfa900b4cb195ac160568115bc2-ericson nog;/o=exchangelabs/ou=exchange administrative group (fydibohf23spdlt)/cn=recipients/cn=88e4fcbd3ea14730a81286cc0683fb42-manoel eloy;/o=exchangelabs/ou=exchange administrative group (fydibohf23spdlt)/cn=recipients/cn=90bbd36f936b4bc78e1fbd0a7eb4aa7d-samantha du;/o=exchangelabs/ou=exchange administrative group (fydibohf23spdlt)/cn=recipients/cn=b712c36eebee42428d3790abe2696417-romario gom;/o=exchangelabs/ou=exchange administrative group (fydibohf23spdlt)/cn=recipients/cn=e4dbda4121b54299b4a719c6aa694894-algar tech;</t>
  </si>
  <si>
    <t>RES: Controle de Treinamento</t>
  </si>
  <si>
    <t>Controle de treinamento - NEXT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4fbcbdfa900b4cb195ac160568115bc2-ericson nog,/o=exchangelabs/ou=exchange administrative group (fydibohf23spdlt)/cn=recipients/cn=88e4fcbd3ea14730a81286cc0683fb42-manoel eloy,/o=exchangelabs/ou=exchange administrative group (fydibohf23spdlt)/cn=recipients/cn=90bbd36f936b4bc78e1fbd0a7eb4aa7d-samantha du,/o=exchangelabs/ou=exchange administrative group (fydibohf23spdlt)/cn=recipients/cn=b712c36eebee42428d3790abe2696417-romario gom,/o=exchangelabs/ou=exchange administrative group (fydibohf23spdlt)/cn=recipients/cn=e4dbda4121b54299b4a719c6aa694894-algar tech</t>
  </si>
  <si>
    <t>ChatBotTechDay.xlsx</t>
  </si>
  <si>
    <t>Gestão da Cipa Processos</t>
  </si>
  <si>
    <t>Controle da GESTÃO CIPA - ESTABILIDADE RV1.xlsx</t>
  </si>
  <si>
    <t>CH542_20191106_155917.xls</t>
  </si>
  <si>
    <t>10.200.57.248</t>
  </si>
  <si>
    <t>D8-9C-67-4D-99-3B</t>
  </si>
  <si>
    <t>NB-ALEXSANDRODM</t>
  </si>
  <si>
    <t>alexsandrodmju</t>
  </si>
  <si>
    <t>https://assistant-us-south.watsonplatform.net/rest/v2/skills/fe32cf46-366d-4ca1-ae36-277f7bc3d34d/content</t>
  </si>
  <si>
    <t>C:\Users\alexsandrodmju\Downloads\</t>
  </si>
  <si>
    <t>fe32cf46-366d-4ca1-ae36-277f7bc3d34d_entities (3).csv</t>
  </si>
  <si>
    <t>C:\Users\luanaaoli\Desktop\INICIATIVAS\3. Apresentações\</t>
  </si>
  <si>
    <t>Contrato.xlsx</t>
  </si>
  <si>
    <t>/o=exchangelabs/ou=exchange administrative group (fydibohf23spdlt)/cn=recipients/cn=8ab5e44d485043d59eb4f21463e63e6a-tays dos sa;julianaem@algartech.com;</t>
  </si>
  <si>
    <t>RES: Impactos - Mudança de GH</t>
  </si>
  <si>
    <t>Faltas Amanda e Kleber.xlsx</t>
  </si>
  <si>
    <t>/o=exchangelabs/ou=exchange administrative group (fydibohf23spdlt)/cn=recipients/cn=8ab5e44d485043d59eb4f21463e63e6a-tays dos sa,julianaem@algartech.com</t>
  </si>
  <si>
    <t>/o=exchangelabs/ou=exchange administrative group (fydibohf23spdlt)/cn=recipients/cn=6ff53932294845d0b04d14dd23bb8e8b-ana carla m;</t>
  </si>
  <si>
    <t>/o=exchangelabs/ou=exchange administrative group (fydibohf23spdlt)/cn=recipients/cn=6ff53932294845d0b04d14dd23bb8e8b-ana carla m</t>
  </si>
  <si>
    <t>/o=exchangelabs/ou=exchange administrative group (fydibohf23spdlt)/cn=recipients/cn=0ae9da151ba7444f9601ef3ec5b6fbe1-danilo atai;/o=exchangelabs/ou=exchange administrative group (fydibohf23spdlt)/cn=recipients/cn=5ccb7535ad224642b80c931dfd535828-marcos vini;</t>
  </si>
  <si>
    <t>ENC: Backups ELITE</t>
  </si>
  <si>
    <t>/o=exchangelabs/ou=exchange administrative group (fydibohf23spdlt)/cn=recipients/cn=0ae9da151ba7444f9601ef3ec5b6fbe1-danilo atai,/o=exchangelabs/ou=exchange administrative group (fydibohf23spdlt)/cn=recipients/cn=5ccb7535ad224642b80c931dfd535828-marcos vini</t>
  </si>
  <si>
    <t>Fechamento Conversão Out/19</t>
  </si>
  <si>
    <t>Conversão NCOB.xlsx</t>
  </si>
  <si>
    <t>/o=exchangelabs/ou=exchange administrative group (fydibohf23spdlt)/cn=recipients/cn=00dbcea0702d4358b7c66d1d0dd7b863-juliana tei;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47bcba0edfbb48d39e9b215eae1400b2-ana paula s;/o=exchangelabs/ou=exchange administrative group (fydibohf23spdlt)/cn=recipients/cn=8b5b63d67af648d081a40c45cc800804-fabiana per;/o=exchangelabs/ou=exchange administrative group (fydibohf23spdlt)/cn=recipients/cn=f12a8a47728048b0a734508ea6226c04-michele dos;/o=exchangelabs/ou=exchange administrative group (fydibohf23spdlt)/cn=recipients/cn=f45617401bdf436baf70c45766699413-frederico b;crislaine.cassimiro@temposervicos.com.br;</t>
  </si>
  <si>
    <t>/o=exchangelabs/ou=exchange administrative group (fydibohf23spdlt)/cn=recipients/cn=00dbcea0702d4358b7c66d1d0dd7b863-juliana tei,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47bcba0edfbb48d39e9b215eae1400b2-ana paula s,/o=exchangelabs/ou=exchange administrative group (fydibohf23spdlt)/cn=recipients/cn=8b5b63d67af648d081a40c45cc800804-fabiana per,/o=exchangelabs/ou=exchange administrative group (fydibohf23spdlt)/cn=recipients/cn=f12a8a47728048b0a734508ea6226c04-michele dos,/o=exchangelabs/ou=exchange administrative group (fydibohf23spdlt)/cn=recipients/cn=f45617401bdf436baf70c45766699413-frederico b,crislaine.cassimiro@temposervicos.com.br</t>
  </si>
  <si>
    <t>/o=exchangelabs/ou=exchange administrative group (fydibohf23spdlt)/cn=recipients/cn=01a1f66a08fd441b860a430efe9babba-cpc - contr;/o=exchangelabs/ou=exchange administrative group (fydibohf23spdlt)/cn=recipients/cn=3604eabf59564dc8baa49b62a099a560-tatielly sa;/o=exchangelabs/ou=exchange administrative group (fydibohf23spdlt)/cn=recipients/cn=user9ad76612;</t>
  </si>
  <si>
    <t>RES: Escala de treinamento</t>
  </si>
  <si>
    <t>Escala TRN - Categorizações + BF.xlsx</t>
  </si>
  <si>
    <t>/o=exchangelabs/ou=exchange administrative group (fydibohf23spdlt)/cn=recipients/cn=01a1f66a08fd441b860a430efe9babba-cpc - contr,/o=exchangelabs/ou=exchange administrative group (fydibohf23spdlt)/cn=recipients/cn=3604eabf59564dc8baa49b62a099a560-tatielly sa,/o=exchangelabs/ou=exchange administrative group (fydibohf23spdlt)/cn=recipients/cn=user9ad76612</t>
  </si>
  <si>
    <t>Treinamento NR10 Energia on-line</t>
  </si>
  <si>
    <t>Ficha de Inscrição - Não Conformidades São Paulo Junior Filgueira 06.11.19 .xlsx</t>
  </si>
  <si>
    <t>10.200.36.27</t>
  </si>
  <si>
    <t>/o=exchangelabs/ou=exchange administrative group (fydibohf23spdlt)/cn=recipients/cn=696f712aa5c841708a095699a50884db-luan kevem;/o=exchangelabs/ou=exchange administrative group (fydibohf23spdlt)/cn=recipients/cn=6fbc44b6d6b549208175d5a27201bd13-cintia nune;/o=exchangelabs/ou=exchange administrative group (fydibohf23spdlt)/cn=recipients/cn=b284454839e94314a90d49e7ec00864f-antonio car;/o=exchangelabs/ou=exchange administrative group (fydibohf23spdlt)/cn=recipients/cn=d1ca1bbb859d4bb997649640237ba7cd-paulla rena;/o=exchangelabs/ou=exchange administrative group (fydibohf23spdlt)/cn=recipients/cn=d73974a6e555442cafd74cda95746e86-denia alves;elismael.menino@sicoob.com.br;rogerio.nascimento@sicoob.com.br;</t>
  </si>
  <si>
    <t>Ponto de controle semanal 05/11</t>
  </si>
  <si>
    <t>Pendencias Gerais - 06-11 (002).xlsx</t>
  </si>
  <si>
    <t>/o=exchangelabs/ou=exchange administrative group (fydibohf23spdlt)/cn=recipients/cn=696f712aa5c841708a095699a50884db-luan kevem,/o=exchangelabs/ou=exchange administrative group (fydibohf23spdlt)/cn=recipients/cn=6fbc44b6d6b549208175d5a27201bd13-cintia nune,/o=exchangelabs/ou=exchange administrative group (fydibohf23spdlt)/cn=recipients/cn=b284454839e94314a90d49e7ec00864f-antonio car,/o=exchangelabs/ou=exchange administrative group (fydibohf23spdlt)/cn=recipients/cn=d1ca1bbb859d4bb997649640237ba7cd-paulla rena,/o=exchangelabs/ou=exchange administrative group (fydibohf23spdlt)/cn=recipients/cn=d73974a6e555442cafd74cda95746e86-denia alves,elismael.menino@sicoob.com.br,rogerio.nascimento@sicoob.com.br</t>
  </si>
  <si>
    <t>Lista de associados com valor a pagar de PLR (nova assembleia)</t>
  </si>
  <si>
    <t>Lista de associados_PLR.xlsx</t>
  </si>
  <si>
    <t>RES: CONSIDEREM ESSA VERSÃO - ERRATA 2 : Pendências Férias</t>
  </si>
  <si>
    <t>ESTUDO REMUNERAÇÃO FORÇA DE VENDAS.xlsb</t>
  </si>
  <si>
    <t>Treinamento NR10 Reciclagem</t>
  </si>
  <si>
    <t>MESA003.ZIP\</t>
  </si>
  <si>
    <t>AVON - Propostas na Mesa 20191006 v1.xlsx</t>
  </si>
  <si>
    <t>RES: Novas Regras Acionamento ATIVO MP</t>
  </si>
  <si>
    <t>Layout Mailing Ativo MP.xlsx</t>
  </si>
  <si>
    <t>AEN_AVON_1.pptx</t>
  </si>
  <si>
    <t>AEN_AVON_1.pptx\</t>
  </si>
  <si>
    <t>C:\Users\mariannacsm\OneDrive - Grupo Algar\0- PMO-POOL\COMPRAS\05 - Novo Escopo Compras\02 - External NFs\</t>
  </si>
  <si>
    <t>External Algar Tech.xlsx</t>
  </si>
  <si>
    <t>mail.google.com/_/upload?authuser=0&amp;dcp=asu-n&amp;upload_id=AEnB2Urgj8weplh6dNiBsSYPbAohHw1GyLwgu7KfDMSIl0hkxXVfiALkaT7ZJwTukNd9U-Ok1BtdStPU2cSpXBBDulDBg1a7lg&amp;upload_protocol=resumable</t>
  </si>
  <si>
    <t>C:\Users\lucasfbr\Grupo Algar\Gerenciamento da Configuração - Documentos\Licenciamento\PROJETO GOOGLE G SUITE\IMPLANTAÇÃO\GSUITE\Coleta de Informações\O365\</t>
  </si>
  <si>
    <t>MailboxUsageDetail10_16_2019 5_39_24 PM.xlsx</t>
  </si>
  <si>
    <t>mail.google.com/_/upload?authuser=0&amp;dcp=asu-n&amp;upload_id=AEnB2Up585hz6EO0-n74ppBal5AIaq8RZExCD2HQfaeuUjOeXmcXYZGGdsdHCPeUXRQh2LXP_S8d4fPYjTKKhkgQH6siDxuG9w&amp;upload_protocol=resumable</t>
  </si>
  <si>
    <t>Lista_GST.xlsx</t>
  </si>
  <si>
    <t>mail.google.com/_/upload?authuser=0&amp;dcp=asu-n&amp;upload_id=AEnB2UqCCLESrN5zW_ar6Uy2A-BVEqPRQM4hMYWpzJUZvRCZozwKNq6lj_bdnPAII9bRIPCdYDGhA2dOqOIVS_g65VkEFmwjTNGTuP9iE1U1MAMR7p5AtEQ&amp;upload_protocol=resumable</t>
  </si>
  <si>
    <t>liberacao DYNAMICS.xls</t>
  </si>
  <si>
    <t>Classificação de Ativos - Minirack A100.xlsx</t>
  </si>
  <si>
    <t>CALCULADORA VDS CNOVAS FORM PF e CONTROLES.xlsx</t>
  </si>
  <si>
    <t>/o=exchangelabs/ou=exchange administrative group (fydibohf23spdlt)/cn=recipients/cn=2f8300fc6f8b4714a77c0227cba72162-vinicius pi;/o=exchangelabs/ou=exchange administrative group (fydibohf23spdlt)/cn=recipients/cn=430b7fc0ccfe4728933af1b3039c7e24-marcus gome;/o=exchangelabs/ou=exchange administrative group (fydibohf23spdlt)/cn=recipients/cn=f681a87682ec4eb3b3dfa2503f9869d3-filipe rese;</t>
  </si>
  <si>
    <t>ENC: Relatório USSD</t>
  </si>
  <si>
    <t>OS1355029.xlsx</t>
  </si>
  <si>
    <t>/o=exchangelabs/ou=exchange administrative group (fydibohf23spdlt)/cn=recipients/cn=2f8300fc6f8b4714a77c0227cba72162-vinicius pi,/o=exchangelabs/ou=exchange administrative group (fydibohf23spdlt)/cn=recipients/cn=430b7fc0ccfe4728933af1b3039c7e24-marcus gome,/o=exchangelabs/ou=exchange administrative group (fydibohf23spdlt)/cn=recipients/cn=f681a87682ec4eb3b3dfa2503f9869d3-filipe rese</t>
  </si>
  <si>
    <t>/o=exchangelabs/ou=exchange administrative group (fydibohf23spdlt)/cn=recipients/cn=b838a54a5a034e5e82a2b1c51fd78eaf-rafael gome;/o=exchangelabs/ou=exchange administrative group (fydibohf23spdlt)/cn=recipients/cn=cb483d0e86c0458187e8143452e44947-daniel soar;fabiorb@algartech.com;</t>
  </si>
  <si>
    <t>RES: Expansão Next: Ticket 818334 - Configurar ramal</t>
  </si>
  <si>
    <t>/o=exchangelabs/ou=exchange administrative group (fydibohf23spdlt)/cn=recipients/cn=b838a54a5a034e5e82a2b1c51fd78eaf-rafael gome,/o=exchangelabs/ou=exchange administrative group (fydibohf23spdlt)/cn=recipients/cn=cb483d0e86c0458187e8143452e44947-daniel soar,fabiorb@algartech.com</t>
  </si>
  <si>
    <t>C:\Users\simoneesm\OneDrive - Grupo Algar\Controle\ALGAR\FINANCEIRO\Prévia\2019\10 - OUTUBRO\</t>
  </si>
  <si>
    <t>ANALISE REAK.xlsx</t>
  </si>
  <si>
    <t>Resultado DMV</t>
  </si>
  <si>
    <t>CH29-20_20191106_172000.xls</t>
  </si>
  <si>
    <t>Base Receita com GST.xlsx</t>
  </si>
  <si>
    <t>/o=exchangelabs/ou=exchange administrative group (fydibohf23spdlt)/cn=recipients/cn=1ef1d5b65a414ccea16527d004fcca4f-renan tavar;/o=exchangelabs/ou=exchange administrative group (fydibohf23spdlt)/cn=recipients/cn=4fbcbdfa900b4cb195ac160568115bc2-ericson nog;/o=exchangelabs/ou=exchange administrative group (fydibohf23spdlt)/cn=recipients/cn=822f65115a2046059fff20a916dd90e9-thais marti;/o=exchangelabs/ou=exchange administrative group (fydibohf23spdlt)/cn=recipients/cn=82e9af7034e542b3a622ab8e7d09ff5d-ricardo de;/o=exchangelabs/ou=exchange administrative group (fydibohf23spdlt)/cn=recipients/cn=8b5b63d67af648d081a40c45cc800804-fabiana per;camiladps@algartech.com;equipefabi@algartech.com.br;tecnicospj@algartech.com.br;</t>
  </si>
  <si>
    <t>Treinamento LANÇAMENTO CAMPANHA</t>
  </si>
  <si>
    <t>lançamento 07out.xlsx</t>
  </si>
  <si>
    <t>/o=exchangelabs/ou=exchange administrative group (fydibohf23spdlt)/cn=recipients/cn=1ef1d5b65a414ccea16527d004fcca4f-renan tavar,/o=exchangelabs/ou=exchange administrative group (fydibohf23spdlt)/cn=recipients/cn=4fbcbdfa900b4cb195ac160568115bc2-ericson nog,/o=exchangelabs/ou=exchange administrative group (fydibohf23spdlt)/cn=recipients/cn=822f65115a2046059fff20a916dd90e9-thais marti,/o=exchangelabs/ou=exchange administrative group (fydibohf23spdlt)/cn=recipients/cn=82e9af7034e542b3a622ab8e7d09ff5d-ricardo de,/o=exchangelabs/ou=exchange administrative group (fydibohf23spdlt)/cn=recipients/cn=8b5b63d67af648d081a40c45cc800804-fabiana per,camiladps@algartech.com,equipefabi@algartech.com.br,tecnicospj@algartech.com.br</t>
  </si>
  <si>
    <t>/o=exchangelabs/ou=exchange administrative group (fydibohf23spdlt)/cn=recipients/cn=55643a6cbd93423e8f0c948d862c9e35-marcelo ale;/o=exchangelabs/ou=exchange administrative group (fydibohf23spdlt)/cn=recipients/cn=9dc70f5b3fd54c2fa714dd5f204b90f9-leandro mar;</t>
  </si>
  <si>
    <t>Sobreaviso</t>
  </si>
  <si>
    <t>LEANDRO MAROUN EL TAWIL.CSV</t>
  </si>
  <si>
    <t>/o=exchangelabs/ou=exchange administrative group (fydibohf23spdlt)/cn=recipients/cn=55643a6cbd93423e8f0c948d862c9e35-marcelo ale,/o=exchangelabs/ou=exchange administrative group (fydibohf23spdlt)/cn=recipients/cn=9dc70f5b3fd54c2fa714dd5f204b90f9-leandro mar</t>
  </si>
  <si>
    <t>Formulário TTV - Lançamento de Hora Extra (13).xlsx</t>
  </si>
  <si>
    <t>C:\TEMP - Carlos Facioli\DMV 04-11.pptx\</t>
  </si>
  <si>
    <t>/o=exchangelabs/ou=exchange administrative group (fydibohf23spdlt)/cn=recipients/cn=8295bdf2d84b481dacb8e4962fb430d4-rodrigo ant;/o=exchangelabs/ou=exchange administrative group (fydibohf23spdlt)/cn=recipients/cn=f50351055a2944cebcbdc18a918945d6-gustavo res;izadorans@algartech.com;</t>
  </si>
  <si>
    <t>Demonstrativo Faturamento - CSC ALGAR Outubro 2019</t>
  </si>
  <si>
    <t>FATURAMENTO CSC - Outubro.xlsx</t>
  </si>
  <si>
    <t>/o=exchangelabs/ou=exchange administrative group (fydibohf23spdlt)/cn=recipients/cn=8295bdf2d84b481dacb8e4962fb430d4-rodrigo ant,/o=exchangelabs/ou=exchange administrative group (fydibohf23spdlt)/cn=recipients/cn=f50351055a2944cebcbdc18a918945d6-gustavo res,izadorans@algartech.com</t>
  </si>
  <si>
    <t>Solicitação de novo usuário_Setembro3 (1).xlsx</t>
  </si>
  <si>
    <t>Bodyshpo Atual C017 B017.xlsb</t>
  </si>
  <si>
    <t>ENC: Alteração da Planilha de Qualidade Toyota</t>
  </si>
  <si>
    <t>Planilhas de Qualidade GEXP - Toyota.xlsx</t>
  </si>
  <si>
    <t>/o=exchangelabs/ou=exchange administrative group (fydibohf23spdlt)/cn=recipients/cn=f79c3843912c401e867ceee3058b584b-lucio monte;</t>
  </si>
  <si>
    <t>A100 - Categorias_A100 Row_rev4</t>
  </si>
  <si>
    <t>Categorias_A100 Row_rev4.xlsx</t>
  </si>
  <si>
    <t>/o=exchangelabs/ou=exchange administrative group (fydibohf23spdlt)/cn=recipients/cn=f79c3843912c401e867ceee3058b584b-lucio monte</t>
  </si>
  <si>
    <t>mail.google.com/_/upload?authuser=0&amp;dcp=asu-n&amp;upload_id=AEnB2Uoc5MBO18_JStkxp-8EEOx9OXQPfo7iUE4RRu1AOX_vqW8LegZUpEM3RbNBljxz9LBD4M8Vr2ku1a8dsIs-zSCC9C_N5Q&amp;upload_protocol=resumable</t>
  </si>
  <si>
    <t>mail.google.com/_/upload?authuser=0&amp;dcp=asu-n&amp;upload_id=AEnB2UrgmLHnN7n6c464EaKJqRmyZVDBs-ecvreBYSM4An2fVVn0Wru6-CL5_t5zRgFrbjkQ2r27QPeNl_M0Dij_OFWsjHoPCBB8_46qkC8vJJIGemETi5s&amp;upload_protocol=resumable</t>
  </si>
  <si>
    <t>Conciliação baixas Tim Ago - Out.xlsx</t>
  </si>
  <si>
    <t>C:\Users\alefl\OneDrive - Grupo Algar\BV\</t>
  </si>
  <si>
    <t>search_result.csv</t>
  </si>
  <si>
    <t>Ficha do Risco - Segurança da Informação - 06102019.xlsx</t>
  </si>
  <si>
    <t>Template_folha_retificadora (1).xlsx</t>
  </si>
  <si>
    <t>ENC: Treinamento LANÇAMENTO CAMPANHA</t>
  </si>
  <si>
    <t>Total.csv</t>
  </si>
  <si>
    <t>/o=exchangelabs/ou=exchange administrative group (fydibohf23spdlt)/cn=recipients/cn=404b1a0a31e34e40b03df5be0bc55bb1-emily arant;</t>
  </si>
  <si>
    <t>DesconexÃO</t>
  </si>
  <si>
    <t>desconexão.xls</t>
  </si>
  <si>
    <t>/o=exchangelabs/ou=exchange administrative group (fydibohf23spdlt)/cn=recipients/cn=404b1a0a31e34e40b03df5be0bc55bb1-emily arant</t>
  </si>
  <si>
    <t>/o=exchangelabs/ou=exchange administrative group (fydibohf23spdlt)/cn=recipients/cn=822f65115a2046059fff20a916dd90e9-thais marti;/o=exchangelabs/ou=exchange administrative group (fydibohf23spdlt)/cn=recipients/cn=8b5b63d67af648d081a40c45cc800804-fabiana per;equipefabi@algartech.com.br;lucianaas@algartech.com.br;</t>
  </si>
  <si>
    <t>RES: VDE - Resultado OUTUBRO 2019</t>
  </si>
  <si>
    <t>Abono Improdutividade.xls</t>
  </si>
  <si>
    <t>/o=exchangelabs/ou=exchange administrative group (fydibohf23spdlt)/cn=recipients/cn=822f65115a2046059fff20a916dd90e9-thais marti,/o=exchangelabs/ou=exchange administrative group (fydibohf23spdlt)/cn=recipients/cn=8b5b63d67af648d081a40c45cc800804-fabiana per,equipefabi@algartech.com.br,lucianaas@algartech.com.br</t>
  </si>
  <si>
    <t>Relatório ANALÍTICO outubro 2019 (Pré Closing)Expurgos.xls</t>
  </si>
  <si>
    <t>/o=exchangelabs/ou=exchange administrative group (fydibohf23spdlt)/cn=recipients/cn=6bc6ced03b1b4fafa41bb5c70c178940-antonio per;/o=exchangelabs/ou=exchange administrative group (fydibohf23spdlt)/cn=recipients/cn=b1a72fc2d0234efca84c7771ea70c7ee-roberta cri;</t>
  </si>
  <si>
    <t>RESUMO WHIRLPOOL - OUT.19</t>
  </si>
  <si>
    <t>RESUMO WHIRLPOOL - OUT.19 .xls</t>
  </si>
  <si>
    <t>/o=exchangelabs/ou=exchange administrative group (fydibohf23spdlt)/cn=recipients/cn=6bc6ced03b1b4fafa41bb5c70c178940-antonio per,/o=exchangelabs/ou=exchange administrative group (fydibohf23spdlt)/cn=recipients/cn=b1a72fc2d0234efca84c7771ea70c7ee-roberta cri</t>
  </si>
  <si>
    <t>ENC: RESUMO WHIRLPOOL - OUT.19</t>
  </si>
  <si>
    <t>Reversões CEF e GVT</t>
  </si>
  <si>
    <t>DRE Preclosing 2019 (Justificativas).xlsx</t>
  </si>
  <si>
    <t>/o=exchangelabs/ou=exchange administrative group (fydibohf23spdlt)/cn=recipients/cn=7e21bb1da95449a6b898358c0d2c626c-eliana pert;cristiana_a_roza@whirlpool.com;izabela_azevedo@whirlpool.com;</t>
  </si>
  <si>
    <t>Back log _ JEC</t>
  </si>
  <si>
    <t>PLANO DE AÇÃO.xls</t>
  </si>
  <si>
    <t>/o=exchangelabs/ou=exchange administrative group (fydibohf23spdlt)/cn=recipients/cn=7e21bb1da95449a6b898358c0d2c626c-eliana pert,cristiana_a_roza@whirlpool.com,izabela_azevedo@whirlpool.com</t>
  </si>
  <si>
    <t>ENC: Rec sem FUP e FUP em O.S.</t>
  </si>
  <si>
    <t>REC sem FUP e FUP em O.S..xlsx</t>
  </si>
  <si>
    <t>/o=exchangelabs/ou=exchange administrative group (fydibohf23spdlt)/cn=recipients/cn=8ab5e44d485043d59eb4f21463e63e6a-tays dos sa;notification@fbworkmail.com;</t>
  </si>
  <si>
    <t>ENC: Prêmio Consumidor Moderno - Dados Algar</t>
  </si>
  <si>
    <t>Base Algar.xlsx</t>
  </si>
  <si>
    <t>/o=exchangelabs/ou=exchange administrative group (fydibohf23spdlt)/cn=recipients/cn=8ab5e44d485043d59eb4f21463e63e6a-tays dos sa,notification@fbworkmail.com</t>
  </si>
  <si>
    <t>/o=exchangelabs/ou=exchange administrative group (fydibohf23spdlt)/cn=recipients/cn=71d61cf74988455d8586a88b31233851-pablo mathe;/o=exchangelabs/ou=exchange administrative group (fydibohf23spdlt)/cn=recipients/cn=89e58c8da071492dbdcb4fee4156b705-gustavo alm;</t>
  </si>
  <si>
    <t>RES: Ocorrência no ponto - MARCUS VINICIUS SANTOS PEREIRA</t>
  </si>
  <si>
    <t>LAURA AGOSTINHO PINTAUD MIRANDA.CSV</t>
  </si>
  <si>
    <t>/o=exchangelabs/ou=exchange administrative group (fydibohf23spdlt)/cn=recipients/cn=71d61cf74988455d8586a88b31233851-pablo mathe,/o=exchangelabs/ou=exchange administrative group (fydibohf23spdlt)/cn=recipients/cn=89e58c8da071492dbdcb4fee4156b705-gustavo alm</t>
  </si>
  <si>
    <t>/o=exchangelabs/ou=exchange administrative group (fydibohf23spdlt)/cn=recipients/cn=2d3379e2d04c40db810b4b1f41dd2aea-erica carol;/o=exchangelabs/ou=exchange administrative group (fydibohf23spdlt)/cn=recipients/cn=3b76b3dd02a14d289cc323d3c8d12b81-waleska mar;/o=exchangelabs/ou=exchange administrative group (fydibohf23spdlt)/cn=recipients/cn=3d25b4eef89c4e33881f90388be85233-lucia leper;/o=exchangelabs/ou=exchange administrative group (fydibohf23spdlt)/cn=recipients/cn=5d559e739a9e422da552ffdc9668775c-luiz fernan;/o=exchangelabs/ou=exchange administrative group (fydibohf23spdlt)/cn=recipients/cn=98da03ff00ea4ba4b4e9b16b4cde027a-fanny marin;/o=exchangelabs/ou=exchange administrative group (fydibohf23spdlt)/cn=recipients/cn=gabriela dias felipe;</t>
  </si>
  <si>
    <t>RES: Fluxo de Caixa Argentina</t>
  </si>
  <si>
    <t>RE Fluxo de Caixa Arg Outubro.msg\s1\</t>
  </si>
  <si>
    <t>analise impacto IG 2020 ASYST 31.10.2019.xlsx</t>
  </si>
  <si>
    <t>/o=exchangelabs/ou=exchange administrative group (fydibohf23spdlt)/cn=recipients/cn=2d3379e2d04c40db810b4b1f41dd2aea-erica carol,/o=exchangelabs/ou=exchange administrative group (fydibohf23spdlt)/cn=recipients/cn=3b76b3dd02a14d289cc323d3c8d12b81-waleska mar,/o=exchangelabs/ou=exchange administrative group (fydibohf23spdlt)/cn=recipients/cn=3d25b4eef89c4e33881f90388be85233-lucia leper,/o=exchangelabs/ou=exchange administrative group (fydibohf23spdlt)/cn=recipients/cn=5d559e739a9e422da552ffdc9668775c-luiz fernan,/o=exchangelabs/ou=exchange administrative group (fydibohf23spdlt)/cn=recipients/cn=98da03ff00ea4ba4b4e9b16b4cde027a-fanny marin,/o=exchangelabs/ou=exchange administrative group (fydibohf23spdlt)/cn=recipients/cn=gabriela dias felipe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alexmarques.silva@avon.com;anderson.negrisoli@avon.com;</t>
  </si>
  <si>
    <t>Raio x - Out/19</t>
  </si>
  <si>
    <t>10.Raio X Avon_Outubro.xlsx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,alexmarques.silva@avon.com,anderson.negrisoli@avon.com</t>
  </si>
  <si>
    <t>/o=exchangelabs/ou=exchange administrative group (fydibohf23spdlt)/cn=recipients/cn=42643eda9677459eac30c8565878f9dd-michel edua;/o=exchangelabs/ou=exchange administrative group (fydibohf23spdlt)/cn=recipients/cn=group9683382c;</t>
  </si>
  <si>
    <t>/o=exchangelabs/ou=exchange administrative group (fydibohf23spdlt)/cn=recipients/cn=42643eda9677459eac30c8565878f9dd-michel edua,/o=exchangelabs/ou=exchange administrative group (fydibohf23spdlt)/cn=recipients/cn=group9683382c</t>
  </si>
  <si>
    <t>/o=exchangelabs/ou=exchange administrative group (fydibohf23spdlt)/cn=recipients/cn=55f846c335d7437f892f0b0d49c89e92-celma ribei;/o=exchangelabs/ou=exchange administrative group (fydibohf23spdlt)/cn=recipients/cn=a4d4dbc88c434f8ba2bceed730d83878-marcellus r;/o=exchangelabs/ou=exchange administrative group (fydibohf23spdlt)/cn=recipients/cn=c5057601f2364b0db7ea84dbec10baa4-matheus mor;</t>
  </si>
  <si>
    <t>ENC: oportunidades de Caixa 2020</t>
  </si>
  <si>
    <t>Consolidado Crédito_PIS COFINS_Engeset.xlsx</t>
  </si>
  <si>
    <t>/o=exchangelabs/ou=exchange administrative group (fydibohf23spdlt)/cn=recipients/cn=55f846c335d7437f892f0b0d49c89e92-celma ribei,/o=exchangelabs/ou=exchange administrative group (fydibohf23spdlt)/cn=recipients/cn=a4d4dbc88c434f8ba2bceed730d83878-marcellus r,/o=exchangelabs/ou=exchange administrative group (fydibohf23spdlt)/cn=recipients/cn=c5057601f2364b0db7ea84dbec10baa4-matheus mor</t>
  </si>
  <si>
    <t>ENC: DRE orçamento (10-10-2019) - 2020 V10 (Versão Final) (version 1).xlsb</t>
  </si>
  <si>
    <t>DRE orçamento (10-10-2019) - 2020 V10 (Versão Final) (version 1).xlsb</t>
  </si>
  <si>
    <t>Rechamada 3003 - Refluxo diário_.xlsx</t>
  </si>
  <si>
    <t>/o=exchangelabs/ou=exchange administrative group (fydibohf23spdlt)/cn=recipients/cn=122c3ad8b401472e84885d44a2466b4c-jair de pau;cristianecsa@algartech.com;</t>
  </si>
  <si>
    <t>Longo Prazo</t>
  </si>
  <si>
    <t>Consolidado_Empresas_Torre.xlsx</t>
  </si>
  <si>
    <t>/o=exchangelabs/ou=exchange administrative group (fydibohf23spdlt)/cn=recipients/cn=122c3ad8b401472e84885d44a2466b4c-jair de pau,cristianecsa@algartech.com</t>
  </si>
  <si>
    <t>10.16.72.110</t>
  </si>
  <si>
    <t>/o=exchangelabs/ou=exchange administrative group (fydibohf23spdlt)/cn=recipients/cn=8c01e71056fe4e1a8ecc4e24420bd9ef-fellyp cros;fabiano.m.amaral@gmail.com;logisticatimopm@grupotpc.com;</t>
  </si>
  <si>
    <t>/o=exchangelabs/ou=exchange administrative group (fydibohf23spdlt)/cn=recipients/cn=8c01e71056fe4e1a8ecc4e24420bd9ef-fellyp cros,fabiano.m.amaral@gmail.com,logisticatimopm@grupotpc.com</t>
  </si>
  <si>
    <t>/o=exchangelabs/ou=exchange administrative group (fydibohf23spdlt)/cn=recipients/cn=8c01e71056fe4e1a8ecc4e24420bd9ef-fellyp cros;/o=exchangelabs/ou=exchange administrative group (fydibohf23spdlt)/cn=recipients/cn=a8bd6d5b03114b16a966578cff77cc86-fabiano mor;/o=exchangelabs/ou=exchange administrative group (fydibohf23spdlt)/cn=recipients/cn=f80d41bbb20a47529b0641ba89cacde6-mariangela;logisticatimopm@grupotpc.com;</t>
  </si>
  <si>
    <t>BAIXA DE MATERIAIS PLAYER GOVERNADOR VALADARES</t>
  </si>
  <si>
    <t>/o=exchangelabs/ou=exchange administrative group (fydibohf23spdlt)/cn=recipients/cn=8c01e71056fe4e1a8ecc4e24420bd9ef-fellyp cros,/o=exchangelabs/ou=exchange administrative group (fydibohf23spdlt)/cn=recipients/cn=a8bd6d5b03114b16a966578cff77cc86-fabiano mor,/o=exchangelabs/ou=exchange administrative group (fydibohf23spdlt)/cn=recipients/cn=f80d41bbb20a47529b0641ba89cacde6-mariangela,logisticatimopm@grupotpc.com</t>
  </si>
  <si>
    <t>0ANALYSIS_PATTERN - 2019-11-07T075747.994.csv</t>
  </si>
  <si>
    <t>Atividades_ExpansaoNext.xlsx</t>
  </si>
  <si>
    <t>0ANALYSIS_PATTERN - 2019-11-07T080425.071.csv</t>
  </si>
  <si>
    <t>sesmt-regionaludi@algartech.com;</t>
  </si>
  <si>
    <t>Macarrão.xlsx</t>
  </si>
  <si>
    <t>sesmt-regionaludi@algartech.com</t>
  </si>
  <si>
    <t>/o=exchangelabs/ou=exchange administrative group (fydibohf23spdlt)/cn=recipients/cn=5c622a418fd946f4953ddb5f89bb73ce-vanessa da;/o=exchangelabs/ou=exchange administrative group (fydibohf23spdlt)/cn=recipients/cn=f50351055a2944cebcbdc18a918945d6-gustavo res;</t>
  </si>
  <si>
    <t>Nespresso: Relatório de Midias Outubro/19</t>
  </si>
  <si>
    <t>Nespresso Outubro - NEWCRC-BR-PowerBIDataSource.xlsx</t>
  </si>
  <si>
    <t>/o=exchangelabs/ou=exchange administrative group (fydibohf23spdlt)/cn=recipients/cn=5c622a418fd946f4953ddb5f89bb73ce-vanessa da,/o=exchangelabs/ou=exchange administrative group (fydibohf23spdlt)/cn=recipients/cn=f50351055a2944cebcbdc18a918945d6-gustavo res</t>
  </si>
  <si>
    <t>C:\Users\lucianafaa\OneDrive - Grupo Algar\2019\PROJETOS\URR\ACTION\GERAL\</t>
  </si>
  <si>
    <t>Action 06-11.xlsx</t>
  </si>
  <si>
    <t>D:\OneDrive\AlgarTech\Pré-Vendas\Cliente\2019\Ruff\216462 - Upgrade Servidor RUFFWGER01\</t>
  </si>
  <si>
    <t>216462_Preco_V1.xlsb</t>
  </si>
  <si>
    <t>ENC: Volume Gerenciadas Amex e Visa - 07/11</t>
  </si>
  <si>
    <t>/o=exchangelabs/ou=exchange administrative group (fydibohf23spdlt)/cn=recipients/cn=d8541cfaa44f4aa6a8421fccd6aa2d4a-joao edson;/o=exchangelabs/ou=exchange administrative group (fydibohf23spdlt)/cn=recipients/cn=dcb3e89b10ce4da18c92c6c450521fa7-murilo frei;julianarcda@algartech.com;</t>
  </si>
  <si>
    <t>RES: Termo de entrega</t>
  </si>
  <si>
    <t>Formulario_de_Baixa_Padrao.xlsx</t>
  </si>
  <si>
    <t>/o=exchangelabs/ou=exchange administrative group (fydibohf23spdlt)/cn=recipients/cn=d8541cfaa44f4aa6a8421fccd6aa2d4a-joao edson,/o=exchangelabs/ou=exchange administrative group (fydibohf23spdlt)/cn=recipients/cn=dcb3e89b10ce4da18c92c6c450521fa7-murilo frei,julianarcda@algartech.com</t>
  </si>
  <si>
    <t>mail.google.com/_/upload?authuser=0&amp;dcp=asu-n&amp;upload_id=AEnB2UoYFiKf96_1lAAyu9Eeve6vDedCTFWxHImH3HdUdaVRlZLe6aWFSUQ-g5X9D_4LVlqE3RBZwoCxh70rjifN8te-VX5-W-Zsmu0ecf-cR9IhXb_4NjY&amp;upload_protocol=resumable</t>
  </si>
  <si>
    <t>adalbertoms@algartech.com;cleberafp@algartech.com;edilsonrb@algartech.com;felipemda@algartech.com;helbertbb@algartech.com;lucasm@algartecnologia.com.br;reginaldort@algartech.com;</t>
  </si>
  <si>
    <t>Capex Consolidado TI - EndPoints.xlsx</t>
  </si>
  <si>
    <t>adalbertoms@algartech.com,cleberafp@algartech.com,edilsonrb@algartech.com,felipemda@algartech.com,helbertbb@algartech.com,lucasm@algartecnologia.com.br,reginaldort@algartech.com</t>
  </si>
  <si>
    <t>mrlopes@timbrasil.com.br;rdssantos@timbrasil.com.br;viniciusja@algartech.com;</t>
  </si>
  <si>
    <t>Orçamentos TIM Marcelo Reis.xlsx</t>
  </si>
  <si>
    <t>mrlopes@timbrasil.com.br,rdssantos@timbrasil.com.br,viniciusja@algartech.com</t>
  </si>
  <si>
    <t>10.211.2.98</t>
  </si>
  <si>
    <t>/o=exchangelabs/ou=exchange administrative group (fydibohf23spdlt)/cn=recipients/cn=1635ed1077024674b65c52767dacde9a-jullian pac;/o=exchangelabs/ou=exchange administrative group (fydibohf23spdlt)/cn=recipients/cn=2361e4251bf74fc4a50ab766b8d95847-algar tech;/o=exchangelabs/ou=exchange administrative group (fydibohf23spdlt)/cn=recipients/cn=249f643ba1e044588b45a020c76dadde-daniel de o;/o=exchangelabs/ou=exchange administrative group (fydibohf23spdlt)/cn=recipients/cn=8c89829ad534498fa4c85b5ac11174f1-suelen more;/o=exchangelabs/ou=exchange administrative group (fydibohf23spdlt)/cn=recipients/cn=userdc05fc7c;</t>
  </si>
  <si>
    <t>Planilha comercial de cotação (CENÁRIO 2 RFP) - Processo 40143349H Algar Tech.xlsx</t>
  </si>
  <si>
    <t>/o=exchangelabs/ou=exchange administrative group (fydibohf23spdlt)/cn=recipients/cn=1635ed1077024674b65c52767dacde9a-jullian pac,/o=exchangelabs/ou=exchange administrative group (fydibohf23spdlt)/cn=recipients/cn=2361e4251bf74fc4a50ab766b8d95847-algar tech,/o=exchangelabs/ou=exchange administrative group (fydibohf23spdlt)/cn=recipients/cn=249f643ba1e044588b45a020c76dadde-daniel de o,/o=exchangelabs/ou=exchange administrative group (fydibohf23spdlt)/cn=recipients/cn=8c89829ad534498fa4c85b5ac11174f1-suelen more,/o=exchangelabs/ou=exchange administrative group (fydibohf23spdlt)/cn=recipients/cn=userdc05fc7c</t>
  </si>
  <si>
    <t>/o=exchangelabs/ou=exchange administrative group (fydibohf23spdlt)/cn=recipients/cn=b033d620f1154cb8be89325f89766ea7-laura celia;</t>
  </si>
  <si>
    <t>Incentivo Supervisão</t>
  </si>
  <si>
    <t>10. Fechamento Incentivo - Supervisão - Outubro.xlsx</t>
  </si>
  <si>
    <t>/o=exchangelabs/ou=exchange administrative group (fydibohf23spdlt)/cn=recipients/cn=b033d620f1154cb8be89325f89766ea7-laura celia</t>
  </si>
  <si>
    <t>daniel.cabeceira@next.b.br;daniel.paschoal@next.b.br;milton.vieira@next.b.br;</t>
  </si>
  <si>
    <t>Tempo Logado Setembro.19.xlsx</t>
  </si>
  <si>
    <t>daniel.cabeceira@next.b.br,daniel.paschoal@next.b.br,milton.vieira@next.b.br</t>
  </si>
  <si>
    <t>/o=exchangelabs/ou=exchange administrative group (fydibohf23spdlt)/cn=recipients/cn=0bafe1ed27024338be4e911e19871cd1-william rob;/o=exchangelabs/ou=exchange administrative group (fydibohf23spdlt)/cn=recipients/cn=287c26b08a0f48578479a15a452f025d-edilson rod;/o=exchangelabs/ou=exchange administrative group (fydibohf23spdlt)/cn=recipients/cn=49457acaa5584c6d8daec8f0ad186be2-carlos maur;/o=exchangelabs/ou=exchange administrative group (fydibohf23spdlt)/cn=recipients/cn=9ec15fdf8a374c6f80ea1bf33684216e-roberta alv;/o=exchangelabs/ou=exchange administrative group (fydibohf23spdlt)/cn=recipients/cn=userdc05fc7c;danieldom@algartech.com;</t>
  </si>
  <si>
    <t>Atingimento EBIT para PLR - IMPORTANTE!</t>
  </si>
  <si>
    <t>Cliente x Gerente x Coordenador - GAT.xlsx</t>
  </si>
  <si>
    <t>/o=exchangelabs/ou=exchange administrative group (fydibohf23spdlt)/cn=recipients/cn=0bafe1ed27024338be4e911e19871cd1-william rob,/o=exchangelabs/ou=exchange administrative group (fydibohf23spdlt)/cn=recipients/cn=287c26b08a0f48578479a15a452f025d-edilson rod,/o=exchangelabs/ou=exchange administrative group (fydibohf23spdlt)/cn=recipients/cn=49457acaa5584c6d8daec8f0ad186be2-carlos maur,/o=exchangelabs/ou=exchange administrative group (fydibohf23spdlt)/cn=recipients/cn=9ec15fdf8a374c6f80ea1bf33684216e-roberta alv,/o=exchangelabs/ou=exchange administrative group (fydibohf23spdlt)/cn=recipients/cn=userdc05fc7c,danieldom@algartech.com</t>
  </si>
  <si>
    <t>10.200.61.112</t>
  </si>
  <si>
    <t>c:\users\camilat\onedrive - grupo algar\talentos humanos - docs\</t>
  </si>
  <si>
    <t>solicitações de férias irregulares - scheila herrero.xls</t>
  </si>
  <si>
    <t>\\acsfs\engeset\FINANCEIRO_ULA\FATURAMENTO\23. Pré Faturamento\3.TI Infra e SD\TI -INFRA\00.Consolidado\</t>
  </si>
  <si>
    <t>/o=exchangelabs/ou=exchange administrative group (fydibohf23spdlt)/cn=recipients/cn=8ab5e44d485043d59eb4f21463e63e6a-tays dos sa;/o=exchangelabs/ou=exchange administrative group (fydibohf23spdlt)/cn=recipients/cn=a2a95176ec8b4e558f3d0f3c2d9d370b-pablo dos s;/o=exchangelabs/ou=exchange administrative group (fydibohf23spdlt)/cn=recipients/cn=f50351055a2944cebcbdc18a918945d6-gustavo res;/o=exchangelabs/ou=exchange administrative group (fydibohf23spdlt)/cn=recipients/cn=f878ae58590e41cbabba2fa1ee2ae905-izadora nas;gvieira@toyota.com.br;rutiyama@toyota.com.br;</t>
  </si>
  <si>
    <t>ENC: Fechamento Financeiro MOBILITY - Outubro</t>
  </si>
  <si>
    <t>/o=exchangelabs/ou=exchange administrative group (fydibohf23spdlt)/cn=recipients/cn=8ab5e44d485043d59eb4f21463e63e6a-tays dos sa,/o=exchangelabs/ou=exchange administrative group (fydibohf23spdlt)/cn=recipients/cn=a2a95176ec8b4e558f3d0f3c2d9d370b-pablo dos s,/o=exchangelabs/ou=exchange administrative group (fydibohf23spdlt)/cn=recipients/cn=f50351055a2944cebcbdc18a918945d6-gustavo res,/o=exchangelabs/ou=exchange administrative group (fydibohf23spdlt)/cn=recipients/cn=f878ae58590e41cbabba2fa1ee2ae905-izadora nas,gvieira@toyota.com.br,rutiyama@toyota.com.br</t>
  </si>
  <si>
    <t>vanessacss@algartech.com.br;</t>
  </si>
  <si>
    <t>Contatos Ativos - Atualização de Ferramentas - CRC.xlsx</t>
  </si>
  <si>
    <t>vanessacss@algartech.com.br</t>
  </si>
  <si>
    <t>mail.google.com/_/upload?authuser=1&amp;dcp=asu-n&amp;upload_id=AEnB2UorWfBsuuuCeq93Nv3kyc-mbYuxR9iQeSdBRkTfHkN7jDtLejUKcDaE1Y2Qq6W2XLp7AmcQZ7qDtRSi3WO8j3ejDI6oiQhiBVYUcYGV_xbiBaPJAyQ&amp;upload_protocol=resumable</t>
  </si>
  <si>
    <t>C:\Users\renataalves\Desktop\Tecnologia &amp; Segurança da Informação\TI_Planejamento Diretoria TI &amp; Inovação\BSC Indicadores\Indicadores BSCTransformação Digital.pptx\</t>
  </si>
  <si>
    <t>CRs 07-11-2019.xlsx</t>
  </si>
  <si>
    <t>ENC: REVALIDAR PROPOSTA: BRF: Nova Cotação/Renovação: Projeto Londrina -</t>
  </si>
  <si>
    <t>206470_Cotação_Londrina_carro_e_aereo.xlsx</t>
  </si>
  <si>
    <t>RES: CONTRATAÇÃO DE PRESTAÇÃO DE SERVIÇO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</t>
  </si>
  <si>
    <t>RES: Fechamento Ilha Ativa - Outubro</t>
  </si>
  <si>
    <t>Incentivo Operação Credenciamento Ativo Unica Ref OUTUBRO 2019.xlsx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</t>
  </si>
  <si>
    <t>Correções Luciana Bernardes Out.19</t>
  </si>
  <si>
    <t>Correções Luciana Bernardes Out.19.xlsx</t>
  </si>
  <si>
    <t>10.211.2.63</t>
  </si>
  <si>
    <t>/o=exchangelabs/ou=exchange administrative group (fydibohf23spdlt)/cn=recipients/cn=83e5e0f05dcb4510a09e93c7d27271dd-hugo braga;fabiorb@algartech.com;</t>
  </si>
  <si>
    <t>ENC: Quotation Request - Quotation Number 7219295571</t>
  </si>
  <si>
    <t>170223 - Banco IBM - v1 - BP Preço C015 B014 Desonerada_RV PL SL. Mín.xlsb</t>
  </si>
  <si>
    <t>/o=exchangelabs/ou=exchange administrative group (fydibohf23spdlt)/cn=recipients/cn=83e5e0f05dcb4510a09e93c7d27271dd-hugo braga,fabiorb@algartech.com</t>
  </si>
  <si>
    <t>TMA e TMIA - Meta_Nov/2019</t>
  </si>
  <si>
    <t>TMA e TMIA_Metas - Nov19.xlsx</t>
  </si>
  <si>
    <t>Arquivo D-1 BBlend / KAID</t>
  </si>
  <si>
    <t>D-1 BBlend - Serv Kaid.xlsx</t>
  </si>
  <si>
    <t>RES: Fechamento Outubro - CRC</t>
  </si>
  <si>
    <t>mail.google.com/_/upload?authuser=0&amp;dcp=asu-n&amp;upload_id=AEnB2Upu36wE9mYU9ZZxVa6OKpLjAxjyTFuCaABsBBC26tFe3J1PmVv0kDHHkKM_TWqTRkCNHGB0uaGBi4fpsI7eqfIwjEjUFg&amp;upload_protocol=resumable</t>
  </si>
  <si>
    <t>RECUP DE CUSTO TAYS AGO A OUT.19</t>
  </si>
  <si>
    <t>RECUP DE CUSTO TAYS AGO A OUT.19.xls</t>
  </si>
  <si>
    <t>gvieira@toyota.com.br;</t>
  </si>
  <si>
    <t>gvieira@toyota.com.br</t>
  </si>
  <si>
    <t>ENC: Template CFV 3º Tri/19 Equipe PRÉ-VENDAS PATRÍCIA</t>
  </si>
  <si>
    <t>COMISSÃO FORÇA VENDAS - 3º Tri - 2019_V5_SF_PRÉ-VENDAS_PATRÍCIA.xlsb</t>
  </si>
  <si>
    <t>Dashboard Formalização PJ VISA/PJ AMEX - Novembro/2019</t>
  </si>
  <si>
    <t>FORMALIZAÇÃO VISA_AMEX_ Novembro.xlsm</t>
  </si>
  <si>
    <t>D:\Users\josemfs\OneDrive - Grupo Algar\2019\Ambiente\Administracao\Antivirus\BRA\</t>
  </si>
  <si>
    <t>OfficeScan agent listing_braatvap01_07112019.csv</t>
  </si>
  <si>
    <t>C:\Users\amandafdcs\Downloads\</t>
  </si>
  <si>
    <t>FormulÃ¡rio TTV - LanÃ§amento de Hora Extra 07.11.xlsx</t>
  </si>
  <si>
    <t>josemfs@algartech.com</t>
  </si>
  <si>
    <t>mail.google.com/_/upload?authuser=0&amp;dcp=asu-n&amp;upload_id=AEnB2UpVU5CfGGHZzKKjIuqHsWNEj5d77_jIPrJoG7yj-EH45R_JGSP2UjqJW_DTcQPIiuCpwsU9Unqm7gHGJ4MFn4IXARF0Dg&amp;upload_protocol=resumable</t>
  </si>
  <si>
    <t>OfficeScan agent listing_braatvap01_07112019.xlsx</t>
  </si>
  <si>
    <t>\\acsfs\dsti\CIT- Coordenação de Inteligência de Tecnologia\05 - Gerenciamento Orçamento e Contabilização\5. Contabilidade 2019\11. Novembro\Despesas antecipadas\INGRAM_OC 44562\</t>
  </si>
  <si>
    <t>10.200.36.46</t>
  </si>
  <si>
    <t>Imprimir para o hall da fama</t>
  </si>
  <si>
    <t>Imprimir Hall da Fama.xlsx</t>
  </si>
  <si>
    <t>mail.google.com/_/upload?authuser=1&amp;dcp=asu-n&amp;upload_id=AEnB2UqNCGFCYCUUWWFJMdNjjGXP6VMMz26uTg5INFJD1J4-71Gm5YsADDi7hI5Wfiu19e1DQ8uMw_IkUvyjD_E2cQrNR95Y7g&amp;upload_protocol=resumable</t>
  </si>
  <si>
    <t>C:\Users\acaciors\Desktop\Call Center sob demanda\Financeiro\Faturarmento\11 - NOV - 2019\</t>
  </si>
  <si>
    <t>ALGAR TELECOM - OUTUBRO.xlsx</t>
  </si>
  <si>
    <t>ENC: RES: hdi eventos.pdf</t>
  </si>
  <si>
    <t>abilene.moraes@temposervicos.com.br;brenotf@algartech.com.br;diegorm@algartech.com.br;emissaogerenciadapj@algartech.com.br;pablo.faria@temposervicos.com.br;poliane.mendes@bradesco.com.br;tiago.g.freitas@bradesco.com.br;</t>
  </si>
  <si>
    <t>RES: EMISSÃO BTB_PLURAL INVESTIMENTOS GESTAO DE RECURSOS LTDA // CNPJ – 09630188000126 CRM:004210001519</t>
  </si>
  <si>
    <t>abilene.moraes@temposervicos.com.br,brenotf@algartech.com.br,diegorm@algartech.com.br,emissaogerenciadapj@algartech.com.br,pablo.faria@temposervicos.com.br,poliane.mendes@bradesco.com.br,tiago.g.freitas@bradesco.com.br</t>
  </si>
  <si>
    <t>carlosrcos@algartech.com;joaoedl@algartech.com;murilofds@algartech.com;</t>
  </si>
  <si>
    <t>carlosrcos@algartech.com,joaoedl@algartech.com,murilofds@algartech.com</t>
  </si>
  <si>
    <t>ENC: Ponto de controle semanal 05/11</t>
  </si>
  <si>
    <t>ENC: Produtividade CRCe 06/11</t>
  </si>
  <si>
    <t>mail.google.com/_/upload?authuser=0&amp;dcp=asu-n&amp;upload_id=AEnB2UpOV08N42oai6n0EMPfoEt2Fc58UrrbtMVlw8VGKqfeBkvFw9iuJbaAYHSyFyMFwn-GSZDu4utfOD3TrI8Rp0qZYAyFfhEFl6NtJ_KHGCYomLHa--w&amp;upload_protocol=resumable</t>
  </si>
  <si>
    <t>Fuso_Horario_Bradesco (1).xlsx</t>
  </si>
  <si>
    <t>Solicitações de Férias Irregulares - Scheila Herrero.xls</t>
  </si>
  <si>
    <t>VersaoFinalCSC_atualizado em 07.11.xlsx</t>
  </si>
  <si>
    <t>Mapeamento dados</t>
  </si>
  <si>
    <t>Mapeamento Dados.xlsx</t>
  </si>
  <si>
    <t>/o=exchangelabs/ou=exchange administrative group (fydibohf23spdlt)/cn=recipients/cn=1e212ef08dab4f26b88cba944f2ab7cb-pmo.governa;/o=exchangelabs/ou=exchange administrative group (fydibohf23spdlt)/cn=recipients/cn=d5130784dc81436d9511788de4df376c-jeciene gom;</t>
  </si>
  <si>
    <t>Sessão de Governança - Projeto Precificação</t>
  </si>
  <si>
    <t>Status Report Semanal - Projeto Precificação - RESUMO GERAL V3.pptx\</t>
  </si>
  <si>
    <t>/o=exchangelabs/ou=exchange administrative group (fydibohf23spdlt)/cn=recipients/cn=1e212ef08dab4f26b88cba944f2ab7cb-pmo.governa,/o=exchangelabs/ou=exchange administrative group (fydibohf23spdlt)/cn=recipients/cn=d5130784dc81436d9511788de4df376c-jeciene gom</t>
  </si>
  <si>
    <t>/o=exchangelabs/ou=exchange administrative group (fydibohf23spdlt)/cn=recipients/cn=8a1a5d65e7f0443390f9aedcdf3a1f2b-gleice cons;fabiohs@algartech.com;marciols@algartech.com;</t>
  </si>
  <si>
    <t>ENC: Janela para atividade ambiente ECH SRVECCH</t>
  </si>
  <si>
    <t>Update de Firmware Storage - DC Campinas - RDM 5637.msg\s1\</t>
  </si>
  <si>
    <t>Unity650F_CG.xlsx</t>
  </si>
  <si>
    <t>/o=exchangelabs/ou=exchange administrative group (fydibohf23spdlt)/cn=recipients/cn=8a1a5d65e7f0443390f9aedcdf3a1f2b-gleice cons,fabiohs@algartech.com,marciols@algartech.com</t>
  </si>
  <si>
    <t>20191031 PESQUISA SATISFAÇÃO GERAL C15 NOVAS RAS.xls</t>
  </si>
  <si>
    <t>C:\Users\lucianafaa\OneDrive - Grupo Algar\2019\PROJETOS\WFM\CONTROLE\STATUS REPORT\2019\NOVEMBRO\PMO - STAFF DIGITAL 0711.pptx\</t>
  </si>
  <si>
    <t>/o=exchangelabs/ou=exchange administrative group (fydibohf23spdlt)/cn=recipients/cn=ad5f87512b71413284449e85e2fe100f-giovanne gu;</t>
  </si>
  <si>
    <t>Cliente BV - Contrato</t>
  </si>
  <si>
    <t>KPI'S BV FINANCEIRA - OUTNOV.msg\s1\</t>
  </si>
  <si>
    <t>REPORT ACOMPANHAMENTO - BV - NOVEMBRO (version 1).xlsb</t>
  </si>
  <si>
    <t>/o=exchangelabs/ou=exchange administrative group (fydibohf23spdlt)/cn=recipients/cn=ad5f87512b71413284449e85e2fe100f-giovanne gu</t>
  </si>
  <si>
    <t>/o=exchangelabs/ou=exchange administrative group (fydibohf23spdlt)/cn=recipients/cn=3b76b3dd02a14d289cc323d3c8d12b81-waleska mar;/o=exchangelabs/ou=exchange administrative group (fydibohf23spdlt)/cn=recipients/cn=55f846c335d7437f892f0b0d49c89e92-celma ribei;/o=exchangelabs/ou=exchange administrative group (fydibohf23spdlt)/cn=recipients/cn=5cdf7c02d3784fda99b7b159b2a127b2-rudney leme;/o=exchangelabs/ou=exchange administrative group (fydibohf23spdlt)/cn=recipients/cn=a4d4dbc88c434f8ba2bceed730d83878-marcellus r;/o=exchangelabs/ou=exchange administrative group (fydibohf23spdlt)/cn=recipients/cn=c5057601f2364b0db7ea84dbec10baa4-matheus mor;/o=exchangelabs/ou=exchange administrative group (fydibohf23spdlt)/cn=recipients/cn=e8f3542bfc144556bfda069280b71588-angela robe;</t>
  </si>
  <si>
    <t>ENC: Mapa Gestão de Saldos Impostos a Recuperar</t>
  </si>
  <si>
    <t>/o=exchangelabs/ou=exchange administrative group (fydibohf23spdlt)/cn=recipients/cn=3b76b3dd02a14d289cc323d3c8d12b81-waleska mar,/o=exchangelabs/ou=exchange administrative group (fydibohf23spdlt)/cn=recipients/cn=55f846c335d7437f892f0b0d49c89e92-celma ribei,/o=exchangelabs/ou=exchange administrative group (fydibohf23spdlt)/cn=recipients/cn=5cdf7c02d3784fda99b7b159b2a127b2-rudney leme,/o=exchangelabs/ou=exchange administrative group (fydibohf23spdlt)/cn=recipients/cn=a4d4dbc88c434f8ba2bceed730d83878-marcellus r,/o=exchangelabs/ou=exchange administrative group (fydibohf23spdlt)/cn=recipients/cn=c5057601f2364b0db7ea84dbec10baa4-matheus mor,/o=exchangelabs/ou=exchange administrative group (fydibohf23spdlt)/cn=recipients/cn=e8f3542bfc144556bfda069280b71588-angela robe</t>
  </si>
  <si>
    <t>/o=exchangelabs/ou=exchange administrative group (fydibohf23spdlt)/cn=recipients/cn=13f1249d836c4779a431c6d53d528d24-stael marqu;/o=exchangelabs/ou=exchange administrative group (fydibohf23spdlt)/cn=recipients/cn=2ba87a670c4b45b79775ac9d803587a5-flaviane de;/o=exchangelabs/ou=exchange administrative group (fydibohf23spdlt)/cn=recipients/cn=3b76b3dd02a14d289cc323d3c8d12b81-waleska mar;/o=exchangelabs/ou=exchange administrative group (fydibohf23spdlt)/cn=recipients/cn=55f846c335d7437f892f0b0d49c89e92-celma ribei;/o=exchangelabs/ou=exchange administrative group (fydibohf23spdlt)/cn=recipients/cn=5cdf7c02d3784fda99b7b159b2a127b2-rudney leme;/o=exchangelabs/ou=exchange administrative group (fydibohf23spdlt)/cn=recipients/cn=b0ce3629903d4c84b0d794fadbc63bf3-marcos rese;/o=exchangelabs/ou=exchange administrative group (fydibohf23spdlt)/cn=recipients/cn=cd48a988a028433ea396f4f664fcd7d7-lucas mateu;/o=exchangelabs/ou=exchange administrative group (fydibohf23spdlt)/cn=recipients/cn=e8f3542bfc144556bfda069280b71588-ange</t>
  </si>
  <si>
    <t>RES: oportunidades de Caixa 2020</t>
  </si>
  <si>
    <t>/o=exchangelabs/ou=exchange administrative group (fydibohf23spdlt)/cn=recipients/cn=13f1249d836c4779a431c6d53d528d24-stael marqu,/o=exchangelabs/ou=exchange administrative group (fydibohf23spdlt)/cn=recipients/cn=2ba87a670c4b45b79775ac9d803587a5-flaviane de,/o=exchangelabs/ou=exchange administrative group (fydibohf23spdlt)/cn=recipients/cn=3b76b3dd02a14d289cc323d3c8d12b81-waleska mar,/o=exchangelabs/ou=exchange administrative group (fydibohf23spdlt)/cn=recipients/cn=55f846c335d7437f892f0b0d49c89e92-celma ribei,/o=exchangelabs/ou=exchange administrative group (fydibohf23spdlt)/cn=recipients/cn=5cdf7c02d3784fda99b7b159b2a127b2-rudney leme,/o=exchangelabs/ou=exchange administrative group (fydibohf23spdlt)/cn=recipients/cn=b0ce3629903d4c84b0d794fadbc63bf3-marcos rese,/o=exchangelabs/ou=exchange administrative group (fydibohf23spdlt)/cn=recipients/cn=cd48a988a028433ea396f4f664fcd7d7-lucas mateu,/o=exchangelabs/ou=exchange administrative group (fydibohf23spdlt)/cn=recipients/cn=e8f3542bfc144556bfda069280b71588-ange</t>
  </si>
  <si>
    <t>ENC: DESMOBILIZAÇÃO LEGADO.xlsx</t>
  </si>
  <si>
    <t>RES: Sessão de Governança - Projeto Precificação</t>
  </si>
  <si>
    <t>07_11_2019 - Relatório Pipeline - Hunter</t>
  </si>
  <si>
    <t>Relatório Pipeline_Raul_ 2019_11_07.xlsx</t>
  </si>
  <si>
    <t>07_11_2019 - Relatório Pipeline - Base</t>
  </si>
  <si>
    <t>Relatório Pipeline_Afonso_ 19_11_07.xlsx</t>
  </si>
  <si>
    <t>07_11_2019 - Relatório Pipeline - Key Account</t>
  </si>
  <si>
    <t>Relatório Pipeline_Dionizio_19_11_07.xlsx</t>
  </si>
  <si>
    <t>ENC: Validação de Acesso</t>
  </si>
  <si>
    <t>743_SIR_Brazil_Terceiro users - Adriana Oliveira.xlsx</t>
  </si>
  <si>
    <t>mail.google.com/_/upload?authuser=0&amp;dcp=asu-n&amp;upload_id=AEnB2UqTSaBmSKCXESpnluqxq-avhg5LTAKxTaFBg1Bl6L9ayc8-gyhFTRBnIaKIU3_W0I76CmIs52Op3GpXHNfKaqyNCMGF_1V5nx0AngudLErmNNKTeNU&amp;upload_protocol=resumable</t>
  </si>
  <si>
    <t>Report_05-11-2019_1573050711.csv</t>
  </si>
  <si>
    <t>mail.google.com/_/upload?authuser=0&amp;dcp=asu-n&amp;upload_id=AEnB2Upa_rOckT80aLmvrfNNaD-beK_g54eaMfNqPjd7oMsJzZaScdWPbSLfXVmP0uSiB9xWcFpnn0R3CAJPYo84GriJ7thCzw&amp;upload_protocol=resumable</t>
  </si>
  <si>
    <t>Report_04-11-2019_1573050705.csv</t>
  </si>
  <si>
    <t>mail.google.com/_/upload?authuser=0&amp;dcp=asu-n&amp;upload_id=AEnB2UqQG-0aSFx9On4JPbr2OHgx5fZu72itbtAHpVXe8XSWqymn8mz1ZCWkaO2UxxiJbQ40lI-PwMTTtHbJT_AOU7dZApQG-w&amp;upload_protocol=resumable</t>
  </si>
  <si>
    <t>giofrerdanegfg@algartech.com;guilhermecst@algartech.com;matheusndm@algartech.com;</t>
  </si>
  <si>
    <t>Report_01-11-2019_1573050684.csv</t>
  </si>
  <si>
    <t>giofrerdanegfg@algartech.com,guilhermecst@algartech.com,matheusndm@algartech.com</t>
  </si>
  <si>
    <t>mail.google.com/_/upload?authuser=0&amp;dcp=asu-n&amp;upload_id=AEnB2Ur4EzorJN-O_bx8TmsmCLEELmshtZE1CcVZbjwska8WTlhzwj7c8xCaToh6DBR5SXcZPTbynvSd6Y3qkMr2GKv_b6uGfPd2ZTjMMPAX054T79DOAHc&amp;upload_protocol=resumable</t>
  </si>
  <si>
    <t>Report_23-10-2019_1573050613.csv</t>
  </si>
  <si>
    <t>mail.google.com/_/upload?authuser=0&amp;dcp=asu-n&amp;upload_id=AEnB2UpbRltLyC2qV8vbZVyFx8ADBAtsut_6N3Bk4JK56To_pUnacHUYLuPacgSk6MrEPcfNwkQc1VHJw1Qsmap-bq2r_UKEX8kghnC2Is7YSPX4zqeM2ls&amp;upload_protocol=resumable</t>
  </si>
  <si>
    <t>Report_20-10-2019_1572971292.csv</t>
  </si>
  <si>
    <t>mail.google.com/_/upload?authuser=0&amp;dcp=asu-n&amp;upload_id=AEnB2UoMN201138VxcvHD1YtCYPLITmhHQYyTw2ssdRajEzMa83VmUOkLJOFz0tbkJNCSKjtfnehLcWXJ9dSLNaj58LpM9amKUp52NnrcZ_L-seIWEf5l5w&amp;upload_protocol=resumable</t>
  </si>
  <si>
    <t>Report_21-10-2019_1573050597.csv</t>
  </si>
  <si>
    <t>mail.google.com/_/upload?authuser=0&amp;dcp=asu-n&amp;upload_id=AEnB2UphAQkPWWUl1bVXNDc0leeQDIIa4aFjpavnB8HsflHAZDxvk_xwq8pQQdLXy32Z0auLpcAiSwbzlU10NPFINqER61LR2pFVT77K1rGJS4FTVs0IMwU&amp;upload_protocol=resumable</t>
  </si>
  <si>
    <t>Report_17-10-2019_1572971318.csv</t>
  </si>
  <si>
    <t>mail.google.com/_/upload?authuser=0&amp;dcp=asu-n&amp;upload_id=AEnB2UoYUXkTXMtPmt59GkYzSgNpkrqyy1rE_jUvjlvM1GXh0dV2t-xAcow8ZswH2GjntvDzMQJC0vl-NlBtGY31V1Z_8Lkvo8hwlpwNA_CNoOFYw6yeDVM&amp;upload_protocol=resumable</t>
  </si>
  <si>
    <t>Report_16-10-2019_1572971325.csv</t>
  </si>
  <si>
    <t>mail.google.com/_/upload?authuser=0&amp;dcp=asu-n&amp;upload_id=AEnB2UpNmjueCgI9k0oaO8Uan1c-h6de5Y2iNZf0GH19GANMBxG1ErvTNLSNm_xYUEYJqk8LvRgxOqhrFM7UjwDwXWbOjwEmTol2pMaEjgqrtaUKJPSuWCY&amp;upload_protocol=resumable</t>
  </si>
  <si>
    <t>Report_18-10-2019_1572971310.csv</t>
  </si>
  <si>
    <t>mail.google.com/_/upload?authuser=0&amp;dcp=asu-n&amp;upload_id=AEnB2UrtMxtrYeqx8QvR_UuoTprsIeSGrYUZjaRWxv37v5fNqR49N0k6CuhLU22qgy0oPR3cl3AIe3sMpk6N2rbqsysCBFkAU4nNH8NgKJ-7itAbKqXwO2Q&amp;upload_protocol=resumable</t>
  </si>
  <si>
    <t>Report_15-10-2019_1572971333.csv</t>
  </si>
  <si>
    <t>mail.google.com/_/upload?authuser=0&amp;dcp=asu-n&amp;upload_id=AEnB2UqZe0BZZ_24DOq4z1Q6MQT1JsBVOaeKJp_JrJLrIVaUp8S3C0cKsz2UOMwsBRiRxKvMOHyydLPNtPF9Nwvh1PhmcgkgnA&amp;upload_protocol=resumable</t>
  </si>
  <si>
    <t>Report_19-10-2019_1572971299.csv</t>
  </si>
  <si>
    <t>mail.google.com/_/upload?authuser=0&amp;dcp=asu-n&amp;upload_id=AEnB2UrW0-UqY9plkSMJ-tsUxWUG-3TOYebRuHLt4f9b4zTQxSVmnlcaRBzQgTjGFhLfejZyOF3VkEyowKvpi5nT7jn6-lbiYMxsBGav45ruUYLRPwc6exc&amp;upload_protocol=resumable</t>
  </si>
  <si>
    <t>Report_28-10-2019_1573050654.csv</t>
  </si>
  <si>
    <t>mail.google.com/_/upload?authuser=0&amp;dcp=asu-n&amp;upload_id=AEnB2UphxMXGEkC8SCkPzRs79C0M58pGj_HfC9hVH9PrWcKXiVyVKc1nOpg0ObYAztf2RVQ7zjH625zX0pCJ3An_hpYuFj6wbV7YtKsMiOZwmko9c6hKotU&amp;upload_protocol=resumable</t>
  </si>
  <si>
    <t>Report_26-10-2019_1573050640.csv</t>
  </si>
  <si>
    <t>mail.google.com/_/upload?authuser=0&amp;dcp=asu-n&amp;upload_id=AEnB2Ur44E4nltpaDMF48kxd9PvTTql22aTxeHLjR68IeoYsxm6sBqvIIXkAZh1msiWP1s3i1oS_LYMnIt7CnBOoU0neevnARQ&amp;upload_protocol=resumable</t>
  </si>
  <si>
    <t>Report_25-10-2019_1573050633.csv</t>
  </si>
  <si>
    <t>mail.google.com/_/upload?authuser=0&amp;dcp=asu-n&amp;upload_id=AEnB2UosBf_mvRv16CHkrWgFsWHc1LZTzQQ3-k0-eHRDgDYdgnUjXCh8d0XKLrmy4h5rOQC2LDYA8JFIPxb4gJlv3yTvcNN8ew&amp;upload_protocol=resumable</t>
  </si>
  <si>
    <t>Report_24-10-2019_1573050623.csv</t>
  </si>
  <si>
    <t>mail.google.com/_/upload?authuser=0&amp;dcp=asu-n&amp;upload_id=AEnB2UpkNbe8-cgVwLCIX2cWoT7rqEZrfE7XAlMYONrQSD9BBLin8-_vGYQmMLn57PKhgsRgUQ1T_6LP94A1sqOvYHgDzGWGRw&amp;upload_protocol=resumable</t>
  </si>
  <si>
    <t>Report_20-10-2019_1573050588.csv</t>
  </si>
  <si>
    <t>ENC: Acompanhamento Acordos Algar até 06/11/2019</t>
  </si>
  <si>
    <t>Acompanhamento_Acordos_Algar_07112019.xlsb</t>
  </si>
  <si>
    <t>Fechamento CRC Outubro</t>
  </si>
  <si>
    <t>10 - Faturamento Toyota CRC.z_\</t>
  </si>
  <si>
    <t>DRE_CR 340001156 ajuste zeramento serv terc.xlsx</t>
  </si>
  <si>
    <t>RES: NPS - Visitas Comerciais</t>
  </si>
  <si>
    <t>Atividades - Visita Comercial - NPS (3).xlsx</t>
  </si>
  <si>
    <t>ENC: Relatório Filas BackOffice Avon 07/11/2019</t>
  </si>
  <si>
    <t>Projeção dívida IFRS16</t>
  </si>
  <si>
    <t>4ª Reuger 2019 - IFRS16.xlsx</t>
  </si>
  <si>
    <t>mail.google.com/_/upload?authuser=1&amp;dcp=asu-n&amp;upload_id=AEnB2UqroT-2BYKxgbKTZYUeLJdb5XDmv21kmGEX7sNYxzP6XvsbFxMRYF0_efohIyJ3h8TyLfmxRvQdVAoP9Vgr3-mcXhHbXFH7B1SMn6JtfeXzCWuZrK0&amp;upload_protocol=resumable</t>
  </si>
  <si>
    <t>BANCO BRADESCO CARTOES - OUTUBRO.xlsx</t>
  </si>
  <si>
    <t>10.16.72.111</t>
  </si>
  <si>
    <t>mail.google.com/_/upload?authuser=0&amp;dcp=asu-n&amp;upload_id=AEnB2UrTWNs6jSJ0xttcacEE6rLSYvoOvYnir71BNBNZdHTQhKKRVCWC7R4pkk_lfyHShFnIdqxYj1kDHSkyEM_21pijXl1Igg&amp;upload_protocol=resumable</t>
  </si>
  <si>
    <t>Base Backlog_e_Duplicada._TCO_TNE_TLE JULIANO.xls</t>
  </si>
  <si>
    <t>mail.google.com/_/upload?authuser=0&amp;dcp=asu-n&amp;upload_id=AEnB2UpbQhMvH0cY5lNLjLBqiOMsPunCF7_bquqYaORj3JwGi9ZdNtF7PsS1IU5mouTdZhX_x-okk1Rc1njo9Y3i1dFIiUzLk1A0V0EUMIyazl1sUJMiR2w&amp;upload_protocol=resumable</t>
  </si>
  <si>
    <t>\\acsfs\dsti\CIT- Coordenação de Inteligência de Tecnologia\06 - Gerenciamento de Fornecedores\3. Requisições\ASC\Requisições\2019\11. Novembro\</t>
  </si>
  <si>
    <t>RATEIO ref Out.19 ASC PARTE FIXA_Mensalidades.xlsx</t>
  </si>
  <si>
    <t>RES: Forecast Real do mês 10/2019</t>
  </si>
  <si>
    <t>FORECAST 10-2019 GRC - RETORNO KAREN.xlsx</t>
  </si>
  <si>
    <t>RES: Levantamento Indicadores.</t>
  </si>
  <si>
    <t>Tempo de Relacionamento x Digital - Time Grevy.xlsx</t>
  </si>
  <si>
    <t>/o=exchangelabs/ou=exchange administrative group (fydibohf23spdlt)/cn=recipients/cn=443a648e2bd247c69659ca2ac6a18582-adriele fer;/o=exchangelabs/ou=exchange administrative group (fydibohf23spdlt)/cn=recipients/cn=651324bc204a42f6bbcdf62273ebdc5c-aluisio ant;/o=exchangelabs/ou=exchange administrative group (fydibohf23spdlt)/cn=recipients/cn=user78f7a52d;</t>
  </si>
  <si>
    <t>Ultima versão composição LP + CAPEX GAT</t>
  </si>
  <si>
    <t>PROJEÇÃO LP GAT PPE + AS IS - Outubro 2019_V7_Aluisio.xlsx</t>
  </si>
  <si>
    <t>/o=exchangelabs/ou=exchange administrative group (fydibohf23spdlt)/cn=recipients/cn=443a648e2bd247c69659ca2ac6a18582-adriele fer,/o=exchangelabs/ou=exchange administrative group (fydibohf23spdlt)/cn=recipients/cn=651324bc204a42f6bbcdf62273ebdc5c-aluisio ant,/o=exchangelabs/ou=exchange administrative group (fydibohf23spdlt)/cn=recipients/cn=user78f7a52d</t>
  </si>
  <si>
    <t>/o=exchangelabs/ou=exchange administrative group (fydibohf23spdlt)/cn=recipients/cn=5676353c001f41558e00d4c7fa4fd023-aprova.vend;/o=exchangelabs/ou=exchange administrative group (fydibohf23spdlt)/cn=recipients/cn=891c08f4f04f4527be9bc1b3d75f6378-luiz fernan;/o=exchangelabs/ou=exchange administrative group (fydibohf23spdlt)/cn=recipients/cn=b16974d7de334bfabfe3dee1e8e47e59-sherley cri;</t>
  </si>
  <si>
    <t>RES: Confirmação Pedido de Compras - Task Vulnerabilidades - OPP 214379</t>
  </si>
  <si>
    <t>/o=exchangelabs/ou=exchange administrative group (fydibohf23spdlt)/cn=recipients/cn=5676353c001f41558e00d4c7fa4fd023-aprova.vend,/o=exchangelabs/ou=exchange administrative group (fydibohf23spdlt)/cn=recipients/cn=891c08f4f04f4527be9bc1b3d75f6378-luiz fernan,/o=exchangelabs/ou=exchange administrative group (fydibohf23spdlt)/cn=recipients/cn=b16974d7de334bfabfe3dee1e8e47e59-sherley cri</t>
  </si>
  <si>
    <t>RES: Template CFV 3º Tri/19 Equipe PRÉ-VENDAS PATRÍCIA</t>
  </si>
  <si>
    <t>OPP faltante.xlsx</t>
  </si>
  <si>
    <t>Analise TI</t>
  </si>
  <si>
    <t>Resultado_19.xlsb</t>
  </si>
  <si>
    <t>/o=exchangelabs/ou=exchange administrative group (fydibohf23spdlt)/cn=recipients/cn=122c3ad8b401472e84885d44a2466b4c-jair de pau;/o=exchangelabs/ou=exchange administrative group (fydibohf23spdlt)/cn=recipients/cn=65f2464c9a2e4d2981cae7124572133d-cristiane c;</t>
  </si>
  <si>
    <t>RES: Longo Prazo</t>
  </si>
  <si>
    <t>/o=exchangelabs/ou=exchange administrative group (fydibohf23spdlt)/cn=recipients/cn=122c3ad8b401472e84885d44a2466b4c-jair de pau,/o=exchangelabs/ou=exchange administrative group (fydibohf23spdlt)/cn=recipients/cn=65f2464c9a2e4d2981cae7124572133d-cristiane c</t>
  </si>
  <si>
    <t>https://caey.fa.us2.oraclecloud.com/crmui/faces/fuseoverview?_adf.ctrl-state=10w72vs3qh_5&amp;fnd=;;;;false;256;;;&amp;fndglobalitemnodeid=moo_opptymgmtopportunities_crm_card</t>
  </si>
  <si>
    <t>213409 - SAP - Avaliação v2.xlsb</t>
  </si>
  <si>
    <t>\\acsfs\Deptos\CAS - Coordenação de Arquitetura de Soluções\Projetos\2019\Faber Castell\213409 - Avaliação Diagnostico Tratamento Demandas\1. Precificação\213409 - SAP - Avaliação v2.xlsb\</t>
  </si>
  <si>
    <t>ENC: SIR _ Brazil _Terceiro [Internal Control 743] - User review (2nd Sem/2019) - Due Date: Nov 11th</t>
  </si>
  <si>
    <t>743_SIR_Brazil_Terceiro users - Rosana Scalabrin.xlsx</t>
  </si>
  <si>
    <t>RES: Dados da Batida + Fluxo faturamento</t>
  </si>
  <si>
    <t>ENC: Ajuste de ponto</t>
  </si>
  <si>
    <t>Aspect.xlsx</t>
  </si>
  <si>
    <t>/o=exchangelabs/ou=exchange administrative group (fydibohf23spdlt)/cn=recipients/cn=55643a6cbd93423e8f0c948d862c9e35-marcelo ale;/o=exchangelabs/ou=exchange administrative group (fydibohf23spdlt)/cn=recipients/cn=61af722dd06149089cf1c867d796b8bc-delso estre;</t>
  </si>
  <si>
    <t>RES: Bonificação analistas de TI - Ação Avon</t>
  </si>
  <si>
    <t>/o=exchangelabs/ou=exchange administrative group (fydibohf23spdlt)/cn=recipients/cn=55643a6cbd93423e8f0c948d862c9e35-marcelo ale,/o=exchangelabs/ou=exchange administrative group (fydibohf23spdlt)/cn=recipients/cn=61af722dd06149089cf1c867d796b8bc-delso estre</t>
  </si>
  <si>
    <t>/o=exchangelabs/ou=exchange administrative group (fydibohf23spdlt)/cn=recipients/cn=fbbb462fed0b402bbe147770ea84cf9e-adriana cae;</t>
  </si>
  <si>
    <t>ENC: Acompanhamento - NEW MODEL</t>
  </si>
  <si>
    <t>NEW MODEL OUT 19 CONSOLIDADO.xlsx</t>
  </si>
  <si>
    <t>/o=exchangelabs/ou=exchange administrative group (fydibohf23spdlt)/cn=recipients/cn=fbbb462fed0b402bbe147770ea84cf9e-adriana cae</t>
  </si>
  <si>
    <t>adrianaafss@algartech.com;alinescsi@algartecnologia.com.br;antoniaama@algartech.com;cassiaafa@algartech.com;ceciliame@algartech.com;fabianajl@algartech.com;grazielabo@algartech.com;silvanaso@algartech.com;tatianedc@algartech.com;valeriase@algartech.com;viniciusmlf@algartech.com;</t>
  </si>
  <si>
    <t>Rateio Beedoo Ago a Out.xlsx</t>
  </si>
  <si>
    <t>adrianaafss@algartech.com,alinescsi@algartecnologia.com.br,antoniaama@algartech.com,cassiaafa@algartech.com,ceciliame@algartech.com,fabianajl@algartech.com,grazielabo@algartech.com,silvanaso@algartech.com,tatianedc@algartech.com,valeriase@algartech.com,viniciusmlf@algartech.com</t>
  </si>
  <si>
    <t>kfreitas_sa@timbrasil.com.br;logisticatimopm@grupotpc.com;</t>
  </si>
  <si>
    <t>PLANILHA SGS (004).xlsx</t>
  </si>
  <si>
    <t>kfreitas_sa@timbrasil.com.br,logisticatimopm@grupotpc.com</t>
  </si>
  <si>
    <t>mail.google.com/_/upload?authuser=0&amp;dcp=asu-n&amp;upload_id=AEnB2UreGhWTIcLU_YlOSz_L4Hl5LkTZBP0KORBoU_9lvtDDkrX7jcqDMXtHviP7fyXSGySX5MD0_-sXzThtVcH1rPp3n_2Oeg&amp;upload_protocol=resumable</t>
  </si>
  <si>
    <t>\\acsfs\DSTI\CIT- Coordenação de Inteligência de Tecnologia\17 - Gerenciamento da Configuração\02 - DO (EXECUTAR)\01 - CONTROLE DE LIC\00 - FORNECEDORES\01 - MICROSOFT\17 - SPLA\Projeto Transf\</t>
  </si>
  <si>
    <t>AudLic_v5.xlsx</t>
  </si>
  <si>
    <t>mail.google.com/_/upload?authuser=0&amp;dcp=asu-n&amp;upload_id=AEnB2UoLi1GFx4W7qb7twvwJa6uI6dOt7OB3_co3ZNuh9WwMHAcf7H7--W3xphxZ6_4oQBTzZwqa_FxBgv8XAeqO4xkWetouXA&amp;upload_protocol=resumable</t>
  </si>
  <si>
    <t>edilsonrb@algartech.com;henriqueac@algartech.com;lucasm@algartech.com;rodrigofrs@algartech.com;</t>
  </si>
  <si>
    <t>edilsonrb@algartech.com,henriqueac@algartech.com,lucasm@algartech.com,rodrigofrs@algartech.com</t>
  </si>
  <si>
    <t>Liberacao_Ativos_ExpansaoCaixa_06 - Copia.xlsx</t>
  </si>
  <si>
    <t>mail.google.com/_/upload?authuser=0&amp;dcp=asu-n&amp;upload_id=AEnB2UqjncsETUdooiZOjuL6BjxAnOQJDH-YQpBtPxYeFuidcCTf_mGZOsyxZ7bpbwXSjrWisE8snDaE95fNsOpmKYsBNi_a_nCd2Ux5D0UKmG5stnH0YBo&amp;upload_protocol=resumable</t>
  </si>
  <si>
    <t>C:\Users\leonardocso\Desktop\URA IBI\</t>
  </si>
  <si>
    <t>Liberacao_Ativos_ExpansaoCaixa_07.xlsx</t>
  </si>
  <si>
    <t>CRs 07-11-2019_atualizado as 13h21.xlsx</t>
  </si>
  <si>
    <t>Expansão Caixa: Implantação: Dados para implantação</t>
  </si>
  <si>
    <t>/o=exchangelabs/ou=exchange administrative group (fydibohf23spdlt)/cn=recipients/cn=61af722dd06149089cf1c867d796b8bc-delso estre;/o=exchangelabs/ou=exchange administrative group (fydibohf23spdlt)/cn=recipients/cn=c29ec9dae022497281c840087cccddec-patricia ar;</t>
  </si>
  <si>
    <t>/o=exchangelabs/ou=exchange administrative group (fydibohf23spdlt)/cn=recipients/cn=61af722dd06149089cf1c867d796b8bc-delso estre,/o=exchangelabs/ou=exchange administrative group (fydibohf23spdlt)/cn=recipients/cn=c29ec9dae022497281c840087cccddec-patricia ar</t>
  </si>
  <si>
    <t>ENC: Levantamento Indicadores.</t>
  </si>
  <si>
    <t>/o=exchangelabs/ou=exchange administrative group (fydibohf23spdlt)/cn=recipients/cn=1e7f0957c5bf4da1b70dc13dc9d810b1-gabriel per;fps_eficiencia.operacional.controle@fisglobal.com;joao.matos@fisglobal.com;</t>
  </si>
  <si>
    <t>ENC: BO Manifestações EAVM</t>
  </si>
  <si>
    <t>BO_Manifestações_EAVM_Nov19.xlsb</t>
  </si>
  <si>
    <t>/o=exchangelabs/ou=exchange administrative group (fydibohf23spdlt)/cn=recipients/cn=1e7f0957c5bf4da1b70dc13dc9d810b1-gabriel per,fps_eficiencia.operacional.controle@fisglobal.com,joao.matos@fisglobal.com</t>
  </si>
  <si>
    <t>C:\Users\alefl\OneDrive - Grupo Algar\Qradar\Next\2019-11-05-data_export.csv\</t>
  </si>
  <si>
    <t>/o=exchangelabs/ou=exchange administrative group (fydibohf23spdlt)/cn=recipients/cn=a8f05db2744643a38d71c36d72eacc9b-karla steph;andrethemistocles@sinergyrh.com.br;mariarocha@sinergyrh.com.br;</t>
  </si>
  <si>
    <t>Inconsistências relatórios</t>
  </si>
  <si>
    <t>Relat_TrilhasEOuProcedimentosConteudosGerais_AlgarTech_20191107__639205_Jeito Tech de Gestão - Coordenadores.xlsx</t>
  </si>
  <si>
    <t>/o=exchangelabs/ou=exchange administrative group (fydibohf23spdlt)/cn=recipients/cn=a8f05db2744643a38d71c36d72eacc9b-karla steph,andrethemistocles@sinergyrh.com.br,mariarocha@sinergyrh.com.br</t>
  </si>
  <si>
    <t>mail.google.com/_/upload?authuser=0&amp;dcp=asu-n&amp;upload_id=AEnB2UoYR2v4zHMAQIzhWlt73t2Jn9NJLxPLRF9YrfcvDhWAR7yJyHS_yfy-Pkv4hoCkOjYFzMhnRZE-c1AOBmgo3LSNkBR6hg&amp;upload_protocol=resumable</t>
  </si>
  <si>
    <t>mail.google.com/_/upload?authuser=0&amp;dcp=asu-n&amp;upload_id=AEnB2UozIGVoh1VKMa3tzaJmTkUpmHmRZnrEK0lNCWaFWopzLv1IjAhLgKLi7o_JTD7ACcoQMhRk4-3LC1dwPIOoSjiOYqlwf19LhmcmrlRnCxy5HRGEt8I&amp;upload_protocol=resumable</t>
  </si>
  <si>
    <t>D:\OneDrive\AlgarTech\Pré-Vendas\Cliente\2019\SuperFrio\PropostasVigentes\</t>
  </si>
  <si>
    <t>CopiladoPropostasVigentes.xlsx</t>
  </si>
  <si>
    <t>/o=exchangelabs/ou=exchange administrative group (fydibohf23spdlt)/cn=recipients/cn=364505262032489d957753e77bf0043a-hugo naves;francisco.gouveia@temposervicos.com.br;</t>
  </si>
  <si>
    <t>Filas Splitter</t>
  </si>
  <si>
    <t>FILAS UCB.xlsx</t>
  </si>
  <si>
    <t>/o=exchangelabs/ou=exchange administrative group (fydibohf23spdlt)/cn=recipients/cn=364505262032489d957753e77bf0043a-hugo naves,francisco.gouveia@temposervicos.com.br</t>
  </si>
  <si>
    <t>ENC: Rateio OUTUBRO/2019</t>
  </si>
  <si>
    <t>10.200.58.246</t>
  </si>
  <si>
    <t>C:\Users\filemoncmj\OneDrive - Grupo Algar\01. Algar Tech\01. Projetos de Clientes\47. Prudential\06. TAP\PMO Algar Tech - TAP - Implantação ISD e GIAT Prudential.eml\</t>
  </si>
  <si>
    <t>C:\Users\filemoncmj\OneDrive - Grupo Algar\01. Algar Tech\01. Projetos de Clientes\47. Prudential\06. TAP\PMO Algar Tech - TAP - Implantação ISD e GIAT Prudential.eml\Prudential - BP GIAT - Versão Outubro 2019 v2.xlsb\</t>
  </si>
  <si>
    <t>C:\Users\filemoncmj\OneDrive - Grupo Algar\01. Algar Tech\01. Projetos de Clientes\47. Prudential\06. TAP\PMO Algar Tech - TAP - Implantação ISD e GIAT Prudential.eml\Prudential - BP ISD - Versão Outubro 2019 v2.xlsb\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</t>
  </si>
  <si>
    <t>RES: Arquivos Reunião de Fechamento</t>
  </si>
  <si>
    <t>Vilarinho_Fechamento_Outubro_GAT.pptx\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</t>
  </si>
  <si>
    <t>D:\OneDrive\AlgarTech\Pré-Vendas\Cliente\2019\SuperFrio\PropostasVigentes\141476 - Data Center\</t>
  </si>
  <si>
    <t>SuperFrio_V7_30-06-2017_Final.xlsb</t>
  </si>
  <si>
    <t>D:\OneDrive\AlgarTech\Pré-Vendas\Cliente\2019\SuperFrio\PropostasVigentes\141476 - Data Center\SuperFrio_V7_30-06-2017_Final.xlsb\</t>
  </si>
  <si>
    <t>Fechamento Acompanhamento BO - OUT/2019</t>
  </si>
  <si>
    <t>Acompanhamento Produtividade BKO - Fechamento - Out-2019.xlsx</t>
  </si>
  <si>
    <t>ruitb@algartech.com;vanessaab@algartech.com;</t>
  </si>
  <si>
    <t>pendencias ativos Rui.xlsx</t>
  </si>
  <si>
    <t>ruitb@algartech.com,vanessaab@algartech.com</t>
  </si>
  <si>
    <t>ENC: Custos Indiretos/Despesas - Justificativas Outubro 2019</t>
  </si>
  <si>
    <t>02019_Relatorio_Indiretos.xlsb</t>
  </si>
  <si>
    <t>ENC: Cliente BV - Contrato</t>
  </si>
  <si>
    <t>D:\OneDrive\AlgarTech\Pré-Vendas\Cliente\2019\SuperFrio\PropostasVigentes\143033 - ERP\Oportunidade Superfrio 143033.msg\s1\</t>
  </si>
  <si>
    <t>Cópia de Fat_SuperFrio_Jan_19.xlsx</t>
  </si>
  <si>
    <t>D:\OneDrive\AlgarTech\Pré-Vendas\Cliente\2019\SuperFrio\PropostasVigentes\143033 - ERP\</t>
  </si>
  <si>
    <t>D:\OneDrive\AlgarTech\Pré-Vendas\Cliente\2019\SuperFrio\PropostasVigentes\143033 - ERP\Data Center 11-jan-2018_Ultima Versão.xlsb\</t>
  </si>
  <si>
    <t>Regras _info2.csv</t>
  </si>
  <si>
    <t>Regras _info.csv</t>
  </si>
  <si>
    <t>"mozilla/5.0 (windows nt 6.1; win64; x64) applewebkit/537.36 (khtml;1;13700185;13700235;13700264;13700607;13700883;1370094;13700951;13700982;13701078;13701127;13701139;13701207;13701214;13701235;13701239;13701418;13701422;13701430;13701450;13701486;13701510;13701534;13701537;13701573;13701577;13701589;13701609;13701621;13701625;13701657;13701693;13701749;13701825;13701834;13701901;13701908;13701921;13701953;43;5701393;[[13701601;diogosa@algartech.com;false];ftp3vnorgoxcmjyppxcgkfi2fvw7ktlwywdjstsyh3m4";ken=&amp;buildlabel=drive.web-frontend_20191016.00_p4016.00_p422cate551978;like gecko) chrome/77.0.3865.120 safari/537.36";lorrainedrp@algartech.com;null;pt-br;</t>
  </si>
  <si>
    <t>Indicadores Treinamento - SSMA - 2019 Outubro.xlsx</t>
  </si>
  <si>
    <t>"mozilla/5.0 (windows nt 6.1; win64; x64) applewebkit/537.36 (khtml,1,13700185,13700235,13700264,13700607,13700883,1370094,13700951,13700982,13701078,13701127,13701139,13701207,13701214,13701235,13701239,13701418,13701422,13701430,13701450,13701486,13701510,13701534,13701537,13701573,13701577,13701589,13701609,13701621,13701625,13701657,13701693,13701749,13701825,13701834,13701901,13701908,13701921,13701953,43,5701393,[[13701601,diogosa@algartech.com,false],ftp3vnorgoxcmjyppxcgkfi2fvw7ktlwywdjstsyh3m4",ken=&amp;buildlabel=drive.web-frontend_20191016.00_p4016.00_p422cate551978,like gecko) chrome/77.0.3865.120 safari/537.36",lorrainedrp@algartech.com,null,pt-br</t>
  </si>
  <si>
    <t>/o=exchangelabs/ou=exchange administrative group (fydibohf23spdlt)/cn=recipients/cn=bcc9538754d3496ea31a487e560f8214-silvio mart;/o=exchangelabs/ou=exchange administrative group (fydibohf23spdlt)/cn=recipients/cn=c29ec9dae022497281c840087cccddec-patricia ar;</t>
  </si>
  <si>
    <t>RES: Planilha Simulação</t>
  </si>
  <si>
    <t>/o=exchangelabs/ou=exchange administrative group (fydibohf23spdlt)/cn=recipients/cn=bcc9538754d3496ea31a487e560f8214-silvio mart,/o=exchangelabs/ou=exchange administrative group (fydibohf23spdlt)/cn=recipients/cn=c29ec9dae022497281c840087cccddec-patricia ar</t>
  </si>
  <si>
    <t>apresentacao</t>
  </si>
  <si>
    <t>Mais TOP.pptx\</t>
  </si>
  <si>
    <t>lucianasavi@hotmail.com;</t>
  </si>
  <si>
    <t>ENC: Distrato ao contrato vencido em 31/07/2019</t>
  </si>
  <si>
    <t>Cash Flow Luciana Savi 07-11.xls</t>
  </si>
  <si>
    <t>lucianasavi@hotmail.com</t>
  </si>
  <si>
    <t>Indicadores Financeiros - SSMA - 2019 Outubro.xls</t>
  </si>
  <si>
    <t>ENC: Nestlé Procurement - Ariba Event - Doc2073152306 - BR_SIM_ACTV_Serviço de Call Center - NHS_ecommerce_112019</t>
  </si>
  <si>
    <t>RFP 2020_Nestlé HS.zip\RFP 2020\</t>
  </si>
  <si>
    <t>09.11.18 Revisao Concorrˆncia Televendas E-commerce_v3.xlsx</t>
  </si>
  <si>
    <t>RES: Inconsistências relatórios</t>
  </si>
  <si>
    <t>Relat_TrilhasEOuProcedimentosConteudosGerais_AlgarTech_20191107__628677_Jeito Tech de Gestão - Supervisores (2).xlsx</t>
  </si>
  <si>
    <t>mail.google.com/_/upload?authuser=0&amp;dcp=asu-n&amp;upload_id=AEnB2Up4c7CnkNxsW5OtmIhx1JNEwJWPtFhZ5X-VhFEi8D-URdXzWj5f9YGerPNEaKkwR6UIqNtRd_l5Ck3US7IZm_1Pbk6QEg&amp;upload_protocol=resumable</t>
  </si>
  <si>
    <t>\\udpimgap01\Base de Conhecimento Data Center\02 - Arquivos Comuns\2.4 - Suporte Backup e Restore\Equipe Backup Restore\2.4.1 - Documentacao\2.5.6 Políticas de Backup\SAGE\</t>
  </si>
  <si>
    <t>mail.google.com/_/upload?authuser=0&amp;dcp=asu-n&amp;upload_id=AEnB2Uo1ns0KNZf5kiVoNwL4Rjk3HyFx-xrQGyFHKEYbEVefRHPn1lTU5U61ZFkdiOOhoyU2d21zzOXirVHitZlr_SyOvRNLnJyRBIjIstAbLa7xmRNTCRg&amp;upload_protocol=resumable</t>
  </si>
  <si>
    <t>/o=exchangelabs/ou=exchange administrative group (fydibohf23spdlt)/cn=recipients/cn=8c01e71056fe4e1a8ecc4e24420bd9ef-fellyp cros;adsilva_pronto@timbrasil.com.br;fabiano.m.amaral@gmail.com;kfreitas_sa@timbrasil.com.br;logisticatimopm@grupotpc.com;</t>
  </si>
  <si>
    <t>RES: CORREÇÃO DE PN</t>
  </si>
  <si>
    <t>CORREÇÃO DE PN.msg\s1\</t>
  </si>
  <si>
    <t>/o=exchangelabs/ou=exchange administrative group (fydibohf23spdlt)/cn=recipients/cn=8c01e71056fe4e1a8ecc4e24420bd9ef-fellyp cros,adsilva_pronto@timbrasil.com.br,fabiano.m.amaral@gmail.com,kfreitas_sa@timbrasil.com.br,logisticatimopm@grupotpc.com</t>
  </si>
  <si>
    <t>Bkp Sage.xlsx</t>
  </si>
  <si>
    <t>mail.google.com/_/upload?authuser=1&amp;dcp=asu-n&amp;upload_id=AEnB2Uo0OQh5xjKoS_WTwma76iL1CUyO8HAub2EAFUnnRv4dfHXkvMjSbqf77_SiCGMQxUM0LOhfykR1nS_hwWPrjQL2xNoZhDwwa2rmB6w59QzlJhQ_OqU&amp;upload_protocol=resumable</t>
  </si>
  <si>
    <t>jaquelinen@westcon-la.com;marciopmi@algartech.com;ricardobal@algartech.com;suelenmm@algartech.com;</t>
  </si>
  <si>
    <t>DMAE_PN.xlsx</t>
  </si>
  <si>
    <t>jaquelinen@westcon-la.com,marciopmi@algartech.com,ricardobal@algartech.com,suelenmm@algartech.com</t>
  </si>
  <si>
    <t>mail.google.com/_/upload?authuser=0&amp;dcp=asu-n&amp;upload_id=AEnB2UrSib0q_vRlgdwfDuZYCNt5KD1aAUxfpico5oPHMqcZhWhK53wDiaOhX2l1AqWmfDZqn-U2_qTm1uRF-EZ1EbGywwDMjg&amp;upload_protocol=resumable</t>
  </si>
  <si>
    <t>ALGARMULTIMIDIASA15102019 - Cotação Renovação Smartnets CISCO Cliente DMAE.xlsx</t>
  </si>
  <si>
    <t>/o=exchangelabs/ou=exchange administrative group (fydibohf23spdlt)/cn=recipients/cn=3a10c1d788234688b257ab253389ec06-mateus mala;/o=exchangelabs/ou=exchange administrative group (fydibohf23spdlt)/cn=recipients/cn=98e18f75c1d448d18c2b385d101db11f-luiz alfred;</t>
  </si>
  <si>
    <t>Detalhamento volumes CC</t>
  </si>
  <si>
    <t>Comparativo_Cenários Whirlpool_ano 2V4.xlsx</t>
  </si>
  <si>
    <t>/o=exchangelabs/ou=exchange administrative group (fydibohf23spdlt)/cn=recipients/cn=3a10c1d788234688b257ab253389ec06-mateus mala,/o=exchangelabs/ou=exchange administrative group (fydibohf23spdlt)/cn=recipients/cn=98e18f75c1d448d18c2b385d101db11f-luiz alfred</t>
  </si>
  <si>
    <t>/o=exchangelabs/ou=exchange administrative group (fydibohf23spdlt)/cn=recipients/cn=2f25493a7e37433d8dafca90f527b173-danubia cri;/o=exchangelabs/ou=exchange administrative group (fydibohf23spdlt)/cn=recipients/cn=81f72ed6e9d042e3bed0cec08d488854-vinicius go;/o=exchangelabs/ou=exchange administrative group (fydibohf23spdlt)/cn=recipients/cn=b0dffb7bae8b4669bf2555c821ef7035-daniela vie;maria_g_moura@whirlpool.com;patricia_lima@whirlpool.com;</t>
  </si>
  <si>
    <t>*** Plano de ação N2 + Campanha</t>
  </si>
  <si>
    <t>PLANO DE AÇÃO_Patricia Lima.xls</t>
  </si>
  <si>
    <t>/o=exchangelabs/ou=exchange administrative group (fydibohf23spdlt)/cn=recipients/cn=2f25493a7e37433d8dafca90f527b173-danubia cri,/o=exchangelabs/ou=exchange administrative group (fydibohf23spdlt)/cn=recipients/cn=81f72ed6e9d042e3bed0cec08d488854-vinicius go,/o=exchangelabs/ou=exchange administrative group (fydibohf23spdlt)/cn=recipients/cn=b0dffb7bae8b4669bf2555c821ef7035-daniela vie,maria_g_moura@whirlpool.com,patricia_lima@whirlpool.com</t>
  </si>
  <si>
    <t>ENC: RAZAO FINANCEIRAS OUT19</t>
  </si>
  <si>
    <t>RAZOES GRUPO FINANCEIRAS OUT19.xlsx</t>
  </si>
  <si>
    <t>ambulatorio@algartech.com;anacmma@algartech.com;diegovd@algartech.com;douglassp@algartech.com;eunice.pimenta@algartech.com;gustavohs@algartech.com;julianaem@algartech.com;nilsiosc@algartech.com;pamelatc@algartech.com;rosilenedlf@algartech.com;sergiompj@algartech.com;tassianecv@algartech.com;</t>
  </si>
  <si>
    <t>C:\Users\iramildass\Desktop\Cartinha Papai Noel\</t>
  </si>
  <si>
    <t>ambulatorio@algartech.com,anacmma@algartech.com,diegovd@algartech.com,douglassp@algartech.com,eunice.pimenta@algartech.com,gustavohs@algartech.com,julianaem@algartech.com,nilsiosc@algartech.com,pamelatc@algartech.com,rosilenedlf@algartech.com,sergiompj@algartech.com,tassianecv@algartech.com</t>
  </si>
  <si>
    <t>/o=exchangelabs/ou=exchange administrative group (fydibohf23spdlt)/cn=recipients/cn=083204b1bd464d0fbbd2451a3a305923-katia gonca;/o=exchangelabs/ou=exchange administrative group (fydibohf23spdlt)/cn=recipients/cn=603ada399f684d8cbb7c2653efa30e6a-andre luiz;/o=exchangelabs/ou=exchange administrative group (fydibohf23spdlt)/cn=recipients/cn=66892ec7505c4d138347b8eda5fa01e7-tassiana ap;/o=exchangelabs/ou=exchange administrative group (fydibohf23spdlt)/cn=recipients/cn=becbf63a159f4bfb8b84af5031d7e03a-ludicele al;/o=exchangelabs/ou=exchange administrative group (fydibohf23spdlt)/cn=recipients/cn=c21a296f15b34260b849c0ae1e7b942d-suelaine fe;/o=exchangelabs/ou=exchange administrative group (fydibohf23spdlt)/cn=recipients/cn=c22b2d8de1594760baec681322c0933f-fernanda ma;/o=exchangelabs/ou=exchange administrative group (fydibohf23spdlt)/cn=recipients/cn=user07db2088;/o=exchangelabs/ou=exchange administrative group (fydibohf23spdlt)/cn=recipients/cn=userd3ef8196;</t>
  </si>
  <si>
    <t>Indicadores Contratuais Compra Certa - Fechamento Outubro</t>
  </si>
  <si>
    <t>Indicadores Contratuais - 201910.xlsx</t>
  </si>
  <si>
    <t>/o=exchangelabs/ou=exchange administrative group (fydibohf23spdlt)/cn=recipients/cn=083204b1bd464d0fbbd2451a3a305923-katia gonca,/o=exchangelabs/ou=exchange administrative group (fydibohf23spdlt)/cn=recipients/cn=603ada399f684d8cbb7c2653efa30e6a-andre luiz,/o=exchangelabs/ou=exchange administrative group (fydibohf23spdlt)/cn=recipients/cn=66892ec7505c4d138347b8eda5fa01e7-tassiana ap,/o=exchangelabs/ou=exchange administrative group (fydibohf23spdlt)/cn=recipients/cn=becbf63a159f4bfb8b84af5031d7e03a-ludicele al,/o=exchangelabs/ou=exchange administrative group (fydibohf23spdlt)/cn=recipients/cn=c21a296f15b34260b849c0ae1e7b942d-suelaine fe,/o=exchangelabs/ou=exchange administrative group (fydibohf23spdlt)/cn=recipients/cn=c22b2d8de1594760baec681322c0933f-fernanda ma,/o=exchangelabs/ou=exchange administrative group (fydibohf23spdlt)/cn=recipients/cn=user07db2088,/o=exchangelabs/ou=exchange administrative group (fydibohf23spdlt)/cn=recipients/cn=userd3ef8196</t>
  </si>
  <si>
    <t>/o=exchangelabs/ou=exchange administrative group (fydibohf23spdlt)/cn=recipients/cn=136bac3aad104a579e671eb261072338-fabio dos r;/o=exchangelabs/ou=exchange administrative group (fydibohf23spdlt)/cn=recipients/cn=1c8b05eecf8f4bb997a7db92bb500b07-jessika laz;/o=exchangelabs/ou=exchange administrative group (fydibohf23spdlt)/cn=recipients/cn=2f1b08ea2f784157bec52a53b7e2d6d4-rafaela apa;/o=exchangelabs/ou=exchange administrative group (fydibohf23spdlt)/cn=recipients/cn=46e34a3dd66548f3b9bd29a71a9ad9be-iara santos;/o=exchangelabs/ou=exchange administrative group (fydibohf23spdlt)/cn=recipients/cn=67bd65dc87bd4106bc53a3fdb9bdc416-virginia ma;/o=exchangelabs/ou=exchange administrative group (fydibohf23spdlt)/cn=recipients/cn=ffac67121fe44ee99a9e20917aba08be-nubia fraga;</t>
  </si>
  <si>
    <t>Aprovações Expense</t>
  </si>
  <si>
    <t>Chamado_3392175 - Expense Mobi.xlsx</t>
  </si>
  <si>
    <t>/o=exchangelabs/ou=exchange administrative group (fydibohf23spdlt)/cn=recipients/cn=136bac3aad104a579e671eb261072338-fabio dos r,/o=exchangelabs/ou=exchange administrative group (fydibohf23spdlt)/cn=recipients/cn=1c8b05eecf8f4bb997a7db92bb500b07-jessika laz,/o=exchangelabs/ou=exchange administrative group (fydibohf23spdlt)/cn=recipients/cn=2f1b08ea2f784157bec52a53b7e2d6d4-rafaela apa,/o=exchangelabs/ou=exchange administrative group (fydibohf23spdlt)/cn=recipients/cn=46e34a3dd66548f3b9bd29a71a9ad9be-iara santos,/o=exchangelabs/ou=exchange administrative group (fydibohf23spdlt)/cn=recipients/cn=67bd65dc87bd4106bc53a3fdb9bdc416-virginia ma,/o=exchangelabs/ou=exchange administrative group (fydibohf23spdlt)/cn=recipients/cn=ffac67121fe44ee99a9e20917aba08be-nubia fraga</t>
  </si>
  <si>
    <t>/o=exchangelabs/ou=exchange administrative group (fydibohf23spdlt)/cn=recipients/cn=ab45243d601947128cfe3dec663408bf-pamela tava;/o=exchangelabs/ou=exchange administrative group (fydibohf23spdlt)/cn=recipients/cn=cee041e3afc5419faa2273808d5b57ff-priscila de;/o=exchangelabs/ou=exchange administrative group (fydibohf23spdlt)/cn=recipients/cn=e3778f57d65f4c17a6287602f9eb0cdc-alessandra;</t>
  </si>
  <si>
    <t>RES: PLR - Indicar cliente do gerente e do coordenador</t>
  </si>
  <si>
    <t>/o=exchangelabs/ou=exchange administrative group (fydibohf23spdlt)/cn=recipients/cn=ab45243d601947128cfe3dec663408bf-pamela tava,/o=exchangelabs/ou=exchange administrative group (fydibohf23spdlt)/cn=recipients/cn=cee041e3afc5419faa2273808d5b57ff-priscila de,/o=exchangelabs/ou=exchange administrative group (fydibohf23spdlt)/cn=recipients/cn=e3778f57d65f4c17a6287602f9eb0cdc-alessandra</t>
  </si>
  <si>
    <t>Ponto semanal Coordenadores - WHP.xlsx</t>
  </si>
  <si>
    <t>Projeto Precificação - Fusion</t>
  </si>
  <si>
    <t>Fusion 2018 a 102019.xlsx</t>
  </si>
  <si>
    <t>RES: Transformação: resultados projetos out/2019</t>
  </si>
  <si>
    <t>Staff Digital Real Outubro.xlsx</t>
  </si>
  <si>
    <t>/o=exchangelabs/ou=exchange administrative group (fydibohf23spdlt)/cn=recipients/cn=b94dfeb0041a43ffad55cd4fa659116a-michael dou;</t>
  </si>
  <si>
    <t>ENC: Entrega RPT</t>
  </si>
  <si>
    <t>FLOOR OPERACIONAL_VINICIUS PHILIP JANUARIO FERNANDES_04-11-2019_1.xlsm</t>
  </si>
  <si>
    <t>/o=exchangelabs/ou=exchange administrative group (fydibohf23spdlt)/cn=recipients/cn=b94dfeb0041a43ffad55cd4fa659116a-michael dou</t>
  </si>
  <si>
    <t>/o=exchangelabs/ou=exchange administrative group (fydibohf23spdlt)/cn=recipients/cn=group9683382c;</t>
  </si>
  <si>
    <t>ENC: ## BRIGADA DE EMERGENCIA ##</t>
  </si>
  <si>
    <t>Escala de brigada 2019 - 2º ETAPA (2).xlsx</t>
  </si>
  <si>
    <t>/o=exchangelabs/ou=exchange administrative group (fydibohf23spdlt)/cn=recipients/cn=group9683382c</t>
  </si>
  <si>
    <t>adrianaafss@algartech.com;alinescsi@algartecnologia.com.br;antoniaama@algartech.com;cassiaafa@algartech.com;ceciliame@algartech.com;daniel.lima@beedoo.com.br;fabianajl@algartech.com;grazielabo@algartech.com;valeriase@algartech.com;vanessasca@algartech.com;</t>
  </si>
  <si>
    <t>Adriana.xlsx</t>
  </si>
  <si>
    <t>adrianaafss@algartech.com,alinescsi@algartecnologia.com.br,antoniaama@algartech.com,cassiaafa@algartech.com,ceciliame@algartech.com,daniel.lima@beedoo.com.br,fabianajl@algartech.com,grazielabo@algartech.com,valeriase@algartech.com,vanessasca@algartech.com</t>
  </si>
  <si>
    <t>Gestão de Reajustes 2019-04-11 v8.1.xlsx</t>
  </si>
  <si>
    <t>C:\Users\gabriellycc\Desktop\</t>
  </si>
  <si>
    <t>Aprovações Expense.xlsx</t>
  </si>
  <si>
    <t>Informação - Clientes de Governo - Planilha de Reajustes 2019</t>
  </si>
  <si>
    <t>Relacao Instancias SQL SERVER.xlsx</t>
  </si>
  <si>
    <t>/o=exchangelabs/ou=exchange administrative group (fydibohf23spdlt)/cn=recipients/cn=34a28d636a1b4c86b1ec79baed4b846a-marco anton;/o=exchangelabs/ou=exchange administrative group (fydibohf23spdlt)/cn=recipients/cn=402535980e9d4d4788d63e3c9587e129-melissa fer;/o=exchangelabs/ou=exchange administrative group (fydibohf23spdlt)/cn=recipients/cn=509f93c55ee04a2db0c238b7a3e5d9a0-edval jose;/o=exchangelabs/ou=exchange administrative group (fydibohf23spdlt)/cn=recipients/cn=617c18ba304146409115ba3a3aaee6b7-marco aurel;/o=exchangelabs/ou=exchange administrative group (fydibohf23spdlt)/cn=recipients/cn=728d1d4924f44f719f0b63307ba2e26f-guilherme d;/o=exchangelabs/ou=exchange administrative group (fydibohf23spdlt)/cn=recipients/cn=dce455bd99e248faa363b96c3e9add34-aline carol;/o=exchangelabs/ou=exchange administrative group (fydibohf23spdlt)/cn=recipients/cn=userd5d32f69;</t>
  </si>
  <si>
    <t>RES: [ITAU] RETIFICAÇAO: [ITAU] Portal iNotas | Acesso ao Portal *** INADIMPLENCIA ***</t>
  </si>
  <si>
    <t>/o=exchangelabs/ou=exchange administrative group (fydibohf23spdlt)/cn=recipients/cn=34a28d636a1b4c86b1ec79baed4b846a-marco anton,/o=exchangelabs/ou=exchange administrative group (fydibohf23spdlt)/cn=recipients/cn=402535980e9d4d4788d63e3c9587e129-melissa fer,/o=exchangelabs/ou=exchange administrative group (fydibohf23spdlt)/cn=recipients/cn=509f93c55ee04a2db0c238b7a3e5d9a0-edval jose,/o=exchangelabs/ou=exchange administrative group (fydibohf23spdlt)/cn=recipients/cn=617c18ba304146409115ba3a3aaee6b7-marco aurel,/o=exchangelabs/ou=exchange administrative group (fydibohf23spdlt)/cn=recipients/cn=728d1d4924f44f719f0b63307ba2e26f-guilherme d,/o=exchangelabs/ou=exchange administrative group (fydibohf23spdlt)/cn=recipients/cn=dce455bd99e248faa363b96c3e9add34-aline carol,/o=exchangelabs/ou=exchange administrative group (fydibohf23spdlt)/cn=recipients/cn=userd5d32f69</t>
  </si>
  <si>
    <t>Orçamento CSC 2019 - v2.xlsx</t>
  </si>
  <si>
    <t>10.200.32.124</t>
  </si>
  <si>
    <t>20-04-0F-FE-4B-F8</t>
  </si>
  <si>
    <t>NB-PABLOCB</t>
  </si>
  <si>
    <t>pablocb</t>
  </si>
  <si>
    <t>pablocb@algartech.com</t>
  </si>
  <si>
    <t>C:\Users\pablocb\OneDrive - Grupo Algar\ALGARTECH\DYNAMICS\</t>
  </si>
  <si>
    <t>Planilha de precificação.xlsx</t>
  </si>
  <si>
    <t>RL Per Capita.pptx</t>
  </si>
  <si>
    <t>1384f527-2c35-4a7d-803a-ba421ba18ee4; glide_user_route=glide.60dcd010e2d01232ee7561807b1a7abb; bigipserverpool_kroton=226578442.33854.0000; _gid=ga1.3.1829200455.1572884645; jsessionid=51a71d3e08cb66868d3e0dfad620181e; glide_user_activity=u0n2mzprsxh0du1md</t>
  </si>
  <si>
    <t>https://cscatende.algarnet.com.br/html/hd/hdscriptresposta/request/uploadincidentattachment.php?cdclassificacao=7&amp;action=1&amp;lastpositionattachement=undefined&amp;cdquestao=10946&amp;idmaisanexos=t</t>
  </si>
  <si>
    <t>Planilha Termos</t>
  </si>
  <si>
    <t>/o=exchangelabs/ou=exchange administrative group (fydibohf23spdlt)/cn=recipients/cn=545f738e0fe740ba856f4eb6ef0135e0-vinicius si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c08089b92f0643f18c949cb099a06593-tamara luis;/o=exchangelabs/ou=exchange administrative group (fydibohf23spdlt)/cn=recipients/cn=user7c077f95;brunocss@algartech.com;douglassp@algartech.com;fabianacscg@algartech.com;marcotvo@algartech.com;</t>
  </si>
  <si>
    <t>/o=exchangelabs/ou=exchange administrative group (fydibohf23spdlt)/cn=recipients/cn=545f738e0fe740ba856f4eb6ef0135e0-vinicius si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c08089b92f0643f18c949cb099a06593-tamara luis,/o=exchangelabs/ou=exchange administrative group (fydibohf23spdlt)/cn=recipients/cn=user7c077f95,brunocss@algartech.com,douglassp@algartech.com,fabianacscg@algartech.com,marcotvo@algartech.com</t>
  </si>
  <si>
    <t>agentes_estella_corp.csv</t>
  </si>
  <si>
    <t>/o=exchangelabs/ou=exchange administrative group (fydibohf23spdlt)/cn=recipients/cn=46839392c4904906893683e927ab62e2-carlos edua;</t>
  </si>
  <si>
    <t>ENC: Projeto Expansão dos 19 Racks</t>
  </si>
  <si>
    <t>Detalhamento_de_Itens_-_Expansao_de_19_Racks__Classificado_190527.xlsx</t>
  </si>
  <si>
    <t>/o=exchangelabs/ou=exchange administrative group (fydibohf23spdlt)/cn=recipients/cn=46839392c4904906893683e927ab62e2-carlos edua</t>
  </si>
  <si>
    <t>Associados MG.xlsx</t>
  </si>
  <si>
    <t>10.200.67.172</t>
  </si>
  <si>
    <t>/o=exchangelabs/ou=exchange administrative group (fydibohf23spdlt)/cn=recipients/cn=0b12aab521944ecb8b32eb8c0929be5c-rafael gonz;/o=exchangelabs/ou=exchange administrative group (fydibohf23spdlt)/cn=recipients/cn=9b52022a6e624c30a92f50cf4538a4bf-talmaia rod;</t>
  </si>
  <si>
    <t>ENC: INDICADORES SLA CONTRATUAL Outubro/2019</t>
  </si>
  <si>
    <t>/o=exchangelabs/ou=exchange administrative group (fydibohf23spdlt)/cn=recipients/cn=0b12aab521944ecb8b32eb8c0929be5c-rafael gonz,/o=exchangelabs/ou=exchange administrative group (fydibohf23spdlt)/cn=recipients/cn=9b52022a6e624c30a92f50cf4538a4bf-talmaia rod</t>
  </si>
  <si>
    <t>adrielefc</t>
  </si>
  <si>
    <t>\\acsfs\DEPTOS\PMO Governança\06 - GOVERNANÇA DO CAPEX\CAPEX LONGO PRAZO\CAPEX LP - REVISÃO_A19_M10\VALIDAÇÃO CAPEX LP - 07_11.pptx\</t>
  </si>
  <si>
    <t>ENC: Dashboard PA Digital N1 Ecohouse - ASC - Fechamento Outubro</t>
  </si>
  <si>
    <t>ENC: Revisão PPE GAT - Visão financeira</t>
  </si>
  <si>
    <t>Base GIAT_Cenario 10_v3.xlsx</t>
  </si>
  <si>
    <t>/o=exchangelabs/ou=exchange administrative group (fydibohf23spdlt)/cn=recipients/cn=545f738e0fe740ba856f4eb6ef0135e0-vinicius si;/o=exchangelabs/ou=exchange administrative group (fydibohf23spdlt)/cn=recipients/cn=670d10f0276c47ba89a984b1a225496b-victor gala;/o=exchangelabs/ou=exchange administrative group (fydibohf23spdlt)/cn=recipients/cn=a168406db08e4b3e86de955164a60cd5-robson henr;/o=exchangelabs/ou=exchange administrative group (fydibohf23spdlt)/cn=recipients/cn=d1d015f213f648abbf348b5ccdf8e9d9-senilda per;/o=exchangelabs/ou=exchange administrative group (fydibohf23spdlt)/cn=recipients/cn=eb3a8d47e16546c381d649c124fcfbb7-cpc - contr;/o=exchangelabs/ou=exchange administrative group (fydibohf23spdlt)/cn=recipients/cn=f0ff087361a245daa16e71ac77ecc3f0-ivan costa;</t>
  </si>
  <si>
    <t>/o=exchangelabs/ou=exchange administrative group (fydibohf23spdlt)/cn=recipients/cn=545f738e0fe740ba856f4eb6ef0135e0-vinicius si,/o=exchangelabs/ou=exchange administrative group (fydibohf23spdlt)/cn=recipients/cn=670d10f0276c47ba89a984b1a225496b-victor gala,/o=exchangelabs/ou=exchange administrative group (fydibohf23spdlt)/cn=recipients/cn=a168406db08e4b3e86de955164a60cd5-robson henr,/o=exchangelabs/ou=exchange administrative group (fydibohf23spdlt)/cn=recipients/cn=d1d015f213f648abbf348b5ccdf8e9d9-senilda per,/o=exchangelabs/ou=exchange administrative group (fydibohf23spdlt)/cn=recipients/cn=eb3a8d47e16546c381d649c124fcfbb7-cpc - contr,/o=exchangelabs/ou=exchange administrative group (fydibohf23spdlt)/cn=recipients/cn=f0ff087361a245daa16e71ac77ecc3f0-ivan costa</t>
  </si>
  <si>
    <t>Relação de Empresas</t>
  </si>
  <si>
    <t>Relação de Empresas (38).xlsx</t>
  </si>
  <si>
    <t>T:\02 - FATURAMENTO\Base GAT\GAT - Documentos Diversos Clientes\Contrato Banco Tokyo\2019\</t>
  </si>
  <si>
    <t>Hora_Extra_(Outubro 2019) WU - RH.xlsx</t>
  </si>
  <si>
    <t>mail.google.com/_/upload?authuser=1&amp;dcp=asu-n&amp;upload_id=AEnB2UrTaaR_2QCE1OMpqeYvbOl4oYDAUHjWcbSMAkwLogAArJYlny1SYipJOgZw53GtHH1sDxMrqEISaJ4j3XVwNa8VfZcodZgZWsmbN2ZojEGuxFzwfhE&amp;upload_protocol=resumable</t>
  </si>
  <si>
    <t>ALGAR MULTIMIDIA - OUTUBRO.xlsx</t>
  </si>
  <si>
    <t>action itensv12-04-11 - Copia.xlsx</t>
  </si>
  <si>
    <t>C:\Users\alefl\OneDrive - Grupo Algar\Qradar\All\</t>
  </si>
  <si>
    <t>Grupo Alterado - 10-1-2019 - 7-11-2019.xlsx</t>
  </si>
  <si>
    <t>Grupo Removido - 10-1-2019 - 7-11-2019.xlsx</t>
  </si>
  <si>
    <t>OU Alteracao - 10-1-2019 - 7-11-2019.xlsx</t>
  </si>
  <si>
    <t>/o=exchangelabs/ou=exchange administrative group (fydibohf23spdlt)/cn=recipients/cn=2c2ca45b5e45440cb13172a7e4ee8b8f-gustavo mac;</t>
  </si>
  <si>
    <t>/o=exchangelabs/ou=exchange administrative group (fydibohf23spdlt)/cn=recipients/cn=2c2ca45b5e45440cb13172a7e4ee8b8f-gustavo mac</t>
  </si>
  <si>
    <t>/o=exchangelabs/ou=exchange administrative group (fydibohf23spdlt)/cn=recipients/cn=39b10ea69c23443aab7ad02aa1a69607-jose afonso;/o=exchangelabs/ou=exchange administrative group (fydibohf23spdlt)/cn=recipients/cn=670d10f0276c47ba89a984b1a225496b-victor gala;/o=exchangelabs/ou=exchange administrative group (fydibohf23spdlt)/cn=recipients/cn=80fb880d4e904fd9990f1ffec561717a-avon - supe;/o=exchangelabs/ou=exchange administrative group (fydibohf23spdlt)/cn=recipients/cn=a0a64fc8533c4300a3c3e08700ae15a5-cqt avon -;/o=exchangelabs/ou=exchange administrative group (fydibohf23spdlt)/cn=recipients/cn=d9131dffd0564c2d927528011a4afe36-cqt avon -;/o=exchangelabs/ou=exchange administrative group (fydibohf23spdlt)/cn=recipients/cn=f0ff087361a245daa16e71ac77ecc3f0-ivan costa;victorgar@algartech.com;</t>
  </si>
  <si>
    <t>RES: Status - Comportamental</t>
  </si>
  <si>
    <t>Comportamental Avon (1).xlsx</t>
  </si>
  <si>
    <t>/o=exchangelabs/ou=exchange administrative group (fydibohf23spdlt)/cn=recipients/cn=39b10ea69c23443aab7ad02aa1a69607-jose afonso,/o=exchangelabs/ou=exchange administrative group (fydibohf23spdlt)/cn=recipients/cn=670d10f0276c47ba89a984b1a225496b-victor gala,/o=exchangelabs/ou=exchange administrative group (fydibohf23spdlt)/cn=recipients/cn=80fb880d4e904fd9990f1ffec561717a-avon - supe,/o=exchangelabs/ou=exchange administrative group (fydibohf23spdlt)/cn=recipients/cn=a0a64fc8533c4300a3c3e08700ae15a5-cqt avon -,/o=exchangelabs/ou=exchange administrative group (fydibohf23spdlt)/cn=recipients/cn=d9131dffd0564c2d927528011a4afe36-cqt avon -,/o=exchangelabs/ou=exchange administrative group (fydibohf23spdlt)/cn=recipients/cn=f0ff087361a245daa16e71ac77ecc3f0-ivan costa,victorgar@algartech.com</t>
  </si>
  <si>
    <t>/o=exchangelabs/ou=exchange administrative group (fydibohf23spdlt)/cn=recipients/cn=15c80c9b083f4281ab32995a83d93290-renato juni;</t>
  </si>
  <si>
    <t>df</t>
  </si>
  <si>
    <t>DF_2020_OFICIAL_CONSOLIDADO_SEM_IFRS.xlsx</t>
  </si>
  <si>
    <t>/o=exchangelabs/ou=exchange administrative group (fydibohf23spdlt)/cn=recipients/cn=15c80c9b083f4281ab32995a83d93290-renato juni</t>
  </si>
  <si>
    <t>Planilha de precificação - Copia.xlsx</t>
  </si>
  <si>
    <t>ENC: Ocorrência no ponto - MARCUS VINICIUS SANTOS PEREIRA</t>
  </si>
  <si>
    <t>fabricianocs</t>
  </si>
  <si>
    <t>C:\Users\fabricianocs\Downloads\</t>
  </si>
  <si>
    <t>Template_Importacao%28Savoy%29_Contas Sem Licenca.xlsx</t>
  </si>
  <si>
    <t>MARCUS VINICIUS SANTOS PEREIRA.CSV</t>
  </si>
  <si>
    <t>Modelo Custos Fixos.xlsx</t>
  </si>
  <si>
    <t>/o=exchangelabs/ou=exchange administrative group (fydibohf23spdlt)/cn=recipients/cn=1ea7b8de5b534a759fb6d47ad8408bd4-projetos_fc;/o=exchangelabs/ou=exchange administrative group (fydibohf23spdlt)/cn=recipients/cn=9c71bc5f5a3648bbbb5f6bedb86e15a6-marcelo buz;</t>
  </si>
  <si>
    <t>/o=exchangelabs/ou=exchange administrative group (fydibohf23spdlt)/cn=recipients/cn=1ea7b8de5b534a759fb6d47ad8408bd4-projetos_fc,/o=exchangelabs/ou=exchange administrative group (fydibohf23spdlt)/cn=recipients/cn=9c71bc5f5a3648bbbb5f6bedb86e15a6-marcelo buz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88e4fcbd3ea14730a81286cc0683fb42-manoel eloy;/o=exchangelabs/ou=exchange administrative group (fydibohf23spdlt)/cn=recipients/cn=8d77119d2f8247d39c0b1cfda92ac304-matheus pei;/o=exchangelabs/ou=exchange administrative group (fydibohf23spdlt)/cn=recipients/cn=a78f7dae304e472e9f75bd537683f6e5-hugo de oli;/o=exchangelabs/ou=exchange administrative group (fydibohf23spdlt)/cn=recipients/cn=b712c36eebee42428d3790abe2696417-romario gom;daniel.cabeceira@next.b.br;daniel.paschoal@next.b.br;dcd-controllernext@corpr.bradesco.com.br;lucas.c.santana@next.b.br;luciano.arias@bradesco.com.br;nathalia.feitosa@bradesco.com.br;sizania.miranda@next.b.br;</t>
  </si>
  <si>
    <t>RES: TMA CCPULSE</t>
  </si>
  <si>
    <t>Queue_Summary_Report_algar 06.11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88e4fcbd3ea14730a81286cc0683fb42-manoel eloy,/o=exchangelabs/ou=exchange administrative group (fydibohf23spdlt)/cn=recipients/cn=8d77119d2f8247d39c0b1cfda92ac304-matheus pei,/o=exchangelabs/ou=exchange administrative group (fydibohf23spdlt)/cn=recipients/cn=a78f7dae304e472e9f75bd537683f6e5-hugo de oli,/o=exchangelabs/ou=exchange administrative group (fydibohf23spdlt)/cn=recipients/cn=b712c36eebee42428d3790abe2696417-romario gom,daniel.cabeceira@next.b.br,daniel.paschoal@next.b.br,dcd-controllernext@corpr.bradesco.com.br,lucas.c.santana@next.b.br,luciano.arias@bradesco.com.br,nathalia.feitosa@bradesco.com.br,sizania.miranda@next.b.br</t>
  </si>
  <si>
    <t>BANCO DE DADOS - 30102019.xlsx</t>
  </si>
  <si>
    <t>10.200.68.11</t>
  </si>
  <si>
    <t>5C-C9-D3-33-32-61</t>
  </si>
  <si>
    <t>fabiulla.araujo@cscalgar.com.br;</t>
  </si>
  <si>
    <t>RES: Vaga de Educador</t>
  </si>
  <si>
    <t>processo seletivo.xlsx</t>
  </si>
  <si>
    <t>fabiulla.araujo@cscalgar.com.br</t>
  </si>
  <si>
    <t>Orçamento_20_GRC_Per Capita.xlsb</t>
  </si>
  <si>
    <t>/o=exchangelabs/ou=exchange administrative group (fydibohf23spdlt)/cn=recipients/cn=0000e41d3b304fb0a51f49e536cd1703-marina dos;/o=exchangelabs/ou=exchange administrative group (fydibohf23spdlt)/cn=recipients/cn=2482bf2ac5d744968702f5d67f34f2a4-gabriela al;/o=exchangelabs/ou=exchange administrative group (fydibohf23spdlt)/cn=recipients/cn=4b6cf19daf2c458d8b05f18feeee95c3-vanessa cri;/o=exchangelabs/ou=exchange administrative group (fydibohf23spdlt)/cn=recipients/cn=7f2d207cf36f4bf1afbaeeceddd24139-otavio ferr;/o=exchangelabs/ou=exchange administrative group (fydibohf23spdlt)/cn=recipients/cn=860d1c1f32b24fa48cc3427445e1226e-pedro henri;/o=exchangelabs/ou=exchange administrative group (fydibohf23spdlt)/cn=recipients/cn=8f4e3aa524514f919832da77d1e13730-giselle nar;/o=exchangelabs/ou=exchange administrative group (fydibohf23spdlt)/cn=recipients/cn=a168406db08e4b3e86de955164a60cd5-robson henr;/o=exchangelabs/ou=exchange administrative group (fydibohf23spdlt)/cn=recipients/cn=a2a95176ec8b4e558f3d0f3c2d9d370b-pablo</t>
  </si>
  <si>
    <t>RES: Relatório diário 07/11/2019</t>
  </si>
  <si>
    <t>Relatório casos On going_Dúv.Téc_Distribuição.xlsx</t>
  </si>
  <si>
    <t>/o=exchangelabs/ou=exchange administrative group (fydibohf23spdlt)/cn=recipients/cn=0000e41d3b304fb0a51f49e536cd1703-marina dos,/o=exchangelabs/ou=exchange administrative group (fydibohf23spdlt)/cn=recipients/cn=2482bf2ac5d744968702f5d67f34f2a4-gabriela al,/o=exchangelabs/ou=exchange administrative group (fydibohf23spdlt)/cn=recipients/cn=4b6cf19daf2c458d8b05f18feeee95c3-vanessa cri,/o=exchangelabs/ou=exchange administrative group (fydibohf23spdlt)/cn=recipients/cn=7f2d207cf36f4bf1afbaeeceddd24139-otavio ferr,/o=exchangelabs/ou=exchange administrative group (fydibohf23spdlt)/cn=recipients/cn=860d1c1f32b24fa48cc3427445e1226e-pedro henri,/o=exchangelabs/ou=exchange administrative group (fydibohf23spdlt)/cn=recipients/cn=8f4e3aa524514f919832da77d1e13730-giselle nar,/o=exchangelabs/ou=exchange administrative group (fydibohf23spdlt)/cn=recipients/cn=a168406db08e4b3e86de955164a60cd5-robson henr,/o=exchangelabs/ou=exchange administrative group (fydibohf23spdlt)/cn=recipients/cn=a2a95176ec8b4e558f3d0f3c2d9d370b-pablo</t>
  </si>
  <si>
    <t>/o=exchangelabs/ou=exchange administrative group (fydibohf23spdlt)/cn=recipients/cn=9590810d44524cf49acee6103c18936a-denys guidi;/o=exchangelabs/ou=exchange administrative group (fydibohf23spdlt)/cn=recipients/cn=d376cbd484f64104bc8476daf590c7dc-paulo eduar;</t>
  </si>
  <si>
    <t>ENC: RES: Autorização de venda - SAP</t>
  </si>
  <si>
    <t>/o=exchangelabs/ou=exchange administrative group (fydibohf23spdlt)/cn=recipients/cn=9590810d44524cf49acee6103c18936a-denys guidi,/o=exchangelabs/ou=exchange administrative group (fydibohf23spdlt)/cn=recipients/cn=d376cbd484f64104bc8476daf590c7dc-paulo eduar</t>
  </si>
  <si>
    <t>C:\Users\leonardoefo\Grupo Algar\Waleska Maria Miranda Storti - Contingencias\Argentina\</t>
  </si>
  <si>
    <t>Processos Trabalhistas Completos.xlsx</t>
  </si>
  <si>
    <t>Processos Trabalhistas Concili..xlsx</t>
  </si>
  <si>
    <t>4f5af13b-4027-4b70-908f-08f116aaf855;</t>
  </si>
  <si>
    <t>Cartinhas do Papai Noel atualizada.xlsx</t>
  </si>
  <si>
    <t>/o=exchangelabs/ou=exchange administrative group (fydibohf23spdlt)/cn=recipients/cn=094e5194d5c94cdf9d444ee50a911800-thalles hen;/o=exchangelabs/ou=exchange administrative group (fydibohf23spdlt)/cn=recipients/cn=0ca6cc8d100949a7866a928f62ef5778-rosilene de;</t>
  </si>
  <si>
    <t>ENC: Planejado P.A Digital</t>
  </si>
  <si>
    <t>/o=exchangelabs/ou=exchange administrative group (fydibohf23spdlt)/cn=recipients/cn=094e5194d5c94cdf9d444ee50a911800-thalles hen,/o=exchangelabs/ou=exchange administrative group (fydibohf23spdlt)/cn=recipients/cn=0ca6cc8d100949a7866a928f62ef5778-rosilene de</t>
  </si>
  <si>
    <t>https://caey.fa.us2.oraclecloud.com/crmui/faces/fusewelcome?_adf.ctrl-state=fjkxc8iw4_5</t>
  </si>
  <si>
    <t>C:\Users\denysgds\Documents\Backup Denys\Denys Guidio Backup\Backup\EMS\Liceciamento Paulo\</t>
  </si>
  <si>
    <t>10.200.60.39</t>
  </si>
  <si>
    <t>64-1C-67-9C-32-43</t>
  </si>
  <si>
    <t>ediene_p_naves_multibras@whirlpool.com</t>
  </si>
  <si>
    <t>guilherme_andrade@whirlpool.com;hugocrs@algartech.com;rafael_mendonca_algar@whirlpool.com;rosilenedlf@algartech.com;</t>
  </si>
  <si>
    <t>guilherme_andrade@whirlpool.com,hugocrs@algartech.com,rafael_mendonca_algar@whirlpool.com,rosilenedlf@algartech.com</t>
  </si>
  <si>
    <t>/o=exchangelabs/ou=exchange administrative group (fydibohf23spdlt)/cn=recipients/cn=7f100576a0d642769861fae5d58c2022-diego barda;/o=exchangelabs/ou=exchange administrative group (fydibohf23spdlt)/cn=recipients/cn=dd3fe7bcac2641dea6394a8de77d1eef-elma maria;/o=exchangelabs/ou=exchange administrative group (fydibohf23spdlt)/cn=recipients/cn=f50351055a2944cebcbdc18a918945d6-gustavo res;</t>
  </si>
  <si>
    <t>RES: Saldo para CR 340002049</t>
  </si>
  <si>
    <t>Saldo CR - Tech.xls</t>
  </si>
  <si>
    <t>/o=exchangelabs/ou=exchange administrative group (fydibohf23spdlt)/cn=recipients/cn=7f100576a0d642769861fae5d58c2022-diego barda,/o=exchangelabs/ou=exchange administrative group (fydibohf23spdlt)/cn=recipients/cn=dd3fe7bcac2641dea6394a8de77d1eef-elma maria,/o=exchangelabs/ou=exchange administrative group (fydibohf23spdlt)/cn=recipients/cn=f50351055a2944cebcbdc18a918945d6-gustavo res</t>
  </si>
  <si>
    <t>/o=exchangelabs/ou=exchange administrative group (fydibohf23spdlt)/cn=recipients/cn=33eadc062e4e444685992c7de4b20cbb-ana carolin;/o=exchangelabs/ou=exchange administrative group (fydibohf23spdlt)/cn=recipients/cn=61af722dd06149089cf1c867d796b8bc-delso estre;/o=exchangelabs/ou=exchange administrative group (fydibohf23spdlt)/cn=recipients/cn=e46cd96e8e9e452c8cc8ba65a6c4ec57-gustavo hen;</t>
  </si>
  <si>
    <t>ENC: Ebit 2° Semestre</t>
  </si>
  <si>
    <t>EBIT 04-11.xls</t>
  </si>
  <si>
    <t>/o=exchangelabs/ou=exchange administrative group (fydibohf23spdlt)/cn=recipients/cn=33eadc062e4e444685992c7de4b20cbb-ana carolin,/o=exchangelabs/ou=exchange administrative group (fydibohf23spdlt)/cn=recipients/cn=61af722dd06149089cf1c867d796b8bc-delso estre,/o=exchangelabs/ou=exchange administrative group (fydibohf23spdlt)/cn=recipients/cn=e46cd96e8e9e452c8cc8ba65a6c4ec57-gustavo hen</t>
  </si>
  <si>
    <t>C:\Users\rodrigombu\OneDrive - Grupo Algar\Whirlpool\2019\11 - Novembro\Arquivo\PA DIGITAL\</t>
  </si>
  <si>
    <t>Entendimento NS - Dashboard PA Digital - Ecohouse.xlsb</t>
  </si>
  <si>
    <t>/o=exchangelabs/ou=exchange administrative group (fydibohf23spdlt)/cn=recipients/cn=3daf2f0b162f40c696c00f9ecbb7d69a-ana laura t;/o=exchangelabs/ou=exchange administrative group (fydibohf23spdlt)/cn=recipients/cn=b36412a54b154c07b0a876537a78fce8-jheniffer g;</t>
  </si>
  <si>
    <t>/o=exchangelabs/ou=exchange administrative group (fydibohf23spdlt)/cn=recipients/cn=3daf2f0b162f40c696c00f9ecbb7d69a-ana laura t,/o=exchangelabs/ou=exchange administrative group (fydibohf23spdlt)/cn=recipients/cn=b36412a54b154c07b0a876537a78fce8-jheniffer g</t>
  </si>
  <si>
    <t>daniel.paschoal@next.b.br;nathalia.feitosa@bradesco.com.br;</t>
  </si>
  <si>
    <t>ENC: Diário Operacional</t>
  </si>
  <si>
    <t>Diário Operações NEXT.xlsm</t>
  </si>
  <si>
    <t>daniel.paschoal@next.b.br,nathalia.feitosa@bradesco.com.br</t>
  </si>
  <si>
    <t>DF</t>
  </si>
  <si>
    <t>DF_2020_OFICIAL_350_SEM_IFRS.xlsx</t>
  </si>
  <si>
    <t>/o=exchangelabs/ou=exchange administrative group (fydibohf23spdlt)/cn=recipients/cn=06b756ed7b9b4c61bdbcfb21cdf93e9f-lucas ferna;/o=exchangelabs/ou=exchange administrative group (fydibohf23spdlt)/cn=recipients/cn=67bd65dc87bd4106bc53a3fdb9bdc416-virginia ma;/o=exchangelabs/ou=exchange administrative group (fydibohf23spdlt)/cn=recipients/cn=9dc70f5b3fd54c2fa714dd5f204b90f9-leandro mar;/o=exchangelabs/ou=exchange administrative group (fydibohf23spdlt)/cn=recipients/cn=e1e1f9dca23c43db9655205b0386bad9-felipe mart;/o=exchangelabs/ou=exchange administrative group (fydibohf23spdlt)/cn=recipients/cn=ffac67121fe44ee99a9e20917aba08be-nubia fraga;iaraadss@algartech.com;</t>
  </si>
  <si>
    <t>RES: Migração GSuite - Mapeamento de salas de reuniões</t>
  </si>
  <si>
    <t>Regras de Salas.xlsx</t>
  </si>
  <si>
    <t>/o=exchangelabs/ou=exchange administrative group (fydibohf23spdlt)/cn=recipients/cn=06b756ed7b9b4c61bdbcfb21cdf93e9f-lucas ferna,/o=exchangelabs/ou=exchange administrative group (fydibohf23spdlt)/cn=recipients/cn=67bd65dc87bd4106bc53a3fdb9bdc416-virginia ma,/o=exchangelabs/ou=exchange administrative group (fydibohf23spdlt)/cn=recipients/cn=9dc70f5b3fd54c2fa714dd5f204b90f9-leandro mar,/o=exchangelabs/ou=exchange administrative group (fydibohf23spdlt)/cn=recipients/cn=e1e1f9dca23c43db9655205b0386bad9-felipe mart,/o=exchangelabs/ou=exchange administrative group (fydibohf23spdlt)/cn=recipients/cn=ffac67121fe44ee99a9e20917aba08be-nubia fraga,iaraadss@algartech.com</t>
  </si>
  <si>
    <t>jesssilva@deloitte.com;</t>
  </si>
  <si>
    <t>SCO - Jan a Set.xlsx</t>
  </si>
  <si>
    <t>jesssilva@deloitte.com</t>
  </si>
  <si>
    <t>Brigada.</t>
  </si>
  <si>
    <t>/o=exchangelabs/ou=exchange administrative group (fydibohf23spdlt)/cn=recipients/cn=833a4c5dadca435980ffa6269db0b404-deborah vie;</t>
  </si>
  <si>
    <t>ENC: AUDITORIAS URR - ALELO NATAL</t>
  </si>
  <si>
    <t>Casos Auditoria URR.xlsx</t>
  </si>
  <si>
    <t>/o=exchangelabs/ou=exchange administrative group (fydibohf23spdlt)/cn=recipients/cn=833a4c5dadca435980ffa6269db0b404-deborah vie</t>
  </si>
  <si>
    <t>mail.google.com/_/upload?authuser=0&amp;dcp=asu-n&amp;upload_id=AEnB2Urr16P3NPoPq0EnyVST-uqSguMGZGBR6K_NThwlifplAWeE6ZQSeEn-KyLGRh_WBBk2eLsBBhFP_m4GXyg5iNbPpu2iyTfLYqrQ9TkpNTXLH3L2T8M&amp;upload_protocol=resumable</t>
  </si>
  <si>
    <t>guilhermeaso@algartech.com;rafaelbdt@algartech.com;suporteso@algartech.com;</t>
  </si>
  <si>
    <t>guilhermeaso@algartech.com,rafaelbdt@algartech.com,suporteso@algartech.com</t>
  </si>
  <si>
    <t>/o=exchangelabs/ou=exchange administrative group (fydibohf23spdlt)/cn=recipients/cn=3aa72ebfe8e5451fada36a54ed3993f1-nikelly da;/o=exchangelabs/ou=exchange administrative group (fydibohf23spdlt)/cn=recipients/cn=bc23c6c7603343db90c2874d8a757022-alef de lim;/o=exchangelabs/ou=exchange administrative group (fydibohf23spdlt)/cn=recipients/cn=c212eb60f4be444cb64e0cc9b82f6e10-alessandro;/o=exchangelabs/ou=exchange administrative group (fydibohf23spdlt)/cn=recipients/cn=df6ea6cc78a840278b1e7acccac67692-thiago rodr;marianesg@algartech.com;</t>
  </si>
  <si>
    <t>RES: Evidência</t>
  </si>
  <si>
    <t>Solicitação de acessos.msg\s1\</t>
  </si>
  <si>
    <t>Lista de Treinamento.xlsx</t>
  </si>
  <si>
    <t>/o=exchangelabs/ou=exchange administrative group (fydibohf23spdlt)/cn=recipients/cn=3aa72ebfe8e5451fada36a54ed3993f1-nikelly da,/o=exchangelabs/ou=exchange administrative group (fydibohf23spdlt)/cn=recipients/cn=bc23c6c7603343db90c2874d8a757022-alef de lim,/o=exchangelabs/ou=exchange administrative group (fydibohf23spdlt)/cn=recipients/cn=c212eb60f4be444cb64e0cc9b82f6e10-alessandro,/o=exchangelabs/ou=exchange administrative group (fydibohf23spdlt)/cn=recipients/cn=df6ea6cc78a840278b1e7acccac67692-thiago rodr,marianesg@algartech.com</t>
  </si>
  <si>
    <t>\\acsfs\dsti\DNSG - Gerencia Service Desk\2 - Operações\2.4 - Bradesco\2.4.1 - Gestão da Área\1.1 - Administrativo\Contábil\</t>
  </si>
  <si>
    <t>C:\Users\lucianocle\OneDrive\Pessoal\Investimentos\Day Trade\Estrategia Day Trade\Meta\</t>
  </si>
  <si>
    <t>Calculos GAIN e LOSS.xlsx</t>
  </si>
  <si>
    <t>ENC: Detalhamento para faturamento</t>
  </si>
  <si>
    <t>consumidor-web-exportar-dados (4).csv</t>
  </si>
  <si>
    <t>Prestacao_De_Contas_Residencial_Luiza_102019.xls</t>
  </si>
  <si>
    <t>/o=exchangelabs/ou=exchange administrative group (fydibohf23spdlt)/cn=recipients/cn=2b1a6c2f5f1a48f98baec437d66528d4-ana paula f;/o=exchangelabs/ou=exchange administrative group (fydibohf23spdlt)/cn=recipients/cn=7d8ac9bc7bbc4c14a4465df244f19041-lauane cris;/o=exchangelabs/ou=exchange administrative group (fydibohf23spdlt)/cn=recipients/cn=822f65115a2046059fff20a916dd90e9-thais marti;/o=exchangelabs/ou=exchange administrative group (fydibohf23spdlt)/cn=recipients/cn=8b5b63d67af648d081a40c45cc800804-fabiana per;</t>
  </si>
  <si>
    <t>Indicador SLA Contratado - Outubro/2019</t>
  </si>
  <si>
    <t>10. SLA GRC Outubro.xlsx</t>
  </si>
  <si>
    <t>/o=exchangelabs/ou=exchange administrative group (fydibohf23spdlt)/cn=recipients/cn=2b1a6c2f5f1a48f98baec437d66528d4-ana paula f,/o=exchangelabs/ou=exchange administrative group (fydibohf23spdlt)/cn=recipients/cn=7d8ac9bc7bbc4c14a4465df244f19041-lauane cris,/o=exchangelabs/ou=exchange administrative group (fydibohf23spdlt)/cn=recipients/cn=822f65115a2046059fff20a916dd90e9-thais marti,/o=exchangelabs/ou=exchange administrative group (fydibohf23spdlt)/cn=recipients/cn=8b5b63d67af648d081a40c45cc800804-fabiana per</t>
  </si>
  <si>
    <t>/o=exchangelabs/ou=exchange administrative group (fydibohf23spdlt)/cn=recipients/cn=15c80c9b083f4281ab32995a83d93290-renato juni;/o=exchangelabs/ou=exchange administrative group (fydibohf23spdlt)/cn=recipients/cn=2504d5028b6b4fb89d14a5df6031358d-jane carla;/o=exchangelabs/ou=exchange administrative group (fydibohf23spdlt)/cn=recipients/cn=43467e5cbde84ba4aa2c3ece1779e1ef-poliana cam;/o=exchangelabs/ou=exchange administrative group (fydibohf23spdlt)/cn=recipients/cn=55f846c335d7437f892f0b0d49c89e92-celma ribei;</t>
  </si>
  <si>
    <t>/o=exchangelabs/ou=exchange administrative group (fydibohf23spdlt)/cn=recipients/cn=15c80c9b083f4281ab32995a83d93290-renato juni,/o=exchangelabs/ou=exchange administrative group (fydibohf23spdlt)/cn=recipients/cn=2504d5028b6b4fb89d14a5df6031358d-jane carla,/o=exchangelabs/ou=exchange administrative group (fydibohf23spdlt)/cn=recipients/cn=43467e5cbde84ba4aa2c3ece1779e1ef-poliana cam,/o=exchangelabs/ou=exchange administrative group (fydibohf23spdlt)/cn=recipients/cn=55f846c335d7437f892f0b0d49c89e92-celma ribei</t>
  </si>
  <si>
    <t>antoniocoj@algartech.com;carlossfj@algartech.com;danielhdm@algartech.com;luanasdsa@algartech.com;patriciaac@algartech.com;paulohm@algartech.com;sabrinadtdmc@algartech.com;vivianeppe@algartech.com;</t>
  </si>
  <si>
    <t>antoniocoj@algartech.com,carlossfj@algartech.com,danielhdm@algartech.com,luanasdsa@algartech.com,patriciaac@algartech.com,paulohm@algartech.com,sabrinadtdmc@algartech.com,vivianeppe@algartech.com</t>
  </si>
  <si>
    <t>Base de Dados BSC 2018 - 2022.xlsx</t>
  </si>
  <si>
    <t>RES: SIR _ Brazil _Terceiro [Internal Control 743] - User review (2nd Sem/2019) - Due Date: Nov 11th</t>
  </si>
  <si>
    <t>743_SIR_Brazil_Terceiro users - Julio Lopez.xlsx</t>
  </si>
  <si>
    <t>ENC: Fechamento Incentivo</t>
  </si>
  <si>
    <t>FECHAMENTO FINAL OUTUBRO.xlsx</t>
  </si>
  <si>
    <t>102019 - Macro Justificativa Novembro Roberta.xls</t>
  </si>
  <si>
    <t>/o=exchangelabs/ou=exchange administrative group (fydibohf23spdlt)/cn=recipients/cn=c651393460d944ffb6be3809cfeaefb6-saulo augus;</t>
  </si>
  <si>
    <t>Sessão Design Nespresso</t>
  </si>
  <si>
    <t>/o=exchangelabs/ou=exchange administrative group (fydibohf23spdlt)/cn=recipients/cn=c651393460d944ffb6be3809cfeaefb6-saulo augus</t>
  </si>
  <si>
    <t>/o=exchangelabs/ou=exchange administrative group (fydibohf23spdlt)/cn=recipients/cn=19e1a2319fff47b59c502f41cebee6af-marcio pere;/o=exchangelabs/ou=exchange administrative group (fydibohf23spdlt)/cn=recipients/cn=77d2a15e162941f5b8ad84d928392e5e-dolvane rod;/o=exchangelabs/ou=exchange administrative group (fydibohf23spdlt)/cn=recipients/cn=8c89829ad534498fa4c85b5ac11174f1-suelen more;/o=exchangelabs/ou=exchange administrative group (fydibohf23spdlt)/cn=recipients/cn=e5dfe65308934e02acfffcb2185133f4-daniel bier;</t>
  </si>
  <si>
    <t>216428_C017_B017.xlsb</t>
  </si>
  <si>
    <t>/o=exchangelabs/ou=exchange administrative group (fydibohf23spdlt)/cn=recipients/cn=19e1a2319fff47b59c502f41cebee6af-marcio pere,/o=exchangelabs/ou=exchange administrative group (fydibohf23spdlt)/cn=recipients/cn=77d2a15e162941f5b8ad84d928392e5e-dolvane rod,/o=exchangelabs/ou=exchange administrative group (fydibohf23spdlt)/cn=recipients/cn=8c89829ad534498fa4c85b5ac11174f1-suelen more,/o=exchangelabs/ou=exchange administrative group (fydibohf23spdlt)/cn=recipients/cn=e5dfe65308934e02acfffcb2185133f4-daniel bier</t>
  </si>
  <si>
    <t>ENC: Base Diária RA - 07/11/2019</t>
  </si>
  <si>
    <t>Base fup 07_11.xlsx</t>
  </si>
  <si>
    <t>/o=exchangelabs/ou=exchange administrative group (fydibohf23spdlt)/cn=recipients/cn=3daf2f0b162f40c696c00f9ecbb7d69a-ana laura t;daniela.souza@bradesco.com.br;joyce.l.oliveira@bradesco.com.br;</t>
  </si>
  <si>
    <t>ENC: ==Errata == Filas inativas</t>
  </si>
  <si>
    <t>/o=exchangelabs/ou=exchange administrative group (fydibohf23spdlt)/cn=recipients/cn=3daf2f0b162f40c696c00f9ecbb7d69a-ana laura t,daniela.souza@bradesco.com.br,joyce.l.oliveira@bradesco.com.br</t>
  </si>
  <si>
    <t>/o=exchangelabs/ou=exchange administrative group (fydibohf23spdlt)/cn=recipients/cn=89e58c8da071492dbdcb4fee4156b705-gustavo alm;/o=exchangelabs/ou=exchange administrative group (fydibohf23spdlt)/cn=recipients/cn=user78f7a52d;</t>
  </si>
  <si>
    <t>ENC: ENC: Ocorrência no ponto - MARCUS VINICIUS SANTOS PEREIRA</t>
  </si>
  <si>
    <t>Ajuste de Ponto.xlsx</t>
  </si>
  <si>
    <t>/o=exchangelabs/ou=exchange administrative group (fydibohf23spdlt)/cn=recipients/cn=89e58c8da071492dbdcb4fee4156b705-gustavo alm,/o=exchangelabs/ou=exchange administrative group (fydibohf23spdlt)/cn=recipients/cn=user78f7a52d</t>
  </si>
  <si>
    <t>/o=exchangelabs/ou=exchange administrative group (fydibohf23spdlt)/cn=recipients/cn=027c2da1ea5a42378a892f895ed29947-andressa tu;/o=exchangelabs/ou=exchange administrative group (fydibohf23spdlt)/cn=recipients/cn=02b715e2a3c744dbab0f4054efc9d2d2-raquel corr;/o=exchangelabs/ou=exchange administrative group (fydibohf23spdlt)/cn=recipients/cn=14a70e6ea48e469fb92836fb9681d216-nayara barr;/o=exchangelabs/ou=exchange administrative group (fydibohf23spdlt)/cn=recipients/cn=2c1aa4043c2c4bb3ada52ba81c03ebd9-camila ales;/o=exchangelabs/ou=exchange administrative group (fydibohf23spdlt)/cn=recipients/cn=2d3379e2d04c40db810b4b1f41dd2aea-erica carol;/o=exchangelabs/ou=exchange administrative group (fydibohf23spdlt)/cn=recipients/cn=3262123ab1534746a91b362bb3b84436-higor silva;/o=exchangelabs/ou=exchange administrative group (fydibohf23spdlt)/cn=recipients/cn=33d249108a194f94ad1c0c445c411f81-sabrina vie;/o=exchangelabs/ou=exchange administrative group (fydibohf23spdlt)/cn=recipients/cn=3b76b3dd02a14d289cc323d3c8d12b81-wale</t>
  </si>
  <si>
    <t>[MINUTA]: Status report - Projeto Reajustes Contratuais - 05/11</t>
  </si>
  <si>
    <t>/o=exchangelabs/ou=exchange administrative group (fydibohf23spdlt)/cn=recipients/cn=027c2da1ea5a42378a892f895ed29947-andressa tu,/o=exchangelabs/ou=exchange administrative group (fydibohf23spdlt)/cn=recipients/cn=02b715e2a3c744dbab0f4054efc9d2d2-raquel corr,/o=exchangelabs/ou=exchange administrative group (fydibohf23spdlt)/cn=recipients/cn=14a70e6ea48e469fb92836fb9681d216-nayara barr,/o=exchangelabs/ou=exchange administrative group (fydibohf23spdlt)/cn=recipients/cn=2c1aa4043c2c4bb3ada52ba81c03ebd9-camila ales,/o=exchangelabs/ou=exchange administrative group (fydibohf23spdlt)/cn=recipients/cn=2d3379e2d04c40db810b4b1f41dd2aea-erica carol,/o=exchangelabs/ou=exchange administrative group (fydibohf23spdlt)/cn=recipients/cn=3262123ab1534746a91b362bb3b84436-higor silva,/o=exchangelabs/ou=exchange administrative group (fydibohf23spdlt)/cn=recipients/cn=33d249108a194f94ad1c0c445c411f81-sabrina vie,/o=exchangelabs/ou=exchange administrative group (fydibohf23spdlt)/cn=recipients/cn=3b76b3dd02a14d289cc323d3c8d12b81-wale</t>
  </si>
  <si>
    <t>marceloadriano@hotmail.com.br;</t>
  </si>
  <si>
    <t>ENC: Correção de Pontos - Algar Tech (PPE).xlsx</t>
  </si>
  <si>
    <t>Correção de Pontos - Algar Tech (PPE).xlsx</t>
  </si>
  <si>
    <t>marceloadriano@hotmail.com.br</t>
  </si>
  <si>
    <t>RL 2020.xlsx</t>
  </si>
  <si>
    <t>RES: INDICADORES SLA CONTRATUAL Outubro/2019</t>
  </si>
  <si>
    <t>Cópia de SLA GRC (003).xlsx</t>
  </si>
  <si>
    <t>ENC: REGULARIZAÇÃO DE PONTO URGENTE!!!</t>
  </si>
  <si>
    <t>Ponto_Out_Nov_Aluisio.xlsx</t>
  </si>
  <si>
    <t>/o=exchangelabs/ou=exchange administrative group (fydibohf23spdlt)/cn=recipients/cn=503af5e9cb5c4e399cc01f604e91dfb7-yolima bust;/o=exchangelabs/ou=exchange administrative group (fydibohf23spdlt)/cn=recipients/cn=8712a8c96f3b4e099b67e6ee70663bfa-user;/o=exchangelabs/ou=exchange administrative group (fydibohf23spdlt)/cn=recipients/cn=a4d4dbc88c434f8ba2bceed730d83878-marcellus r;/o=exchangelabs/ou=exchange administrative group (fydibohf23spdlt)/cn=recipients/cn=bf1fda8b32854de0bda2f464c996624c-algar tech;</t>
  </si>
  <si>
    <t>RES: Programación de pagos noviembre 2019</t>
  </si>
  <si>
    <t>Fluxo de Caixa Colômbia 9-11-2019.xlsx</t>
  </si>
  <si>
    <t>/o=exchangelabs/ou=exchange administrative group (fydibohf23spdlt)/cn=recipients/cn=503af5e9cb5c4e399cc01f604e91dfb7-yolima bust,/o=exchangelabs/ou=exchange administrative group (fydibohf23spdlt)/cn=recipients/cn=8712a8c96f3b4e099b67e6ee70663bfa-user,/o=exchangelabs/ou=exchange administrative group (fydibohf23spdlt)/cn=recipients/cn=a4d4dbc88c434f8ba2bceed730d83878-marcellus r,/o=exchangelabs/ou=exchange administrative group (fydibohf23spdlt)/cn=recipients/cn=bf1fda8b32854de0bda2f464c996624c-algar tech</t>
  </si>
  <si>
    <t>102019_Relatorio_Justificativas</t>
  </si>
  <si>
    <t>102019_Relatorio_Justificativas.xlsx</t>
  </si>
  <si>
    <t>/o=exchangelabs/ou=exchange administrative group (fydibohf23spdlt)/cn=recipients/cn=0177ccde46e64a8f8723f2fcb8751283-diego franc;/o=exchangelabs/ou=exchange administrative group (fydibohf23spdlt)/cn=recipients/cn=5f81fe805d734dda80651a0797d779be-paulo cesar;/o=exchangelabs/ou=exchange administrative group (fydibohf23spdlt)/cn=recipients/cn=7024952a08d4475ba889676e31c27a89-kelvin apar;/o=exchangelabs/ou=exchange administrative group (fydibohf23spdlt)/cn=recipients/cn=8032a1dcc2fa4f349b576fb6c2f69d68-diego viera;/o=exchangelabs/ou=exchange administrative group (fydibohf23spdlt)/cn=recipients/cn=e716265113464d42959c665918ae1b54-bianca nefa;/o=exchangelabs/ou=exchange administrative group (fydibohf23spdlt)/cn=recipients/cn=flavio martinez;bdbarbosa@timbrasil.com.br;dcavalheiro@timbrasil.com.br;fbjunior@timbrasil.com.br;fedsouza@timbrasil.com.br;</t>
  </si>
  <si>
    <t>RES: Instabilidade do Service Now - Impactos na Operação Algar</t>
  </si>
  <si>
    <t>Chamados FMM Outubro - 05-11.xlsx</t>
  </si>
  <si>
    <t>/o=exchangelabs/ou=exchange administrative group (fydibohf23spdlt)/cn=recipients/cn=0177ccde46e64a8f8723f2fcb8751283-diego franc,/o=exchangelabs/ou=exchange administrative group (fydibohf23spdlt)/cn=recipients/cn=5f81fe805d734dda80651a0797d779be-paulo cesar,/o=exchangelabs/ou=exchange administrative group (fydibohf23spdlt)/cn=recipients/cn=7024952a08d4475ba889676e31c27a89-kelvin apar,/o=exchangelabs/ou=exchange administrative group (fydibohf23spdlt)/cn=recipients/cn=8032a1dcc2fa4f349b576fb6c2f69d68-diego viera,/o=exchangelabs/ou=exchange administrative group (fydibohf23spdlt)/cn=recipients/cn=e716265113464d42959c665918ae1b54-bianca nefa,/o=exchangelabs/ou=exchange administrative group (fydibohf23spdlt)/cn=recipients/cn=flavio martinez,bdbarbosa@timbrasil.com.br,dcavalheiro@timbrasil.com.br,fbjunior@timbrasil.com.br,fedsouza@timbrasil.com.br</t>
  </si>
  <si>
    <t>/o=exchangelabs/ou=exchange administrative group (fydibohf23spdlt)/cn=recipients/cn=02b715e2a3c744dbab0f4054efc9d2d2-raquel corr;caduarte@timbrasil.com.br;cmenezes@timbrasil.com.br;</t>
  </si>
  <si>
    <t>ENC: Instabilidade do Service Now - Impactos na Operação Algar</t>
  </si>
  <si>
    <t>/o=exchangelabs/ou=exchange administrative group (fydibohf23spdlt)/cn=recipients/cn=02b715e2a3c744dbab0f4054efc9d2d2-raquel corr,caduarte@timbrasil.com.br,cmenezes@timbrasil.com.br</t>
  </si>
  <si>
    <t>https://caey.fa.us2.oraclecloud.com/crmui/faces/fusewelcome?_adf.ctrl-state=y4qd2g4o9_5</t>
  </si>
  <si>
    <t>205420 CORREÇÃO TRANSACIONAIS AGR (18).xlsx</t>
  </si>
  <si>
    <t>/o=exchangelabs/ou=exchange administrative group (fydibohf23spdlt)/cn=recipients/cn=094e5194d5c94cdf9d444ee50a911800-thalles hen;/o=exchangelabs/ou=exchange administrative group (fydibohf23spdlt)/cn=recipients/cn=109f6d628834480fabc1188cbdef64fa-antonia apa;/o=exchangelabs/ou=exchange administrative group (fydibohf23spdlt)/cn=recipients/cn=569d7198742e4440ae175f4e06d6c6a9-thiago rodr;/o=exchangelabs/ou=exchange administrative group (fydibohf23spdlt)/cn=recipients/cn=69cc68072bd74472a6fed235e590fc65-cassia alve;/o=exchangelabs/ou=exchange administrative group (fydibohf23spdlt)/cn=recipients/cn=8f185d9b3bd9437bbda2e6edb3323202-natalia men;/o=exchangelabs/ou=exchange administrative group (fydibohf23spdlt)/cn=recipients/cn=a2244b2f9e6a4f3689f1c93d321bdc33-debora apar;</t>
  </si>
  <si>
    <t>RES: Bot's SAR e Seguradora - Services Whirlpool</t>
  </si>
  <si>
    <t>Mapa de Logs - Bot SAR e Seguradora.xlsx</t>
  </si>
  <si>
    <t>/o=exchangelabs/ou=exchange administrative group (fydibohf23spdlt)/cn=recipients/cn=094e5194d5c94cdf9d444ee50a911800-thalles hen,/o=exchangelabs/ou=exchange administrative group (fydibohf23spdlt)/cn=recipients/cn=109f6d628834480fabc1188cbdef64fa-antonia apa,/o=exchangelabs/ou=exchange administrative group (fydibohf23spdlt)/cn=recipients/cn=569d7198742e4440ae175f4e06d6c6a9-thiago rodr,/o=exchangelabs/ou=exchange administrative group (fydibohf23spdlt)/cn=recipients/cn=69cc68072bd74472a6fed235e590fc65-cassia alve,/o=exchangelabs/ou=exchange administrative group (fydibohf23spdlt)/cn=recipients/cn=8f185d9b3bd9437bbda2e6edb3323202-natalia men,/o=exchangelabs/ou=exchange administrative group (fydibohf23spdlt)/cn=recipients/cn=a2244b2f9e6a4f3689f1c93d321bdc33-debora apar</t>
  </si>
  <si>
    <t>lista nr 17.xlsx</t>
  </si>
  <si>
    <t>/o=exchangelabs/ou=exchange administrative group (fydibohf23spdlt)/cn=recipients/cn=a78f7dae304e472e9f75bd537683f6e5-hugo de oli;/o=exchangelabs/ou=exchange administrative group (fydibohf23spdlt)/cn=recipients/cn=ab45243d601947128cfe3dec663408bf-pamela tava;/o=exchangelabs/ou=exchange administrative group (fydibohf23spdlt)/cn=recipients/cn=cac18c5388b04f6d979d1bc87a08825a-marcopaulo;/o=exchangelabs/ou=exchange administrative group (fydibohf23spdlt)/cn=recipients/cn=user7c077f95;</t>
  </si>
  <si>
    <t>Folha_jan a out 2019.xlsx</t>
  </si>
  <si>
    <t>/o=exchangelabs/ou=exchange administrative group (fydibohf23spdlt)/cn=recipients/cn=a78f7dae304e472e9f75bd537683f6e5-hugo de oli,/o=exchangelabs/ou=exchange administrative group (fydibohf23spdlt)/cn=recipients/cn=ab45243d601947128cfe3dec663408bf-pamela tava,/o=exchangelabs/ou=exchange administrative group (fydibohf23spdlt)/cn=recipients/cn=cac18c5388b04f6d979d1bc87a08825a-marcopaulo,/o=exchangelabs/ou=exchange administrative group (fydibohf23spdlt)/cn=recipients/cn=user7c077f95</t>
  </si>
  <si>
    <t>Consolidação Demandas Tecnologia 2020_retorno Lucas.xlsx</t>
  </si>
  <si>
    <t>ENC: PMO Algar Tech - TAP - Implantação ISD e GIAT Prudential</t>
  </si>
  <si>
    <t>PMO Algar Tech - TAP - Implantação ISD e GIAT Prudential.pptx\</t>
  </si>
  <si>
    <t>0ANALYSIS_PATTERN - 2019-11-08T080947.751.csv</t>
  </si>
  <si>
    <t>Brastemp-2019-11-08-opinions_report-sbGVN.csv</t>
  </si>
  <si>
    <t>RES: Processos Trabalhistas x Pagamentos Algar - Ano 2019</t>
  </si>
  <si>
    <t>C:\Users\jullian.faria\AppData\Local\Microsoft\Outlook\jullian@algartech.com(16).nst\[16] jullian@algartech.com(16).nst -] Root Folder_Raiz - Caixa de Correio_IPM_SUBTREE_Conversations_Algar Tec063d4f9b7f4d0911.msg\s116\</t>
  </si>
  <si>
    <t>FAROL CIPA SEDE GESTÃO 2019.2020.xlsx</t>
  </si>
  <si>
    <t>D:\Comercial\2019\Outlook\jullian@algartech.com(16).nst</t>
  </si>
  <si>
    <t>C:\Users\jullian.faria\AppData\Local\Microsoft\Outlook\jullian@algartech.com(16).nst\[17] jullian@algartech.com(16).nst -] Root Folder_Raiz - Caixa de Correio_IPM_SUBTREE_Conversations_Algar Tec9297022c5ec8a49e.msg\s124\</t>
  </si>
  <si>
    <t>C:\Users\jullian.faria\AppData\Local\Microsoft\Outlook\jullian@algartech.com(16).nst\[19] jullian@algartech.com(16).nst -] Root Folder_Raiz - Caixa de Correio_IPM_SUBTREE_Conversations_Algar Tec6df48c3f3641ef0e.msg\s129\</t>
  </si>
  <si>
    <t>D:\Comercial\Outlook\jullian@algartech.com(16).nst</t>
  </si>
  <si>
    <t>0ANALYSIS_PATTERN - 2019-11-08T081607.992.csv</t>
  </si>
  <si>
    <t>/o=exchangelabs/ou=exchange administrative group (fydibohf23spdlt)/cn=recipients/cn=0ca6cc8d100949a7866a928f62ef5778-rosilene de;/o=exchangelabs/ou=exchange administrative group (fydibohf23spdlt)/cn=recipients/cn=569d7198742e4440ae175f4e06d6c6a9-thiago rodr;francisco_cardoso@whirlpool.com;</t>
  </si>
  <si>
    <t>Ativo MP</t>
  </si>
  <si>
    <t>disparos_AtivoMP_hsm.csv</t>
  </si>
  <si>
    <t>/o=exchangelabs/ou=exchange administrative group (fydibohf23spdlt)/cn=recipients/cn=0ca6cc8d100949a7866a928f62ef5778-rosilene de,/o=exchangelabs/ou=exchange administrative group (fydibohf23spdlt)/cn=recipients/cn=569d7198742e4440ae175f4e06d6c6a9-thiago rodr,francisco_cardoso@whirlpool.com</t>
  </si>
  <si>
    <t>/o=exchangelabs/ou=exchange administrative group (fydibohf23spdlt)/cn=recipients/cn=109f6d628834480fabc1188cbdef64fa-antonia apa;/o=exchangelabs/ou=exchange administrative group (fydibohf23spdlt)/cn=recipients/cn=569d7198742e4440ae175f4e06d6c6a9-thiago rodr;/o=exchangelabs/ou=exchange administrative group (fydibohf23spdlt)/cn=recipients/cn=9932c4aaf3fc41ea840766c299f76e8d-andrea lace;/o=exchangelabs/ou=exchange administrative group (fydibohf23spdlt)/cn=recipients/cn=c29ec9dae022497281c840087cccddec-patricia ar;/o=exchangelabs/ou=exchange administrative group (fydibohf23spdlt)/cn=recipients/cn=ec17dc6bdb7449c1bc970fda7acc675b-leonardo tr;giovanne.3gs@yahoo.com;</t>
  </si>
  <si>
    <t>Mapeamentos RPA's Whirlpool</t>
  </si>
  <si>
    <t>Mapeamento RPAs.docx\</t>
  </si>
  <si>
    <t>/o=exchangelabs/ou=exchange administrative group (fydibohf23spdlt)/cn=recipients/cn=109f6d628834480fabc1188cbdef64fa-antonia apa,/o=exchangelabs/ou=exchange administrative group (fydibohf23spdlt)/cn=recipients/cn=569d7198742e4440ae175f4e06d6c6a9-thiago rodr,/o=exchangelabs/ou=exchange administrative group (fydibohf23spdlt)/cn=recipients/cn=9932c4aaf3fc41ea840766c299f76e8d-andrea lace,/o=exchangelabs/ou=exchange administrative group (fydibohf23spdlt)/cn=recipients/cn=c29ec9dae022497281c840087cccddec-patricia ar,/o=exchangelabs/ou=exchange administrative group (fydibohf23spdlt)/cn=recipients/cn=ec17dc6bdb7449c1bc970fda7acc675b-leonardo tr,giovanne.3gs@yahoo.com</t>
  </si>
  <si>
    <t>10.12.243.87</t>
  </si>
  <si>
    <t>BASE TELEFONES GERENTES 08-11.xls</t>
  </si>
  <si>
    <t>/o=exchangelabs/ou=exchange administrative group (fydibohf23spdlt)/cn=recipients/cn=d05b086490f84e1380a430afb1101aa7-giofrerdane;</t>
  </si>
  <si>
    <t>RES: arquivo sicoob</t>
  </si>
  <si>
    <t>Escopo sicoob_V3.2.xlsx</t>
  </si>
  <si>
    <t>/o=exchangelabs/ou=exchange administrative group (fydibohf23spdlt)/cn=recipients/cn=d05b086490f84e1380a430afb1101aa7-giofrerdane</t>
  </si>
  <si>
    <t>/o=exchangelabs/ou=exchange administrative group (fydibohf23spdlt)/cn=recipients/cn=a1627687a1b84907bbce79cd3907cb24-vanessa da;</t>
  </si>
  <si>
    <t>NFAT - 1ª Semana</t>
  </si>
  <si>
    <t>Consolidado Não Faturado Outubro - Operações.xlsx</t>
  </si>
  <si>
    <t>/o=exchangelabs/ou=exchange administrative group (fydibohf23spdlt)/cn=recipients/cn=a1627687a1b84907bbce79cd3907cb24-vanessa da</t>
  </si>
  <si>
    <t>roselainesds@algartech.com;</t>
  </si>
  <si>
    <t>Não Faturado 1ª Semana Outubro</t>
  </si>
  <si>
    <t>roselainesds@algartech.com</t>
  </si>
  <si>
    <t>/o=exchangelabs/ou=exchange administrative group (fydibohf23spdlt)/cn=recipients/cn=bcc9538754d3496ea31a487e560f8214-silvio mart;/o=exchangelabs/ou=exchange administrative group (fydibohf23spdlt)/cn=recipients/cn=d88a7a6edf3c4cd1adfe6fb303685120-renato frei;/o=exchangelabs/ou=exchange administrative group (fydibohf23spdlt)/cn=recipients/cn=e0001a1553fb4b9a9be687db68a2ec15-yuri ian fr;</t>
  </si>
  <si>
    <t>ENC: Precificação</t>
  </si>
  <si>
    <t>Preço Agibank_V1.xlsx</t>
  </si>
  <si>
    <t>/o=exchangelabs/ou=exchange administrative group (fydibohf23spdlt)/cn=recipients/cn=bcc9538754d3496ea31a487e560f8214-silvio mart,/o=exchangelabs/ou=exchange administrative group (fydibohf23spdlt)/cn=recipients/cn=d88a7a6edf3c4cd1adfe6fb303685120-renato frei,/o=exchangelabs/ou=exchange administrative group (fydibohf23spdlt)/cn=recipients/cn=e0001a1553fb4b9a9be687db68a2ec15-yuri ian fr</t>
  </si>
  <si>
    <t>Orçado x Real - IPO</t>
  </si>
  <si>
    <t>Meta e Real 3º Tri v2 - Inclusao PV na base.xlsx</t>
  </si>
  <si>
    <t>ENC: Relatório de Cadastro Geral - IMPORTANTE - Realizar as transferências até o dia 14/11</t>
  </si>
  <si>
    <t>Hierarquia_Semana do dia 04 de novembro.xlsx</t>
  </si>
  <si>
    <t>Atividade Férias</t>
  </si>
  <si>
    <t>Atividade Férias.xlsx</t>
  </si>
  <si>
    <t>/o=exchangelabs/ou=exchange administrative group (fydibohf23spdlt)/cn=recipients/cn=fbce7bdb4f0842fe9ae90e7d2c75f8a3-camila vasc;</t>
  </si>
  <si>
    <t>/o=exchangelabs/ou=exchange administrative group (fydibohf23spdlt)/cn=recipients/cn=fbce7bdb4f0842fe9ae90e7d2c75f8a3-camila vasc</t>
  </si>
  <si>
    <t>C:\Users\rodrigombu\OneDrive - Grupo Algar\Whirlpool\2019\11 - Novembro\Arquivo\</t>
  </si>
  <si>
    <t>RES: Prorrogação da solicitação de cotação - Processo 40143349H - Service Desk Cartões - Algartech</t>
  </si>
  <si>
    <t>antoniojr@algartech.com;fredericobs@algartecnologia.com.br;</t>
  </si>
  <si>
    <t>\\acsfs\ACS\Suporte à Operações\01 - Prévias\2019\</t>
  </si>
  <si>
    <t>PREVIA 4TRI BRADESCO.xlsx</t>
  </si>
  <si>
    <t>antoniojr@algartech.com,fredericobs@algartecnologia.com.br</t>
  </si>
  <si>
    <t>http://shareit.global.avon.com/sites/arrmcm/forca-de-vendas/_layouts/upload.aspx?list={a89cd46c-19fa-458c-809f-d246a5e48452}&amp;rootfolder=/sites/arrmcm/forca-de-vendas/ficaadicatreinamento/alianÇa avon&amp;source=http://shareit.global.avon.com/sites/arrmcm/forca-de-vendas/ficaadicatreinamento/forms/allitems.aspx?rootfolder=%2fsites%2farrmcm%2fforca%2dde%2dvendas%2fficaadicatreinamento%2falian%c3%87a%20avon&amp;folderctid=&amp;view=%7bb9ba0dba%2db197%2d49b7%2d8048%2d506553e03103%7d</t>
  </si>
  <si>
    <t>Kits 40 e 80 Aliança Avon.xls</t>
  </si>
  <si>
    <t>Y:\financeiro_ula\FATURAMENTO\22. Controle TIM\1. Acompanhamento de Faturamento\2019\11. Novembro\</t>
  </si>
  <si>
    <t>11_19- Acompanhamento Faturamento.xlsb</t>
  </si>
  <si>
    <t>mail.google.com/_/upload?authuser=0&amp;dcp=asu-n&amp;upload_id=AEnB2UrTzzRKpyv7lQzrb-SNPQn9qFPlGXEZk-2TOhLhBjAsPsH-c5P2TsfGjG2FefoeEm56QkvA2voViptrviF7iJ5GwjxcBA&amp;upload_protocol=resumable</t>
  </si>
  <si>
    <t>\\acsfs\engeset\financeiro_ula\FATURAMENTO\22. Controle TIM\1. Acompanhamento de Faturamento\2019\11. Novembro\</t>
  </si>
  <si>
    <t>C:\Users\filemoncmj\OneDrive - Grupo Algar\01. Algar Tech\01. Projetos de Clientes\47. Prudential\05. CR\</t>
  </si>
  <si>
    <t>Criação CR - Frente GIAT.xlsx</t>
  </si>
  <si>
    <t>RES: Classificação de Ativos_ SPOF Diesel</t>
  </si>
  <si>
    <t>Classificação de Ativos - SPOF Diesel.xlsx</t>
  </si>
  <si>
    <t>/o=exchangelabs/ou=exchange administrative group (fydibohf23spdlt)/cn=recipients/cn=1ef1d5b65a414ccea16527d004fcca4f-renan tavar;joseebm@algartech.com.br;raphaelapm@algartech.com;</t>
  </si>
  <si>
    <t>Revisão Rotinas</t>
  </si>
  <si>
    <t>/o=exchangelabs/ou=exchange administrative group (fydibohf23spdlt)/cn=recipients/cn=1ef1d5b65a414ccea16527d004fcca4f-renan tavar,joseebm@algartech.com.br,raphaelapm@algartech.com</t>
  </si>
  <si>
    <t>/o=exchangelabs/ou=exchange administrative group (fydibohf23spdlt)/cn=recipients/cn=81f72ed6e9d042e3bed0cec08d488854-vinicius go;/o=exchangelabs/ou=exchange administrative group (fydibohf23spdlt)/cn=recipients/cn=c22b2d8de1594760baec681322c0933f-fernanda ma;</t>
  </si>
  <si>
    <t>Controle de Folga - Operações Livia</t>
  </si>
  <si>
    <t>Controle de Folgas - Compra Certa.xlsx</t>
  </si>
  <si>
    <t>/o=exchangelabs/ou=exchange administrative group (fydibohf23spdlt)/cn=recipients/cn=81f72ed6e9d042e3bed0cec08d488854-vinicius go,/o=exchangelabs/ou=exchange administrative group (fydibohf23spdlt)/cn=recipients/cn=c22b2d8de1594760baec681322c0933f-fernanda ma</t>
  </si>
  <si>
    <t>PA's e PMO.xlsx</t>
  </si>
  <si>
    <t>/o=exchangelabs/ou=exchange administrative group (fydibohf23spdlt)/cn=recipients/cn=55643a6cbd93423e8f0c948d862c9e35-marcelo ale;/o=exchangelabs/ou=exchange administrative group (fydibohf23spdlt)/cn=recipients/cn=f71035a74a95411c8b0276261ec8a527-rafael barr;/o=exchangelabs/ou=exchange administrative group (fydibohf23spdlt)/cn=recipients/cn=user9334192a;</t>
  </si>
  <si>
    <t>Projeto Sicoob - Paraná</t>
  </si>
  <si>
    <t>/o=exchangelabs/ou=exchange administrative group (fydibohf23spdlt)/cn=recipients/cn=55643a6cbd93423e8f0c948d862c9e35-marcelo ale,/o=exchangelabs/ou=exchange administrative group (fydibohf23spdlt)/cn=recipients/cn=f71035a74a95411c8b0276261ec8a527-rafael barr,/o=exchangelabs/ou=exchange administrative group (fydibohf23spdlt)/cn=recipients/cn=user9334192a</t>
  </si>
  <si>
    <t>karendfs@algartech.com;rodrigormc@algartech.com;sabrinadtdmc@algartech.com;tatianedc@algartech.com;</t>
  </si>
  <si>
    <t>FORECAST 10-2019 GRC.xlsx</t>
  </si>
  <si>
    <t>karendfs@algartech.com,rodrigormc@algartech.com,sabrinadtdmc@algartech.com,tatianedc@algartech.com</t>
  </si>
  <si>
    <t>alencar.zanella@bradesco.com.br;edson.rech@farmaciassaojoao.com.br;gabriela.zanetti@farmaciassaojoao.com.br;liciani.passamani@farmaciassaojoao.com.br;mauricio.zanella@farmaciassaojoao.com.br;</t>
  </si>
  <si>
    <t>Modelo de Exportação - Intellilink - Farmácias São João</t>
  </si>
  <si>
    <t>Análise de dados mensal -20191106_201920.xls</t>
  </si>
  <si>
    <t>alencar.zanella@bradesco.com.br,edson.rech@farmaciassaojoao.com.br,gabriela.zanetti@farmaciassaojoao.com.br,liciani.passamani@farmaciassaojoao.com.br,mauricio.zanella@farmaciassaojoao.com.br</t>
  </si>
  <si>
    <t>RES: Pesquisa Attraction</t>
  </si>
  <si>
    <t>20191106 PESQUISA PRONTA ENTREGA ATTRACTION.xls</t>
  </si>
  <si>
    <t>Acompanhamento Intradiário TSC CORP - Copia.xlsm</t>
  </si>
  <si>
    <t>/o=exchangelabs/ou=exchange administrative group (fydibohf23spdlt)/cn=recipients/cn=a2244b2f9e6a4f3689f1c93d321bdc33-debora apar;</t>
  </si>
  <si>
    <t>Fraseologias Bot Services - Não perder</t>
  </si>
  <si>
    <t>Fraseologia Whp.xlsx</t>
  </si>
  <si>
    <t>/o=exchangelabs/ou=exchange administrative group (fydibohf23spdlt)/cn=recipients/cn=a2244b2f9e6a4f3689f1c93d321bdc33-debora apar</t>
  </si>
  <si>
    <t>Relat_TrilhasEOuProcedimentosConteudosGerais_AlgarTech_20191101__628677_Jeito Tech de Gestão - Supervisores (1).xlsx</t>
  </si>
  <si>
    <t>Teste BP</t>
  </si>
  <si>
    <t>/o=exchangelabs/ou=exchange administrative group (fydibohf23spdlt)/cn=recipients/cn=0163bfef0e474630bdcf0a3698e9ffd4-amanda ferr;/o=exchangelabs/ou=exchange administrative group (fydibohf23spdlt)/cn=recipients/cn=b36412a54b154c07b0a876537a78fce8-jheniffer g;</t>
  </si>
  <si>
    <t>ENC: Indicador SLA Contratado - Outubro/2019</t>
  </si>
  <si>
    <t>/o=exchangelabs/ou=exchange administrative group (fydibohf23spdlt)/cn=recipients/cn=0163bfef0e474630bdcf0a3698e9ffd4-amanda ferr,/o=exchangelabs/ou=exchange administrative group (fydibohf23spdlt)/cn=recipients/cn=b36412a54b154c07b0a876537a78fce8-jheniffer g</t>
  </si>
  <si>
    <t>9-P. Trabalhista Algar_ envio 01-03-19.xlsx</t>
  </si>
  <si>
    <t>ENC: Base de Tabulações E-Center - BBlend</t>
  </si>
  <si>
    <t>http://shareit.global.avon.com/sites/arrmcm/forca-de-vendas/_layouts/upload.aspx?list={d7183758-c20b-457b-9a14-b83f7824798f}&amp;rootfolder=/sites/arrmcm/forca-de-vendas/executivas/ações e parcerias&amp;source=http://shareit.global.avon.com/sites/arrmcm/forca-de-vendas/executivas/forms/allitems.aspx?rootfolder=%2fsites%2farrmcm%2fforca-de-vendas%2fexecutivas%2fa%c3%a7%c3%b5es%20e%20parcerias&amp;folderctid=&amp;view=%7bab5e306d-7e49-4dc6-9e6b-db2cdc033b64%7d</t>
  </si>
  <si>
    <t>Impacto Avon Cadastra C.16.19 EVAS.xls</t>
  </si>
  <si>
    <t>ENC: Report Intradiário - Atendimento Cerrado - 08/11/2019 - Acumulado até 10 hrs</t>
  </si>
  <si>
    <t>\\udpimgap01\Base de Conhecimento Data Center\02 - Arquivos Comuns\2.4 - Suporte Backup e Restore\Equipe Backup Restore\2.4.1 - Documentacao\2.5.6 Políticas de Backup\SUPERFRIO\</t>
  </si>
  <si>
    <t>/o=exchangelabs/ou=exchange administrative group (fydibohf23spdlt)/cn=recipients/cn=3604eabf59564dc8baa49b62a099a560-tatielly sa;/o=exchangelabs/ou=exchange administrative group (fydibohf23spdlt)/cn=recipients/cn=81f72ed6e9d042e3bed0cec08d488854-vinicius go;/o=exchangelabs/ou=exchange administrative group (fydibohf23spdlt)/cn=recipients/cn=user9ad76612;</t>
  </si>
  <si>
    <t>Fechamento Vendas Out/19</t>
  </si>
  <si>
    <t>Vendas TLV Outubro.xlsx</t>
  </si>
  <si>
    <t>/o=exchangelabs/ou=exchange administrative group (fydibohf23spdlt)/cn=recipients/cn=3604eabf59564dc8baa49b62a099a560-tatielly sa,/o=exchangelabs/ou=exchange administrative group (fydibohf23spdlt)/cn=recipients/cn=81f72ed6e9d042e3bed0cec08d488854-vinicius go,/o=exchangelabs/ou=exchange administrative group (fydibohf23spdlt)/cn=recipients/cn=user9ad76612</t>
  </si>
  <si>
    <t>Transferência de CR</t>
  </si>
  <si>
    <t>Cópia de Template Recuperações de Custos - out 19.xlsx</t>
  </si>
  <si>
    <t>10.200.57.207</t>
  </si>
  <si>
    <t>/o=exchangelabs/ou=exchange administrative group (fydibohf23spdlt)/cn=recipients/cn=9a9228a06a33408aae035d9b664cc338-matheus cos;</t>
  </si>
  <si>
    <t>ENC: RAIO X NOVEMBRO 2019</t>
  </si>
  <si>
    <t>RAIO X NOVATOS - NOVEMBRO 2019.xlsx</t>
  </si>
  <si>
    <t>/o=exchangelabs/ou=exchange administrative group (fydibohf23spdlt)/cn=recipients/cn=9a9228a06a33408aae035d9b664cc338-matheus cos</t>
  </si>
  <si>
    <t>Acompanhamento Intradiário TSC AEB.xlsm</t>
  </si>
  <si>
    <t>Acompanhamento Intradiário AEB.xlsm</t>
  </si>
  <si>
    <t>/o=exchangelabs/ou=exchange administrative group (fydibohf23spdlt)/cn=recipients/cn=852acbd029e94333978f192f279faa37-carolina ap;/o=exchangelabs/ou=exchange administrative group (fydibohf23spdlt)/cn=recipients/cn=a9a1fe1d51ef4ee29617a1c11aa10050-marinalva i;/o=exchangelabs/ou=exchange administrative group (fydibohf23spdlt)/cn=recipients/cn=b033d620f1154cb8be89325f89766ea7-laura celia;/o=exchangelabs/ou=exchange administrative group (fydibohf23spdlt)/cn=recipients/cn=e70cc16764ef4e4fac6e4581f29c2881-valeria bet;larissabdi@algartech.com;</t>
  </si>
  <si>
    <t>ENC: VALIDAR INCENTIVO SUPERVISOR</t>
  </si>
  <si>
    <t>INCENTIVO SUPERVISOR Outubro 2019 - SUPERS.xlsx</t>
  </si>
  <si>
    <t>/o=exchangelabs/ou=exchange administrative group (fydibohf23spdlt)/cn=recipients/cn=852acbd029e94333978f192f279faa37-carolina ap,/o=exchangelabs/ou=exchange administrative group (fydibohf23spdlt)/cn=recipients/cn=a9a1fe1d51ef4ee29617a1c11aa10050-marinalva i,/o=exchangelabs/ou=exchange administrative group (fydibohf23spdlt)/cn=recipients/cn=b033d620f1154cb8be89325f89766ea7-laura celia,/o=exchangelabs/ou=exchange administrative group (fydibohf23spdlt)/cn=recipients/cn=e70cc16764ef4e4fac6e4581f29c2881-valeria bet,larissabdi@algartech.com</t>
  </si>
  <si>
    <t>BPs Vale</t>
  </si>
  <si>
    <t>Custos</t>
  </si>
  <si>
    <t>Custos_2030_Outubro.xls</t>
  </si>
  <si>
    <t>https://caey.fa.us2.oraclecloud.com/crmui/faces/fusewelcome?_adf.ctrl-state=14nev5sy39_5</t>
  </si>
  <si>
    <t>\\acsfs\deptos\CAS - Coordenação de Arquitetura de Soluções\Projetos\2019\NEXT\207411 - Novos Canais NEXT\Preço\</t>
  </si>
  <si>
    <t>207411 - Novos Canais NEXT Plan Precificacao C018 B018 Até 10.000.xlsb</t>
  </si>
  <si>
    <t>\\acsfs\deptos\CAS - Coordenação de Arquitetura de Soluções\Projetos\2019\NEXT\207411 - Novos Canais NEXT\Preço\207411 - Novos Canais NEXT Plan Precificacao C018 B018 Até 10.000.xlsb\</t>
  </si>
  <si>
    <t>Atividades Cláidson</t>
  </si>
  <si>
    <t>Apresentação PCD.xlsx</t>
  </si>
  <si>
    <t>/o=exchangelabs/ou=exchange administrative group (fydibohf23spdlt)/cn=recipients/cn=122c3ad8b401472e84885d44a2466b4c-jair de pau;/o=exchangelabs/ou=exchange administrative group (fydibohf23spdlt)/cn=recipients/cn=4b453b7f02914710b3e94bcf7b311ad4-fernando po;/o=exchangelabs/ou=exchange administrative group (fydibohf23spdlt)/cn=recipients/cn=bcc9538754d3496ea31a487e560f8214-silvio mart;</t>
  </si>
  <si>
    <t>RES: Resumo 36 meses</t>
  </si>
  <si>
    <t>/o=exchangelabs/ou=exchange administrative group (fydibohf23spdlt)/cn=recipients/cn=122c3ad8b401472e84885d44a2466b4c-jair de pau,/o=exchangelabs/ou=exchange administrative group (fydibohf23spdlt)/cn=recipients/cn=4b453b7f02914710b3e94bcf7b311ad4-fernando po,/o=exchangelabs/ou=exchange administrative group (fydibohf23spdlt)/cn=recipients/cn=bcc9538754d3496ea31a487e560f8214-silvio mart</t>
  </si>
  <si>
    <t>BP Banco PAN</t>
  </si>
  <si>
    <t>Histórico Transformação - Jan-2017 a Out-2019 - Fechamento.xlsx</t>
  </si>
  <si>
    <t>RL Operações de Cobrança - Out.19</t>
  </si>
  <si>
    <t>10-2019 - RL Operações - Transformação.xlsx</t>
  </si>
  <si>
    <t>mail.google.com/_/upload?authuser=0&amp;dcp=asu-n&amp;upload_id=AEnB2UrlcKq8_hUUOOKnZkcerqDcoOFL3xC_zS_Q_DHwbyH4GAD7RyT9a-pbIW1u5rDJ1k_yXmdopuTfA6iHpkoFslWKsv4ZoQ&amp;upload_protocol=resumable</t>
  </si>
  <si>
    <t>BACKLOG ANF31_EDUARDA.xlsx</t>
  </si>
  <si>
    <t>/o=exchangelabs/ou=exchange administrative group (fydibohf23spdlt)/cn=recipients/cn=b033d620f1154cb8be89325f89766ea7-laura celia;/o=exchangelabs/ou=exchange administrative group (fydibohf23spdlt)/cn=recipients/cn=e70cc16764ef4e4fac6e4581f29c2881-valeria bet;</t>
  </si>
  <si>
    <t>ENC: Incentivo equipe VALÉRIA</t>
  </si>
  <si>
    <t>Incentivo CCO_Ativo.xlsx</t>
  </si>
  <si>
    <t>/o=exchangelabs/ou=exchange administrative group (fydibohf23spdlt)/cn=recipients/cn=b033d620f1154cb8be89325f89766ea7-laura celia,/o=exchangelabs/ou=exchange administrative group (fydibohf23spdlt)/cn=recipients/cn=e70cc16764ef4e4fac6e4581f29c2881-valeria bet</t>
  </si>
  <si>
    <t>Cargos x Salários</t>
  </si>
  <si>
    <t>Cargos e Salários.xlsx</t>
  </si>
  <si>
    <t>/o=exchangelabs/ou=exchange administrative group (fydibohf23spdlt)/cn=recipients/cn=2072905e221e44cd93713caf57a4301f-roberta igi;/o=exchangelabs/ou=exchange administrative group (fydibohf23spdlt)/cn=recipients/cn=545f738e0fe740ba856f4eb6ef0135e0-vinicius si;/o=exchangelabs/ou=exchange administrative group (fydibohf23spdlt)/cn=recipients/cn=6857e7b89b5f46e3b6aed2352ac8d5ac-carlos albe;/o=exchangelabs/ou=exchange administrative group (fydibohf23spdlt)/cn=recipients/cn=be0b59caa4dc43e39afaa089f44ef778-leonardo al;/o=exchangelabs/ou=exchange administrative group (fydibohf23spdlt)/cn=recipients/cn=d6cce5a70d504cc2ad89cee834cd59a9-luciana rib;</t>
  </si>
  <si>
    <t>RES: 10 - Fechamento Financeiro - Única - Outubro-19</t>
  </si>
  <si>
    <t>10 - Faturamento Unica Outubro 2019 fechamento.xlsb</t>
  </si>
  <si>
    <t>/o=exchangelabs/ou=exchange administrative group (fydibohf23spdlt)/cn=recipients/cn=2072905e221e44cd93713caf57a4301f-roberta igi,/o=exchangelabs/ou=exchange administrative group (fydibohf23spdlt)/cn=recipients/cn=545f738e0fe740ba856f4eb6ef0135e0-vinicius si,/o=exchangelabs/ou=exchange administrative group (fydibohf23spdlt)/cn=recipients/cn=6857e7b89b5f46e3b6aed2352ac8d5ac-carlos albe,/o=exchangelabs/ou=exchange administrative group (fydibohf23spdlt)/cn=recipients/cn=be0b59caa4dc43e39afaa089f44ef778-leonardo al,/o=exchangelabs/ou=exchange administrative group (fydibohf23spdlt)/cn=recipients/cn=d6cce5a70d504cc2ad89cee834cd59a9-luciana rib</t>
  </si>
  <si>
    <t>ENC: DRE - Preclosing</t>
  </si>
  <si>
    <t>ENC: NPS - Visitas Comerciais</t>
  </si>
  <si>
    <t>07_11_2019 - Relatório Pipeline - Hunter.msg\s1\</t>
  </si>
  <si>
    <t>Auditoria Alteração Cadastral</t>
  </si>
  <si>
    <t>Auditoria Alteração Cadastral.xlsx</t>
  </si>
  <si>
    <t>Correçao de Pontos - Algar Tech (PPE).xlsx</t>
  </si>
  <si>
    <t>/o=exchangelabs/ou=exchange administrative group (fydibohf23spdlt)/cn=recipients/cn=b033d620f1154cb8be89325f89766ea7-laura celia;dayana_d_freitas_algar@whirlpool.com;</t>
  </si>
  <si>
    <t>RES: Incentivo</t>
  </si>
  <si>
    <t>Cópia de Incentivo CAC Outubro.xlsx</t>
  </si>
  <si>
    <t>/o=exchangelabs/ou=exchange administrative group (fydibohf23spdlt)/cn=recipients/cn=b033d620f1154cb8be89325f89766ea7-laura celia,dayana_d_freitas_algar@whirlpool.com</t>
  </si>
  <si>
    <t>RES: Detalhamento volumes CC</t>
  </si>
  <si>
    <t>Volumetria Murilo RFP.xlsx</t>
  </si>
  <si>
    <t>/o=exchangelabs/ou=exchange administrative group (fydibohf23spdlt)/cn=recipients/cn=b033d620f1154cb8be89325f89766ea7-laura celia;larissabdi@algartech.com;</t>
  </si>
  <si>
    <t>ENC: Incentivo BKO/NPS/N3/AV</t>
  </si>
  <si>
    <t>Incentivo NPS Outubro.xlsx</t>
  </si>
  <si>
    <t>/o=exchangelabs/ou=exchange administrative group (fydibohf23spdlt)/cn=recipients/cn=b033d620f1154cb8be89325f89766ea7-laura celia,larissabdi@algartech.com</t>
  </si>
  <si>
    <t>C:\Users\danubiacsm\Desktop\Semana do Conhecimento\</t>
  </si>
  <si>
    <t>Escala TRN - FEIRA DO CONHECIMENTO MODULO 1.xlsx</t>
  </si>
  <si>
    <t>andrelpsa@algartech.com;</t>
  </si>
  <si>
    <t>Dep Out operadores.xlsx</t>
  </si>
  <si>
    <t>andrelpsa@algartech.com</t>
  </si>
  <si>
    <t>/o=exchangelabs/ou=exchange administrative group (fydibohf23spdlt)/cn=recipients/cn=545f738e0fe740ba856f4eb6ef0135e0-vinicius si;/o=exchangelabs/ou=exchange administrative group (fydibohf23spdlt)/cn=recipients/cn=eb3a8d47e16546c381d649c124fcfbb7-cpc - contr;</t>
  </si>
  <si>
    <t>Atualização Scripts</t>
  </si>
  <si>
    <t>AGENTES X OPERAÇÃO.xlsx</t>
  </si>
  <si>
    <t>/o=exchangelabs/ou=exchange administrative group (fydibohf23spdlt)/cn=recipients/cn=545f738e0fe740ba856f4eb6ef0135e0-vinicius si,/o=exchangelabs/ou=exchange administrative group (fydibohf23spdlt)/cn=recipients/cn=eb3a8d47e16546c381d649c124fcfbb7-cpc - contr</t>
  </si>
  <si>
    <t>/o=exchangelabs/ou=exchange administrative group (fydibohf23spdlt)/cn=recipients/cn=renato bruno ribeiro lopes - 004319;/o=exchangelabs/ou=exchange administrative group (fydibohf23spdlt)/cn=recipients/cn=valeria de mello lima;</t>
  </si>
  <si>
    <t>Relatório de Visitas Comerciais (Fusion)</t>
  </si>
  <si>
    <t>/o=exchangelabs/ou=exchange administrative group (fydibohf23spdlt)/cn=recipients/cn=renato bruno ribeiro lopes - 004319,/o=exchangelabs/ou=exchange administrative group (fydibohf23spdlt)/cn=recipients/cn=valeria de mello lima</t>
  </si>
  <si>
    <t>RES: Teste BP</t>
  </si>
  <si>
    <t>Teste Suelen - C017 B017.xlsb</t>
  </si>
  <si>
    <t>/o=exchangelabs/ou=exchange administrative group (fydibohf23spdlt)/cn=recipients/cn=18538d61f6f342f7a3d2db08df47d617-vanusa prec;/o=exchangelabs/ou=exchange administrative group (fydibohf23spdlt)/cn=recipients/cn=1e212ef08dab4f26b88cba944f2ab7cb-pmo.governa;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65f2464c9a2e4d2981cae7124572133d-cristiane c;/o=exchangelabs/ou=exchange administrative group (fydibohf23spdlt)/cn=recipients/cn=9a3ba6096e184fb5837abcf6a6214283-daniel henr;/o=exchangelabs/ou=exchange administrative group (fydibohf23spdlt)/cn=recipients/cn=c5057601f2364b0db7ea84dbec10baa4-matheus mor;/o=exchangelabs/ou=exchange administrative group (fydibohf23spdlt)/cn=recipients/cn=carlos henrique vilarinho_db6c0fb3df;</t>
  </si>
  <si>
    <t>/o=exchangelabs/ou=exchange administrative group (fydibohf23spdlt)/cn=recipients/cn=18538d61f6f342f7a3d2db08df47d617-vanusa prec,/o=exchangelabs/ou=exchange administrative group (fydibohf23spdlt)/cn=recipients/cn=1e212ef08dab4f26b88cba944f2ab7cb-pmo.governa,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65f2464c9a2e4d2981cae7124572133d-cristiane c,/o=exchangelabs/ou=exchange administrative group (fydibohf23spdlt)/cn=recipients/cn=9a3ba6096e184fb5837abcf6a6214283-daniel henr,/o=exchangelabs/ou=exchange administrative group (fydibohf23spdlt)/cn=recipients/cn=c5057601f2364b0db7ea84dbec10baa4-matheus mor,/o=exchangelabs/ou=exchange administrative group (fydibohf23spdlt)/cn=recipients/cn=carlos henrique vilarinho_db6c0fb3df</t>
  </si>
  <si>
    <t>/o=exchangelabs/ou=exchange administrative group (fydibohf23spdlt)/cn=recipients/cn=010c9ad8a2ca4b90b7642d039dda856e-karolyne ca;karolynecamargos@hotmail.com;</t>
  </si>
  <si>
    <t>ENC: Transformação: resultados projetos out/2019</t>
  </si>
  <si>
    <t>Horas Extras _ GRC _ Outubro.19.xls</t>
  </si>
  <si>
    <t>/o=exchangelabs/ou=exchange administrative group (fydibohf23spdlt)/cn=recipients/cn=010c9ad8a2ca4b90b7642d039dda856e-karolyne ca,karolynecamargos@hotmail.com</t>
  </si>
  <si>
    <t>Faturamento Novembro/19 - Amazon</t>
  </si>
  <si>
    <t>2019_11_A100 Phone Usage.xlsx</t>
  </si>
  <si>
    <t>camila_paixao@whirlpool.com;eunice.pimenta@algartech.com;fabianacscg@algartech.com;katiagcc@algartech.com;</t>
  </si>
  <si>
    <t>camila_paixao@whirlpool.com,eunice.pimenta@algartech.com,fabianacscg@algartech.com,katiagcc@algartech.com</t>
  </si>
  <si>
    <t>antoniojr@algartech.com;fredericobs@algartecnologia.com.br;jecienegs@algartech.com;rafaelaas@algartech.com;</t>
  </si>
  <si>
    <t>antoniojr@algartech.com,fredericobs@algartecnologia.com.br,jecienegs@algartech.com,rafaelaas@algartech.com</t>
  </si>
  <si>
    <t>Planilha de Ajuste - Prévia</t>
  </si>
  <si>
    <t>AJUSTE CUSTO PRÉVIA.xlsb</t>
  </si>
  <si>
    <t>Fluxo caixa 2020</t>
  </si>
  <si>
    <t>/o=exchangelabs/ou=exchange administrative group (fydibohf23spdlt)/cn=recipients/cn=52684aee05874b27a5c249763c2fe008-andre mota;/o=exchangelabs/ou=exchange administrative group (fydibohf23spdlt)/cn=recipients/cn=d5130784dc81436d9511788de4df376c-jeciene gom;/o=exchangelabs/ou=exchange administrative group (fydibohf23spdlt)/cn=recipients/cn=f87f494a8d1d405d8a7b42a51dd5ab84-iris eugeni;</t>
  </si>
  <si>
    <t>10-2019 - Caixa Capitalização.xlsx</t>
  </si>
  <si>
    <t>/o=exchangelabs/ou=exchange administrative group (fydibohf23spdlt)/cn=recipients/cn=52684aee05874b27a5c249763c2fe008-andre mota,/o=exchangelabs/ou=exchange administrative group (fydibohf23spdlt)/cn=recipients/cn=d5130784dc81436d9511788de4df376c-jeciene gom,/o=exchangelabs/ou=exchange administrative group (fydibohf23spdlt)/cn=recipients/cn=f87f494a8d1d405d8a7b42a51dd5ab84-iris eugeni</t>
  </si>
  <si>
    <t>Histórico D2C</t>
  </si>
  <si>
    <t>adrianoms@algartech.com;alessandrar@algartech.com;alessiors@algartech.com;alexandremdo@algartech.com;alinescsi@algartecnologia.com.br;analdos@algartech.com;andreals@algartech.com;andregc@algartech.com;andrelpsa@algartech.com;andremg@algartecnologia.com.br;antoniocoj@algartech.com;antoniojr@algartech.com;camilasilva@algartech.com;carolinafdr@algartech.com;cintian@algartech.com;cristinahe@algartech.com;diogogbb@algartech.com;douglassp@algartech.com;dyegopb@algartech.com;eliziaes@algartech.com;estherbv@algartech.com;evelisetsi@algartech.com;filiperve@algartech.com;fredericobs@algartecnologia.com.br;gabrielaasa@algartech.com;gerharddtjs@algartech.com;gessicasmn@algartech.com;grazielabo@algartech.com;guilhermecst@algartech.com;hugooc@algartech.com;irisen@algartech.com;jecienegs@algartech.com;joaogbma@algartech.com;karinars@algartecnologia.com.br;katiargf@algartech.com;leandrolds@algartech.com;lucianabo@algartech.com;lucieneili@algartech.com;marcelobsa@algartech.com;marcopaulolr@algartech.com;marcotb@algartech.com;</t>
  </si>
  <si>
    <t>adrianoms@algartech.com,alessandrar@algartech.com,alessiors@algartech.com,alexandremdo@algartech.com,alinescsi@algartecnologia.com.br,analdos@algartech.com,andreals@algartech.com,andregc@algartech.com,andrelpsa@algartech.com,andremg@algartecnologia.com.br,antoniocoj@algartech.com,antoniojr@algartech.com,camilasilva@algartech.com,carolinafdr@algartech.com,cintian@algartech.com,cristinahe@algartech.com,diogogbb@algartech.com,douglassp@algartech.com,dyegopb@algartech.com,eliziaes@algartech.com,estherbv@algartech.com,evelisetsi@algartech.com,filiperve@algartech.com,fredericobs@algartecnologia.com.br,gabrielaasa@algartech.com,gerharddtjs@algartech.com,gessicasmn@algartech.com,grazielabo@algartech.com,guilhermecst@algartech.com,hugooc@algartech.com,irisen@algartech.com,jecienegs@algartech.com,joaogbma@algartech.com,karinars@algartecnologia.com.br,katiargf@algartech.com,leandrolds@algartech.com,lucianabo@algartech.com,lucieneili@algartech.com,marcelobsa@algartech.com,marcopaulolr@algartech.com,marcotb@algartech.com,</t>
  </si>
  <si>
    <t>evelise_tristao_silva_algar@whirlpool.com;evelisetsi@algartech.com;</t>
  </si>
  <si>
    <t>ÁRVORE SINISTRO CATEGORIZADOR.xlsx</t>
  </si>
  <si>
    <t>evelise_tristao_silva_algar@whirlpool.com,evelisetsi@algartech.com</t>
  </si>
  <si>
    <t>/o=exchangelabs/ou=exchange administrative group (fydibohf23spdlt)/cn=recipients/cn=0bafe1ed27024338be4e911e19871cd1-william rob;/o=exchangelabs/ou=exchange administrative group (fydibohf23spdlt)/cn=recipients/cn=8c89829ad534498fa4c85b5ac11174f1-suelen more;/o=exchangelabs/ou=exchange administrative group (fydibohf23spdlt)/cn=recipients/cn=97bf0b4d6b424f9fbf91192510276150-renata de o;/o=exchangelabs/ou=exchange administrative group (fydibohf23spdlt)/cn=recipients/cn=9a65d8734c444cbc8372a614d17d98e1-lucia maalo;/o=exchangelabs/ou=exchange administrative group (fydibohf23spdlt)/cn=recipients/cn=dd5fe53b00424d6887030e3514589341-fernando lu;/o=exchangelabs/ou=exchange administrative group (fydibohf23spdlt)/cn=recipients/cn=e5dfe65308934e02acfffcb2185133f4-daniel bier;</t>
  </si>
  <si>
    <t>RES: RES: Aditivo contratual e proposta de mudança do SD</t>
  </si>
  <si>
    <t>Números.xlsx</t>
  </si>
  <si>
    <t>/o=exchangelabs/ou=exchange administrative group (fydibohf23spdlt)/cn=recipients/cn=0bafe1ed27024338be4e911e19871cd1-william rob,/o=exchangelabs/ou=exchange administrative group (fydibohf23spdlt)/cn=recipients/cn=8c89829ad534498fa4c85b5ac11174f1-suelen more,/o=exchangelabs/ou=exchange administrative group (fydibohf23spdlt)/cn=recipients/cn=97bf0b4d6b424f9fbf91192510276150-renata de o,/o=exchangelabs/ou=exchange administrative group (fydibohf23spdlt)/cn=recipients/cn=9a65d8734c444cbc8372a614d17d98e1-lucia maalo,/o=exchangelabs/ou=exchange administrative group (fydibohf23spdlt)/cn=recipients/cn=dd5fe53b00424d6887030e3514589341-fernando lu,/o=exchangelabs/ou=exchange administrative group (fydibohf23spdlt)/cn=recipients/cn=e5dfe65308934e02acfffcb2185133f4-daniel bier</t>
  </si>
  <si>
    <t>/o=exchangelabs/ou=exchange administrative group (fydibohf23spdlt)/cn=recipients/cn=5a5fc377bc0c4180aca2ca987c79538c-diego vinic;/o=exchangelabs/ou=exchange administrative group (fydibohf23spdlt)/cn=recipients/cn=5f1d2da41c984f398563499c2f17e040-jeann ferre;/o=exchangelabs/ou=exchange administrative group (fydibohf23spdlt)/cn=recipients/cn=b033d620f1154cb8be89325f89766ea7-laura celia;</t>
  </si>
  <si>
    <t>ENC: ***Fechamento Incentivo Seguradoras - Outubro/2019***</t>
  </si>
  <si>
    <t>/o=exchangelabs/ou=exchange administrative group (fydibohf23spdlt)/cn=recipients/cn=5a5fc377bc0c4180aca2ca987c79538c-diego vinic,/o=exchangelabs/ou=exchange administrative group (fydibohf23spdlt)/cn=recipients/cn=5f1d2da41c984f398563499c2f17e040-jeann ferre,/o=exchangelabs/ou=exchange administrative group (fydibohf23spdlt)/cn=recipients/cn=b033d620f1154cb8be89325f89766ea7-laura celia</t>
  </si>
  <si>
    <t>Escala Treinamento.xls</t>
  </si>
  <si>
    <t>C:\Users\rodrigombu\OneDrive - Grupo Algar\Whirlpool\2019\01 - Janeiro\Arquivo\URA\</t>
  </si>
  <si>
    <t>Acompanhamento Intradiário Unificado PF + Pjotinha - Jan-2019.xlsm</t>
  </si>
  <si>
    <t>/o=exchangelabs/ou=exchange administrative group (fydibohf23spdlt)/cn=recipients/cn=545f738e0fe740ba856f4eb6ef0135e0-vinicius si;/o=exchangelabs/ou=exchange administrative group (fydibohf23spdlt)/cn=recipients/cn=69cc68072bd74472a6fed235e590fc65-cassia alve;/o=exchangelabs/ou=exchange administrative group (fydibohf23spdlt)/cn=recipients/cn=8fc182d8ec964190abd5d149ac41ad8b-fabricio de;/o=exchangelabs/ou=exchange administrative group (fydibohf23spdlt)/cn=recipients/cn=c651393460d944ffb6be3809cfeaefb6-saulo augus;/o=exchangelabs/ou=exchange administrative group (fydibohf23spdlt)/cn=recipients/cn=d1d015f213f648abbf348b5ccdf8e9d9-senilda per;/o=exchangelabs/ou=exchange administrative group (fydibohf23spdlt)/cn=recipients/cn=e0001a1553fb4b9a9be687db68a2ec15-yuri ian fr;/o=exchangelabs/ou=exchange administrative group (fydibohf23spdlt)/cn=recipients/cn=eeccfec6dd26453db576a7c3b3bc44ec-pablo perei;</t>
  </si>
  <si>
    <t>RES: Demandas Avon ** URGENTE</t>
  </si>
  <si>
    <t>Volumetria Avon.xlsx</t>
  </si>
  <si>
    <t>/o=exchangelabs/ou=exchange administrative group (fydibohf23spdlt)/cn=recipients/cn=545f738e0fe740ba856f4eb6ef0135e0-vinicius si,/o=exchangelabs/ou=exchange administrative group (fydibohf23spdlt)/cn=recipients/cn=69cc68072bd74472a6fed235e590fc65-cassia alve,/o=exchangelabs/ou=exchange administrative group (fydibohf23spdlt)/cn=recipients/cn=8fc182d8ec964190abd5d149ac41ad8b-fabricio de,/o=exchangelabs/ou=exchange administrative group (fydibohf23spdlt)/cn=recipients/cn=c651393460d944ffb6be3809cfeaefb6-saulo augus,/o=exchangelabs/ou=exchange administrative group (fydibohf23spdlt)/cn=recipients/cn=d1d015f213f648abbf348b5ccdf8e9d9-senilda per,/o=exchangelabs/ou=exchange administrative group (fydibohf23spdlt)/cn=recipients/cn=e0001a1553fb4b9a9be687db68a2ec15-yuri ian fr,/o=exchangelabs/ou=exchange administrative group (fydibohf23spdlt)/cn=recipients/cn=eeccfec6dd26453db576a7c3b3bc44ec-pablo perei</t>
  </si>
  <si>
    <t>mail.google.com/_/upload?authuser=0&amp;dcp=asu-n&amp;upload_id=AEnB2UobjPO_TWLHcWLcAXxUkvcmDoaT30bc-3OxuTNMLxMV2x4UIR-8TvqEfoGgxnwVVZj1Syt9Dae2pVZjJgjAPM2ClfjtieRFzejDyVTk6AbZSH6_OPk&amp;upload_protocol=resumable</t>
  </si>
  <si>
    <t>Usuários_Qradar.xlsx</t>
  </si>
  <si>
    <t>/o=exchangelabs/ou=exchange administrative group (fydibohf23spdlt)/cn=recipients/cn=c29ec9dae022497281c840087cccddec-patricia ar;/o=exchangelabs/ou=exchange administrative group (fydibohf23spdlt)/cn=recipients/cn=usere11ed38c;rodrigoas@algartech.com;</t>
  </si>
  <si>
    <t>RES: Médicos</t>
  </si>
  <si>
    <t>credenciados_substitutos.xlsx</t>
  </si>
  <si>
    <t>/o=exchangelabs/ou=exchange administrative group (fydibohf23spdlt)/cn=recipients/cn=c29ec9dae022497281c840087cccddec-patricia ar,/o=exchangelabs/ou=exchange administrative group (fydibohf23spdlt)/cn=recipients/cn=usere11ed38c,rodrigoas@algartech.com</t>
  </si>
  <si>
    <t>https://caey.fa.us2.oraclecloud.com/crmui/faces/fusewelcome?_adf.ctrl-state=66jh501m1_5</t>
  </si>
  <si>
    <t>/o=exchangelabs/ou=exchange administrative group (fydibohf23spdlt)/cn=recipients/cn=161c8ab454bb4f4ebde8223bf694a34b-pedro felip;/o=exchangelabs/ou=exchange administrative group (fydibohf23spdlt)/cn=recipients/cn=8d26c4a8a2e9441d9b09cc4ceff004bd-jefferson b;</t>
  </si>
  <si>
    <t>Atualizacao_SaldoBH_MECv2.xlsm</t>
  </si>
  <si>
    <t>/o=exchangelabs/ou=exchange administrative group (fydibohf23spdlt)/cn=recipients/cn=161c8ab454bb4f4ebde8223bf694a34b-pedro felip,/o=exchangelabs/ou=exchange administrative group (fydibohf23spdlt)/cn=recipients/cn=8d26c4a8a2e9441d9b09cc4ceff004bd-jefferson b</t>
  </si>
  <si>
    <t>/o=exchangelabs/ou=exchange administrative group (fydibohf23spdlt)/cn=recipients/cn=2946605dcf554cb389220dec598b84fa-adriano mon;/o=exchangelabs/ou=exchange administrative group (fydibohf23spdlt)/cn=recipients/cn=b1a72fc2d0234efca84c7771ea70c7ee-roberta cri;/o=exchangelabs/ou=exchange administrative group (fydibohf23spdlt)/cn=recipients/cn=dd3fe7bcac2641dea6394a8de77d1eef-elma maria;</t>
  </si>
  <si>
    <t>RES: Saldo Viagem</t>
  </si>
  <si>
    <t>/o=exchangelabs/ou=exchange administrative group (fydibohf23spdlt)/cn=recipients/cn=2946605dcf554cb389220dec598b84fa-adriano mon,/o=exchangelabs/ou=exchange administrative group (fydibohf23spdlt)/cn=recipients/cn=b1a72fc2d0234efca84c7771ea70c7ee-roberta cri,/o=exchangelabs/ou=exchange administrative group (fydibohf23spdlt)/cn=recipients/cn=dd3fe7bcac2641dea6394a8de77d1eef-elma maria</t>
  </si>
  <si>
    <t>alessandrar@algartech.com;pamelatc@algartech.com;priscilacy@algartech.com;priscilaflo@algartech.com;</t>
  </si>
  <si>
    <t>Cliente x Gerente x Coordenador - GRC (Clientes Priscila) ....xlsx</t>
  </si>
  <si>
    <t>alessandrar@algartech.com,pamelatc@algartech.com,priscilacy@algartech.com,priscilaflo@algartech.com</t>
  </si>
  <si>
    <t>ENC: Volume Gerenciadas Amex e Visa - 08/11</t>
  </si>
  <si>
    <t>ENC: Tempo de TRN Legado - Cerrado versão atualizada</t>
  </si>
  <si>
    <t>/o=exchangelabs/ou=exchange administrative group (fydibohf23spdlt)/cn=recipients/cn=515d9b808d0f4fa9afcf67b343194fe8-victor edua;/o=exchangelabs/ou=exchange administrative group (fydibohf23spdlt)/cn=recipients/cn=708d48f073ec47fa966d46b5b6656f0c-alexandre m;/o=exchangelabs/ou=exchange administrative group (fydibohf23spdlt)/cn=recipients/cn=8c01e71056fe4e1a8ecc4e24420bd9ef-fellyp cros;logisticatimopm@grupotpc.com;</t>
  </si>
  <si>
    <t>RES: Retificador Emerson</t>
  </si>
  <si>
    <t>/o=exchangelabs/ou=exchange administrative group (fydibohf23spdlt)/cn=recipients/cn=515d9b808d0f4fa9afcf67b343194fe8-victor edua,/o=exchangelabs/ou=exchange administrative group (fydibohf23spdlt)/cn=recipients/cn=708d48f073ec47fa966d46b5b6656f0c-alexandre m,/o=exchangelabs/ou=exchange administrative group (fydibohf23spdlt)/cn=recipients/cn=8c01e71056fe4e1a8ecc4e24420bd9ef-fellyp cros,logisticatimopm@grupotpc.com</t>
  </si>
  <si>
    <t>/o=exchangelabs/ou=exchange administrative group (fydibohf23spdlt)/cn=recipients/cn=122c3ad8b401472e84885d44a2466b4c-jair de pau;/o=exchangelabs/ou=exchange administrative group (fydibohf23spdlt)/cn=recipients/cn=a4d4dbc88c434f8ba2bceed730d83878-marcellus r;</t>
  </si>
  <si>
    <t>Projeção de Endividamento</t>
  </si>
  <si>
    <t>Bruno_Projeção Endividamento.xlsx</t>
  </si>
  <si>
    <t>/o=exchangelabs/ou=exchange administrative group (fydibohf23spdlt)/cn=recipients/cn=122c3ad8b401472e84885d44a2466b4c-jair de pau,/o=exchangelabs/ou=exchange administrative group (fydibohf23spdlt)/cn=recipients/cn=a4d4dbc88c434f8ba2bceed730d83878-marcellus r</t>
  </si>
  <si>
    <t>/o=exchangelabs/ou=exchange administrative group (fydibohf23spdlt)/cn=recipients/cn=3262123ab1534746a91b362bb3b84436-higor silva;/o=exchangelabs/ou=exchange administrative group (fydibohf23spdlt)/cn=recipients/cn=5cdf7c02d3784fda99b7b159b2a127b2-rudney leme;/o=exchangelabs/ou=exchange administrative group (fydibohf23spdlt)/cn=recipients/cn=98ea30ba409149f69837fad4ccd70171-leonardo el;/o=exchangelabs/ou=exchange administrative group (fydibohf23spdlt)/cn=recipients/cn=a4d4dbc88c434f8ba2bceed730d83878-marcellus r;</t>
  </si>
  <si>
    <t>/o=exchangelabs/ou=exchange administrative group (fydibohf23spdlt)/cn=recipients/cn=3262123ab1534746a91b362bb3b84436-higor silva,/o=exchangelabs/ou=exchange administrative group (fydibohf23spdlt)/cn=recipients/cn=5cdf7c02d3784fda99b7b159b2a127b2-rudney leme,/o=exchangelabs/ou=exchange administrative group (fydibohf23spdlt)/cn=recipients/cn=98ea30ba409149f69837fad4ccd70171-leonardo el,/o=exchangelabs/ou=exchange administrative group (fydibohf23spdlt)/cn=recipients/cn=a4d4dbc88c434f8ba2bceed730d83878-marcellus r</t>
  </si>
  <si>
    <t>ENC: Faturamento Novembro/19 - Amazon</t>
  </si>
  <si>
    <t>/o=exchangelabs/ou=exchange administrative group (fydibohf23spdlt)/cn=recipients/cn=6530aaa31df24237888421b849a2b4da-mariana cri;/o=exchangelabs/ou=exchange administrative group (fydibohf23spdlt)/cn=recipients/cn=cf023be226744f8a9c38076dbccfd020-flavia cons;</t>
  </si>
  <si>
    <t>ENC: NPS e Transferência CRBV, Novembro</t>
  </si>
  <si>
    <t>NPS CRBV.xlsb</t>
  </si>
  <si>
    <t>/o=exchangelabs/ou=exchange administrative group (fydibohf23spdlt)/cn=recipients/cn=6530aaa31df24237888421b849a2b4da-mariana cri,/o=exchangelabs/ou=exchange administrative group (fydibohf23spdlt)/cn=recipients/cn=cf023be226744f8a9c38076dbccfd020-flavia cons</t>
  </si>
  <si>
    <t>Planilha de custo</t>
  </si>
  <si>
    <t>Evento 028_01a3110 emissao0811.csv</t>
  </si>
  <si>
    <t>/o=exchangelabs/ou=exchange administrative group (fydibohf23spdlt)/cn=recipients/cn=cac18c5388b04f6d979d1bc87a08825a-marcopaulo;elton.costa@quilleconsultoria.com.br;</t>
  </si>
  <si>
    <t>Plano de Juniorização Cerrado_v1.xlsx</t>
  </si>
  <si>
    <t>/o=exchangelabs/ou=exchange administrative group (fydibohf23spdlt)/cn=recipients/cn=cac18c5388b04f6d979d1bc87a08825a-marcopaulo,elton.costa@quilleconsultoria.com.br</t>
  </si>
  <si>
    <t>c:\users\nubiafrsp\appdata\local\microsoft\windows\inetcache\content.outlook\ie6deu1f\</t>
  </si>
  <si>
    <t>gestão de entrevistas_tech_Áreas.xlsx</t>
  </si>
  <si>
    <t>alinesf@algartech.com;</t>
  </si>
  <si>
    <t>RES: Cartinhas</t>
  </si>
  <si>
    <t>alinesf@algartech.com</t>
  </si>
  <si>
    <t>/o=exchangelabs/ou=exchange administrative group (fydibohf23spdlt)/cn=recipients/cn=8c89829ad534498fa4c85b5ac11174f1-suelen more;/o=exchangelabs/ou=exchange administrative group (fydibohf23spdlt)/cn=recipients/cn=dc302903ac1a4151bcd049b90df4486f-ricardo soa;/o=exchangelabs/ou=exchange administrative group (fydibohf23spdlt)/cn=recipients/cn=fe8fdec9c88140d18f5303035fad45f0-ricardo bor;/o=exchangelabs/ou=exchange administrative group (fydibohf23spdlt)/cn=recipients/cn=user9cdd3979;</t>
  </si>
  <si>
    <t>RES: Cotação Renovação Smartnets CISCO Cliente DMAE</t>
  </si>
  <si>
    <t>ALGARMULTIMIDIASA08112019 - Cotação Renovação Smartnets CISCO Cliente DMAE.xlsx</t>
  </si>
  <si>
    <t>/o=exchangelabs/ou=exchange administrative group (fydibohf23spdlt)/cn=recipients/cn=8c89829ad534498fa4c85b5ac11174f1-suelen more,/o=exchangelabs/ou=exchange administrative group (fydibohf23spdlt)/cn=recipients/cn=dc302903ac1a4151bcd049b90df4486f-ricardo soa,/o=exchangelabs/ou=exchange administrative group (fydibohf23spdlt)/cn=recipients/cn=fe8fdec9c88140d18f5303035fad45f0-ricardo bor,/o=exchangelabs/ou=exchange administrative group (fydibohf23spdlt)/cn=recipients/cn=user9cdd3979</t>
  </si>
  <si>
    <t>Expansão Caixa: RA 73828 - Arquivos da RA</t>
  </si>
  <si>
    <t>/o=exchangelabs/ou=exchange administrative group (fydibohf23spdlt)/cn=recipients/cn=0b12aab521944ecb8b32eb8c0929be5c-rafael gonz;/o=exchangelabs/ou=exchange administrative group (fydibohf23spdlt)/cn=recipients/cn=0ca6cc8d100949a7866a928f62ef5778-rosilene de;/o=exchangelabs/ou=exchange administrative group (fydibohf23spdlt)/cn=recipients/cn=39b10ea69c23443aab7ad02aa1a69607-jose afonso;/o=exchangelabs/ou=exchange administrative group (fydibohf23spdlt)/cn=recipients/cn=3a10c1d788234688b257ab253389ec06-mateus mala;/o=exchangelabs/ou=exchange administrative group (fydibohf23spdlt)/cn=recipients/cn=46b1d57dae39409a8ab1d4bc11c620af-thalyta ale;/o=exchangelabs/ou=exchange administrative group (fydibohf23spdlt)/cn=recipients/cn=545f738e0fe740ba856f4eb6ef0135e0-vinicius si;/o=exchangelabs/ou=exchange administrative group (fydibohf23spdlt)/cn=recipients/cn=6857e7b89b5f46e3b6aed2352ac8d5ac-carlos albe;/o=exchangelabs/ou=exchange administrative group (fydibohf23spdlt)/cn=recipients/cn=746f10dd924a4e7dbfe2f813f74b1f2c-gilm</t>
  </si>
  <si>
    <t>SLA GRC - Out19.xlsx</t>
  </si>
  <si>
    <t>/o=exchangelabs/ou=exchange administrative group (fydibohf23spdlt)/cn=recipients/cn=0b12aab521944ecb8b32eb8c0929be5c-rafael gonz,/o=exchangelabs/ou=exchange administrative group (fydibohf23spdlt)/cn=recipients/cn=0ca6cc8d100949a7866a928f62ef5778-rosilene de,/o=exchangelabs/ou=exchange administrative group (fydibohf23spdlt)/cn=recipients/cn=39b10ea69c23443aab7ad02aa1a69607-jose afonso,/o=exchangelabs/ou=exchange administrative group (fydibohf23spdlt)/cn=recipients/cn=3a10c1d788234688b257ab253389ec06-mateus mala,/o=exchangelabs/ou=exchange administrative group (fydibohf23spdlt)/cn=recipients/cn=46b1d57dae39409a8ab1d4bc11c620af-thalyta ale,/o=exchangelabs/ou=exchange administrative group (fydibohf23spdlt)/cn=recipients/cn=545f738e0fe740ba856f4eb6ef0135e0-vinicius si,/o=exchangelabs/ou=exchange administrative group (fydibohf23spdlt)/cn=recipients/cn=6857e7b89b5f46e3b6aed2352ac8d5ac-carlos albe,/o=exchangelabs/ou=exchange administrative group (fydibohf23spdlt)/cn=recipients/cn=746f10dd924a4e7dbfe2f813f74b1f2c-gilm</t>
  </si>
  <si>
    <t>/o=exchangelabs/ou=exchange administrative group (fydibohf23spdlt)/cn=recipients/cn=a208dc8cbe6e49ba9e1a5ae0804f17ec-ana.rugai;</t>
  </si>
  <si>
    <t>Negociação com fornecedor sem RA</t>
  </si>
  <si>
    <t>/o=exchangelabs/ou=exchange administrative group (fydibohf23spdlt)/cn=recipients/cn=a208dc8cbe6e49ba9e1a5ae0804f17ec-ana.rugai</t>
  </si>
  <si>
    <t>CAPEX p Reuger.xlsx</t>
  </si>
  <si>
    <t>/o=exchangelabs/ou=exchange administrative group (fydibohf23spdlt)/cn=recipients/cn=ca7d1b1aa98d482ca2c948b11f486f8b-cynnara pim;</t>
  </si>
  <si>
    <t>Auditorias Outubro.xlsx</t>
  </si>
  <si>
    <t>/o=exchangelabs/ou=exchange administrative group (fydibohf23spdlt)/cn=recipients/cn=ca7d1b1aa98d482ca2c948b11f486f8b-cynnara pim</t>
  </si>
  <si>
    <t>/o=exchangelabs/ou=exchange administrative group (fydibohf23spdlt)/cn=recipients/cn=161c8ab454bb4f4ebde8223bf694a34b-pedro felip;/o=exchangelabs/ou=exchange administrative group (fydibohf23spdlt)/cn=recipients/cn=55643a6cbd93423e8f0c948d862c9e35-marcelo ale;/o=exchangelabs/ou=exchange administrative group (fydibohf23spdlt)/cn=recipients/cn=dd337141664f45e6bdf5a0b2e5156fba-gisele de m;</t>
  </si>
  <si>
    <t>Sobreaviso - Novembro</t>
  </si>
  <si>
    <t>Template_Sobreaviso.xlsx</t>
  </si>
  <si>
    <t>/o=exchangelabs/ou=exchange administrative group (fydibohf23spdlt)/cn=recipients/cn=161c8ab454bb4f4ebde8223bf694a34b-pedro felip,/o=exchangelabs/ou=exchange administrative group (fydibohf23spdlt)/cn=recipients/cn=55643a6cbd93423e8f0c948d862c9e35-marcelo ale,/o=exchangelabs/ou=exchange administrative group (fydibohf23spdlt)/cn=recipients/cn=dd337141664f45e6bdf5a0b2e5156fba-gisele de m</t>
  </si>
  <si>
    <t>Processo seletivo para Treinador do URR Bradesco</t>
  </si>
  <si>
    <t>ENC: Retenção Compra Certa</t>
  </si>
  <si>
    <t>Indicados Power BI</t>
  </si>
  <si>
    <t>IMPORTANTE - Ocorrências no ponto período de 01 A 3110</t>
  </si>
  <si>
    <t>Ocorrência0110a31102019_em0811.xlsm</t>
  </si>
  <si>
    <t>C:\Users\rodrigombu\OneDrive - Grupo Algar\Whirlpool\2019\11 - Novembro\Arquivo\FAROL CHURN\</t>
  </si>
  <si>
    <t>Base BW % Conversão - Nov-2019 - Parcial - 07-11-19.xlsm</t>
  </si>
  <si>
    <t>IMPORTANTE - Ocorrências no ponto período de 01 A 07/11</t>
  </si>
  <si>
    <t>Ocorrência0111a07112019.xlsm</t>
  </si>
  <si>
    <t>Resultado_Indicadores_UDI - WHIRLPOOL - SAC SINERGIA - 201910.xlsx</t>
  </si>
  <si>
    <t>Real x Plan - PMO Compra Certa - Nov-19.xlsx</t>
  </si>
  <si>
    <t>/o=nt5/ou=00000000000000000000000000000000/cn=abccc6cfc36fc7439d2c53acc558b246;</t>
  </si>
  <si>
    <t>Calculadora Modelo - Quebra de volume e AHT</t>
  </si>
  <si>
    <t>/o=nt5/ou=00000000000000000000000000000000/cn=abccc6cfc36fc7439d2c53acc558b246</t>
  </si>
  <si>
    <t>Formulário TTV - Lançamento de Atraso de Jornada (7).xlsx</t>
  </si>
  <si>
    <t>/o=exchangelabs/ou=exchange administrative group (fydibohf23spdlt)/cn=recipients/cn=1ef1d5b65a414ccea16527d004fcca4f-renan tavar;/o=exchangelabs/ou=exchange administrative group (fydibohf23spdlt)/cn=recipients/cn=8913194a652940c6a3d16f3bc35e1061-raphael and;/o=exchangelabs/ou=exchange administrative group (fydibohf23spdlt)/cn=recipients/cn=8b5b63d67af648d081a40c45cc800804-fabiana per;joseebm@algartech.com.br;vanusaos@algartech.com.br;</t>
  </si>
  <si>
    <t>RES: VALE acompanhamento</t>
  </si>
  <si>
    <t>Novembro_ UCB e VALE.xlsm</t>
  </si>
  <si>
    <t>/o=exchangelabs/ou=exchange administrative group (fydibohf23spdlt)/cn=recipients/cn=1ef1d5b65a414ccea16527d004fcca4f-renan tavar,/o=exchangelabs/ou=exchange administrative group (fydibohf23spdlt)/cn=recipients/cn=8913194a652940c6a3d16f3bc35e1061-raphael and,/o=exchangelabs/ou=exchange administrative group (fydibohf23spdlt)/cn=recipients/cn=8b5b63d67af648d081a40c45cc800804-fabiana per,joseebm@algartech.com.br,vanusaos@algartech.com.br</t>
  </si>
  <si>
    <t>Máscara painel</t>
  </si>
  <si>
    <t>RES: Algar Tech_4a REUGER 2019_Financeiro</t>
  </si>
  <si>
    <t>Algar Tech_4a REUGER 2019_Financeiro.pptx\</t>
  </si>
  <si>
    <t>C:\Users\alefl\OneDrive - Grupo Algar\Relatorio\</t>
  </si>
  <si>
    <t>log.csv</t>
  </si>
  <si>
    <t>/o=exchangelabs/ou=exchange administrative group (fydibohf23spdlt)/cn=recipients/cn=57a6c743c2954c5589b332ad419122d6-rosilene fe;</t>
  </si>
  <si>
    <t>ENC: Campanha - Alavancar Nota chat - SEMANA 1</t>
  </si>
  <si>
    <t>Campanha Chat - Apuração.xlsx</t>
  </si>
  <si>
    <t>/o=exchangelabs/ou=exchange administrative group (fydibohf23spdlt)/cn=recipients/cn=57a6c743c2954c5589b332ad419122d6-rosilene fe</t>
  </si>
  <si>
    <t>ENC: Algar Tech_4a REUGER 2019_Financeiro</t>
  </si>
  <si>
    <t>/o=exchangelabs/ou=exchange administrative group (fydibohf23spdlt)/cn=recipients/cn=083204b1bd464d0fbbd2451a3a305923-katia gonca;/o=exchangelabs/ou=exchange administrative group (fydibohf23spdlt)/cn=recipients/cn=2f25493a7e37433d8dafca90f527b173-danubia cri;/o=exchangelabs/ou=exchange administrative group (fydibohf23spdlt)/cn=recipients/cn=81f72ed6e9d042e3bed0cec08d488854-vinicius go;/o=exchangelabs/ou=exchange administrative group (fydibohf23spdlt)/cn=recipients/cn=cd9a537135134b65a0d7151c4bba7129-brenda bruc;/o=exchangelabs/ou=exchange administrative group (fydibohf23spdlt)/cn=recipients/cn=user1afea7a7;</t>
  </si>
  <si>
    <t>RES: Salas Semana do Conhecimento - 11/11 à 14/11</t>
  </si>
  <si>
    <t>TRN - FEIRA DO CONHECIMENTO MODULO 1.xlsx</t>
  </si>
  <si>
    <t>/o=exchangelabs/ou=exchange administrative group (fydibohf23spdlt)/cn=recipients/cn=083204b1bd464d0fbbd2451a3a305923-katia gonca,/o=exchangelabs/ou=exchange administrative group (fydibohf23spdlt)/cn=recipients/cn=2f25493a7e37433d8dafca90f527b173-danubia cri,/o=exchangelabs/ou=exchange administrative group (fydibohf23spdlt)/cn=recipients/cn=81f72ed6e9d042e3bed0cec08d488854-vinicius go,/o=exchangelabs/ou=exchange administrative group (fydibohf23spdlt)/cn=recipients/cn=cd9a537135134b65a0d7151c4bba7129-brenda bruc,/o=exchangelabs/ou=exchange administrative group (fydibohf23spdlt)/cn=recipients/cn=user1afea7a7</t>
  </si>
  <si>
    <t>ENC: Apoio no contato para avisar revendedoras sobre atraso de pedidos devido problemas de faturamento</t>
  </si>
  <si>
    <t>AVISAR REVENDEDORAS - PROBLEMAS DE FATURAMENTO.xlsx</t>
  </si>
  <si>
    <t>/o=exchangelabs/ou=exchange administrative group (fydibohf23spdlt)/cn=recipients/cn=de9f854a14d9435dad27cd6ba8926e87-cinthia mot;</t>
  </si>
  <si>
    <t>DMV-RV.xlsx</t>
  </si>
  <si>
    <t>/o=exchangelabs/ou=exchange administrative group (fydibohf23spdlt)/cn=recipients/cn=de9f854a14d9435dad27cd6ba8926e87-cinthia mot</t>
  </si>
  <si>
    <t>Base Imp Orçado Fevereiro 2020.xlsm</t>
  </si>
  <si>
    <t>marcotvo@algartech.com;</t>
  </si>
  <si>
    <t>Qualidade-2019 OF.xlsx</t>
  </si>
  <si>
    <t>10.200.67.160</t>
  </si>
  <si>
    <t>c:\users\fabianacscg\downloads\</t>
  </si>
  <si>
    <t>termo_responsabilidade_-_cartao_corporativo.xlsx</t>
  </si>
  <si>
    <t>status - 08-11.xlsx</t>
  </si>
  <si>
    <t>Base do UPH</t>
  </si>
  <si>
    <t>Bases Manutenções</t>
  </si>
  <si>
    <t>Vol. Manutenções.msg\s1\</t>
  </si>
  <si>
    <t>Vol Manutenções.xlsx</t>
  </si>
  <si>
    <t>http://shareit.global.avon.com/sites/arrmcm/forca-de-vendas/_layouts/upload.aspx?list={a89cd46c-19fa-458c-809f-d246a5e48452}&amp;rootfolder=/sites/arrmcm/forca-de-vendas/ficaadicatreinamento/novo modelo de negÓcio/new model eva&amp;source=http://shareit.global.avon.com/sites/arrmcm/forca-de-vendas/ficaadicatreinamento/forms/allitems.aspx?rootfolder=%2fsites%2farrmcm%2fforca%2dde%2dvendas%2fficaadicatreinamento%2fnovo%20modelo%20de%20neg%c3%93cio%2fnew%20model%20eva&amp;folderctid=&amp;view=%7bb9ba0dba%2db197%2d49b7%2d8048%2d506553e03103%7d</t>
  </si>
  <si>
    <t>Bônus_ating. Req_Cresc. Vendas_NCM_Por Nível - CP.20.xls</t>
  </si>
  <si>
    <t>Bônus_ating. Req_Cresc. Vendas_NCM_Por EVA - CP.20.xls</t>
  </si>
  <si>
    <t>C:\Users\rosanapccb\Desktop\</t>
  </si>
  <si>
    <t>Cópia de Cópia de Forecast Out.2019_GAT e Aplicações.xls</t>
  </si>
  <si>
    <t>Árvore Categorizações CCO.xlsm</t>
  </si>
  <si>
    <t>#SouAlgar Operações</t>
  </si>
  <si>
    <t>Relat_TrilhasEOuProcedimentosConteudosGerais_AlgarTech_20191108__646722_#SouAlgar Operações.xlsx</t>
  </si>
  <si>
    <t>/o=exchangelabs/ou=exchange administrative group (fydibohf23spdlt)/cn=recipients/cn=01a1f66a08fd441b860a430efe9babba-cpc - contr;/o=exchangelabs/ou=exchange administrative group (fydibohf23spdlt)/cn=recipients/cn=7903c13fa0504ff0bc7dd2644020b0e8-mirna prado;/o=exchangelabs/ou=exchange administrative group (fydibohf23spdlt)/cn=recipients/cn=c22b2d8de1594760baec681322c0933f-fernanda ma;/o=exchangelabs/ou=exchange administrative group (fydibohf23spdlt)/cn=recipients/cn=e70cc16764ef4e4fac6e4581f29c2881-valeria bet;/o=exchangelabs/ou=exchange administrative group (fydibohf23spdlt)/cn=recipients/cn=e712654cf705427d937df14d5caed840-henrique be;/o=exchangelabs/ou=exchange administrative group (fydibohf23spdlt)/cn=recipients/cn=user776b6484;</t>
  </si>
  <si>
    <t>RES: Skill URA Confirmação de Agenda - CCO</t>
  </si>
  <si>
    <t>/o=exchangelabs/ou=exchange administrative group (fydibohf23spdlt)/cn=recipients/cn=01a1f66a08fd441b860a430efe9babba-cpc - contr,/o=exchangelabs/ou=exchange administrative group (fydibohf23spdlt)/cn=recipients/cn=7903c13fa0504ff0bc7dd2644020b0e8-mirna prado,/o=exchangelabs/ou=exchange administrative group (fydibohf23spdlt)/cn=recipients/cn=c22b2d8de1594760baec681322c0933f-fernanda ma,/o=exchangelabs/ou=exchange administrative group (fydibohf23spdlt)/cn=recipients/cn=e70cc16764ef4e4fac6e4581f29c2881-valeria bet,/o=exchangelabs/ou=exchange administrative group (fydibohf23spdlt)/cn=recipients/cn=e712654cf705427d937df14d5caed840-henrique be,/o=exchangelabs/ou=exchange administrative group (fydibohf23spdlt)/cn=recipients/cn=user776b6484</t>
  </si>
  <si>
    <t>mail.google.com/_/upload?authuser=0&amp;dcp=asu-n&amp;upload_id=AEnB2UoWpK6ZPCWP9BsPnaCVn7rzcbl9geg1BszLEhqNq3UPCfSnsvJ71zdnOEnJJ4Npf0MhCtH3d-kUd8Rz-i3LfVFWerjqRA&amp;upload_protocol=resumable</t>
  </si>
  <si>
    <t>\\acsfs\dsti\CIT- Coordenação de Inteligência de Tecnologia\05 - Gerenciamento Orçamento e Contabilização\5. Contabilidade 2019\0. Orçamento\1. Oficial\1. OBZ TI 2019\2. 1°Revisão\</t>
  </si>
  <si>
    <t>1. Gestão Orçamento TI 2019 - Opex e Capex.xlsx</t>
  </si>
  <si>
    <t>katiargf@algartech.com;luanaaoli@algartech.com;</t>
  </si>
  <si>
    <t>katiargf@algartech.com,luanaaoli@algartech.com</t>
  </si>
  <si>
    <t>alexsandrodmju@algartech.com</t>
  </si>
  <si>
    <t>mail.google.com/_/upload?authuser=0&amp;dcp=asu-n&amp;upload_id=AEnB2Ur82fAlZJDDaSlTGsaNZgNyZJmNYTXIxVXEBMdSJF-QdnH31yGZ9JGN10WwJ82Nbk13afQteqBEsUifNHWu7qFHfqNenA&amp;upload_protocol=resumable</t>
  </si>
  <si>
    <t>C:\Users\alexsandrodmju\Documents\Telecom\envioSMS\relatorios\envioSMS.rar\</t>
  </si>
  <si>
    <t>cel_pre_pago_10001_a_10500.csvRelatorio.csv</t>
  </si>
  <si>
    <t>cel_pre_pago_10001_a_10500.csvRelatorioIDS.csv</t>
  </si>
  <si>
    <t>cel_pre_pago_10501_a_11000.csvRelatorio.csv</t>
  </si>
  <si>
    <t>cel_pre_pago_10501_a_11000.csvRelatorioIDS.csv</t>
  </si>
  <si>
    <t>cel_pre_pago_11001_a_11500.csvRelatorio.csv</t>
  </si>
  <si>
    <t>cel_pre_pago_11001_a_11500.csvRelatorioIDS.csv</t>
  </si>
  <si>
    <t>cel_pre_pago_11501_a_12000.csvRelatorio.csv</t>
  </si>
  <si>
    <t>cel_pre_pago_11501_a_12000.csvRelatorioIDS.csv</t>
  </si>
  <si>
    <t>cel_pre_pago_12001_a_12500.csvRelatorio.csv</t>
  </si>
  <si>
    <t>cel_pre_pago_12001_a_12500.csvRelatorioIDS.csv</t>
  </si>
  <si>
    <t>cel_pre_pago_12501_a_13000.csvRelatorio.csv</t>
  </si>
  <si>
    <t>cel_pre_pago_12501_a_13000.csvRelatorioIDS.csv</t>
  </si>
  <si>
    <t>cel_pre_pago_13001_a_13500.csvRelatorio.csv</t>
  </si>
  <si>
    <t>cel_pre_pago_13001_a_13500.csvRelatorioIDS.csv</t>
  </si>
  <si>
    <t>cel_pre_pago_13501_a_14000.csvRelatorio.csv</t>
  </si>
  <si>
    <t>cel_pre_pago_13501_a_14000.csvRelatorioIDS.csv</t>
  </si>
  <si>
    <t>cel_pre_pago_14001_a_14500.csvRelatorio.csv</t>
  </si>
  <si>
    <t>cel_pre_pago_14001_a_14500.csvRelatorioIDS.csv</t>
  </si>
  <si>
    <t>cel_pre_pago_14501_a_15000.csvRelatorio.csv</t>
  </si>
  <si>
    <t>cel_pre_pago_14501_a_15000.csvRelatorioIDS.csv</t>
  </si>
  <si>
    <t>cel_pre_pago_15001_a_15500.csvRelatorio.csv</t>
  </si>
  <si>
    <t>cel_pre_pago_15001_a_15500.csvRelatorioIDS.csv</t>
  </si>
  <si>
    <t>cel_pre_pago_15501_a_16000.csvRelatorio.csv</t>
  </si>
  <si>
    <t>cel_pre_pago_15501_a_16000.csvRelatorioIDS.csv</t>
  </si>
  <si>
    <t>cel_pre_pago_16001_a_16500.csvRelatorio.csv</t>
  </si>
  <si>
    <t>cel_pre_pago_16001_a_16500.csvRelatorioDeErros.csv</t>
  </si>
  <si>
    <t>cel_pre_pago_16001_a_16500.csvRelatorioIDS.csv</t>
  </si>
  <si>
    <t>cel_pre_pago_16501_a_17000.csvRelatorio.csv</t>
  </si>
  <si>
    <t>cel_pre_pago_16501_a_17000.csvRelatorioDeErros.csv</t>
  </si>
  <si>
    <t>cel_pre_pago_16501_a_17000.csvRelatorioIDS.csv</t>
  </si>
  <si>
    <t>cel_pre_pago_17001_a_17500.csvRelatorio.csv</t>
  </si>
  <si>
    <t>cel_pre_pago_17001_a_17500.csvRelatorioDeErros.csv</t>
  </si>
  <si>
    <t>cel_pre_pago_17001_a_17500.csvRelatorioIDS.csv</t>
  </si>
  <si>
    <t>cel_pre_pago_17501_a_18000.csvRelatorio.csv</t>
  </si>
  <si>
    <t>cel_pre_pago_17501_a_18000.csvRelatorioIDS.csv</t>
  </si>
  <si>
    <t>cel_pre_pago_18001_a_18500.csvRelatorio.csv</t>
  </si>
  <si>
    <t>cel_pre_pago_18001_a_18500.csvRelatorioIDS.csv</t>
  </si>
  <si>
    <t>cel_pre_pago_18501_a_19000.csvRelatorio.csv</t>
  </si>
  <si>
    <t>cel_pre_pago_18501_a_19000.csvRelatorioIDS.csv</t>
  </si>
  <si>
    <t>cel_pre_pago_5501_a_6000.csvRelatorio.csv</t>
  </si>
  <si>
    <t>cel_pre_pago_5501_a_6000.csvRelatorioIDS.csv</t>
  </si>
  <si>
    <t>cel_pre_pago_6001_a_6500.csvRelatorio.csv</t>
  </si>
  <si>
    <t>cel_pre_pago_6001_a_6500.csvRelatorioDeErros.csv</t>
  </si>
  <si>
    <t>cel_pre_pago_6001_a_6500.csvRelatorioIDS.csv</t>
  </si>
  <si>
    <t>cel_pre_pago_6501_a_7000.csvRelatorio.csv</t>
  </si>
  <si>
    <t>cel_pre_pago_6501_a_7000.csvRelatorioIDS.csv</t>
  </si>
  <si>
    <t>cel_pre_pago_7001_a_7500.csvRelatorio.csv</t>
  </si>
  <si>
    <t>cel_pre_pago_7001_a_7500.csvRelatorioIDS.csv</t>
  </si>
  <si>
    <t>cel_pre_pago_7501_a_8000.csvRelatorio.csv</t>
  </si>
  <si>
    <t>cel_pre_pago_7501_a_8000.csvRelatorioIDS.csv</t>
  </si>
  <si>
    <t>cel_pre_pago_8001_a_8500.csvRelatorio.csv</t>
  </si>
  <si>
    <t>cel_pre_pago_8001_a_8500.csvRelatorioIDS.csv</t>
  </si>
  <si>
    <t>cel_pre_pago_8501_a_9000.csvRelatorio.csv</t>
  </si>
  <si>
    <t>cel_pre_pago_8501_a_9000.csvRelatorioDeErros.csv</t>
  </si>
  <si>
    <t>cel_pre_pago_8501_a_9000.csvRelatorioIDS.csv</t>
  </si>
  <si>
    <t>cel_pre_pago_9001_a_9500.csvRelatorio.csv</t>
  </si>
  <si>
    <t>cel_pre_pago_9001_a_9500.csvRelatorioIDS.csv</t>
  </si>
  <si>
    <t>cel_pre_pago_9501_a_10000.csvRelatorio.csv</t>
  </si>
  <si>
    <t>cel_pre_pago_9501_a_10000.csvRelatorioIDS.csv</t>
  </si>
  <si>
    <t>/o=exchangelabs/ou=exchange administrative group (fydibohf23spdlt)/cn=recipients/cn=e602fe975e9346f78626c2947e4d3cb0-mayoral_cod;</t>
  </si>
  <si>
    <t>ENC: Indicadores padrões - Receptivo Algar Telecom</t>
  </si>
  <si>
    <t>Comportamento VQ.xlsx</t>
  </si>
  <si>
    <t>/o=exchangelabs/ou=exchange administrative group (fydibohf23spdlt)/cn=recipients/cn=e602fe975e9346f78626c2947e4d3cb0-mayoral_cod</t>
  </si>
  <si>
    <t>10.200.62.19</t>
  </si>
  <si>
    <t>/o=exchangelabs/ou=exchange administrative group (fydibohf23spdlt)/cn=recipients/cn=02655e62246345d08e1b9113cbbc45c1-thalles vin;</t>
  </si>
  <si>
    <t>Dailys</t>
  </si>
  <si>
    <t>Daily Unificado VisaMaster201911.zip\</t>
  </si>
  <si>
    <t>Daily Unificado VisaMaster201911.xlsm</t>
  </si>
  <si>
    <t>/o=exchangelabs/ou=exchange administrative group (fydibohf23spdlt)/cn=recipients/cn=02655e62246345d08e1b9113cbbc45c1-thalles vin</t>
  </si>
  <si>
    <t>Microsoft-Licenciamento-2020 - REVISÃOI 08112019.xlsx</t>
  </si>
  <si>
    <t>Microsoft-Licenciamento-2020 - REVISÃO 08112019_Tech.xlsx</t>
  </si>
  <si>
    <t>cristiano.campaner@cscalgar.com.br;jefferson.paiva@cscalgar.com.br;lucasm@algartech.com;thiago.batista@cscalgar.com.br;</t>
  </si>
  <si>
    <t>cristiano.campaner@cscalgar.com.br,jefferson.paiva@cscalgar.com.br,lucasm@algartech.com,thiago.batista@cscalgar.com.br</t>
  </si>
  <si>
    <t>SLA GRC (002).xlsx</t>
  </si>
  <si>
    <t>Fechamento Financeiro Outubro</t>
  </si>
  <si>
    <t>Fechamento Financeiro_Outubro.xlsx</t>
  </si>
  <si>
    <t>andre.komatsubara@bradesco.com.br;</t>
  </si>
  <si>
    <t>ENC: Painel BO Contas Novas AEB - Fechamento Outubro/19.</t>
  </si>
  <si>
    <t>BO Contas Novas AEB - Outubro 2019.zip\</t>
  </si>
  <si>
    <t>BO Contas Novas AEB - Outubro 2019.xlsx</t>
  </si>
  <si>
    <t>andre.komatsubara@bradesco.com.br</t>
  </si>
  <si>
    <t>cristiano.campaner@cscalgar.com.br;jefferson.paiva@cscalgar.com.br;lucasm@algartech.com;reginaldort@algartech.com;rogerioo@algartelecom.com.br;thiago.batista@cscalgar.com.br;</t>
  </si>
  <si>
    <t>cristiano.campaner@cscalgar.com.br,jefferson.paiva@cscalgar.com.br,lucasm@algartech.com,reginaldort@algartech.com,rogerioo@algartelecom.com.br,thiago.batista@cscalgar.com.br</t>
  </si>
  <si>
    <t>10.200.251.50</t>
  </si>
  <si>
    <t>64-1C-67-9C-32-49</t>
  </si>
  <si>
    <t>Sobreaviso_Redes.xlsx</t>
  </si>
  <si>
    <t>Produtividade RAF - NOV-2019 - Parcial - 07-11-19.xlsm</t>
  </si>
  <si>
    <t>C:\Users\alefl\OneDrive - Grupo Algar\</t>
  </si>
  <si>
    <t>Criacao_Usuarios.xlsx</t>
  </si>
  <si>
    <t>/o=exchangelabs/ou=exchange administrative group (fydibohf23spdlt)/cn=recipients/cn=0e2eb71726a34a0da705bbb0bf5c0367-leonardo me;/o=exchangelabs/ou=exchange administrative group (fydibohf23spdlt)/cn=recipients/cn=8c253c95243a40aa99c9416b7eb70a2a-julio cesar;/o=exchangelabs/ou=exchange administrative group (fydibohf23spdlt)/cn=recipients/cn=93fbfc821dab48cf91184b5c6c1bf60c-ianny raiss;/o=exchangelabs/ou=exchange administrative group (fydibohf23spdlt)/cn=recipients/cn=carlos henrique vilarinho_db6c0fb3df;alessiors@algartech.com;anacmma@algartech.com;celmars@algartech.com;dioniziorn@algartech.com;ericacdosc@algartech.com;gabrielly@algartech.com;gustavoas@algartech.com;gustavohs@algartech.com;hewersong@algartech.com;ibrahimet@algartech.com;jecienegs@algartech.com;laurofdan@algartech.com;marcelorf@algartech.com;marcoabm@algartech.com;mauricio@algartech.com;raulmont@algartech.com;reynaldopm@algartech.com;thiagopre@algartech.com;wanessabds@algartech.com;</t>
  </si>
  <si>
    <t>ATA DE REUNIÃO - PROJETO PRECIFICAÇÃO</t>
  </si>
  <si>
    <t>Status Report Semanal - Projeto Precificação - RESUMO GERAL V1.pptx\</t>
  </si>
  <si>
    <t>/o=exchangelabs/ou=exchange administrative group (fydibohf23spdlt)/cn=recipients/cn=0e2eb71726a34a0da705bbb0bf5c0367-leonardo me,/o=exchangelabs/ou=exchange administrative group (fydibohf23spdlt)/cn=recipients/cn=8c253c95243a40aa99c9416b7eb70a2a-julio cesar,/o=exchangelabs/ou=exchange administrative group (fydibohf23spdlt)/cn=recipients/cn=93fbfc821dab48cf91184b5c6c1bf60c-ianny raiss,/o=exchangelabs/ou=exchange administrative group (fydibohf23spdlt)/cn=recipients/cn=carlos henrique vilarinho_db6c0fb3df,alessiors@algartech.com,anacmma@algartech.com,celmars@algartech.com,dioniziorn@algartech.com,ericacdosc@algartech.com,gabrielly@algartech.com,gustavoas@algartech.com,gustavohs@algartech.com,hewersong@algartech.com,ibrahimet@algartech.com,jecienegs@algartech.com,laurofdan@algartech.com,marcelorf@algartech.com,marcoabm@algartech.com,mauricio@algartech.com,raulmont@algartech.com,reynaldopm@algartech.com,thiagopre@algartech.com,wanessabds@algartech.com</t>
  </si>
  <si>
    <t>ENC: Consumidor Moderno - Informações Urgente</t>
  </si>
  <si>
    <t>2020 CIP Prêmio CM_Excel de Apoio_Empresas.xlsx</t>
  </si>
  <si>
    <t>Cópia de Cópia de Cópia de Forecast Out.2019_GAT e Aplicações.xls</t>
  </si>
  <si>
    <t>/o=exchangelabs/ou=exchange administrative group (fydibohf23spdlt)/cn=recipients/cn=d05fd9144bc0407496937c19109e2ce7-jefferson r;lcsantos@algartech.com;</t>
  </si>
  <si>
    <t>ENC: Hora Extra - Outubro</t>
  </si>
  <si>
    <t>HE - OUTUBRO - 2019.xlsm</t>
  </si>
  <si>
    <t>/o=exchangelabs/ou=exchange administrative group (fydibohf23spdlt)/cn=recipients/cn=d05fd9144bc0407496937c19109e2ce7-jefferson r,lcsantos@algartech.com</t>
  </si>
  <si>
    <t>Farol Churn - Parcial - Nov/2019 - 07/11/19</t>
  </si>
  <si>
    <t>ENC: Produtividade CRCe até 07/11</t>
  </si>
  <si>
    <t>HE</t>
  </si>
  <si>
    <t>Formulário TTV - Lançamento de Hora Extra (14).xlsx</t>
  </si>
  <si>
    <t>/o=exchangelabs/ou=exchange administrative group (fydibohf23spdlt)/cn=recipients/cn=65d35bc38c6743d7a55b3ae9726a5893-diego ribei;/o=exchangelabs/ou=exchange administrative group (fydibohf23spdlt)/cn=recipients/cn=7a5ceaeaef9041b49ad4d0d90f19ee70-marianna co;/o=exchangelabs/ou=exchange administrative group (fydibohf23spdlt)/cn=recipients/cn=ffac67121fe44ee99a9e20917aba08be-nubia fraga;/o=exchangelabs/ou=exchange administrative group (fydibohf23spdlt)/cn=recipients/cn=user12c3790d;</t>
  </si>
  <si>
    <t>/o=exchangelabs/ou=exchange administrative group (fydibohf23spdlt)/cn=recipients/cn=65d35bc38c6743d7a55b3ae9726a5893-diego ribei,/o=exchangelabs/ou=exchange administrative group (fydibohf23spdlt)/cn=recipients/cn=7a5ceaeaef9041b49ad4d0d90f19ee70-marianna co,/o=exchangelabs/ou=exchange administrative group (fydibohf23spdlt)/cn=recipients/cn=ffac67121fe44ee99a9e20917aba08be-nubia fraga,/o=exchangelabs/ou=exchange administrative group (fydibohf23spdlt)/cn=recipients/cn=user12c3790d</t>
  </si>
  <si>
    <t>Análise Vol. Whats - Máscara Dash URA Digital Out-2019 - Fechamento.xlsx</t>
  </si>
  <si>
    <t>/o=exchangelabs/ou=exchange administrative group (fydibohf23spdlt)/cn=recipients/cn=822f65115a2046059fff20a916dd90e9-thais marti;/o=exchangelabs/ou=exchange administrative group (fydibohf23spdlt)/cn=recipients/cn=aff8c3b9538840fe9b9778861292fbea-everton pau;julianags@algartech.com.br;lucianaas@algartech.com.br;</t>
  </si>
  <si>
    <t>RES: Categorização</t>
  </si>
  <si>
    <t>ANX_CATEGORIZACAO_-_UNE1_08_11_2019.xls</t>
  </si>
  <si>
    <t>/o=exchangelabs/ou=exchange administrative group (fydibohf23spdlt)/cn=recipients/cn=822f65115a2046059fff20a916dd90e9-thais marti,/o=exchangelabs/ou=exchange administrative group (fydibohf23spdlt)/cn=recipients/cn=aff8c3b9538840fe9b9778861292fbea-everton pau,julianags@algartech.com.br,lucianaas@algartech.com.br</t>
  </si>
  <si>
    <t>/o=exchangelabs/ou=exchange administrative group (fydibohf23spdlt)/cn=recipients/cn=1d548783c10f4c62bcdf5de7a0f55a3e-lucas marqu;/o=exchangelabs/ou=exchange administrative group (fydibohf23spdlt)/cn=recipients/cn=2d3379e2d04c40db810b4b1f41dd2aea-erica carol;/o=exchangelabs/ou=exchange administrative group (fydibohf23spdlt)/cn=recipients/cn=5cdf7c02d3784fda99b7b159b2a127b2-rudney leme;</t>
  </si>
  <si>
    <t>Análise de impacto na antecipação de projetos 2020</t>
  </si>
  <si>
    <t>/o=exchangelabs/ou=exchange administrative group (fydibohf23spdlt)/cn=recipients/cn=1d548783c10f4c62bcdf5de7a0f55a3e-lucas marqu,/o=exchangelabs/ou=exchange administrative group (fydibohf23spdlt)/cn=recipients/cn=2d3379e2d04c40db810b4b1f41dd2aea-erica carol,/o=exchangelabs/ou=exchange administrative group (fydibohf23spdlt)/cn=recipients/cn=5cdf7c02d3784fda99b7b159b2a127b2-rudney leme</t>
  </si>
  <si>
    <t>/o=exchangelabs/ou=exchange administrative group (fydibohf23spdlt)/cn=recipients/cn=0cec7376894d4cf598c7d569fd0deb33-daniel henr;/o=exchangelabs/ou=exchange administrative group (fydibohf23spdlt)/cn=recipients/cn=6aec868a1978426493723fb76866b007-adenilton d;eduardohca@algartech.com;</t>
  </si>
  <si>
    <t>base PG IBI</t>
  </si>
  <si>
    <t>RelAuditoria20191108170855.csv</t>
  </si>
  <si>
    <t>/o=exchangelabs/ou=exchange administrative group (fydibohf23spdlt)/cn=recipients/cn=0cec7376894d4cf598c7d569fd0deb33-daniel henr,/o=exchangelabs/ou=exchange administrative group (fydibohf23spdlt)/cn=recipients/cn=6aec868a1978426493723fb76866b007-adenilton d,eduardohca@algartech.com</t>
  </si>
  <si>
    <t>mail.google.com/_/upload?authuser=1&amp;dcp=asu-n&amp;upload_id=AEnB2UqrUbFXM2pQV-tI9JT5W6Re64D6LOy5FRX8neoUE9WGk11wM1ZqimoNkHPuKpwWzbv7PDaWXX6kiuKgenqxBd2h7imkjrnRGBhEsTSqZwguAaoTilg&amp;upload_protocol=resumable</t>
  </si>
  <si>
    <t>Matriz de Decisão - RPAs.xlsx</t>
  </si>
  <si>
    <t>/o=exchangelabs/ou=exchange administrative group (fydibohf23spdlt)/cn=recipients/cn=aff8c3b9538840fe9b9778861292fbea-everton pau;andre.komatsubara@bradesco.com.br;</t>
  </si>
  <si>
    <t>ENC: Bradesco Cartões - LOUIS DREYFUS</t>
  </si>
  <si>
    <t>26 - CONSOLIDADO INCLUSÃO - 08.11.19.xlsx</t>
  </si>
  <si>
    <t>/o=exchangelabs/ou=exchange administrative group (fydibohf23spdlt)/cn=recipients/cn=aff8c3b9538840fe9b9778861292fbea-everton pau,andre.komatsubara@bradesco.com.br</t>
  </si>
  <si>
    <t>/o=exchangelabs/ou=exchange administrative group (fydibohf23spdlt)/cn=recipients/cn=1d548783c10f4c62bcdf5de7a0f55a3e-lucas marqu;/o=exchangelabs/ou=exchange administrative group (fydibohf23spdlt)/cn=recipients/cn=1e212ef08dab4f26b88cba944f2ab7cb-pmo.governa;</t>
  </si>
  <si>
    <t>ENC: Análise de impacto na antecipação de projetos 2020</t>
  </si>
  <si>
    <t>/o=exchangelabs/ou=exchange administrative group (fydibohf23spdlt)/cn=recipients/cn=1d548783c10f4c62bcdf5de7a0f55a3e-lucas marqu,/o=exchangelabs/ou=exchange administrative group (fydibohf23spdlt)/cn=recipients/cn=1e212ef08dab4f26b88cba944f2ab7cb-pmo.governa</t>
  </si>
  <si>
    <t>/o=exchangelabs/ou=exchange administrative group (fydibohf23spdlt)/cn=recipients/cn=058955d6dd54416894ef02fd61fe3f5f-marden vian;/o=exchangelabs/ou=exchange administrative group (fydibohf23spdlt)/cn=recipients/cn=renato bruno ribeiro lopes - 004319;fabiohs@algartech.com;willian.l.souza@bradesco.com.br;</t>
  </si>
  <si>
    <t>ATUALIZAÇÃO FIRMWARE STORAGE. RDM 5661</t>
  </si>
  <si>
    <t>Update_Storage_Bradesco.xlsx</t>
  </si>
  <si>
    <t>/o=exchangelabs/ou=exchange administrative group (fydibohf23spdlt)/cn=recipients/cn=058955d6dd54416894ef02fd61fe3f5f-marden vian,/o=exchangelabs/ou=exchange administrative group (fydibohf23spdlt)/cn=recipients/cn=renato bruno ribeiro lopes - 004319,fabiohs@algartech.com,willian.l.souza@bradesco.com.br</t>
  </si>
  <si>
    <t>andre.komatsubara@bradesco.com.br;brunosr@algartech.com.br;marciags@algartech.com.br;</t>
  </si>
  <si>
    <t>ENC: Cadastro: Contato empresarial _ VISA - gscintegradora - Grupo DASA - IMPORTANTE !!!!!!</t>
  </si>
  <si>
    <t>25 - CONSOLIDADO INCLUSÃO - 08.11.19.xlsx</t>
  </si>
  <si>
    <t>andre.komatsubara@bradesco.com.br,brunosr@algartech.com.br,marciags@algartech.com.br</t>
  </si>
  <si>
    <t>RES: Repasse demandas Whirlpool - Via Conferência por Telefone</t>
  </si>
  <si>
    <t>Meta Ativo MP e reagendamento.msg\s1\</t>
  </si>
  <si>
    <t>Arvore Categorização Ativo.xlsx</t>
  </si>
  <si>
    <t>mail.google.com/_/upload?authuser=0&amp;dcp=asu-n&amp;upload_id=AEnB2Uq-xwPgyyggzIgg83dj1NKfiL9_N9MxEg1iOg9eAB-EObNMsLvtGtJISVO4Me_EsRYyawu3460SiMaEV7toxU0yEWDuagqR67F4GPaRGJ20tq_5Cr0&amp;upload_protocol=resumable</t>
  </si>
  <si>
    <t>Prudential Site 01.xlsx</t>
  </si>
  <si>
    <t>C:\Users\filemoncmj\OneDrive - Grupo Algar\01. Algar Tech\01. Projetos de Clientes\47. Prudential\16. Infraestrutura\Layout Service Desk Prudential.eml\</t>
  </si>
  <si>
    <t>/o=exchangelabs/ou=exchange administrative group (fydibohf23spdlt)/cn=recipients/cn=56c2af2d07fd48c0aebfc00ddc006494-alessio rod;/o=exchangelabs/ou=exchange administrative group (fydibohf23spdlt)/cn=recipients/cn=8fc182d8ec964190abd5d149ac41ad8b-fabricio de;/o=exchangelabs/ou=exchange administrative group (fydibohf23spdlt)/cn=recipients/cn=c29ec9dae022497281c840087cccddec-patricia ar;/o=exchangelabs/ou=exchange administrative group (fydibohf23spdlt)/cn=recipients/cn=c651393460d944ffb6be3809cfeaefb6-saulo augus;/o=exchangelabs/ou=exchange administrative group (fydibohf23spdlt)/cn=recipients/cn=e0001a1553fb4b9a9be687db68a2ec15-yuri ian fr;/o=exchangelabs/ou=exchange administrative group (fydibohf23spdlt)/cn=recipients/cn=f00c439d0d474c0586a503a0209ed1f2-bruno wande;/o=exchangelabs/ou=exchange administrative group (fydibohf23spdlt)/cn=recipients/cn=usere11ed38c;</t>
  </si>
  <si>
    <t>CIMI - Congresso Internacional de Medicina Integrativa</t>
  </si>
  <si>
    <t>CIMI Plan Precificacao C018 B018.xlsb</t>
  </si>
  <si>
    <t>/o=exchangelabs/ou=exchange administrative group (fydibohf23spdlt)/cn=recipients/cn=56c2af2d07fd48c0aebfc00ddc006494-alessio rod,/o=exchangelabs/ou=exchange administrative group (fydibohf23spdlt)/cn=recipients/cn=8fc182d8ec964190abd5d149ac41ad8b-fabricio de,/o=exchangelabs/ou=exchange administrative group (fydibohf23spdlt)/cn=recipients/cn=c29ec9dae022497281c840087cccddec-patricia ar,/o=exchangelabs/ou=exchange administrative group (fydibohf23spdlt)/cn=recipients/cn=c651393460d944ffb6be3809cfeaefb6-saulo augus,/o=exchangelabs/ou=exchange administrative group (fydibohf23spdlt)/cn=recipients/cn=e0001a1553fb4b9a9be687db68a2ec15-yuri ian fr,/o=exchangelabs/ou=exchange administrative group (fydibohf23spdlt)/cn=recipients/cn=f00c439d0d474c0586a503a0209ed1f2-bruno wande,/o=exchangelabs/ou=exchange administrative group (fydibohf23spdlt)/cn=recipients/cn=usere11ed38c</t>
  </si>
  <si>
    <t>br.mail.yahoo.com/ws/v3/batch?name=messages.saveV3&amp;hash=2aebaef0&amp;appId=YMailNorrin&amp;ymreqid=3fbc17a3-0847-50c6-1c2e-d4000201bb00&amp;wssid=KYOUqK%2Fmr9a</t>
  </si>
  <si>
    <t>lorenna.luiza@hotmail.com;</t>
  </si>
  <si>
    <t>Chá Revelação Dani.xlsx</t>
  </si>
  <si>
    <t>lorenna.luiza@hotmail.com</t>
  </si>
  <si>
    <t>Necessidade P.As - dez/19</t>
  </si>
  <si>
    <t>12 - Levantamento de PA's ALGAR.xlsx</t>
  </si>
  <si>
    <t>/o=exchangelabs/ou=exchange administrative group (fydibohf23spdlt)/cn=recipients/cn=7094e3830c7149b2a48be9648c62854e-lorrana apa;/o=exchangelabs/ou=exchange administrative group (fydibohf23spdlt)/cn=recipients/cn=7f100576a0d642769861fae5d58c2022-diego barda;/o=exchangelabs/ou=exchange administrative group (fydibohf23spdlt)/cn=recipients/cn=8ab5e44d485043d59eb4f21463e63e6a-tays dos sa;/o=exchangelabs/ou=exchange administrative group (fydibohf23spdlt)/cn=recipients/cn=8f4e3aa524514f919832da77d1e13730-giselle nar;rutiyama@toyota.com.br;</t>
  </si>
  <si>
    <t>/o=exchangelabs/ou=exchange administrative group (fydibohf23spdlt)/cn=recipients/cn=7094e3830c7149b2a48be9648c62854e-lorrana apa,/o=exchangelabs/ou=exchange administrative group (fydibohf23spdlt)/cn=recipients/cn=7f100576a0d642769861fae5d58c2022-diego barda,/o=exchangelabs/ou=exchange administrative group (fydibohf23spdlt)/cn=recipients/cn=8ab5e44d485043d59eb4f21463e63e6a-tays dos sa,/o=exchangelabs/ou=exchange administrative group (fydibohf23spdlt)/cn=recipients/cn=8f4e3aa524514f919832da77d1e13730-giselle nar,rutiyama@toyota.com.br</t>
  </si>
  <si>
    <t>Aplicações</t>
  </si>
  <si>
    <t>00_Revisao_Aplicações_V5.xlsx</t>
  </si>
  <si>
    <t>D8-9C-67-6F-2A-13</t>
  </si>
  <si>
    <t>C:\Users\aguinaldoasj\Desktop\gestão de projetos\Ferias\</t>
  </si>
  <si>
    <t>Férias.xlsx</t>
  </si>
  <si>
    <t>containsunsubscribedchildren,displayname,domain,emailaddress,explicitlytrashed,file(kind,fileid,filesize,hasth,hasthumbnail,hasvisitorpermissions,id,id),items(deleted,items(kind,ken,kind,lastmodifyinguser(kind,lastviewedbymedate,mimetype,modifiedbymedate,modifieddate,ontainsunsubscribedchildren,owners(kind,perm,permissionid,pict,picture,quota,quotabytesused,rpermissions,shareable,shared,sharedwithmedate,thumbnailversion,title,title�,userpermission(role),workspaceids</t>
  </si>
  <si>
    <t>C:\Users\aguinaldoasj\Desktop\gestão de projetos\Ferias\029\FERIAS EMPRESA 029.rar\</t>
  </si>
  <si>
    <t>Relatorio.FeriasProgramadas_20191106132335162144.xls</t>
  </si>
  <si>
    <t>Relatorio.FeriasProgramadas_20191106132343162144.xls</t>
  </si>
  <si>
    <t>Relatorio.FeriasProgramadas_20191106132353162144.xls</t>
  </si>
  <si>
    <t>Relatorio.FeriasProgramadas_20191106132400162144.xls</t>
  </si>
  <si>
    <t>Relatorio.FeriasProgramadas_20191106132406162144.xls</t>
  </si>
  <si>
    <t>Relatorio.FeriasProgramadas_20191106132417162144.xls</t>
  </si>
  <si>
    <t>Relatorio.FeriasProgramadas_20191106132427162144.xls</t>
  </si>
  <si>
    <t>Relatorio.FeriasProgramadas_20191106132433162144.xls</t>
  </si>
  <si>
    <t>Relatorio.FeriasProgramadas_20191106132442162144.xls</t>
  </si>
  <si>
    <t>Relatorio.FeriasProgramadas_20191106132449162144.xls</t>
  </si>
  <si>
    <t>Relatorio.FeriasProgramadas_20191106132456162144.xls</t>
  </si>
  <si>
    <t>Relatorio.FeriasProgramadas_20191106132515162144.xls</t>
  </si>
  <si>
    <t>Relatorio.FeriasProgramadas_20191106132522162144.xls</t>
  </si>
  <si>
    <t>Relatorio.FeriasProgramadas_20191106132529162144.xls</t>
  </si>
  <si>
    <t>C:\Users\aguinaldoasj\Desktop\gestão de projetos\Ferias\033\FERIAS EMPRESA 33.rar\</t>
  </si>
  <si>
    <t>Relatorio.FeriasProgramadas_20191106131727162144.xls</t>
  </si>
  <si>
    <t>Relatorio.FeriasProgramadas_20191106131748162144.xls</t>
  </si>
  <si>
    <t>Relatorio.FeriasProgramadas_20191106131806162144.xls</t>
  </si>
  <si>
    <t>Relatorio.FeriasProgramadas_20191106131812162144.xls</t>
  </si>
  <si>
    <t>Relatorio.FeriasProgramadas_20191106131818162144.xls</t>
  </si>
  <si>
    <t>Relatorio.FeriasProgramadas_20191106131825162144.xls</t>
  </si>
  <si>
    <t>Relatorio.FeriasProgramadas_20191106131831162144.xls</t>
  </si>
  <si>
    <t>Relatorio.FeriasProgramadas_20191106131837162144.xls</t>
  </si>
  <si>
    <t>Relatorio.FeriasProgramadas_20191106131847162144.xls</t>
  </si>
  <si>
    <t>Relatorio.FeriasProgramadas_20191106131853162144.xls</t>
  </si>
  <si>
    <t>Relatorio.FeriasProgramadas_20191106131859162144.xls</t>
  </si>
  <si>
    <t>Relatorio.FeriasProgramadas_20191106131904162144.xls</t>
  </si>
  <si>
    <t>Relatorio.FeriasProgramadas_20191106131912162144.xls</t>
  </si>
  <si>
    <t>Relatorio.FeriasProgramadas_20191106131918162144.xls</t>
  </si>
  <si>
    <t>/o=exchangelabs/ou=exchange administrative group (fydibohf23spdlt)/cn=recipients/cn=a67b870d47244fa19f0fe0fbb7458d8d-igo henriqu;</t>
  </si>
  <si>
    <t>RES: Propostas Técnica e Comercial Algar</t>
  </si>
  <si>
    <t>214368 - Unimed Seguros - Plan Precificacao - v2.xlsb</t>
  </si>
  <si>
    <t>/o=exchangelabs/ou=exchange administrative group (fydibohf23spdlt)/cn=recipients/cn=a67b870d47244fa19f0fe0fbb7458d8d-igo henriqu</t>
  </si>
  <si>
    <t>/o=exchangelabs/ou=exchange administrative group (fydibohf23spdlt)/cn=recipients/cn=43a054bacf514a8a9cdcb240b072cd47-cecilia mul;/o=exchangelabs/ou=exchange administrative group (fydibohf23spdlt)/cn=recipients/cn=8c89829ad534498fa4c85b5ac11174f1-suelen more;/o=exchangelabs/ou=exchange administrative group (fydibohf23spdlt)/cn=recipients/cn=97028c61ebe04c3ca84c604712943944-fabiano wil;</t>
  </si>
  <si>
    <t>RES: RFP – AMS OFFICE 365</t>
  </si>
  <si>
    <t>/o=exchangelabs/ou=exchange administrative group (fydibohf23spdlt)/cn=recipients/cn=43a054bacf514a8a9cdcb240b072cd47-cecilia mul,/o=exchangelabs/ou=exchange administrative group (fydibohf23spdlt)/cn=recipients/cn=8c89829ad534498fa4c85b5ac11174f1-suelen more,/o=exchangelabs/ou=exchange administrative group (fydibohf23spdlt)/cn=recipients/cn=97028c61ebe04c3ca84c604712943944-fabiano wil</t>
  </si>
  <si>
    <t>/o=exchangelabs/ou=exchange administrative group (fydibohf23spdlt)/cn=recipients/cn=43098982c58548788e00fe3ed9e7f8f1-wladimir te;/o=exchangelabs/ou=exchange administrative group (fydibohf23spdlt)/cn=recipients/cn=44f0a666541444e787f23979b24aa3bd-reginaldo r;/o=exchangelabs/ou=exchange administrative group (fydibohf23spdlt)/cn=recipients/cn=9932c4aaf3fc41ea840766c299f76e8d-andrea lace;/o=exchangelabs/ou=exchange administrative group (fydibohf23spdlt)/cn=recipients/cn=f686c6cfcd464225892fe608e52efbcf-bruno apare;rafaelsan@algartech.com.br;</t>
  </si>
  <si>
    <t>RES: BP QPREA - FRAUDE BRADESCO</t>
  </si>
  <si>
    <t>BP - Novo QPREA.xlsx</t>
  </si>
  <si>
    <t>/o=exchangelabs/ou=exchange administrative group (fydibohf23spdlt)/cn=recipients/cn=43098982c58548788e00fe3ed9e7f8f1-wladimir te,/o=exchangelabs/ou=exchange administrative group (fydibohf23spdlt)/cn=recipients/cn=44f0a666541444e787f23979b24aa3bd-reginaldo r,/o=exchangelabs/ou=exchange administrative group (fydibohf23spdlt)/cn=recipients/cn=9932c4aaf3fc41ea840766c299f76e8d-andrea lace,/o=exchangelabs/ou=exchange administrative group (fydibohf23spdlt)/cn=recipients/cn=f686c6cfcd464225892fe608e52efbcf-bruno apare,rafaelsan@algartech.com.br</t>
  </si>
  <si>
    <t>TEMPLATE B2K - Douglas.xlsx</t>
  </si>
  <si>
    <t>/o=exchangelabs/ou=exchange administrative group (fydibohf23spdlt)/cn=recipients/cn=094e5194d5c94cdf9d444ee50a911800-thalles hen;/o=exchangelabs/ou=exchange administrative group (fydibohf23spdlt)/cn=recipients/cn=81f72ed6e9d042e3bed0cec08d488854-vinicius go;</t>
  </si>
  <si>
    <t>ENC: Dashboard PA Digital N1 Services - ASC - Consolidado até 07/11</t>
  </si>
  <si>
    <t>/o=exchangelabs/ou=exchange administrative group (fydibohf23spdlt)/cn=recipients/cn=094e5194d5c94cdf9d444ee50a911800-thalles hen,/o=exchangelabs/ou=exchange administrative group (fydibohf23spdlt)/cn=recipients/cn=81f72ed6e9d042e3bed0cec08d488854-vinicius go</t>
  </si>
  <si>
    <t>ENC: Dashboard PA Digital N1 Services - ASC - Consolidado até 30/10</t>
  </si>
  <si>
    <t>lucasm@algartech.com;reginaldort@algartech.com;rogerioo@algartelecom.com.br;thiago.batista@cscalgar.com.br;wexley.albino@cscalgar.com.br;</t>
  </si>
  <si>
    <t>Proposta Novos Perfis.xlsx</t>
  </si>
  <si>
    <t>lucasm@algartech.com,reginaldort@algartech.com,rogerioo@algartelecom.com.br,thiago.batista@cscalgar.com.br,wexley.albino@cscalgar.com.br</t>
  </si>
  <si>
    <t>/o=exchangelabs/ou=exchange administrative group (fydibohf23spdlt)/cn=recipients/cn=55f846c335d7437f892f0b0d49c89e92-celma ribei;/o=exchangelabs/ou=exchange administrative group (fydibohf23spdlt)/cn=recipients/cn=adf9f91d3cf5433d98d0a80a1a22fe72-rogerio cip;/o=exchangelabs/ou=exchange administrative group (fydibohf23spdlt)/cn=recipients/cn=bf4d3ddd7e134644a2b491c4705f341e-danielle ma;</t>
  </si>
  <si>
    <t>Rescisões Algar Ti</t>
  </si>
  <si>
    <t>Rescisões 2019 - Algar TI v2.xlsx</t>
  </si>
  <si>
    <t>/o=exchangelabs/ou=exchange administrative group (fydibohf23spdlt)/cn=recipients/cn=55f846c335d7437f892f0b0d49c89e92-celma ribei,/o=exchangelabs/ou=exchange administrative group (fydibohf23spdlt)/cn=recipients/cn=adf9f91d3cf5433d98d0a80a1a22fe72-rogerio cip,/o=exchangelabs/ou=exchange administrative group (fydibohf23spdlt)/cn=recipients/cn=bf4d3ddd7e134644a2b491c4705f341e-danielle ma</t>
  </si>
  <si>
    <t>/o=exchangelabs/ou=exchange administrative group (fydibohf23spdlt)/cn=recipients/cn=1d548783c10f4c62bcdf5de7a0f55a3e-lucas marqu;/o=exchangelabs/ou=exchange administrative group (fydibohf23spdlt)/cn=recipients/cn=2d3379e2d04c40db810b4b1f41dd2aea-erica carol;/o=exchangelabs/ou=exchange administrative group (fydibohf23spdlt)/cn=recipients/cn=65d35bc38c6743d7a55b3ae9726a5893-diego ribei;</t>
  </si>
  <si>
    <t>RES: Análise de impacto na antecipação de projetos 2020</t>
  </si>
  <si>
    <t>Calculo CAPEX.xlsx</t>
  </si>
  <si>
    <t>/o=exchangelabs/ou=exchange administrative group (fydibohf23spdlt)/cn=recipients/cn=1d548783c10f4c62bcdf5de7a0f55a3e-lucas marqu,/o=exchangelabs/ou=exchange administrative group (fydibohf23spdlt)/cn=recipients/cn=2d3379e2d04c40db810b4b1f41dd2aea-erica carol,/o=exchangelabs/ou=exchange administrative group (fydibohf23spdlt)/cn=recipients/cn=65d35bc38c6743d7a55b3ae9726a5893-diego ribei</t>
  </si>
  <si>
    <t>Escala TRN - FEIRA DO CONHECIMENTO MODULO 1_09.11.xlsx</t>
  </si>
  <si>
    <t>C:\Users\lucasfbr\OneDrive - Grupo Algar\LUCAS\3 - Demandas\Licenciamento Microsoft\Fase 2\7 - SAM\Resultados\ALGAR EMPRESAS\1 TECH\</t>
  </si>
  <si>
    <t>MLS_TECH_20170503_2.xlsx</t>
  </si>
  <si>
    <t>mail.google.com/_/upload?authuser=1&amp;dcp=asu-n&amp;upload_id=AEnB2UoxrU9NKc77RJjfHVWrelHGINK7G6qSg9i7w2mxRvbrXAd8onIhone5ID-1RBBZT4D9Z42bEiWnr-axwhIooolXXmAcdCWcZahPmoBxBDivIGLhArQ&amp;upload_protocol=resumable</t>
  </si>
  <si>
    <t>C:\Users\filemoncmj\OneDrive - Grupo Algar\01. Algar Tech\01. Projetos de Clientes\47. Prudential\12. Mapeamento de Processos\</t>
  </si>
  <si>
    <t>Cronograma Processos.xlsx</t>
  </si>
  <si>
    <t>mail.google.com/_/upload?authuser=0&amp;dcp=asu-n&amp;upload_id=AEnB2UqMv2hccZMHgfaXyw7XHxOq89NEU_lqnDavzxXDDb0hHiALLY88QOwYmG_gCZA3RxS__0_zyldM8Iw4sz_IMP-pwvyd7VUDcDhU9N1SidT5EL9aPVM&amp;upload_protocol=resumable</t>
  </si>
  <si>
    <t>/o=exchangelabs/ou=exchange administrative group (fydibohf23spdlt)/cn=recipients/cn=18538d61f6f342f7a3d2db08df47d617-vanusa prec;/o=exchangelabs/ou=exchange administrative group (fydibohf23spdlt)/cn=recipients/cn=1e212ef08dab4f26b88cba944f2ab7cb-pmo.governa;/o=exchangelabs/ou=exchange administrative group (fydibohf23spdlt)/cn=recipients/cn=55f846c335d7437f892f0b0d49c89e92-celma ribei;</t>
  </si>
  <si>
    <t>Algar Tech_4a REUGER 2019_Financeiro v2.pptx\</t>
  </si>
  <si>
    <t>/o=exchangelabs/ou=exchange administrative group (fydibohf23spdlt)/cn=recipients/cn=18538d61f6f342f7a3d2db08df47d617-vanusa prec,/o=exchangelabs/ou=exchange administrative group (fydibohf23spdlt)/cn=recipients/cn=1e212ef08dab4f26b88cba944f2ab7cb-pmo.governa,/o=exchangelabs/ou=exchange administrative group (fydibohf23spdlt)/cn=recipients/cn=55f846c335d7437f892f0b0d49c89e92-celma ribei</t>
  </si>
  <si>
    <t>ENC: TESTES - NOVO SISTEMA SYNERGY</t>
  </si>
  <si>
    <t>BASE TESTE - SISTEMA PONTO SYNERGY.xlsx</t>
  </si>
  <si>
    <t>sarahrodrigues02@hotmail.com;</t>
  </si>
  <si>
    <t>Documentos pessoais</t>
  </si>
  <si>
    <t>Orçamento.xlsx</t>
  </si>
  <si>
    <t>sarahrodrigues02@hotmail.com</t>
  </si>
  <si>
    <t>Peça Oficial 2020 - Projetos - Grupo Tech_Retorno 2510_Adeq Tech - Cópia.xlsx</t>
  </si>
  <si>
    <t>0ANALYSIS_PATTERN - 2019-11-11T082909.848.csv</t>
  </si>
  <si>
    <t>anapscl@algartech.com;hyonarafs@algartech.com;micheless@algartech.com;thaisaol@algartech.com.br;</t>
  </si>
  <si>
    <t>CURVA NORMAL - 08/11/2019</t>
  </si>
  <si>
    <t>anapscl@algartech.com,hyonarafs@algartech.com,micheless@algartech.com,thaisaol@algartech.com.br</t>
  </si>
  <si>
    <t>0ANALYSIS_PATTERN - 2019-11-11T083250.080.csv</t>
  </si>
  <si>
    <t>mail.google.com/_/upload?authuser=0&amp;dcp=asu-n&amp;upload_id=AEnB2UoSR7FQ4fKGSJ1N2V0ho4lHwhiVoEnLPd0E1DPe_7b8TV9zKIuVb8i4GXRDNQjJi3NeCCVo_DRLELhZD8tf2YTPQRYGQw&amp;upload_protocol=resumable</t>
  </si>
  <si>
    <t>\\acsfs\DEPTOS\Engenharia\2 - Service Desk\2.20 - Implementação\2.19.0 - Implementação\Agenda\</t>
  </si>
  <si>
    <t>Agenda Semanal 11-11 a 15-11 Histórico 04-11 a 08-11.xlsx</t>
  </si>
  <si>
    <t>10.200.35.102</t>
  </si>
  <si>
    <t>10.200.60.44</t>
  </si>
  <si>
    <t>https://cscatende.algarnet.com.br/html/hd/hdscriptresposta/request/uploadincidentattachment.php?cdclassificacao=&amp;action=1&amp;lastpositionattachement=undefined&amp;cdquestao=8352&amp;idmaisanexos=t</t>
  </si>
  <si>
    <t>9565;</t>
  </si>
  <si>
    <t>C:\Users\carlosrcos\Desktop\Problemas GPS\</t>
  </si>
  <si>
    <t>Formulario_de_SolicitacaoNotificacao.xlsx</t>
  </si>
  <si>
    <t>https://9565</t>
  </si>
  <si>
    <t>Peça Oficial 2020 - Projetos_Retorno 2510_Adeq TechCSC0811.xlsx</t>
  </si>
  <si>
    <t>ENC: Custo de Rescisão</t>
  </si>
  <si>
    <t>SIMULAÇÃO_MARCOPAULO_08112019.xlsx</t>
  </si>
  <si>
    <t>/o=exchangelabs/ou=exchange administrative group (fydibohf23spdlt)/cn=recipients/cn=0e77e0b4028e44e3926a461e54e7b999-ediene luzi;/o=exchangelabs/ou=exchange administrative group (fydibohf23spdlt)/cn=recipients/cn=6189712535ea4b50a3625910837af2c9-larissa bra;/o=exchangelabs/ou=exchange administrative group (fydibohf23spdlt)/cn=recipients/cn=e0001a1553fb4b9a9be687db68a2ec15-yuri ian fr;/o=exchangelabs/ou=exchange administrative group (fydibohf23spdlt)/cn=recipients/cn=e174366906884bd1b4d4c5ddfc8c9433-rodrigo men;/o=exchangelabs/ou=exchange administrative group (fydibohf23spdlt)/cn=recipients/cn=user776b6484;guilherme_andrade@whirlpool.com;hugo_cesar_rodrigues_dos_santos_algar@whirlpool.com;thais_coimbra_fonseca_algar@whirlpool.com;</t>
  </si>
  <si>
    <t>RES: Categorização Ecenter + N3 Dynamics</t>
  </si>
  <si>
    <t>RES Categorização Ecenter.msg\s484\</t>
  </si>
  <si>
    <t>/o=exchangelabs/ou=exchange administrative group (fydibohf23spdlt)/cn=recipients/cn=0e77e0b4028e44e3926a461e54e7b999-ediene luzi,/o=exchangelabs/ou=exchange administrative group (fydibohf23spdlt)/cn=recipients/cn=6189712535ea4b50a3625910837af2c9-larissa bra,/o=exchangelabs/ou=exchange administrative group (fydibohf23spdlt)/cn=recipients/cn=e0001a1553fb4b9a9be687db68a2ec15-yuri ian fr,/o=exchangelabs/ou=exchange administrative group (fydibohf23spdlt)/cn=recipients/cn=e174366906884bd1b4d4c5ddfc8c9433-rodrigo men,/o=exchangelabs/ou=exchange administrative group (fydibohf23spdlt)/cn=recipients/cn=user776b6484,guilherme_andrade@whirlpool.com,hugo_cesar_rodrigues_dos_santos_algar@whirlpool.com,thais_coimbra_fonseca_algar@whirlpool.com</t>
  </si>
  <si>
    <t>/o=exchangelabs/ou=exchange administrative group (fydibohf23spdlt)/cn=recipients/cn=1635ed1077024674b65c52767dacde9a-jullian pac;/o=exchangelabs/ou=exchange administrative group (fydibohf23spdlt)/cn=recipients/cn=9c71bc5f5a3648bbbb5f6bedb86e15a6-marcelo buz;/o=exchangelabs/ou=exchange administrative group (fydibohf23spdlt)/cn=recipients/cn=bcc9538754d3496ea31a487e560f8214-silvio mart;/o=exchangelabs/ou=exchange administrative group (fydibohf23spdlt)/cn=recipients/cn=cac18c5388b04f6d979d1bc87a08825a-marcopaulo;</t>
  </si>
  <si>
    <t>RES: Modelo Dimensionamento Escopo B</t>
  </si>
  <si>
    <t>02.b.14. Volumetria histórica - oficeal_V5-Silvio_.xlsx</t>
  </si>
  <si>
    <t>/o=exchangelabs/ou=exchange administrative group (fydibohf23spdlt)/cn=recipients/cn=1635ed1077024674b65c52767dacde9a-jullian pac,/o=exchangelabs/ou=exchange administrative group (fydibohf23spdlt)/cn=recipients/cn=9c71bc5f5a3648bbbb5f6bedb86e15a6-marcelo buz,/o=exchangelabs/ou=exchange administrative group (fydibohf23spdlt)/cn=recipients/cn=bcc9538754d3496ea31a487e560f8214-silvio mart,/o=exchangelabs/ou=exchange administrative group (fydibohf23spdlt)/cn=recipients/cn=cac18c5388b04f6d979d1bc87a08825a-marcopaulo</t>
  </si>
  <si>
    <t>\\acsfs\DEPTOS\Engenharia\2 - Service Desk\2.19 - Help Desk Corporate\2.19.9 - Outros\SUPERVISORES\Lucas Rabboni\001 - Equipes\2.UPC\Controle de entregas\10 Painel Outubro\</t>
  </si>
  <si>
    <t>0fc4e5d0f7ae4f99bb1e55101de57afc.xls</t>
  </si>
  <si>
    <t>/o=exchangelabs/ou=exchange administrative group (fydibohf23spdlt)/cn=recipients/cn=010c9ad8a2ca4b90b7642d039dda856e-karolyne ca;/o=exchangelabs/ou=exchange administrative group (fydibohf23spdlt)/cn=recipients/cn=a75579a499254c2291e852b70c4d70d1-eunice apar;/o=exchangelabs/ou=exchange administrative group (fydibohf23spdlt)/cn=recipients/cn=d5130784dc81436d9511788de4df376c-jeciene gom;</t>
  </si>
  <si>
    <t>BLOQUEIO CONSCIENTE 2019.xlsx</t>
  </si>
  <si>
    <t>/o=exchangelabs/ou=exchange administrative group (fydibohf23spdlt)/cn=recipients/cn=010c9ad8a2ca4b90b7642d039dda856e-karolyne ca,/o=exchangelabs/ou=exchange administrative group (fydibohf23spdlt)/cn=recipients/cn=a75579a499254c2291e852b70c4d70d1-eunice apar,/o=exchangelabs/ou=exchange administrative group (fydibohf23spdlt)/cn=recipients/cn=d5130784dc81436d9511788de4df376c-jeciene gom</t>
  </si>
  <si>
    <t>andrethemistocles@sinergyrh.com.br;aparecidamb@algartech.com;camillerml@algartech.com;carlajustino@sinergyrh.com.br;daniloms@algartech.com;diegorbo@algartech.com;gabrielbc@algartech.com;geisonjt@algartech.com;giseleclss@algartech.com;marketing@numero1seguros.com.br;patricia@numero1seguros.com.br;sesmt-regionaludi@algartech.com;silviolap@algartech.com;wilsianemf@algartech.com;</t>
  </si>
  <si>
    <t>CLASSIFICAÇÃO DE RISCO - Danilo 11.11.xlsx</t>
  </si>
  <si>
    <t>andrethemistocles@sinergyrh.com.br,aparecidamb@algartech.com,camillerml@algartech.com,carlajustino@sinergyrh.com.br,daniloms@algartech.com,diegorbo@algartech.com,gabrielbc@algartech.com,geisonjt@algartech.com,giseleclss@algartech.com,marketing@numero1seguros.com.br,patricia@numero1seguros.com.br,sesmt-regionaludi@algartech.com,silviolap@algartech.com,wilsianemf@algartech.com</t>
  </si>
  <si>
    <t>Fechamento Outubro_ UNE e Casos Especiais</t>
  </si>
  <si>
    <t>ENC: Solicitar autorização para débito _Caixa</t>
  </si>
  <si>
    <t>CEF.xlsx</t>
  </si>
  <si>
    <t>RES: Faturamento Algar</t>
  </si>
  <si>
    <t>Fechamento Financeiro Credenciadora Única - Setembro 19.msg\s1\</t>
  </si>
  <si>
    <t>/o=exchangelabs/ou=exchange administrative group (fydibohf23spdlt)/cn=recipients/cn=1e212ef08dab4f26b88cba944f2ab7cb-pmo.governa;/o=exchangelabs/ou=exchange administrative group (fydibohf23spdlt)/cn=recipients/cn=433c44314b25411787c58f7b0b761a9c-augusto afo;/o=exchangelabs/ou=exchange administrative group (fydibohf23spdlt)/cn=recipients/cn=66edf19ebc2742d0aad16b8a34a09b10-andre luiz;/o=exchangelabs/ou=exchange administrative group (fydibohf23spdlt)/cn=recipients/cn=b3ad8a638fcc4c57bf8c7953dd4b3cb8-augusto ces;</t>
  </si>
  <si>
    <t>RES: Change - Climatização Containers</t>
  </si>
  <si>
    <t>SOLICITAÇÃO DE CHANGE - Climatização Containeres.pptx\</t>
  </si>
  <si>
    <t>/o=exchangelabs/ou=exchange administrative group (fydibohf23spdlt)/cn=recipients/cn=1e212ef08dab4f26b88cba944f2ab7cb-pmo.governa,/o=exchangelabs/ou=exchange administrative group (fydibohf23spdlt)/cn=recipients/cn=433c44314b25411787c58f7b0b761a9c-augusto afo,/o=exchangelabs/ou=exchange administrative group (fydibohf23spdlt)/cn=recipients/cn=66edf19ebc2742d0aad16b8a34a09b10-andre luiz,/o=exchangelabs/ou=exchange administrative group (fydibohf23spdlt)/cn=recipients/cn=b3ad8a638fcc4c57bf8c7953dd4b3cb8-augusto ces</t>
  </si>
  <si>
    <t>/o=exchangelabs/ou=exchange administrative group (fydibohf23spdlt)/cn=recipients/cn=5cdf7c02d3784fda99b7b159b2a127b2-rudney leme;/o=exchangelabs/ou=exchange administrative group (fydibohf23spdlt)/cn=recipients/cn=c212eb60f4be444cb64e0cc9b82f6e10-alessandro;</t>
  </si>
  <si>
    <t>ENC: Change CAPEX do projeto End Point Security - Tamnum</t>
  </si>
  <si>
    <t>FAC - FORMULÁRIO AVALIAÇÃO DA CONTRATAÇÃO.xlsx</t>
  </si>
  <si>
    <t>/o=exchangelabs/ou=exchange administrative group (fydibohf23spdlt)/cn=recipients/cn=5cdf7c02d3784fda99b7b159b2a127b2-rudney leme,/o=exchangelabs/ou=exchange administrative group (fydibohf23spdlt)/cn=recipients/cn=c212eb60f4be444cb64e0cc9b82f6e10-alessandro</t>
  </si>
  <si>
    <t>C:\Users\aguinaldoasj\OneDrive - Grupo Algar\GESTAO PROJETOS TI\HoraExtras\</t>
  </si>
  <si>
    <t>Hora_Extra.xlsx</t>
  </si>
  <si>
    <t>C:\Users\aguinaldoasj\OneDrive - Grupo Algar\GESTAO PROJETOS TI\Ferias\</t>
  </si>
  <si>
    <t>/o=exchangelabs/ou=exchange administrative group (fydibohf23spdlt)/cn=recipients/cn=2072905e221e44cd93713caf57a4301f-roberta igi;/o=exchangelabs/ou=exchange administrative group (fydibohf23spdlt)/cn=recipients/cn=545f738e0fe740ba856f4eb6ef0135e0-vinicius si;/o=exchangelabs/ou=exchange administrative group (fydibohf23spdlt)/cn=recipients/cn=6857e7b89b5f46e3b6aed2352ac8d5ac-carlos albe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f50351055a2944cebcbdc18a918945d6-gustavo res;asoares@tribanco.com.br;cfonseca@tripag.com.br;cynthiaf@tripag.com.br;ganunes@tripag.com.br;lrocha@tribanco.com.br;lucasfs@tribanco.com.br;oscilang@tripag.com.br;samias@tribanco.com.br;</t>
  </si>
  <si>
    <t>Fechamento Financeiro - Única - Outubro-19</t>
  </si>
  <si>
    <t>/o=exchangelabs/ou=exchange administrative group (fydibohf23spdlt)/cn=recipients/cn=2072905e221e44cd93713caf57a4301f-roberta igi,/o=exchangelabs/ou=exchange administrative group (fydibohf23spdlt)/cn=recipients/cn=545f738e0fe740ba856f4eb6ef0135e0-vinicius si,/o=exchangelabs/ou=exchange administrative group (fydibohf23spdlt)/cn=recipients/cn=6857e7b89b5f46e3b6aed2352ac8d5ac-carlos albe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f50351055a2944cebcbdc18a918945d6-gustavo res,asoares@tribanco.com.br,cfonseca@tripag.com.br,cynthiaf@tripag.com.br,ganunes@tripag.com.br,lrocha@tribanco.com.br,lucasfs@tribanco.com.br,oscilang@tripag.com.br,samias@tribanco.com.br</t>
  </si>
  <si>
    <t>\\acsfs\dsti\CES - Coordenacao de Entrega de Serviços\02 - Comum\01 - Gestao da Area\SAGE\Faturamento\2019\03 - Março\Março\</t>
  </si>
  <si>
    <t>3. SAGE_FATURAMENTO Março_Consolidado.xlsx</t>
  </si>
  <si>
    <t>Localizar.xlsx</t>
  </si>
  <si>
    <t>C:\Users\viniciussg\OneDrive\Cursos\Top Trader - Ronal Cutrim 1\Extras\Planilha\</t>
  </si>
  <si>
    <t>segue planilha atualizada conforme solicitação.;</t>
  </si>
  <si>
    <t>Template_folha_retificadora_ISAURA_REV.xlsx</t>
  </si>
  <si>
    <t>https://segue planilha atualizada conforme solicitação.</t>
  </si>
  <si>
    <t>Template_folha_retificadora_LUCAS_REV.xlsx</t>
  </si>
  <si>
    <t>Template_folha_retificadora_DANILO_REV.xlsx</t>
  </si>
  <si>
    <t>Template_folha_retificadora_DANUBIA_REV.xlsx</t>
  </si>
  <si>
    <t>/o=exchangelabs/ou=exchange administrative group (fydibohf23spdlt)/cn=recipients/cn=6ee511b5750746579a79611e41d60751-gabriel ant;</t>
  </si>
  <si>
    <t>ENC: Controle de Treinamento</t>
  </si>
  <si>
    <t>/o=exchangelabs/ou=exchange administrative group (fydibohf23spdlt)/cn=recipients/cn=6ee511b5750746579a79611e41d60751-gabriel ant</t>
  </si>
  <si>
    <t>https://caey.fa.us2.oraclecloud.com/crmui/faces/fusewelcome?_adf.ctrl-state=8mvljt3mo_5</t>
  </si>
  <si>
    <t>C:\Users\sherleyce\Desktop\BP V.5 ATUALIZADA - RES 188301 - GRC - TOYOTA - ATENDIMENTO MOBILIDADE - Atualizar BP Rampa Fusion ( Valor e prazo contratual).msg\s1\</t>
  </si>
  <si>
    <t>BP_v5.xlsb</t>
  </si>
  <si>
    <t>C:\Users\sherleyce\Desktop\BP V.5 ATUALIZADA - RES 188301 - GRC - TOYOTA - ATENDIMENTO MOBILIDADE - Atualizar BP Rampa Fusion ( Valor e prazo contratual).msg\s1\BP_v5.xlsb\</t>
  </si>
  <si>
    <t>ENC: Informações da Reunião de Comissão</t>
  </si>
  <si>
    <t>Receita x Opp.xlsx</t>
  </si>
  <si>
    <t>/o=exchangelabs/ou=exchange administrative group (fydibohf23spdlt)/cn=recipients/cn=3daf2f0b162f40c696c00f9ecbb7d69a-ana laura t;/o=exchangelabs/ou=exchange administrative group (fydibohf23spdlt)/cn=recipients/cn=5cff907b7abb465c8dbe10257a462656-diego iure;/o=exchangelabs/ou=exchange administrative group (fydibohf23spdlt)/cn=recipients/cn=a78f7dae304e472e9f75bd537683f6e5-hugo de oli;andre.komatsubara@bradesco.com.br;lauro.mendes@bradesco.com.br;lorrany.bianca@bradesco.com.br;marcelo.c.prado@bradesco.com.br;murillo.silva@bradesco.com.br;rodrigo.cunha@bradesco.com.br;</t>
  </si>
  <si>
    <t>VALIDAÇÃO CUSTO UNITÁRIO OUTUBRO/19</t>
  </si>
  <si>
    <t>10-CUSTO_UNITARIO_GM-OUTUBRO_19.xlsx</t>
  </si>
  <si>
    <t>/o=exchangelabs/ou=exchange administrative group (fydibohf23spdlt)/cn=recipients/cn=3daf2f0b162f40c696c00f9ecbb7d69a-ana laura t,/o=exchangelabs/ou=exchange administrative group (fydibohf23spdlt)/cn=recipients/cn=5cff907b7abb465c8dbe10257a462656-diego iure,/o=exchangelabs/ou=exchange administrative group (fydibohf23spdlt)/cn=recipients/cn=a78f7dae304e472e9f75bd537683f6e5-hugo de oli,andre.komatsubara@bradesco.com.br,lauro.mendes@bradesco.com.br,lorrany.bianca@bradesco.com.br,marcelo.c.prado@bradesco.com.br,murillo.silva@bradesco.com.br,rodrigo.cunha@bradesco.com.br</t>
  </si>
  <si>
    <t>Fechamento Outubro - VALE E UCB</t>
  </si>
  <si>
    <t>RES: Acompanhamento NPS - TRACK SALES e 5 STAR - Nov/2019</t>
  </si>
  <si>
    <t>C:\Users\karlosgc\Dropbox\NB-AlgarTech\Whirlpool\Massivos Whirlpool\_nova_implementacao\</t>
  </si>
  <si>
    <t>mailing_lembrete_cartao_massivos_whp.csv:com.dropbox.attrs</t>
  </si>
  <si>
    <t>C:\Users\karlosgc\Dropbox\NB-AlgarTech\Whirlpool\Massivos Whirlpool\</t>
  </si>
  <si>
    <t>WHIRLPOOL SMS_15092017140924.csv:com.dropbox.attrs</t>
  </si>
  <si>
    <t>C:\Users\karlosgc\Dropbox\NB-AlgarTech\Whirlpool\Massivos Whirlpool\teste_massivos\xplace\</t>
  </si>
  <si>
    <t>WHIRLPOOL COBRANCA_SMS_08092017.csv:com.dropbox.attrs</t>
  </si>
  <si>
    <t>WHIRLPOOL COBRANCA_SMS NOSSO NUMERO_10092017.csv:com.dropbox.attrs</t>
  </si>
  <si>
    <t>WHIRLPOOL COBRANCA_SMS LEMBRETE_11092017.csv:com.dropbox.attrs</t>
  </si>
  <si>
    <t>WHIRLPOOL COBRANCA_EMAIL_08092017.csv:com.dropbox.attrs</t>
  </si>
  <si>
    <t>WHIRLPOOL COBRANCA_EMAIL NOSSO NUMERO_10092017.csv:com.dropbox.attrs</t>
  </si>
  <si>
    <t>WHIRLPOOL COBRANCA_EMAIL LEMBRETE_18072017.csv:com.dropbox.attrs</t>
  </si>
  <si>
    <t>C:\Users\karlosgc\Dropbox\NB-AlgarTech\Whirlpool\Massivos Whirlpool\teste_massivos\new2\</t>
  </si>
  <si>
    <t>WHIRLPOOL SMS_11092017171429.csv:com.dropbox.attrs</t>
  </si>
  <si>
    <t>WHIRLPOOL EMAIL_11092017171548.csv:com.dropbox.attrs</t>
  </si>
  <si>
    <t>C:\Users\karlosgc\Dropbox\NB-AlgarTech\Whirlpool\Massivos Whirlpool\teste_massivos\new\</t>
  </si>
  <si>
    <t>WHIRLPOOL SMS_08092017_8.csv:com.dropbox.attrs</t>
  </si>
  <si>
    <t>WHIRLPOOL SMS_08092017_7.csv:com.dropbox.attrs</t>
  </si>
  <si>
    <t>WHIRLPOOL SMS_08092017_6.csv:com.dropbox.attrs</t>
  </si>
  <si>
    <t>WHIRLPOOL SMS_08092017_5.csv:com.dropbox.attrs</t>
  </si>
  <si>
    <t>WHIRLPOOL SMS_08092017_4.csv:com.dropbox.attrs</t>
  </si>
  <si>
    <t>WHIRLPOOL SMS_08092017_3.csv:com.dropbox.attrs</t>
  </si>
  <si>
    <t>WHIRLPOOL SMS_08092017_2.csv:com.dropbox.attrs</t>
  </si>
  <si>
    <t>WHIRLPOOL SMS_08092017_1.csv:com.dropbox.attrs</t>
  </si>
  <si>
    <t>WHIRLPOOL EMAIL_11092017_5.csv:com.dropbox.attrs</t>
  </si>
  <si>
    <t>WHIRLPOOL EMAIL_11092017_4.csv:com.dropbox.attrs</t>
  </si>
  <si>
    <t>WHIRLPOOL EMAIL_11092017_3.csv:com.dropbox.attrs</t>
  </si>
  <si>
    <t>WHIRLPOOL EMAIL_11092017_2.csv:com.dropbox.attrs</t>
  </si>
  <si>
    <t>WHIRLPOOL EMAIL_11092017_1.csv:com.dropbox.attrs</t>
  </si>
  <si>
    <t>WHIRLPOOL EMAIL_11092017112013.csv:com.dropbox.attrs</t>
  </si>
  <si>
    <t>WHIRLPOOL EMAIL_08092017_8.csv:com.dropbox.attrs</t>
  </si>
  <si>
    <t>WHIRLPOOL EMAIL_08092017_7.csv:com.dropbox.attrs</t>
  </si>
  <si>
    <t>WHIRLPOOL EMAIL_08092017_6.csv:com.dropbox.attrs</t>
  </si>
  <si>
    <t>WHIRLPOOL EMAIL_08092017_5.csv:com.dropbox.attrs</t>
  </si>
  <si>
    <t>WHIRLPOOL EMAIL_08092017_4.csv:com.dropbox.attrs</t>
  </si>
  <si>
    <t>WHIRLPOOL EMAIL_08092017_3.csv:com.dropbox.attrs</t>
  </si>
  <si>
    <t>WHIRLPOOL EMAIL_08092017_2.csv:com.dropbox.attrs</t>
  </si>
  <si>
    <t>WHIRLPOOL EMAIL_08092017_1.csv:com.dropbox.attrs</t>
  </si>
  <si>
    <t>C:\Users\karlosgc\Dropbox\NB-AlgarTech\Whirlpool\Massivos Whirlpool\SMS-EMAIL-PG\</t>
  </si>
  <si>
    <t>WHIRLPOOL COBRANCA_SMS_TEMPLATE.csv:com.dropbox.attrs</t>
  </si>
  <si>
    <t>WHIRLPOOL COBRANCA_SMS_25082017.csv:com.dropbox.attrs</t>
  </si>
  <si>
    <t>WHIRLPOOL COBRANCA_SMS_24082017.csv:com.dropbox.attrs</t>
  </si>
  <si>
    <t>WHIRLPOOL COBRANCA_SMS_23082017.csv:com.dropbox.attrs</t>
  </si>
  <si>
    <t>WHIRLPOOL COBRANCA_SMS_22082017.csv:com.dropbox.attrs</t>
  </si>
  <si>
    <t>WHIRLPOOL COBRANCA_SMS_21082017.csv:com.dropbox.attrs</t>
  </si>
  <si>
    <t>WHIRLPOOL COBRANCA_SMS LEMBRETE_25082017.csv:com.dropbox.attrs</t>
  </si>
  <si>
    <t>WHIRLPOOL COBRANCA_SMS LEMBRETE_24082017.csv:com.dropbox.attrs</t>
  </si>
  <si>
    <t>WHIRLPOOL COBRANCA_EMAIL_TEMPLATE.csv:com.dropbox.attrs</t>
  </si>
  <si>
    <t>WHIRLPOOL COBRANCA_EMAIL_25082017.csv:com.dropbox.attrs</t>
  </si>
  <si>
    <t>WHIRLPOOL COBRANCA_EMAIL_24082017.csv:com.dropbox.attrs</t>
  </si>
  <si>
    <t>WHIRLPOOL COBRANCA_EMAIL_23082017.csv:com.dropbox.attrs</t>
  </si>
  <si>
    <t>WHIRLPOOL COBRANCA_EMAIL_22082017.csv:com.dropbox.attrs</t>
  </si>
  <si>
    <t>WHIRLPOOL COBRANCA_EMAIL_21082017.csv:com.dropbox.attrs</t>
  </si>
  <si>
    <t>C:\Users\karlosgc\Dropbox\NB-AlgarTech\Whirlpool\Massivos Whirlpool\SMS-EMAIL-PG\nosso_numero\</t>
  </si>
  <si>
    <t>WHIRLPOOL COBRANCA_SMS NOSSO NUMERO_TEMPLATE.csv:com.dropbox.attrs</t>
  </si>
  <si>
    <t>WHIRLPOOL COBRANCA_SMS NOSSO NUMERO_20082017.csv:com.dropbox.attrs</t>
  </si>
  <si>
    <t>WHIRLPOOL COBRANCA_SMS NOSSO NUMERO_10082017.csv:com.dropbox.attrs</t>
  </si>
  <si>
    <t>WHIRLPOOL COBRANCA_EMAIL NOSSO NUMERO_TEMPLATE.csv:com.dropbox.attrs</t>
  </si>
  <si>
    <t>WHIRLPOOL COBRANCA_EMAIL NOSSO NUMERO_20082017.csv:com.dropbox.attrs</t>
  </si>
  <si>
    <t>WHIRLPOOL COBRANCA_EMAIL NOSSO NUMERO_10082017.csv:com.dropbox.attrs</t>
  </si>
  <si>
    <t>C:\Users\karlosgc\Dropbox\NB-AlgarTech\Whirlpool\Massivos Whirlpool\SMS-EMAIL-PG\lembrete\</t>
  </si>
  <si>
    <t>WHIRLPOOL COBRANCA_SMS LEMBRETE_TEMPLATE.csv:com.dropbox.attrs</t>
  </si>
  <si>
    <t>WHIRLPOOL COBRANCA_EMAIL LEMBRETE_TEMPLATE.csv:com.dropbox.attrs</t>
  </si>
  <si>
    <t>WHIRLPOOL COBRANCA_EMAIL LEMBRETE_14072017.csv:com.dropbox.attrs</t>
  </si>
  <si>
    <t>C:\Users\karlosgc\Dropbox\NB-AlgarTech\Whirlpool\Massivos Whirlpool\retorno_massivos\</t>
  </si>
  <si>
    <t>WHIRLPOOL SMS_30102017130513_result.csv:com.dropbox.attrs</t>
  </si>
  <si>
    <t>WHIRLPOOL SMS_30102017130242_result.csv:com.dropbox.attrs</t>
  </si>
  <si>
    <t>WHIRLPOOL SMS_25102017135441_result.csv:com.dropbox.attrs</t>
  </si>
  <si>
    <t>WHIRLPOOL SMS_24102017135519_result.csv:com.dropbox.attrs</t>
  </si>
  <si>
    <t>WHIRLPOOL SMS_23102017134443_result.csv:com.dropbox.attrs</t>
  </si>
  <si>
    <t>WHIRLPOOL SMS_18102017140743_result.csv:com.dropbox.attrs</t>
  </si>
  <si>
    <t>WHIRLPOOL SMS_18102017140304_result.csv:com.dropbox.attrs</t>
  </si>
  <si>
    <t>WHIRLPOOL SMS_17102017090951_result.csv:com.dropbox.attrs</t>
  </si>
  <si>
    <t>WHIRLPOOL SMS_17102017090232_result.csv:com.dropbox.attrs</t>
  </si>
  <si>
    <t>WHIRLPOOL SMS_09112017153441_result.csv:com.dropbox.attrs</t>
  </si>
  <si>
    <t>WHIRLPOOL SMS_09112017153206_result.csv:com.dropbox.attrs</t>
  </si>
  <si>
    <t>WHIRLPOOL SMS_08112017151449_result.csv:com.dropbox.attrs</t>
  </si>
  <si>
    <t>WHIRLPOOL SMS_08112017150850_result.csv:com.dropbox.attrs</t>
  </si>
  <si>
    <t>WHIRLPOOL SMS_07112017104940_result.csv:com.dropbox.attrs</t>
  </si>
  <si>
    <t>WHIRLPOOL SMS_07112017104725_result.csv:com.dropbox.attrs</t>
  </si>
  <si>
    <t>WHIRLPOOL SMS_06112017141055-4_result.csv:com.dropbox.attrs</t>
  </si>
  <si>
    <t>WHIRLPOOL SMS_06112017104237_result.csv:com.dropbox.attrs</t>
  </si>
  <si>
    <t>WHIRLPOOL EMAIL_30102017130527_result.csv:com.dropbox.attrs</t>
  </si>
  <si>
    <t>WHIRLPOOL EMAIL_30102017130446_result.csv:com.dropbox.attrs</t>
  </si>
  <si>
    <t>WHIRLPOOL EMAIL_25102017135759_result.csv:com.dropbox.attrs</t>
  </si>
  <si>
    <t>WHIRLPOOL EMAIL_25102017135644_result.csv:com.dropbox.attrs</t>
  </si>
  <si>
    <t>WHIRLPOOL EMAIL_24102017135738_result.csv:com.dropbox.attrs</t>
  </si>
  <si>
    <t>WHIRLPOOL EMAIL_24102017135656_result.csv:com.dropbox.attrs</t>
  </si>
  <si>
    <t>WHIRLPOOL EMAIL_23102017134620_result.csv:com.dropbox.attrs</t>
  </si>
  <si>
    <t>WHIRLPOOL EMAIL_18102017140749_result.csv:com.dropbox.attrs</t>
  </si>
  <si>
    <t>WHIRLPOOL EMAIL_18102017140539_result.csv:com.dropbox.attrs</t>
  </si>
  <si>
    <t>WHIRLPOOL EMAIL_17102017091000_result.csv:com.dropbox.attrs</t>
  </si>
  <si>
    <t>WHIRLPOOL EMAIL_17102017090647_result.csv:com.dropbox.attrs</t>
  </si>
  <si>
    <t>WHIRLPOOL EMAIL_09112017153624_result.csv:com.dropbox.attrs</t>
  </si>
  <si>
    <t>WHIRLPOOL EMAIL_09112017153333_result.csv:com.dropbox.attrs</t>
  </si>
  <si>
    <t>WHIRLPOOL EMAIL_08112017151507_result.csv:com.dropbox.attrs</t>
  </si>
  <si>
    <t>WHIRLPOOL EMAIL_08112017151322_result.csv:com.dropbox.attrs</t>
  </si>
  <si>
    <t>WHIRLPOOL EMAIL_07112017104955_result.csv:com.dropbox.attrs</t>
  </si>
  <si>
    <t>WHIRLPOOL EMAIL_07112017104851_result.csv:com.dropbox.attrs</t>
  </si>
  <si>
    <t>C:\Users\karlosgc\Dropbox\NB-AlgarTech\PPE\reducao_aws\</t>
  </si>
  <si>
    <t>reportaws.csv:com.dropbox.attrs</t>
  </si>
  <si>
    <t>C:\Users\karlosgc\Dropbox\NB-AlgarTech\ISD\docs\</t>
  </si>
  <si>
    <t>ResultadoView.csv:com.dropbox.attrs</t>
  </si>
  <si>
    <t>C:\Users\karlosgc\Dropbox\NB-AlgarTech\ISD\aws\</t>
  </si>
  <si>
    <t>credentials_isd.csv:com.dropbox.attrs</t>
  </si>
  <si>
    <t>C:\Users\karlosgc\Dropbox\NB-AlgarTech\ISD\analytics\</t>
  </si>
  <si>
    <t>victor_zappts_credentials.csv:com.dropbox.attrs</t>
  </si>
  <si>
    <t>rodrigo_zappts_credentials.csv:com.dropbox.attrs</t>
  </si>
  <si>
    <t>karlos_algar_credentials.csv:com.dropbox.attrs</t>
  </si>
  <si>
    <t>alexandre_zappts_credentials.csv:com.dropbox.attrs</t>
  </si>
  <si>
    <t>C:\Users\karlosgc\Dropbox\NB-AlgarTech\Desenvolvimento\Java\</t>
  </si>
  <si>
    <t>usersInMainframe.csv:com.dropbox.attrs</t>
  </si>
  <si>
    <t>C:\Users\karlosgc\Dropbox\NB-AlgarTech\CDI\</t>
  </si>
  <si>
    <t>credentials_dw.csv:com.dropbox.attrs</t>
  </si>
  <si>
    <t>credentials_cdi.csv:com.dropbox.attrs</t>
  </si>
  <si>
    <t>C:\Users\karlosgc\Dropbox\NB-AlgarTech\Bradescard\Portal de Negociação Bradescard\ibi_1_2\</t>
  </si>
  <si>
    <t>Recuperacoes_IBI_teste1.csv:com.dropbox.attrs</t>
  </si>
  <si>
    <t>Recuperacoes_IBI_primeiro.csv:com.dropbox.attrs</t>
  </si>
  <si>
    <t>C:\Users\karlosgc\Dropbox\NB-AlgarTech\Bradescard\Carteira IBI Orion - Canais Digitais\</t>
  </si>
  <si>
    <t>orion_email_marketing_exemplo.csv:com.dropbox.attrs</t>
  </si>
  <si>
    <t>Orion_email_marketing_3env.csv:com.dropbox.attrs</t>
  </si>
  <si>
    <t>Orion_email_marketing_2env.csv:com.dropbox.attrs</t>
  </si>
  <si>
    <t>base_orion_email_marketing_2.csv:com.dropbox.attrs</t>
  </si>
  <si>
    <t>orion_clientes_sem_token.csv:com.dropbox.attrs</t>
  </si>
  <si>
    <t>base_orion_email_marketing.csv:com.dropbox.attrs</t>
  </si>
  <si>
    <t>C:\Users\karlosgc\Dropbox\NB-AlgarTech\Bradescard\Carteira IBI Orion\posicao_carteira\</t>
  </si>
  <si>
    <t>posicao_carteira_ibi_21082017.csv:com.dropbox.attrs</t>
  </si>
  <si>
    <t>C:\Users\karlosgc\Dropbox\NB-AlgarTech\Bradescard\Carteira IBI Orion\carga_telefones\</t>
  </si>
  <si>
    <t>telefones_orion_v2.csv:com.dropbox.attrs</t>
  </si>
  <si>
    <t>C:\Users\karlosgc\Dropbox\NB-AlgarTech\Algar Telecom\Portal de Negociação Telecom\Integracao VCOm\_mailing_telecom\</t>
  </si>
  <si>
    <t>MAILING_PORTAL_20171226.csv:com.dropbox.attrs</t>
  </si>
  <si>
    <t>C:\Users\karlosgc\Dropbox\NB-AlgarTech\Algar Telecom\Portal de Negociação Telecom\Integracao VCOm\</t>
  </si>
  <si>
    <t>CONTRATOS_ALGAR_20171206155416.csv:com.dropbox.attrs</t>
  </si>
  <si>
    <t>C:\Users\karlosgc\Dropbox\NB-AlgarTech\Algar CSC\Tabela Fornecedores\</t>
  </si>
  <si>
    <t>Somar.csv.xlsx:com.dropbox.attrs</t>
  </si>
  <si>
    <t>C:\Users\karlosgc\Dropbox\C-BigBang\cursos\aws_solutions_architect_associate\</t>
  </si>
  <si>
    <t>accessKeys.csv:com.dropbox.attrs</t>
  </si>
  <si>
    <t>C:\Users\karlosgc\Dropbox\C-BigBang\aws\</t>
  </si>
  <si>
    <t>gitCredentials.csv:com.dropbox.attrs</t>
  </si>
  <si>
    <t>credentials.csv:com.dropbox.attrs</t>
  </si>
  <si>
    <t>credentials (1).csv:com.dropbox.attrs</t>
  </si>
  <si>
    <t>Etapa 7 - Copia.xlsx</t>
  </si>
  <si>
    <t>C:\Users\elainemdlp\OD\_Projetos\Em andamento\Crescimento Caixa Cap\03 - Execucao\</t>
  </si>
  <si>
    <t>Chamados.xlsx</t>
  </si>
  <si>
    <t>/o=exchangelabs/ou=exchange administrative group (fydibohf23spdlt)/cn=recipients/cn=11f82acf0305494bb01bbdb799d10a90-2ntricard;/o=exchangelabs/ou=exchange administrative group (fydibohf23spdlt)/cn=recipients/cn=2072905e221e44cd93713caf57a4301f-roberta igi;/o=exchangelabs/ou=exchange administrative group (fydibohf23spdlt)/cn=recipients/cn=5c78075b16fc4ec9bc2f2b01887be798-user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d10b90d9e2a942398c84d3d8a8b32edd-victor sant;/o=exchangelabs/ou=exchange administrative group (fydibohf23spdlt)/cn=recipients/cn=d6cce5a70d504cc2ad89cee834cd59a9-luciana rib;/o=exchangelabs/ou=exchange administrative group (fydibohf23spdlt)/cn=recipients/cn=e6b7580a624e482b95aa2b9747aa6d6d-paulo sergi;a</t>
  </si>
  <si>
    <t>Daily Report Suporte Unica</t>
  </si>
  <si>
    <t>Cópia de Daily Report - Novembro - 2019 v3-1.xlsx</t>
  </si>
  <si>
    <t>/o=exchangelabs/ou=exchange administrative group (fydibohf23spdlt)/cn=recipients/cn=11f82acf0305494bb01bbdb799d10a90-2ntricard,/o=exchangelabs/ou=exchange administrative group (fydibohf23spdlt)/cn=recipients/cn=2072905e221e44cd93713caf57a4301f-roberta igi,/o=exchangelabs/ou=exchange administrative group (fydibohf23spdlt)/cn=recipients/cn=5c78075b16fc4ec9bc2f2b01887be798-user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d10b90d9e2a942398c84d3d8a8b32edd-victor sant,/o=exchangelabs/ou=exchange administrative group (fydibohf23spdlt)/cn=recipients/cn=d6cce5a70d504cc2ad89cee834cd59a9-luciana rib,/o=exchangelabs/ou=exchange administrative group (fydibohf23spdlt)/cn=recipients/cn=e6b7580a624e482b95aa2b9747aa6d6d-paulo sergi,a</t>
  </si>
  <si>
    <t>ENC: 01 - Headcount - BV Financeira Janeiro-20</t>
  </si>
  <si>
    <t>12 - Planejado - FINANCEIRA-06-11.xlsx</t>
  </si>
  <si>
    <t>/o=exchangelabs/ou=exchange administrative group (fydibohf23spdlt)/cn=recipients/cn=545f738e0fe740ba856f4eb6ef0135e0-vinicius si;/o=exchangelabs/ou=exchange administrative group (fydibohf23spdlt)/cn=recipients/cn=670d10f0276c47ba89a984b1a225496b-victor gala;/o=exchangelabs/ou=exchange administrative group (fydibohf23spdlt)/cn=recipients/cn=80fb880d4e904fd9990f1ffec561717a-avon - supe;/o=exchangelabs/ou=exchange administrative group (fydibohf23spdlt)/cn=recipients/cn=a0a64fc8533c4300a3c3e08700ae15a5-cqt avon -;/o=exchangelabs/ou=exchange administrative group (fydibohf23spdlt)/cn=recipients/cn=d1d015f213f648abbf348b5ccdf8e9d9-senilda per;/o=exchangelabs/ou=exchange administrative group (fydibohf23spdlt)/cn=recipients/cn=d9131dffd0564c2d927528011a4afe36-cqt avon -;/o=exchangelabs/ou=exchange administrative group (fydibohf23spdlt)/cn=recipients/cn=eb3a8d47e16546c381d649c124fcfbb7-cpc - contr;/o=exchangelabs/ou=exchange administrative group (fydibohf23spdlt)/cn=recipients/cn=f0ff087361a245daa16e71ac77ecc3f0-ivan c</t>
  </si>
  <si>
    <t>Comportamental Avon - OFICIAL.xlsx</t>
  </si>
  <si>
    <t>/o=exchangelabs/ou=exchange administrative group (fydibohf23spdlt)/cn=recipients/cn=545f738e0fe740ba856f4eb6ef0135e0-vinicius si,/o=exchangelabs/ou=exchange administrative group (fydibohf23spdlt)/cn=recipients/cn=670d10f0276c47ba89a984b1a225496b-victor gala,/o=exchangelabs/ou=exchange administrative group (fydibohf23spdlt)/cn=recipients/cn=80fb880d4e904fd9990f1ffec561717a-avon - supe,/o=exchangelabs/ou=exchange administrative group (fydibohf23spdlt)/cn=recipients/cn=a0a64fc8533c4300a3c3e08700ae15a5-cqt avon -,/o=exchangelabs/ou=exchange administrative group (fydibohf23spdlt)/cn=recipients/cn=d1d015f213f648abbf348b5ccdf8e9d9-senilda per,/o=exchangelabs/ou=exchange administrative group (fydibohf23spdlt)/cn=recipients/cn=d9131dffd0564c2d927528011a4afe36-cqt avon -,/o=exchangelabs/ou=exchange administrative group (fydibohf23spdlt)/cn=recipients/cn=eb3a8d47e16546c381d649c124fcfbb7-cpc - contr,/o=exchangelabs/ou=exchange administrative group (fydibohf23spdlt)/cn=recipients/cn=f0ff087361a245daa16e71ac77ecc3f0-ivan c</t>
  </si>
  <si>
    <t>cad0346a-5ab8-4748-ad16-9b25460ec921; _fbp=fb.1.1562681328625.1900317179; rdtrk={"id":"7bef6e12-8dde-4605-b9fe-05bba798a92b"}; _gcl_au=1.1.2125265247.1572012585; __trf.src=encoded_eyjmaxjzdf9zzxnzaw9uijp7inzhbhvlijoikg5vbmupiiwizxh0cmffcgfyyw1zijp7fx0simn1</t>
  </si>
  <si>
    <t>6396;</t>
  </si>
  <si>
    <t>\\acsfs\engeset\CPV_ULA\ADMINISTRATIVO\CONTROLE ADMINISTRATIVO\PORTAL ADQUIRA\ALGAR TI SP - 2019\1 - Análise\FATURAS TELEFFONICA ESPANHA\</t>
  </si>
  <si>
    <t>TELEFONICA.xlsx</t>
  </si>
  <si>
    <t>http://6396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7903c13fa0504ff0bc7dd2644020b0e8-mirna prado;/o=exchangelabs/ou=exchange administrative group (fydibohf23spdlt)/cn=recipients/cn=852acbd029e94333978f192f279faa37-carolina ap;/o=exchangelabs/ou=exchange administrative group (fydibohf23spdlt)/cn=recipients/cn=e174366906884bd1b4d4c5ddfc8c9433-rodrigo men;dayana_d_freitas_algar@whirlpool.com;</t>
  </si>
  <si>
    <t>MP CORPORATIVO - 11/11</t>
  </si>
  <si>
    <t>2 - Mailing MP 20191111.xlsx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7903c13fa0504ff0bc7dd2644020b0e8-mirna prado,/o=exchangelabs/ou=exchange administrative group (fydibohf23spdlt)/cn=recipients/cn=852acbd029e94333978f192f279faa37-carolina ap,/o=exchangelabs/ou=exchange administrative group (fydibohf23spdlt)/cn=recipients/cn=e174366906884bd1b4d4c5ddfc8c9433-rodrigo men,dayana_d_freitas_algar@whirlpool.com</t>
  </si>
  <si>
    <t>/o=exchangelabs/ou=exchange administrative group (fydibohf23spdlt)/cn=recipients/cn=5d92a12bf94e444598293842eb6df5aa-glayson gom;/o=exchangelabs/ou=exchange administrative group (fydibohf23spdlt)/cn=recipients/cn=f80d41bbb20a47529b0641ba89cacde6-mariangela;</t>
  </si>
  <si>
    <t>EQUIPE - Mariangela/Glayson</t>
  </si>
  <si>
    <t>Associados BRAGA x SUPERVISOR.xlsx</t>
  </si>
  <si>
    <t>/o=exchangelabs/ou=exchange administrative group (fydibohf23spdlt)/cn=recipients/cn=5d92a12bf94e444598293842eb6df5aa-glayson gom,/o=exchangelabs/ou=exchange administrative group (fydibohf23spdlt)/cn=recipients/cn=f80d41bbb20a47529b0641ba89cacde6-mariangela</t>
  </si>
  <si>
    <t>Oportunidades Hunter 2020_v2 (5).xlsx</t>
  </si>
  <si>
    <t>/o=exchangelabs/ou=exchange administrative group (fydibohf23spdlt)/cn=recipients/cn=139b5392cca44e4cbdd474934be1e934-sarah rodri;mihapasilva@gmail.com;</t>
  </si>
  <si>
    <t>Planilha Incentivo.xlsx</t>
  </si>
  <si>
    <t>/o=exchangelabs/ou=exchange administrative group (fydibohf23spdlt)/cn=recipients/cn=139b5392cca44e4cbdd474934be1e934-sarah rodri,mihapasilva@gmail.com</t>
  </si>
  <si>
    <t>10.211.2.107</t>
  </si>
  <si>
    <t>denisemso@algartech.com;fabiolacc@algartecnologia.com.br;jheniffergs@algartech.com;</t>
  </si>
  <si>
    <t>C:\Users\rafaelaas\Downloads\</t>
  </si>
  <si>
    <t>denisemso@algartech.com,fabiolacc@algartecnologia.com.br,jheniffergs@algartech.com</t>
  </si>
  <si>
    <t>TAP CAPEX - Projeto: Aquisição Vídeo Wall</t>
  </si>
  <si>
    <t>/o=exchangelabs/ou=exchange administrative group (fydibohf23spdlt)/cn=recipients/cn=545f738e0fe740ba856f4eb6ef0135e0-vinicius si;/o=exchangelabs/ou=exchange administrative group (fydibohf23spdlt)/cn=recipients/cn=670d10f0276c47ba89a984b1a225496b-victor gala;/o=exchangelabs/ou=exchange administrative group (fydibohf23spdlt)/cn=recipients/cn=b4c27a00523743509c2a8673c01acf8b-emanuella g;/o=exchangelabs/ou=exchange administrative group (fydibohf23spdlt)/cn=recipients/cn=d1d015f213f648abbf348b5ccdf8e9d9-senilda per;/o=exchangelabs/ou=exchange administrative group (fydibohf23spdlt)/cn=recipients/cn=eb3a8d47e16546c381d649c124fcfbb7-cpc - contr;/o=exchangelabs/ou=exchange administrative group (fydibohf23spdlt)/cn=recipients/cn=f0ff087361a245daa16e71ac77ecc3f0-ivan costa;/o=exchangelabs/ou=exchange administrative group (fydibohf23spdlt)/cn=recipients/cn=fbbb462fed0b402bbe147770ea84cf9e-adriana cae;/o=exchangelabs/ou=exchange administrative group (fydibohf23spdlt)/cn=recipients/cn=renato lemes da silva costa;</t>
  </si>
  <si>
    <t>Acompanhamento AHT - Novatos FV1</t>
  </si>
  <si>
    <t>AHT NOVATOS - FV1.xlsx</t>
  </si>
  <si>
    <t>/o=exchangelabs/ou=exchange administrative group (fydibohf23spdlt)/cn=recipients/cn=545f738e0fe740ba856f4eb6ef0135e0-vinicius si,/o=exchangelabs/ou=exchange administrative group (fydibohf23spdlt)/cn=recipients/cn=670d10f0276c47ba89a984b1a225496b-victor gala,/o=exchangelabs/ou=exchange administrative group (fydibohf23spdlt)/cn=recipients/cn=b4c27a00523743509c2a8673c01acf8b-emanuella g,/o=exchangelabs/ou=exchange administrative group (fydibohf23spdlt)/cn=recipients/cn=d1d015f213f648abbf348b5ccdf8e9d9-senilda per,/o=exchangelabs/ou=exchange administrative group (fydibohf23spdlt)/cn=recipients/cn=eb3a8d47e16546c381d649c124fcfbb7-cpc - contr,/o=exchangelabs/ou=exchange administrative group (fydibohf23spdlt)/cn=recipients/cn=f0ff087361a245daa16e71ac77ecc3f0-ivan costa,/o=exchangelabs/ou=exchange administrative group (fydibohf23spdlt)/cn=recipients/cn=fbbb462fed0b402bbe147770ea84cf9e-adriana cae,/o=exchangelabs/ou=exchange administrative group (fydibohf23spdlt)/cn=recipients/cn=renato lemes da silva costa</t>
  </si>
  <si>
    <t>mail.google.com/_/upload?authuser=0&amp;dcp=asu-n&amp;upload_id=AEnB2UoV09PyBsmSBbRTR16-9RXOuPiRnIzt97tMGHzgC00vk72fSF1WluObEwlX9DkgzZ9Ip-C9QLpAjWmaqqLKnP0AvDUaGA&amp;upload_protocol=resumable</t>
  </si>
  <si>
    <t>/o=exchangelabs/ou=exchange administrative group (fydibohf23spdlt)/cn=recipients/cn=372a4aee70df4061aed129651510b96b-raul montei;denise.dantas@vertem.com;diego.ramirez@vertem.com;</t>
  </si>
  <si>
    <t>Reunião Vertem / Algartech - Agradecimento e próximos passos</t>
  </si>
  <si>
    <t>Check list - ContactCenter.xls</t>
  </si>
  <si>
    <t>/o=exchangelabs/ou=exchange administrative group (fydibohf23spdlt)/cn=recipients/cn=372a4aee70df4061aed129651510b96b-raul montei,denise.dantas@vertem.com,diego.ramirez@vertem.com</t>
  </si>
  <si>
    <t>10.200.60.32</t>
  </si>
  <si>
    <t>D8-9C-67-4D-7C-41</t>
  </si>
  <si>
    <t>fernanda.gomes@yamana.com;</t>
  </si>
  <si>
    <t>Relatório - BTB</t>
  </si>
  <si>
    <t>Despesas - cartão final 2900.xlsx</t>
  </si>
  <si>
    <t>fernanda.gomes@yamana.com</t>
  </si>
  <si>
    <t>dayana_d_freitas_algar@whirlpool.com;</t>
  </si>
  <si>
    <t>Disponibilidade D+7</t>
  </si>
  <si>
    <t>Disponibilidade D+7.xlsx</t>
  </si>
  <si>
    <t>dayana_d_freitas_algar@whirlpool.com</t>
  </si>
  <si>
    <t>Dashboard_ HE_SOBREAVISO_ADICIONAL NOTURNO.xlsx</t>
  </si>
  <si>
    <t>c:\users\flavia\appdata\local\microsoft\windows\temporary internet files\content.outlook\l71zi9mt\</t>
  </si>
  <si>
    <t>escalas weg.xlsx</t>
  </si>
  <si>
    <t>\\acsfs\deptos\cei - coordenação de engenharia e infraestrutura\cei – manutenção\06 - manutenção preventiva e inspeções\6.05 - leituras gmgs e no break\6.5.18 - leituras 2019\6.5.19.1 - leituras 2019\</t>
  </si>
  <si>
    <t>semana - 46.xls</t>
  </si>
  <si>
    <t>Template_folha_retificadora_CLAYTON_REV.xlsx</t>
  </si>
  <si>
    <t>Analise Rampa CAPEX 2020.xlsx</t>
  </si>
  <si>
    <t>Confraternização</t>
  </si>
  <si>
    <t>Controle confraternização.xlsx</t>
  </si>
  <si>
    <t>\\acsfs.acs.com.br\engeset\CISALGAR\Gestão de Projetos\Torre Professional Services\Projetos Em Andamento\Projetos - Homologação DATACOM 4001\1. Comercial\1.2 Orçamento e Fluxo de Caixa\</t>
  </si>
  <si>
    <t>\\acsfs.acs.com.br\engeset\CISALGAR\Gestão de Projetos\Torre Professional Services\Projetos Em Andamento\Projetos - Homologação DATACOM 4001\1. Comercial\1.2 Orçamento e Fluxo de Caixa\BP Homologação DataCom rev3.xlsb\</t>
  </si>
  <si>
    <t>/o=exchangelabs/ou=exchange administrative group (fydibohf23spdlt)/cn=recipients/cn=userd0bc3a5a;</t>
  </si>
  <si>
    <t>Documentos Douglas</t>
  </si>
  <si>
    <t>661028001573479614 (1).xls</t>
  </si>
  <si>
    <t>/o=exchangelabs/ou=exchange administrative group (fydibohf23spdlt)/cn=recipients/cn=userd0bc3a5a</t>
  </si>
  <si>
    <t>/o=exchangelabs/ou=exchange administrative group (fydibohf23spdlt)/cn=recipients/cn=f2208b22da5b4bf3a5f4a7b9dfa2fd06-danilo marq;/o=exchangelabs/ou=exchange administrative group (fydibohf23spdlt)/cn=recipients/cn=f8583aae88d4485dac542c395d25e6fc-diego dos r;</t>
  </si>
  <si>
    <t>Expansão Caixa: RA 73828</t>
  </si>
  <si>
    <t>Formulario de compras - Caixa .xls</t>
  </si>
  <si>
    <t>/o=exchangelabs/ou=exchange administrative group (fydibohf23spdlt)/cn=recipients/cn=f2208b22da5b4bf3a5f4a7b9dfa2fd06-danilo marq,/o=exchangelabs/ou=exchange administrative group (fydibohf23spdlt)/cn=recipients/cn=f8583aae88d4485dac542c395d25e6fc-diego dos r</t>
  </si>
  <si>
    <t>/o=exchangelabs/ou=exchange administrative group (fydibohf23spdlt)/cn=recipients/cn=2072905e221e44cd93713caf57a4301f-roberta igi;/o=exchangelabs/ou=exchange administrative group (fydibohf23spdlt)/cn=recipients/cn=6857e7b89b5f46e3b6aed2352ac8d5ac-carlos albe;/o=exchangelabs/ou=exchange administrative group (fydibohf23spdlt)/cn=recipients/cn=be0b59caa4dc43e39afaa089f44ef778-leonardo al;/o=exchangelabs/ou=exchange administrative group (fydibohf23spdlt)/cn=recipients/cn=d10b90d9e2a942398c84d3d8a8b32edd-victor sant;/o=exchangelabs/ou=exchange administrative group (fydibohf23spdlt)/cn=recipients/cn=d6cce5a70d504cc2ad89cee834cd59a9-luciana rib;/o=exchangelabs/ou=exchange administrative group (fydibohf23spdlt)/cn=recipients/cn=e6b7580a624e482b95aa2b9747aa6d6d-paulo sergi;asoares@tribanco.com.br;cynthiaf@tripag.com.br;kamilap@tripag.com.br;lfonseca@tripag.com.br;lrocha@tribanco.com.br;lucasfs@tribanco.com.br;marcosnf@tripag.com.br;</t>
  </si>
  <si>
    <t>RES: Reports Ativos</t>
  </si>
  <si>
    <t>Report Comercial Unica - Novembro.xlsx</t>
  </si>
  <si>
    <t>/o=exchangelabs/ou=exchange administrative group (fydibohf23spdlt)/cn=recipients/cn=2072905e221e44cd93713caf57a4301f-roberta igi,/o=exchangelabs/ou=exchange administrative group (fydibohf23spdlt)/cn=recipients/cn=6857e7b89b5f46e3b6aed2352ac8d5ac-carlos albe,/o=exchangelabs/ou=exchange administrative group (fydibohf23spdlt)/cn=recipients/cn=be0b59caa4dc43e39afaa089f44ef778-leonardo al,/o=exchangelabs/ou=exchange administrative group (fydibohf23spdlt)/cn=recipients/cn=d10b90d9e2a942398c84d3d8a8b32edd-victor sant,/o=exchangelabs/ou=exchange administrative group (fydibohf23spdlt)/cn=recipients/cn=d6cce5a70d504cc2ad89cee834cd59a9-luciana rib,/o=exchangelabs/ou=exchange administrative group (fydibohf23spdlt)/cn=recipients/cn=e6b7580a624e482b95aa2b9747aa6d6d-paulo sergi,asoares@tribanco.com.br,cynthiaf@tripag.com.br,kamilap@tripag.com.br,lfonseca@tripag.com.br,lrocha@tribanco.com.br,lucasfs@tribanco.com.br,marcosnf@tripag.com.br</t>
  </si>
  <si>
    <t>/o=exchangelabs/ou=exchange administrative group (fydibohf23spdlt)/cn=recipients/cn=2072905e221e44cd93713caf57a4301f-roberta igi;/o=exchangelabs/ou=exchange administrative group (fydibohf23spdlt)/cn=recipients/cn=6857e7b89b5f46e3b6aed2352ac8d5ac-carlos albe;/o=exchangelabs/ou=exchange administrative group (fydibohf23spdlt)/cn=recipients/cn=be0b59caa4dc43e39afaa089f44ef778-leonardo al;/o=exchangelabs/ou=exchange administrative group (fydibohf23spdlt)/cn=recipients/cn=c52a157e02d64dd1a81927cd619e2686-keila prisc;/o=exchangelabs/ou=exchange administrative group (fydibohf23spdlt)/cn=recipients/cn=d10b90d9e2a942398c84d3d8a8b32edd-victor sant;/o=exchangelabs/ou=exchange administrative group (fydibohf23spdlt)/cn=recipients/cn=d6cce5a70d504cc2ad89cee834cd59a9-luciana rib;/o=exchangelabs/ou=exchange administrative group (fydibohf23spdlt)/cn=recipients/cn=e6b7580a624e482b95aa2b9747aa6d6d-paulo sergi;asoares@tribanco.com.br;cfonseca@tripag.com.br;cynthiaf@tripag.com.br;dbpaixao@tripag.com.br;ganunes@tripag.com.br;kellyc</t>
  </si>
  <si>
    <t>Bases Ativos Consolidados - Outubro - .xlsx</t>
  </si>
  <si>
    <t>/o=exchangelabs/ou=exchange administrative group (fydibohf23spdlt)/cn=recipients/cn=2072905e221e44cd93713caf57a4301f-roberta igi,/o=exchangelabs/ou=exchange administrative group (fydibohf23spdlt)/cn=recipients/cn=6857e7b89b5f46e3b6aed2352ac8d5ac-carlos albe,/o=exchangelabs/ou=exchange administrative group (fydibohf23spdlt)/cn=recipients/cn=be0b59caa4dc43e39afaa089f44ef778-leonardo al,/o=exchangelabs/ou=exchange administrative group (fydibohf23spdlt)/cn=recipients/cn=c52a157e02d64dd1a81927cd619e2686-keila prisc,/o=exchangelabs/ou=exchange administrative group (fydibohf23spdlt)/cn=recipients/cn=d10b90d9e2a942398c84d3d8a8b32edd-victor sant,/o=exchangelabs/ou=exchange administrative group (fydibohf23spdlt)/cn=recipients/cn=d6cce5a70d504cc2ad89cee834cd59a9-luciana rib,/o=exchangelabs/ou=exchange administrative group (fydibohf23spdlt)/cn=recipients/cn=e6b7580a624e482b95aa2b9747aa6d6d-paulo sergi,asoares@tribanco.com.br,cfonseca@tripag.com.br,cynthiaf@tripag.com.br,dbpaixao@tripag.com.br,ganunes@tripag.com.br,kellyc</t>
  </si>
  <si>
    <t>ENC: Cartão empresarial</t>
  </si>
  <si>
    <t>iraide.neves@bradesco.com.br;</t>
  </si>
  <si>
    <t>ENC: Procedimento Emissão de Boletos Confeccionados // Testes Legado - Negociação Diferenciada</t>
  </si>
  <si>
    <t>Passo a Passo Boleto Confeccionado..msg\s1\</t>
  </si>
  <si>
    <t>Boleto Confeccionado.xlsx</t>
  </si>
  <si>
    <t>iraide.neves@bradesco.com.br</t>
  </si>
  <si>
    <t>10.200.32.156</t>
  </si>
  <si>
    <t>status Reuger</t>
  </si>
  <si>
    <t>Algar Tech_4a REUGER 2019_Financeiro_2.pptx\</t>
  </si>
  <si>
    <t>export.xls</t>
  </si>
  <si>
    <t>Novo_Modelo.xlsx</t>
  </si>
  <si>
    <t>export (1).xls</t>
  </si>
  <si>
    <t>ENC: Faturamento INFRA a realizar nov/2019</t>
  </si>
  <si>
    <t>Criação CR - Frente ISD.xlsx</t>
  </si>
  <si>
    <t>mail.google.com/_/upload?authuser=0&amp;dcp=asu-n&amp;upload_id=AEnB2Up7XACJS6Y_sEW80wGZAhesahtDnbWX03kQ0pJmDVBTIUnKuhzD0RAelBKYsceRHBTOOlkPsf9pXsr9EQiwCVFrN5re18ZjLqSSpgNWTFh4zt2zgv0&amp;upload_protocol=resumable</t>
  </si>
  <si>
    <t>Atividades-ANF31 - BH_11_11_19 (1) juu.xlsx</t>
  </si>
  <si>
    <t>10.200.60.237</t>
  </si>
  <si>
    <t>Mailing de Reagendamento CAC - 11/11</t>
  </si>
  <si>
    <t>0 - Mailing de Reagendamento_ 20191111.xlsx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7903c13fa0504ff0bc7dd2644020b0e8-mirna prado;/o=exchangelabs/ou=exchange administrative group (fydibohf23spdlt)/cn=recipients/cn=852acbd029e94333978f192f279faa37-carolina ap;/o=exchangelabs/ou=exchange administrative group (fydibohf23spdlt)/cn=recipients/cn=e174366906884bd1b4d4c5ddfc8c9433-rodrigo men;aliny_p_mazziero@whirlpool.com;dayana_d_freitas_algar@whirlpool.com;luanda_s_almeida@whirlpool.com;thais_coimbra_fonseca_algar@whirlpool.com;</t>
  </si>
  <si>
    <t>Reagendamento CAC - 11/11</t>
  </si>
  <si>
    <t>Base Reagendamento CAC_ 20191111.xlsx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7903c13fa0504ff0bc7dd2644020b0e8-mirna prado,/o=exchangelabs/ou=exchange administrative group (fydibohf23spdlt)/cn=recipients/cn=852acbd029e94333978f192f279faa37-carolina ap,/o=exchangelabs/ou=exchange administrative group (fydibohf23spdlt)/cn=recipients/cn=e174366906884bd1b4d4c5ddfc8c9433-rodrigo men,aliny_p_mazziero@whirlpool.com,dayana_d_freitas_algar@whirlpool.com,luanda_s_almeida@whirlpool.com,thais_coimbra_fonseca_algar@whirlpool.com</t>
  </si>
  <si>
    <t>Comparativo PCP - Entregáveis.xlsx</t>
  </si>
  <si>
    <t>/o=exchangelabs/ou=exchange administrative group (fydibohf23spdlt)/cn=recipients/cn=3b76b3dd02a14d289cc323d3c8d12b81-waleska mar;/o=exchangelabs/ou=exchange administrative group (fydibohf23spdlt)/cn=recipients/cn=4b453b7f02914710b3e94bcf7b311ad4-fernando po;/o=exchangelabs/ou=exchange administrative group (fydibohf23spdlt)/cn=recipients/cn=a4ba92cba10f4fe498074594f937f3b6-leandro lop;/o=exchangelabs/ou=exchange administrative group (fydibohf23spdlt)/cn=recipients/cn=user7c077f95;</t>
  </si>
  <si>
    <t>ENC: RFI - Call Center Cartões</t>
  </si>
  <si>
    <t>RFI_Bradesco Cartões - 2v - Consolidado.xlsx</t>
  </si>
  <si>
    <t>/o=exchangelabs/ou=exchange administrative group (fydibohf23spdlt)/cn=recipients/cn=3b76b3dd02a14d289cc323d3c8d12b81-waleska mar,/o=exchangelabs/ou=exchange administrative group (fydibohf23spdlt)/cn=recipients/cn=4b453b7f02914710b3e94bcf7b311ad4-fernando po,/o=exchangelabs/ou=exchange administrative group (fydibohf23spdlt)/cn=recipients/cn=a4ba92cba10f4fe498074594f937f3b6-leandro lop,/o=exchangelabs/ou=exchange administrative group (fydibohf23spdlt)/cn=recipients/cn=user7c077f95</t>
  </si>
  <si>
    <t>/o=exchangelabs/ou=exchange administrative group (fydibohf23spdlt)/cn=recipients/cn=06d628e3f48b48f491437fe6311215ae-claudiane a;/o=exchangelabs/ou=exchange administrative group (fydibohf23spdlt)/cn=recipients/cn=a9a1fe1d51ef4ee29617a1c11aa10050-marinalva i;/o=exchangelabs/ou=exchange administrative group (fydibohf23spdlt)/cn=recipients/cn=bf5c8ee8081a4a4cbf005372e2697869-tassiane ci;/o=exchangelabs/ou=exchange administrative group (fydibohf23spdlt)/cn=recipients/cn=dd910368577c476fa125a61033b7deb1-gean carlos;</t>
  </si>
  <si>
    <t>ENC: P.A Digital Outubro</t>
  </si>
  <si>
    <t>Dashboard PA Digital Novo - 201911.xlsx</t>
  </si>
  <si>
    <t>/o=exchangelabs/ou=exchange administrative group (fydibohf23spdlt)/cn=recipients/cn=06d628e3f48b48f491437fe6311215ae-claudiane a,/o=exchangelabs/ou=exchange administrative group (fydibohf23spdlt)/cn=recipients/cn=a9a1fe1d51ef4ee29617a1c11aa10050-marinalva i,/o=exchangelabs/ou=exchange administrative group (fydibohf23spdlt)/cn=recipients/cn=bf5c8ee8081a4a4cbf005372e2697869-tassiane ci,/o=exchangelabs/ou=exchange administrative group (fydibohf23spdlt)/cn=recipients/cn=dd910368577c476fa125a61033b7deb1-gean carlos</t>
  </si>
  <si>
    <t>/o=exchangelabs/ou=exchange administrative group (fydibohf23spdlt)/cn=recipients/cn=027c2da1ea5a42378a892f895ed29947-andressa tu;/o=exchangelabs/ou=exchange administrative group (fydibohf23spdlt)/cn=recipients/cn=0bafe1ed27024338be4e911e19871cd1-william rob;/o=exchangelabs/ou=exchange administrative group (fydibohf23spdlt)/cn=recipients/cn=664567c81e2c4e9f9de1f7830ee164f0-octavio car;/o=exchangelabs/ou=exchange administrative group (fydibohf23spdlt)/cn=recipients/cn=c514dbe8b91547adb4618232d1a650ba-afonso domi;/o=exchangelabs/ou=exchange administrative group (fydibohf23spdlt)/cn=recipients/cn=f7a4290a46314a3cbb0d392508a7b5c5-luciana sil;</t>
  </si>
  <si>
    <t>/o=exchangelabs/ou=exchange administrative group (fydibohf23spdlt)/cn=recipients/cn=027c2da1ea5a42378a892f895ed29947-andressa tu,/o=exchangelabs/ou=exchange administrative group (fydibohf23spdlt)/cn=recipients/cn=0bafe1ed27024338be4e911e19871cd1-william rob,/o=exchangelabs/ou=exchange administrative group (fydibohf23spdlt)/cn=recipients/cn=664567c81e2c4e9f9de1f7830ee164f0-octavio car,/o=exchangelabs/ou=exchange administrative group (fydibohf23spdlt)/cn=recipients/cn=c514dbe8b91547adb4618232d1a650ba-afonso domi,/o=exchangelabs/ou=exchange administrative group (fydibohf23spdlt)/cn=recipients/cn=f7a4290a46314a3cbb0d392508a7b5c5-luciana sil</t>
  </si>
  <si>
    <t>10.200.60.124</t>
  </si>
  <si>
    <t>/o=exchangelabs/ou=exchange administrative group (fydibohf23spdlt)/cn=recipients/cn=094e5194d5c94cdf9d444ee50a911800-thalles hen;/o=exchangelabs/ou=exchange administrative group (fydibohf23spdlt)/cn=recipients/cn=109f6d628834480fabc1188cbdef64fa-antonia apa;/o=exchangelabs/ou=exchange administrative group (fydibohf23spdlt)/cn=recipients/cn=69cc68072bd74472a6fed235e590fc65-cassia alve;/o=exchangelabs/ou=exchange administrative group (fydibohf23spdlt)/cn=recipients/cn=7aaed863e0734538bc010e61e9020ad3-aline silve;/o=exchangelabs/ou=exchange administrative group (fydibohf23spdlt)/cn=recipients/cn=91f3ef961d644e629e519da4c82beec3-vinicius go;/o=exchangelabs/ou=exchange administrative group (fydibohf23spdlt)/cn=recipients/cn=a2244b2f9e6a4f3689f1c93d321bdc33-debora apar;</t>
  </si>
  <si>
    <t>RES: Fluxo Bot Continental</t>
  </si>
  <si>
    <t>Mapa de Logs - Bot Continental.xlsx</t>
  </si>
  <si>
    <t>/o=exchangelabs/ou=exchange administrative group (fydibohf23spdlt)/cn=recipients/cn=094e5194d5c94cdf9d444ee50a911800-thalles hen,/o=exchangelabs/ou=exchange administrative group (fydibohf23spdlt)/cn=recipients/cn=109f6d628834480fabc1188cbdef64fa-antonia apa,/o=exchangelabs/ou=exchange administrative group (fydibohf23spdlt)/cn=recipients/cn=69cc68072bd74472a6fed235e590fc65-cassia alve,/o=exchangelabs/ou=exchange administrative group (fydibohf23spdlt)/cn=recipients/cn=7aaed863e0734538bc010e61e9020ad3-aline silve,/o=exchangelabs/ou=exchange administrative group (fydibohf23spdlt)/cn=recipients/cn=91f3ef961d644e629e519da4c82beec3-vinicius go,/o=exchangelabs/ou=exchange administrative group (fydibohf23spdlt)/cn=recipients/cn=a2244b2f9e6a4f3689f1c93d321bdc33-debora apar</t>
  </si>
  <si>
    <t>mail.google.com/_/upload?authuser=1&amp;dcp=asu-n&amp;upload_id=AEnB2UrKGfh6JqVrxResFitSzK9_3vPwsKSKAyHD_7A1F7VYgHXZ77NN6GOd4Krr-jDAQPXSh83vNw0cUTP_KCg9CavzTnoBWg&amp;upload_protocol=resumable</t>
  </si>
  <si>
    <t>\\acsfs\DEPTOS\Governança da Estratégia\Governança\Holding\2019\Tech Day\Briefings para as áreas\Briefing_TechDay_MKTv2.pptx\</t>
  </si>
  <si>
    <t>ENC: PA LOGADA - PA IMPRODUTIVAW</t>
  </si>
  <si>
    <t>D:\ALGAR TECH\001 - Cloud MSP\Eventos\2019\Microsoft Ignite\</t>
  </si>
  <si>
    <t>cotações_microsoft.xlsx</t>
  </si>
  <si>
    <t>/o=exchangelabs/ou=exchange administrative group (fydibohf23spdlt)/cn=recipients/cn=404b1a0a31e34e40b03df5be0bc55bb1-emily arant;/o=exchangelabs/ou=exchange administrative group (fydibohf23spdlt)/cn=recipients/cn=76c34bd58dd94042afd37422faf691a0-stephani go;/o=exchangelabs/ou=exchange administrative group (fydibohf23spdlt)/cn=recipients/cn=da49f68f26344bf9811f1e9e579d92e5-kenia rosa;/o=exchangelabs/ou=exchange administrative group (fydibohf23spdlt)/cn=recipients/cn=f21ea6d86f3f4a109af6a69e02c3c2f1-aline borge;</t>
  </si>
  <si>
    <t>ENC: Resultados D-1 e consolidado - NOVEMBRO</t>
  </si>
  <si>
    <t>/o=exchangelabs/ou=exchange administrative group (fydibohf23spdlt)/cn=recipients/cn=404b1a0a31e34e40b03df5be0bc55bb1-emily arant,/o=exchangelabs/ou=exchange administrative group (fydibohf23spdlt)/cn=recipients/cn=76c34bd58dd94042afd37422faf691a0-stephani go,/o=exchangelabs/ou=exchange administrative group (fydibohf23spdlt)/cn=recipients/cn=da49f68f26344bf9811f1e9e579d92e5-kenia rosa,/o=exchangelabs/ou=exchange administrative group (fydibohf23spdlt)/cn=recipients/cn=f21ea6d86f3f4a109af6a69e02c3c2f1-aline borge</t>
  </si>
  <si>
    <t>/o=exchangelabs/ou=exchange administrative group (fydibohf23spdlt)/cn=recipients/cn=094e5194d5c94cdf9d444ee50a911800-thalles hen;/o=exchangelabs/ou=exchange administrative group (fydibohf23spdlt)/cn=recipients/cn=32fe8a14424941da83c2bf35a8a5709e-fabiana car;/o=exchangelabs/ou=exchange administrative group (fydibohf23spdlt)/cn=recipients/cn=8f185d9b3bd9437bbda2e6edb3323202-natalia men;</t>
  </si>
  <si>
    <t>Pendencias</t>
  </si>
  <si>
    <t>FORUM.xls</t>
  </si>
  <si>
    <t>/o=exchangelabs/ou=exchange administrative group (fydibohf23spdlt)/cn=recipients/cn=094e5194d5c94cdf9d444ee50a911800-thalles hen,/o=exchangelabs/ou=exchange administrative group (fydibohf23spdlt)/cn=recipients/cn=32fe8a14424941da83c2bf35a8a5709e-fabiana car,/o=exchangelabs/ou=exchange administrative group (fydibohf23spdlt)/cn=recipients/cn=8f185d9b3bd9437bbda2e6edb3323202-natalia men</t>
  </si>
  <si>
    <t>consumidor.xls</t>
  </si>
  <si>
    <t>CH658_20191111_131247.xls</t>
  </si>
  <si>
    <t>mail.google.com/_/upload?authuser=0&amp;dcp=asu-n&amp;upload_id=AEnB2Uq8s0ScCs2-mTu5eWXSpUgeTPpN9txF5XGKNekhG0EwHwUM7b2DNpLjoMha5m4cejooMHPFlIxKBUn7TsP9E2uYYqwZ3KxqrLslkjlyHNh7dCEuoYo&amp;upload_protocol=resumable</t>
  </si>
  <si>
    <t>C:\Users\marcosvsoa\Downloads\</t>
  </si>
  <si>
    <t>Arquivo Prévia 11.2019 (1).xlsx</t>
  </si>
  <si>
    <t>RES: TAP CAPEX - Projeto: Aquisição Microondas</t>
  </si>
  <si>
    <t>UDI - AMEX - BACEN BRADESCARD - Bradescard</t>
  </si>
  <si>
    <t>CH658_20191111_131513.xls</t>
  </si>
  <si>
    <t>Gestão de Entrevistas_Tech_Áreas.xlsx</t>
  </si>
  <si>
    <t>ENC: Revisão Práticas e Serviços - reunião de Briefing</t>
  </si>
  <si>
    <t>Separação_Receitas_GAT.xlsb</t>
  </si>
  <si>
    <t>Reluções e Bacen</t>
  </si>
  <si>
    <t>CH658_20191111_131809.xls</t>
  </si>
  <si>
    <t>/o=exchangelabs/ou=exchange administrative group (fydibohf23spdlt)/cn=recipients/cn=080e83e29285438291c54f0de60e22c2-patricia me;/o=exchangelabs/ou=exchange administrative group (fydibohf23spdlt)/cn=recipients/cn=5dd03a66f797451390d7113259343399-aline da si;/o=exchangelabs/ou=exchange administrative group (fydibohf23spdlt)/cn=recipients/cn=e5206557a07d4b02b842e0181faecf51-isabela fer;/o=exchangelabs/ou=exchange administrative group (fydibohf23spdlt)/cn=recipients/cn=e651a71f124c43ddaaa0887cae33fb6b-jackeline g;</t>
  </si>
  <si>
    <t>Lojinha MPE e Digital</t>
  </si>
  <si>
    <t>fechamento campanha.xlsx</t>
  </si>
  <si>
    <t>/o=exchangelabs/ou=exchange administrative group (fydibohf23spdlt)/cn=recipients/cn=080e83e29285438291c54f0de60e22c2-patricia me,/o=exchangelabs/ou=exchange administrative group (fydibohf23spdlt)/cn=recipients/cn=5dd03a66f797451390d7113259343399-aline da si,/o=exchangelabs/ou=exchange administrative group (fydibohf23spdlt)/cn=recipients/cn=e5206557a07d4b02b842e0181faecf51-isabela fer,/o=exchangelabs/ou=exchange administrative group (fydibohf23spdlt)/cn=recipients/cn=e651a71f124c43ddaaa0887cae33fb6b-jackeline g</t>
  </si>
  <si>
    <t>Usuário usrdynamics.csv</t>
  </si>
  <si>
    <t>C:\Users\lucianabo\OneDrive - Grupo Algar\</t>
  </si>
  <si>
    <t>1 - Controle Financeiro Variável - Janeiro19.xlsb</t>
  </si>
  <si>
    <t>2 - Controle Financeiro Variável - Fevereiro19.xlsb</t>
  </si>
  <si>
    <t>/o=exchangelabs/ou=exchange administrative group (fydibohf23spdlt)/cn=recipients/cn=214987ca45394b93a473a4e901f49d56-valmirian d;/o=exchangelabs/ou=exchange administrative group (fydibohf23spdlt)/cn=recipients/cn=6aec868a1978426493723fb76866b007-adenilton d;sabrinadtdmc@algartech.com;</t>
  </si>
  <si>
    <t>RES: Daily - Informações de Fila Trabalhada (Humano e Digital)</t>
  </si>
  <si>
    <t>A-2019-11 Daily_Total Risk-AlgarTech_v2.xlsx</t>
  </si>
  <si>
    <t>/o=exchangelabs/ou=exchange administrative group (fydibohf23spdlt)/cn=recipients/cn=214987ca45394b93a473a4e901f49d56-valmirian d,/o=exchangelabs/ou=exchange administrative group (fydibohf23spdlt)/cn=recipients/cn=6aec868a1978426493723fb76866b007-adenilton d,sabrinadtdmc@algartech.com</t>
  </si>
  <si>
    <t>/o=exchangelabs/ou=exchange administrative group (fydibohf23spdlt)/cn=recipients/cn=1103fa6d97a843058de1445ff3f2113d-thiago card;</t>
  </si>
  <si>
    <t>Programação Ferias_GERAL_IANNY.xlsx</t>
  </si>
  <si>
    <t>/o=exchangelabs/ou=exchange administrative group (fydibohf23spdlt)/cn=recipients/cn=1103fa6d97a843058de1445ff3f2113d-thiago card</t>
  </si>
  <si>
    <t>C:\Users\elainemdlp\OD\_Projetos\Em andamento\Expansao Caixa\PMO\PMO - STATUS DE GOVERNANÇA - Expansao Caixa - 20191021_new - Copia.pptx\</t>
  </si>
  <si>
    <t>Modelo Avaliação de Fornecedor - Carrefour.xlsm</t>
  </si>
  <si>
    <t>C:\Users\alefl\OneDrive - Grupo Algar\Qradar\Usuário usrdynamics\</t>
  </si>
  <si>
    <t>mail.google.com/_/upload?authuser=0&amp;dcp=asu-n&amp;upload_id=AEnB2Uqj_-B_GHVIIgKpUqYxKl2-FOKestxfAP3kd0ntzq_-rH9MMmlk5fALPCQqmT4TFyezoF2GM-R4x8KpQplvDhUAHhIGjA&amp;upload_protocol=resumable</t>
  </si>
  <si>
    <t>/o=exchangelabs/ou=exchange administrative group (fydibohf23spdlt)/cn=recipients/cn=d1ca1bbb859d4bb997649640237ba7cd-paulla rena;rodolfo.delfino@edpbr.com.br;</t>
  </si>
  <si>
    <t>ENC: Resultado Algar - 09/2019 e Parcial 10/2019</t>
  </si>
  <si>
    <t>/o=exchangelabs/ou=exchange administrative group (fydibohf23spdlt)/cn=recipients/cn=d1ca1bbb859d4bb997649640237ba7cd-paulla rena,rodolfo.delfino@edpbr.com.br</t>
  </si>
  <si>
    <t>mail.google.com/_/upload?authuser=0&amp;dcp=asu-n&amp;upload_id=AEnB2UrKnHnsDa5wvgUHR7HwaYJo96NijqXJAbrQhbN8mVGv3qIKa0iml4IX0JGOY-qDgpaP4UlyixJzcSHzQZbXks2Gc3cHHQ&amp;upload_protocol=resumable</t>
  </si>
  <si>
    <t>maicowjp@algartech.com;</t>
  </si>
  <si>
    <t>C:\Users\filemoncmj\OneDrive - Grupo Algar\01. Algar Tech\01. Projetos de Clientes\47. Prudential\19. Retirada de Ativos\</t>
  </si>
  <si>
    <t>Formulário Retirada Ativos (Equipe Implantação).xlsx</t>
  </si>
  <si>
    <t>maicowjp@algartech.com</t>
  </si>
  <si>
    <t>ENC: RES: 215371 - SUPORTE ISD E WIT - HARALD</t>
  </si>
  <si>
    <t>Inventario_Harald_12-09-2019.xlsx</t>
  </si>
  <si>
    <t>/o=exchangelabs/ou=exchange administrative group (fydibohf23spdlt)/cn=recipients/cn=214987ca45394b93a473a4e901f49d56-valmirian d;/o=exchangelabs/ou=exchange administrative group (fydibohf23spdlt)/cn=recipients/cn=6aec868a1978426493723fb76866b007-adenilton d;/o=exchangelabs/ou=exchange administrative group (fydibohf23spdlt)/cn=recipients/cn=9c1c9f5d953e4491b2dce916b33a482d-carlos albe;sabrinadtdmc@algartech.com;</t>
  </si>
  <si>
    <t>ENC: Daily - Informações de Fila Trabalhada (Humano e Digital)</t>
  </si>
  <si>
    <t>/o=exchangelabs/ou=exchange administrative group (fydibohf23spdlt)/cn=recipients/cn=214987ca45394b93a473a4e901f49d56-valmirian d,/o=exchangelabs/ou=exchange administrative group (fydibohf23spdlt)/cn=recipients/cn=6aec868a1978426493723fb76866b007-adenilton d,/o=exchangelabs/ou=exchange administrative group (fydibohf23spdlt)/cn=recipients/cn=9c1c9f5d953e4491b2dce916b33a482d-carlos albe,sabrinadtdmc@algartech.com</t>
  </si>
  <si>
    <t>ENC: 1º Negociação - Processo 40143349H - Service Desk Cartões - Algartech</t>
  </si>
  <si>
    <t>Planilha comercial de cotação (CENÁRIO 2 RFP) - Processo 40143349H.xlsx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marcosnf@tripag.com.br;</t>
  </si>
  <si>
    <t>Indicação Martins</t>
  </si>
  <si>
    <t>Indicações Martins V3.xlsx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,marcosnf@tripag.com.br</t>
  </si>
  <si>
    <t>/o=exchangelabs/ou=exchange administrative group (fydibohf23spdlt)/cn=recipients/cn=309572221fe14ce3af445b3983aaac9f-alizenete m;/o=exchangelabs/ou=exchange administrative group (fydibohf23spdlt)/cn=recipients/cn=33d249108a194f94ad1c0c445c411f81-sabrina vie;/o=exchangelabs/ou=exchange administrative group (fydibohf23spdlt)/cn=recipients/cn=5ab64dc5178e4d66aadc5f660807b2c3-andre gomes;/o=exchangelabs/ou=exchange administrative group (fydibohf23spdlt)/cn=recipients/cn=5cff907b7abb465c8dbe10257a462656-diego iure;/o=exchangelabs/ou=exchange administrative group (fydibohf23spdlt)/cn=recipients/cn=6bc6ced03b1b4fafa41bb5c70c178940-antonio per;/o=exchangelabs/ou=exchange administrative group (fydibohf23spdlt)/cn=recipients/cn=b1a72fc2d0234efca84c7771ea70c7ee-roberta cri;/o=exchangelabs/ou=exchange administrative group (fydibohf23spdlt)/cn=recipients/cn=f50351055a2944cebcbdc18a918945d6-gustavo res;/o=exchangelabs/ou=exchange administrative group (fydibohf23spdlt)/cn=recipients/cn=fe134ce6f7124ebfa00395a14326bd71-lucia</t>
  </si>
  <si>
    <t>ENC: OCIOSIDADE - TOP PERFORMANCE</t>
  </si>
  <si>
    <t>/o=exchangelabs/ou=exchange administrative group (fydibohf23spdlt)/cn=recipients/cn=309572221fe14ce3af445b3983aaac9f-alizenete m,/o=exchangelabs/ou=exchange administrative group (fydibohf23spdlt)/cn=recipients/cn=33d249108a194f94ad1c0c445c411f81-sabrina vie,/o=exchangelabs/ou=exchange administrative group (fydibohf23spdlt)/cn=recipients/cn=5ab64dc5178e4d66aadc5f660807b2c3-andre gomes,/o=exchangelabs/ou=exchange administrative group (fydibohf23spdlt)/cn=recipients/cn=5cff907b7abb465c8dbe10257a462656-diego iure,/o=exchangelabs/ou=exchange administrative group (fydibohf23spdlt)/cn=recipients/cn=6bc6ced03b1b4fafa41bb5c70c178940-antonio per,/o=exchangelabs/ou=exchange administrative group (fydibohf23spdlt)/cn=recipients/cn=b1a72fc2d0234efca84c7771ea70c7ee-roberta cri,/o=exchangelabs/ou=exchange administrative group (fydibohf23spdlt)/cn=recipients/cn=f50351055a2944cebcbdc18a918945d6-gustavo res,/o=exchangelabs/ou=exchange administrative group (fydibohf23spdlt)/cn=recipients/cn=fe134ce6f7124ebfa00395a14326bd71-lucia</t>
  </si>
  <si>
    <t>/o=exchangelabs/ou=exchange administrative group (fydibohf23spdlt)/cn=recipients/cn=1e7f0957c5bf4da1b70dc13dc9d810b1-gabriel per;</t>
  </si>
  <si>
    <t>/o=exchangelabs/ou=exchange administrative group (fydibohf23spdlt)/cn=recipients/cn=1e7f0957c5bf4da1b70dc13dc9d810b1-gabriel per</t>
  </si>
  <si>
    <t>/o=exchangelabs/ou=exchange administrative group (fydibohf23spdlt)/cn=recipients/cn=191198c00b8a4da8a1f464459bba8183-thaynara go;/o=exchangelabs/ou=exchange administrative group (fydibohf23spdlt)/cn=recipients/cn=272c7e5a973a400dbfbb4ab9b8bf2b2d-ana paula o;/o=exchangelabs/ou=exchange administrative group (fydibohf23spdlt)/cn=recipients/cn=504f2cfc403f495ebf675fe1e3d6931c-flavia ceci;/o=exchangelabs/ou=exchange administrative group (fydibohf23spdlt)/cn=recipients/cn=b81a6cf364194f87a485c13b7ad37717-leandro sil;algar.silverio@voeazul.com.br;algar.thaynara@voeazul.com.br;</t>
  </si>
  <si>
    <t>ENC: Classificação HE</t>
  </si>
  <si>
    <t>BASE_HE_028_029_033_OUTUBRO_01A31.10.2019.xlsx</t>
  </si>
  <si>
    <t>/o=exchangelabs/ou=exchange administrative group (fydibohf23spdlt)/cn=recipients/cn=191198c00b8a4da8a1f464459bba8183-thaynara go,/o=exchangelabs/ou=exchange administrative group (fydibohf23spdlt)/cn=recipients/cn=272c7e5a973a400dbfbb4ab9b8bf2b2d-ana paula o,/o=exchangelabs/ou=exchange administrative group (fydibohf23spdlt)/cn=recipients/cn=504f2cfc403f495ebf675fe1e3d6931c-flavia ceci,/o=exchangelabs/ou=exchange administrative group (fydibohf23spdlt)/cn=recipients/cn=b81a6cf364194f87a485c13b7ad37717-leandro sil,algar.silverio@voeazul.com.br,algar.thaynara@voeazul.com.br</t>
  </si>
  <si>
    <t>mail.google.com/_/upload?authuser=0&amp;dcp=asu-n&amp;upload_id=AEnB2UquLp2VuTyxdvQ3UlbRcsUKnjcYIZu8vwY2VgdcL1Mnon5o88GkwAs6QASibbEZmEuwmRk_KmT9n3rVWpKrpxvXibLajg&amp;upload_protocol=resumable</t>
  </si>
  <si>
    <t>\\acsfs\engeset\financeiro_ula\FATURAMENTO\11. Faturamento TIM Microsiga\2019\PETROBRAS\</t>
  </si>
  <si>
    <t>11. PETROBRAS CFTV.xlsx</t>
  </si>
  <si>
    <t>/o=exchangelabs/ou=exchange administrative group (fydibohf23spdlt)/cn=recipients/cn=2d3379e2d04c40db810b4b1f41dd2aea-erica carol;/o=exchangelabs/ou=exchange administrative group (fydibohf23spdlt)/cn=recipients/cn=503af5e9cb5c4e399cc01f604e91dfb7-yolima bust;/o=exchangelabs/ou=exchange administrative group (fydibohf23spdlt)/cn=recipients/cn=5d559e739a9e422da552ffdc9668775c-luiz fernan;/o=exchangelabs/ou=exchange administrative group (fydibohf23spdlt)/cn=recipients/cn=a4d4dbc88c434f8ba2bceed730d83878-marcellus r;/o=exchangelabs/ou=exchange administrative group (fydibohf23spdlt)/cn=recipients/cn=c5057601f2364b0db7ea84dbec10baa4-matheus mor;</t>
  </si>
  <si>
    <t>Fluxo de caixa Colômbia - Preclosing 2019</t>
  </si>
  <si>
    <t>Fluxo Caixa Colombia.xlsx</t>
  </si>
  <si>
    <t>/o=exchangelabs/ou=exchange administrative group (fydibohf23spdlt)/cn=recipients/cn=2d3379e2d04c40db810b4b1f41dd2aea-erica carol,/o=exchangelabs/ou=exchange administrative group (fydibohf23spdlt)/cn=recipients/cn=503af5e9cb5c4e399cc01f604e91dfb7-yolima bust,/o=exchangelabs/ou=exchange administrative group (fydibohf23spdlt)/cn=recipients/cn=5d559e739a9e422da552ffdc9668775c-luiz fernan,/o=exchangelabs/ou=exchange administrative group (fydibohf23spdlt)/cn=recipients/cn=a4d4dbc88c434f8ba2bceed730d83878-marcellus r,/o=exchangelabs/ou=exchange administrative group (fydibohf23spdlt)/cn=recipients/cn=c5057601f2364b0db7ea84dbec10baa4-matheus mor</t>
  </si>
  <si>
    <t>10.201.30.78</t>
  </si>
  <si>
    <t>lrocha@tribanco.com.br;</t>
  </si>
  <si>
    <t>RES: Ligações solicitadas Larissa Souza - Retenção</t>
  </si>
  <si>
    <t>Consolidado 31102019 Finalizada.xlsx</t>
  </si>
  <si>
    <t>lrocha@tribanco.com.br</t>
  </si>
  <si>
    <t>ENTRANTE CASOS ESPECIAIS.xlsx</t>
  </si>
  <si>
    <t>Utilização Algar Tech DC 238 (1).xlsx</t>
  </si>
  <si>
    <t>/o=exchangelabs/ou=exchange administrative group (fydibohf23spdlt)/cn=recipients/cn=5c0e0b883c0f4ccbb2cf13db05a00b36-luciene ivo;antoniocoj@algartech.com;celso.goncalves@bradesco.com.br;daniela.bittencourt@bradesco.com.br;edirlei.silva@bradesco.com.br;elisangela.marques@bradesco.com.br;hugooc@algartech.com;leandrolds@algartech.com;patricia.brito@bradesco.com.br;rafaelabsz@algartech.com.br;webersonads@algartech.com;wesleymb@algartech.com.br;yuri.andreoli@bradesco.com.br;</t>
  </si>
  <si>
    <t>RES: Ponto de Controle - Projeto URR -11-11</t>
  </si>
  <si>
    <t>Status 11-11.xlsx</t>
  </si>
  <si>
    <t>/o=exchangelabs/ou=exchange administrative group (fydibohf23spdlt)/cn=recipients/cn=5c0e0b883c0f4ccbb2cf13db05a00b36-luciene ivo,antoniocoj@algartech.com,celso.goncalves@bradesco.com.br,daniela.bittencourt@bradesco.com.br,edirlei.silva@bradesco.com.br,elisangela.marques@bradesco.com.br,hugooc@algartech.com,leandrolds@algartech.com,patricia.brito@bradesco.com.br,rafaelabsz@algartech.com.br,webersonads@algartech.com,wesleymb@algartech.com.br,yuri.andreoli@bradesco.com.br</t>
  </si>
  <si>
    <t>Relogios_11112019.xlsx</t>
  </si>
  <si>
    <t>C:\Users\ruidrt\OneDrive - Grupo Algar\Documentos\Projetos\Algar Tech\LGPD\</t>
  </si>
  <si>
    <t>lucas.dossantos@cscalgar.com.br;</t>
  </si>
  <si>
    <t>GST</t>
  </si>
  <si>
    <t>Clientes e Praticas_Cadastro V2.xlsb</t>
  </si>
  <si>
    <t>lucas.dossantos@cscalgar.com.br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30ee93c8ac3a402b98626eb34ed24781-lara lorran;/o=exchangelabs/ou=exchange administrative group (fydibohf23spdlt)/cn=recipients/cn=5694f7d2b5fa4976af2d1dc576e3b544-louany barb;/o=exchangelabs/ou=exchange administrative group (fydibohf23spdlt)/cn=recipients/cn=9bb376e8b4c74d45963b1165e99fb0ea-fernando ro;</t>
  </si>
  <si>
    <t>Meta 2ª Semana de monitorias Novembro</t>
  </si>
  <si>
    <t>2ª semana Novembro Qualidade Monitorias.xlsx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30ee93c8ac3a402b98626eb34ed24781-lara lorran,/o=exchangelabs/ou=exchange administrative group (fydibohf23spdlt)/cn=recipients/cn=5694f7d2b5fa4976af2d1dc576e3b544-louany barb,/o=exchangelabs/ou=exchange administrative group (fydibohf23spdlt)/cn=recipients/cn=9bb376e8b4c74d45963b1165e99fb0ea-fernando ro</t>
  </si>
  <si>
    <t>/o=exchangelabs/ou=exchange administrative group (fydibohf23spdlt)/cn=recipients/cn=fernanda de paiva lopes p. de freitas;</t>
  </si>
  <si>
    <t>ENC: Expansão Caixa: RA 73828</t>
  </si>
  <si>
    <t>Cópia de Formulario de compras - Caixa_.xls</t>
  </si>
  <si>
    <t>/o=exchangelabs/ou=exchange administrative group (fydibohf23spdlt)/cn=recipients/cn=fernanda de paiva lopes p. de freitas</t>
  </si>
  <si>
    <t>/o=exchangelabs/ou=exchange administrative group (fydibohf23spdlt)/cn=recipients/cn=0163bfef0e474630bdcf0a3698e9ffd4-amanda ferr;/o=exchangelabs/ou=exchange administrative group (fydibohf23spdlt)/cn=recipients/cn=2b1a6c2f5f1a48f98baec437d66528d4-ana paula f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b1f7688b183f4d74a7993976c4ad8f5e-diogenes pa;/o=exchangelabs/ou=exchange administrative group (fydibohf23spdlt)/cn=recipients/cn=b36412a54b154c07b0a876537a78fce8-jheniffer g;/o=exchangelabs/ou=exchange administrative group (fydibohf23spdlt)/cn=recipients/cn=ec8d74b9f1014e0287ebc00c465f223b-aline marqu;</t>
  </si>
  <si>
    <t>RES: Indicador SLA Contratado - Outubro/2019</t>
  </si>
  <si>
    <t>/o=exchangelabs/ou=exchange administrative group (fydibohf23spdlt)/cn=recipients/cn=0163bfef0e474630bdcf0a3698e9ffd4-amanda ferr,/o=exchangelabs/ou=exchange administrative group (fydibohf23spdlt)/cn=recipients/cn=2b1a6c2f5f1a48f98baec437d66528d4-ana paula f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b1f7688b183f4d74a7993976c4ad8f5e-diogenes pa,/o=exchangelabs/ou=exchange administrative group (fydibohf23spdlt)/cn=recipients/cn=b36412a54b154c07b0a876537a78fce8-jheniffer g,/o=exchangelabs/ou=exchange administrative group (fydibohf23spdlt)/cn=recipients/cn=ec8d74b9f1014e0287ebc00c465f223b-aline marqu</t>
  </si>
  <si>
    <t>/o=exchangelabs/ou=exchange administrative group (fydibohf23spdlt)/cn=recipients/cn=66edf19ebc2742d0aad16b8a34a09b10-andre luiz;/o=exchangelabs/ou=exchange administrative group (fydibohf23spdlt)/cn=recipients/cn=dc302903ac1a4151bcd049b90df4486f-ricardo soa;</t>
  </si>
  <si>
    <t>RES: 215380 - A100 Rack Office - Additional Circuit</t>
  </si>
  <si>
    <t>Classificacao_de_Ativos_-_Minirack_A100_Classificada.xlsx</t>
  </si>
  <si>
    <t>/o=exchangelabs/ou=exchange administrative group (fydibohf23spdlt)/cn=recipients/cn=66edf19ebc2742d0aad16b8a34a09b10-andre luiz,/o=exchangelabs/ou=exchange administrative group (fydibohf23spdlt)/cn=recipients/cn=dc302903ac1a4151bcd049b90df4486f-ricardo soa</t>
  </si>
  <si>
    <t>Liberacao_Ativos_ExpansaoCaixa_07 - Copia.xlsx</t>
  </si>
  <si>
    <t>/o=exchangelabs/ou=exchange administrative group (fydibohf23spdlt)/cn=recipients/cn=02b715e2a3c744dbab0f4054efc9d2d2-raquel corr;/o=exchangelabs/ou=exchange administrative group (fydibohf23spdlt)/cn=recipients/cn=3d85af75e9a44da5bad9ced68d6c53ed-rosana peix;/o=exchangelabs/ou=exchange administrative group (fydibohf23spdlt)/cn=recipients/cn=4097402e2d3e4073b597d33928140586-paulo sergi;/o=exchangelabs/ou=exchange administrative group (fydibohf23spdlt)/cn=recipients/cn=7df34f8bfd5c49aba90be766dd53403a-rosimar lei;apassos_act@timbrasil.com.br;asilva_act@timbrasil.com.br;dmartins@timbrasil.com.br;ldcastilho@timbrasil.com.br;ogoncalves@timbrasil.com.br;ppbarbosa@timbrasil.com.br;</t>
  </si>
  <si>
    <t>RES: Compromisso - De acordo cancelamento - Engeset</t>
  </si>
  <si>
    <t>Cancelamento Engeset_ 08_11 - Denise.xlsx</t>
  </si>
  <si>
    <t>/o=exchangelabs/ou=exchange administrative group (fydibohf23spdlt)/cn=recipients/cn=02b715e2a3c744dbab0f4054efc9d2d2-raquel corr,/o=exchangelabs/ou=exchange administrative group (fydibohf23spdlt)/cn=recipients/cn=3d85af75e9a44da5bad9ced68d6c53ed-rosana peix,/o=exchangelabs/ou=exchange administrative group (fydibohf23spdlt)/cn=recipients/cn=4097402e2d3e4073b597d33928140586-paulo sergi,/o=exchangelabs/ou=exchange administrative group (fydibohf23spdlt)/cn=recipients/cn=7df34f8bfd5c49aba90be766dd53403a-rosimar lei,apassos_act@timbrasil.com.br,asilva_act@timbrasil.com.br,dmartins@timbrasil.com.br,ldcastilho@timbrasil.com.br,ogoncalves@timbrasil.com.br,ppbarbosa@timbrasil.com.br</t>
  </si>
  <si>
    <t>P. Trabalhista Algar_ envio 19-09.xlsx</t>
  </si>
  <si>
    <t>7-P. Trabalhista Algar_ envio 12-11.xlsx</t>
  </si>
  <si>
    <t>8-P. Trabalhista Algar_ envio 08-01-19.xlsx</t>
  </si>
  <si>
    <t>3-P. Trabalhista Algar_ envio 29-03-19.xlsx</t>
  </si>
  <si>
    <t>4-P. Trabalhista Algar_ envio 12-04-19.xlsx</t>
  </si>
  <si>
    <t>5-P. Trabalhista Algar_ envio 19-08-19.xlsx</t>
  </si>
  <si>
    <t>Liberacao_BV_03 - Copia.xlsx</t>
  </si>
  <si>
    <t>/o=exchangelabs/ou=exchange administrative group (fydibohf23spdlt)/cn=recipients/cn=14a70e6ea48e469fb92836fb9681d216-nayara barr;/o=exchangelabs/ou=exchange administrative group (fydibohf23spdlt)/cn=recipients/cn=23686df447cc446eb0c1b6b47007d422-diogo de so;/o=exchangelabs/ou=exchange administrative group (fydibohf23spdlt)/cn=recipients/cn=49af12246d2746008617ced5a3abafc3-daniel de s;/o=exchangelabs/ou=exchange administrative group (fydibohf23spdlt)/cn=recipients/cn=8c89829ad534498fa4c85b5ac11174f1-suelen more;</t>
  </si>
  <si>
    <t>ENC: Edital CJF - R$ 10.189.851,90 (30 meses)</t>
  </si>
  <si>
    <t>09002605000242019000.zip\Edital PE24.2019 SEI 0001453-54.2019.4.90.8000.zip\</t>
  </si>
  <si>
    <t>PLANILHA DE CUSTOS E FORMAÃ‡ÃƒO DE PREÃ‡OS_MODELO IN5.xlsx</t>
  </si>
  <si>
    <t>/o=exchangelabs/ou=exchange administrative group (fydibohf23spdlt)/cn=recipients/cn=14a70e6ea48e469fb92836fb9681d216-nayara barr,/o=exchangelabs/ou=exchange administrative group (fydibohf23spdlt)/cn=recipients/cn=23686df447cc446eb0c1b6b47007d422-diogo de so,/o=exchangelabs/ou=exchange administrative group (fydibohf23spdlt)/cn=recipients/cn=49af12246d2746008617ced5a3abafc3-daniel de s,/o=exchangelabs/ou=exchange administrative group (fydibohf23spdlt)/cn=recipients/cn=8c89829ad534498fa4c85b5ac11174f1-suelen more</t>
  </si>
  <si>
    <t>/o=exchangelabs/ou=exchange administrative group (fydibohf23spdlt)/cn=recipients/cn=aff8c3b9538840fe9b9778861292fbea-everton pau;brunosr@algartech.com.br;</t>
  </si>
  <si>
    <t>/o=exchangelabs/ou=exchange administrative group (fydibohf23spdlt)/cn=recipients/cn=aff8c3b9538840fe9b9778861292fbea-everton pau,brunosr@algartech.com.br</t>
  </si>
  <si>
    <t>C:\Users\alefl\OneDrive - Grupo Algar\Juridico\</t>
  </si>
  <si>
    <t>Relatorio_deptos.juridico.csv</t>
  </si>
  <si>
    <t>5C-EA-1D-CF-AA-69</t>
  </si>
  <si>
    <t>Planilha de precificação - ALGAR TELECOM - DEMANDA 452061.xlsx</t>
  </si>
  <si>
    <t>/o=exchangelabs/ou=exchange administrative group (fydibohf23spdlt)/cn=recipients/cn=283819749ec64a3ca4621139a057108b-julia apare;</t>
  </si>
  <si>
    <t>ENC: Chamado: 3376568;</t>
  </si>
  <si>
    <t>166ACC_-_5-¦_Aditivo_do_2-¦_Mutuo_JUR-VF.xlsx</t>
  </si>
  <si>
    <t>/o=exchangelabs/ou=exchange administrative group (fydibohf23spdlt)/cn=recipients/cn=283819749ec64a3ca4621139a057108b-julia apare</t>
  </si>
  <si>
    <t>Relacionamento de Cartões: Ticket 823317</t>
  </si>
  <si>
    <t>Liberacao_BV_04.xlsx</t>
  </si>
  <si>
    <t>Relatorio_deptos.juridico_RD.csv</t>
  </si>
  <si>
    <t>RES: Painel UNE - Parcial Novembro</t>
  </si>
  <si>
    <t>UNE Novembro _ 11.11.xlsm</t>
  </si>
  <si>
    <t>ENC: Head Count 2017</t>
  </si>
  <si>
    <t>2017.rar\</t>
  </si>
  <si>
    <t>1d8d62c67cb14ad4aea64c11b7b7cb3a.csv</t>
  </si>
  <si>
    <t>f1a63ec0743842a8b0ee5c4800db6ad6.xlsx</t>
  </si>
  <si>
    <t>https://caey.fa.us2.oraclecloud.com/crmui/faces/fusewelcome?_adf.ctrl-state=salltmv7s_9</t>
  </si>
  <si>
    <t>D:\OneDrive\AlgarTech\Pré-Vendas\Cliente\2019\DMAE\215400 - Renovação de Smartnets\1. Precificação\</t>
  </si>
  <si>
    <t>215400 - Plan Precificacao C017 B017_V2.xlsb</t>
  </si>
  <si>
    <t>D:\OneDrive\AlgarTech\Pré-Vendas\Cliente\2019\DMAE\215400 - Renovação de Smartnets\1. Precificação\215400 - Plan Precificacao C017 B017_V2.xlsb\</t>
  </si>
  <si>
    <t>mail.google.com/_/upload?authuser=1&amp;dcp=asu-n&amp;upload_id=AEnB2UquPhEXwMbJ4JsYkz8WyLmWibbSCE-d0iGABLeHj3jZqBI_AgUMe76OQMo2EsJzVjIDz8T-ktDcMKGMCNgZZhh_xdcQ3A&amp;upload_protocol=resumable</t>
  </si>
  <si>
    <t>\\acsfs\DEPTOS\Governança da Estratégia\Governança\Holding\2019\Tech Day\Briefings para as áreas\Briefing_TechDay_GRCv2.pptx\</t>
  </si>
  <si>
    <t>10.200.99.98</t>
  </si>
  <si>
    <t>ivancj@algartech.com;victorvgar@algartech.com;</t>
  </si>
  <si>
    <t>LOGINDIARIO - SEMANA 1 - NOVEMBRO.xlsx</t>
  </si>
  <si>
    <t>ivancj@algartech.com,victorvgar@algartech.com</t>
  </si>
  <si>
    <t>ENC: * Aprovação 2 PAs - Licitação Goodyear</t>
  </si>
  <si>
    <t>BP 206431 - Goodyear v3.xlsb</t>
  </si>
  <si>
    <t>D:\Users\josemfs\OneDrive - Grupo Algar\2019\SI\Analises\Vulnerabilidades\BlueKeep\</t>
  </si>
  <si>
    <t>Relatorio_CSV_Scan_Bluekeep_Vlan_Servidores_11112019.xlsx</t>
  </si>
  <si>
    <t>/o=exchangelabs/ou=exchange administrative group (fydibohf23spdlt)/cn=recipients/cn=509f93c55ee04a2db0c238b7a3e5d9a0-edval jose;/o=exchangelabs/ou=exchange administrative group (fydibohf23spdlt)/cn=recipients/cn=5cdf7c02d3784fda99b7b159b2a127b2-rudney leme;/o=exchangelabs/ou=exchange administrative group (fydibohf23spdlt)/cn=recipients/cn=728d1d4924f44f719f0b63307ba2e26f-guilherme d;</t>
  </si>
  <si>
    <t>Antecipação de Recebimentos de Janeiro/2020 para Dezembro/2019</t>
  </si>
  <si>
    <t>Antecipações de Clientes - Dezembro 2019.xlsx</t>
  </si>
  <si>
    <t>/o=exchangelabs/ou=exchange administrative group (fydibohf23spdlt)/cn=recipients/cn=509f93c55ee04a2db0c238b7a3e5d9a0-edval jose,/o=exchangelabs/ou=exchange administrative group (fydibohf23spdlt)/cn=recipients/cn=5cdf7c02d3784fda99b7b159b2a127b2-rudney leme,/o=exchangelabs/ou=exchange administrative group (fydibohf23spdlt)/cn=recipients/cn=728d1d4924f44f719f0b63307ba2e26f-guilherme d</t>
  </si>
  <si>
    <t>/o=exchangelabs/ou=exchange administrative group (fydibohf23spdlt)/cn=recipients/cn=6e7b87b0f7a44f4babcd04c4dc7042e1-silke kraus;/o=exchangelabs/ou=exchange administrative group (fydibohf23spdlt)/cn=recipients/cn=7a5ceaeaef9041b49ad4d0d90f19ee70-marianna co;</t>
  </si>
  <si>
    <t>Expansão Caixa: RA 73828 - Priorização</t>
  </si>
  <si>
    <t>/o=exchangelabs/ou=exchange administrative group (fydibohf23spdlt)/cn=recipients/cn=6e7b87b0f7a44f4babcd04c4dc7042e1-silke kraus,/o=exchangelabs/ou=exchange administrative group (fydibohf23spdlt)/cn=recipients/cn=7a5ceaeaef9041b49ad4d0d90f19ee70-marianna co</t>
  </si>
  <si>
    <t>c:\users\pauloscr\desktop\</t>
  </si>
  <si>
    <t>adiantamento de viagens - joaquim ribeiro_11.11.2019.xlsm</t>
  </si>
  <si>
    <t>/o=exchangelabs/ou=exchange administrative group (fydibohf23spdlt)/cn=recipients/cn=3a5a57fc01354a128619146c836d1ba7-camila de p;/o=exchangelabs/ou=exchange administrative group (fydibohf23spdlt)/cn=recipients/cn=3cbbbf2b74034adf96410f8599fd666d-moana pauli;/o=exchangelabs/ou=exchange administrative group (fydibohf23spdlt)/cn=recipients/cn=574b9ba530ca42ac8eeb3eea750f0f34-jose carlos;/o=exchangelabs/ou=exchange administrative group (fydibohf23spdlt)/cn=recipients/cn=822f65115a2046059fff20a916dd90e9-thais marti;equipefabi@algartech.com.br;leonardoamf@algartech.com.br;tecnicospj@algartech.com.br;ueniargl@algartech.com.br;</t>
  </si>
  <si>
    <t>ESCALA #SOU DONO _ 13/11</t>
  </si>
  <si>
    <t>/o=exchangelabs/ou=exchange administrative group (fydibohf23spdlt)/cn=recipients/cn=3a5a57fc01354a128619146c836d1ba7-camila de p,/o=exchangelabs/ou=exchange administrative group (fydibohf23spdlt)/cn=recipients/cn=3cbbbf2b74034adf96410f8599fd666d-moana pauli,/o=exchangelabs/ou=exchange administrative group (fydibohf23spdlt)/cn=recipients/cn=574b9ba530ca42ac8eeb3eea750f0f34-jose carlos,/o=exchangelabs/ou=exchange administrative group (fydibohf23spdlt)/cn=recipients/cn=822f65115a2046059fff20a916dd90e9-thais marti,equipefabi@algartech.com.br,leonardoamf@algartech.com.br,tecnicospj@algartech.com.br,ueniargl@algartech.com.br</t>
  </si>
  <si>
    <t>/o=exchangelabs/ou=exchange administrative group (fydibohf23spdlt)/cn=recipients/cn=c22b2d8de1594760baec681322c0933f-fernanda ma;/o=exchangelabs/ou=exchange administrative group (fydibohf23spdlt)/cn=recipients/cn=e174366906884bd1b4d4c5ddfc8c9433-rodrigo men;izadoramdor@algartech.com;</t>
  </si>
  <si>
    <t>ENC: Relatórios/ MIS legado Ecohouse ---- De/Para</t>
  </si>
  <si>
    <t>/o=exchangelabs/ou=exchange administrative group (fydibohf23spdlt)/cn=recipients/cn=c22b2d8de1594760baec681322c0933f-fernanda ma,/o=exchangelabs/ou=exchange administrative group (fydibohf23spdlt)/cn=recipients/cn=e174366906884bd1b4d4c5ddfc8c9433-rodrigo men,izadoramdor@algartech.com</t>
  </si>
  <si>
    <t>/o=exchangelabs/ou=exchange administrative group (fydibohf23spdlt)/cn=recipients/cn=5af2cae509964078b2026f7f550380b0-andre luis;/o=exchangelabs/ou=exchange administrative group (fydibohf23spdlt)/cn=recipients/cn=8ab5e44d485043d59eb4f21463e63e6a-tays dos sa;/o=exchangelabs/ou=exchange administrative group (fydibohf23spdlt)/cn=recipients/cn=9b52022a6e624c30a92f50cf4538a4bf-talmaia rod;</t>
  </si>
  <si>
    <t>ENC: Proposta comercial BV controle de Acessos</t>
  </si>
  <si>
    <t>/o=exchangelabs/ou=exchange administrative group (fydibohf23spdlt)/cn=recipients/cn=5af2cae509964078b2026f7f550380b0-andre luis,/o=exchangelabs/ou=exchange administrative group (fydibohf23spdlt)/cn=recipients/cn=8ab5e44d485043d59eb4f21463e63e6a-tays dos sa,/o=exchangelabs/ou=exchange administrative group (fydibohf23spdlt)/cn=recipients/cn=9b52022a6e624c30a92f50cf4538a4bf-talmaia rod</t>
  </si>
  <si>
    <t>C:\Users\marcelodsd\Documents\OneDrive - Grupo Algar\Projetos\GIAT\Documentos\</t>
  </si>
  <si>
    <t>Indicadores Operacionais GIAT - ITSM_old.xlsx</t>
  </si>
  <si>
    <t>dener.rossi@temposervicos.com.br;</t>
  </si>
  <si>
    <t>dener.rossi@temposervicos.com.br</t>
  </si>
  <si>
    <t>ENC: [Agendamento Recall Toyota] - Substituição Máquinas</t>
  </si>
  <si>
    <t>54 casos FP.xlsx</t>
  </si>
  <si>
    <t>ENC: Plano de Juniorização Cerrado_v1.xlsx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52e670e2f8dd45f6bb83074a02c43b48-priscila ap;/o=exchangelabs/ou=exchange administrative group (fydibohf23spdlt)/cn=recipients/cn=88e4fcbd3ea14730a81286cc0683fb42-manoel eloy;/o=exchangelabs/ou=exchange administrative group (fydibohf23spdlt)/cn=recipients/cn=90bbd36f936b4bc78e1fbd0a7eb4aa7d-samantha du;/o=exchangelabs/ou=exchange administrative group (fydibohf23spdlt)/cn=recipients/cn=ab46a8675a184bef8d8f2440330cff44-daise jesus;/o=exchangelabs/ou=exchange administrative group (fydibohf23spdlt)/cn=recipients/cn=b712c36eebee42428d3790abe2696417-romario gom;/o=exchangelabs/ou=exchange administrative group (fydibohf23spdlt)/cn=recipients/cn=daea76c116d14ba69bf57b6e77a4327e-luan</t>
  </si>
  <si>
    <t>RES: Dados para o Fórum | Enviar até dia 08/11/2019</t>
  </si>
  <si>
    <t>FÓRUM NEXT Outubro_19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52e670e2f8dd45f6bb83074a02c43b48-priscila ap,/o=exchangelabs/ou=exchange administrative group (fydibohf23spdlt)/cn=recipients/cn=88e4fcbd3ea14730a81286cc0683fb42-manoel eloy,/o=exchangelabs/ou=exchange administrative group (fydibohf23spdlt)/cn=recipients/cn=90bbd36f936b4bc78e1fbd0a7eb4aa7d-samantha du,/o=exchangelabs/ou=exchange administrative group (fydibohf23spdlt)/cn=recipients/cn=ab46a8675a184bef8d8f2440330cff44-daise jesus,/o=exchangelabs/ou=exchange administrative group (fydibohf23spdlt)/cn=recipients/cn=b712c36eebee42428d3790abe2696417-romario gom,/o=exchangelabs/ou=exchange administrative group (fydibohf23spdlt)/cn=recipients/cn=daea76c116d14ba69bf57b6e77a4327e-luan</t>
  </si>
  <si>
    <t>/o=exchangelabs/ou=exchange administrative group (fydibohf23spdlt)/cn=recipients/cn=1e7f0957c5bf4da1b70dc13dc9d810b1-gabriel per;/o=exchangelabs/ou=exchange administrative group (fydibohf23spdlt)/cn=recipients/cn=214987ca45394b93a473a4e901f49d56-valmirian d;/o=exchangelabs/ou=exchange administrative group (fydibohf23spdlt)/cn=recipients/cn=6aec868a1978426493723fb76866b007-adenilton d;/o=exchangelabs/ou=exchange administrative group (fydibohf23spdlt)/cn=recipients/cn=9c1c9f5d953e4491b2dce916b33a482d-carlos albe;/o=exchangelabs/ou=exchange administrative group (fydibohf23spdlt)/cn=recipients/cn=aef94c0f98b44279a41d719230c27333-sabrina dan;</t>
  </si>
  <si>
    <t>/o=exchangelabs/ou=exchange administrative group (fydibohf23spdlt)/cn=recipients/cn=1e7f0957c5bf4da1b70dc13dc9d810b1-gabriel per,/o=exchangelabs/ou=exchange administrative group (fydibohf23spdlt)/cn=recipients/cn=214987ca45394b93a473a4e901f49d56-valmirian d,/o=exchangelabs/ou=exchange administrative group (fydibohf23spdlt)/cn=recipients/cn=6aec868a1978426493723fb76866b007-adenilton d,/o=exchangelabs/ou=exchange administrative group (fydibohf23spdlt)/cn=recipients/cn=9c1c9f5d953e4491b2dce916b33a482d-carlos albe,/o=exchangelabs/ou=exchange administrative group (fydibohf23spdlt)/cn=recipients/cn=aef94c0f98b44279a41d719230c27333-sabrina dan</t>
  </si>
  <si>
    <t>Abatimento (1).xlsx</t>
  </si>
  <si>
    <t>Faturamento.Sage.Novembro.V2.xlsx</t>
  </si>
  <si>
    <t>ricasan@a100dco.com;</t>
  </si>
  <si>
    <t>ENC: GRU2 Letter - Critical Equipment Project</t>
  </si>
  <si>
    <t>ricasan@a100dco.com</t>
  </si>
  <si>
    <t>10.200.99.162</t>
  </si>
  <si>
    <t>/o=exchangelabs/ou=exchange administrative group (fydibohf23spdlt)/cn=recipients/cn=1fbcd60c36f14b1cae70e747a3f94b5d-catiana lou;/o=exchangelabs/ou=exchange administrative group (fydibohf23spdlt)/cn=recipients/cn=545f738e0fe740ba856f4eb6ef0135e0-vinicius si;/o=exchangelabs/ou=exchange administrative group (fydibohf23spdlt)/cn=recipients/cn=d1d015f213f648abbf348b5ccdf8e9d9-senilda per;</t>
  </si>
  <si>
    <t>Capacity Backoffice</t>
  </si>
  <si>
    <t>Capacity Backoffice - Nov.19.xlsx</t>
  </si>
  <si>
    <t>/o=exchangelabs/ou=exchange administrative group (fydibohf23spdlt)/cn=recipients/cn=1fbcd60c36f14b1cae70e747a3f94b5d-catiana lou,/o=exchangelabs/ou=exchange administrative group (fydibohf23spdlt)/cn=recipients/cn=545f738e0fe740ba856f4eb6ef0135e0-vinicius si,/o=exchangelabs/ou=exchange administrative group (fydibohf23spdlt)/cn=recipients/cn=d1d015f213f648abbf348b5ccdf8e9d9-senilda per</t>
  </si>
  <si>
    <t>/o=exchangelabs/ou=exchange administrative group (fydibohf23spdlt)/cn=recipients/cn=8b1ee9849bf1448b965d2e381d782565-gabriel viv;/o=exchangelabs/ou=exchange administrative group (fydibohf23spdlt)/cn=recipients/cn=8fc182d8ec964190abd5d149ac41ad8b-fabricio de;/o=exchangelabs/ou=exchange administrative group (fydibohf23spdlt)/cn=recipients/cn=c29ec9dae022497281c840087cccddec-patricia ar;/o=exchangelabs/ou=exchange administrative group (fydibohf23spdlt)/cn=recipients/cn=e0001a1553fb4b9a9be687db68a2ec15-yuri ian fr;</t>
  </si>
  <si>
    <t>Mailing CIMI</t>
  </si>
  <si>
    <t>MAILING CIMI_Compilado.xlsx</t>
  </si>
  <si>
    <t>/o=exchangelabs/ou=exchange administrative group (fydibohf23spdlt)/cn=recipients/cn=8b1ee9849bf1448b965d2e381d782565-gabriel viv,/o=exchangelabs/ou=exchange administrative group (fydibohf23spdlt)/cn=recipients/cn=8fc182d8ec964190abd5d149ac41ad8b-fabricio de,/o=exchangelabs/ou=exchange administrative group (fydibohf23spdlt)/cn=recipients/cn=c29ec9dae022497281c840087cccddec-patricia ar,/o=exchangelabs/ou=exchange administrative group (fydibohf23spdlt)/cn=recipients/cn=e0001a1553fb4b9a9be687db68a2ec15-yuri ian fr</t>
  </si>
  <si>
    <t>/o=exchangelabs/ou=exchange administrative group (fydibohf23spdlt)/cn=recipients/cn=9ec7344ac9ca4c3d93340a066ae57ae1-paula mayum;jecivania.silva@bradesco.com.br;lucasfra@algartech.com;</t>
  </si>
  <si>
    <t>IGREJA UNIVERSAL</t>
  </si>
  <si>
    <t>IMPLEMENTAÇÃO IGREJA UNIVERSAL.xlsx</t>
  </si>
  <si>
    <t>/o=exchangelabs/ou=exchange administrative group (fydibohf23spdlt)/cn=recipients/cn=9ec7344ac9ca4c3d93340a066ae57ae1-paula mayum,jecivania.silva@bradesco.com.br,lucasfra@algartech.com</t>
  </si>
  <si>
    <t>RES: Planilha para preencher Supervisor</t>
  </si>
  <si>
    <t>ricardobal@algartech.com;</t>
  </si>
  <si>
    <t>C:\Users\fabianacscg\Desktop\Contratos\</t>
  </si>
  <si>
    <t>Comparativo CQE - Entregáveis TELECOM.xlsx</t>
  </si>
  <si>
    <t>ricardobal@algartech.com</t>
  </si>
  <si>
    <t>C:\Users\victorsm\OneDrive - Grupo Algar\05 - Projeto - Inter\</t>
  </si>
  <si>
    <t>Dash Projeto INTER - Status por Alavanca.xlsx</t>
  </si>
  <si>
    <t>/o=exchangelabs/ou=exchange administrative group (fydibohf23spdlt)/cn=recipients/cn=43a054bacf514a8a9cdcb240b072cd47-cecilia mul;/o=exchangelabs/ou=exchange administrative group (fydibohf23spdlt)/cn=recipients/cn=4ee575483b844a988f6cff145e9558a8-adriana ass;/o=exchangelabs/ou=exchange administrative group (fydibohf23spdlt)/cn=recipients/cn=546d63420d554c4d858776a48a93ef0f-gustavo de;/o=exchangelabs/ou=exchange administrative group (fydibohf23spdlt)/cn=recipients/cn=9c71bc5f5a3648bbbb5f6bedb86e15a6-marcelo buz;/o=exchangelabs/ou=exchange administrative group (fydibohf23spdlt)/cn=recipients/cn=b3b3e588898842db813e69c542d02bb6-elaine marc;/o=exchangelabs/ou=exchange administrative group (fydibohf23spdlt)/cn=recipients/cn=c32cee7d339f4e7fab5beda7be171cc0-priscila ca;</t>
  </si>
  <si>
    <t>/o=exchangelabs/ou=exchange administrative group (fydibohf23spdlt)/cn=recipients/cn=43a054bacf514a8a9cdcb240b072cd47-cecilia mul,/o=exchangelabs/ou=exchange administrative group (fydibohf23spdlt)/cn=recipients/cn=4ee575483b844a988f6cff145e9558a8-adriana ass,/o=exchangelabs/ou=exchange administrative group (fydibohf23spdlt)/cn=recipients/cn=546d63420d554c4d858776a48a93ef0f-gustavo de,/o=exchangelabs/ou=exchange administrative group (fydibohf23spdlt)/cn=recipients/cn=9c71bc5f5a3648bbbb5f6bedb86e15a6-marcelo buz,/o=exchangelabs/ou=exchange administrative group (fydibohf23spdlt)/cn=recipients/cn=b3b3e588898842db813e69c542d02bb6-elaine marc,/o=exchangelabs/ou=exchange administrative group (fydibohf23spdlt)/cn=recipients/cn=c32cee7d339f4e7fab5beda7be171cc0-priscila ca</t>
  </si>
  <si>
    <t>/o=exchangelabs/ou=exchange administrative group (fydibohf23spdlt)/cn=recipients/cn=094e5194d5c94cdf9d444ee50a911800-thalles hen;suporte@ascbrazil.com.br;</t>
  </si>
  <si>
    <t>Correção de Relatório</t>
  </si>
  <si>
    <t>Exemplo.xlsx</t>
  </si>
  <si>
    <t>/o=exchangelabs/ou=exchange administrative group (fydibohf23spdlt)/cn=recipients/cn=094e5194d5c94cdf9d444ee50a911800-thalles hen,suporte@ascbrazil.com.br</t>
  </si>
  <si>
    <t>/o=exchangelabs/ou=exchange administrative group (fydibohf23spdlt)/cn=recipients/cn=545f738e0fe740ba856f4eb6ef0135e0-vinicius si;/o=exchangelabs/ou=exchange administrative group (fydibohf23spdlt)/cn=recipients/cn=56dc126fba5b4a5f8fb1cd7e4f10477d-thais olive;/o=exchangelabs/ou=exchange administrative group (fydibohf23spdlt)/cn=recipients/cn=dd910368577c476fa125a61033b7deb1-gean carlos;/o=exchangelabs/ou=exchange administrative group (fydibohf23spdlt)/cn=recipients/cn=eb3a8d47e16546c381d649c124fcfbb7-cpc - contr;</t>
  </si>
  <si>
    <t>ENC: Base Pesquisa</t>
  </si>
  <si>
    <t>Pesquisa de Satisfação C.16 - Base Algar.xlsx</t>
  </si>
  <si>
    <t>/o=exchangelabs/ou=exchange administrative group (fydibohf23spdlt)/cn=recipients/cn=545f738e0fe740ba856f4eb6ef0135e0-vinicius si,/o=exchangelabs/ou=exchange administrative group (fydibohf23spdlt)/cn=recipients/cn=56dc126fba5b4a5f8fb1cd7e4f10477d-thais olive,/o=exchangelabs/ou=exchange administrative group (fydibohf23spdlt)/cn=recipients/cn=dd910368577c476fa125a61033b7deb1-gean carlos,/o=exchangelabs/ou=exchange administrative group (fydibohf23spdlt)/cn=recipients/cn=eb3a8d47e16546c381d649c124fcfbb7-cpc - contr</t>
  </si>
  <si>
    <t>/o=exchangelabs/ou=exchange administrative group (fydibohf23spdlt)/cn=recipients/cn=b712c36eebee42428d3790abe2696417-romario gom;/o=exchangelabs/ou=exchange administrative group (fydibohf23spdlt)/cn=recipients/cn=e4dbda4121b54299b4a719c6aa694894-algar tech;</t>
  </si>
  <si>
    <t>/o=exchangelabs/ou=exchange administrative group (fydibohf23spdlt)/cn=recipients/cn=b712c36eebee42428d3790abe2696417-romario gom,/o=exchangelabs/ou=exchange administrative group (fydibohf23spdlt)/cn=recipients/cn=e4dbda4121b54299b4a719c6aa694894-algar tech</t>
  </si>
  <si>
    <t>Cópia de SOU O DONO V2.xlsx</t>
  </si>
  <si>
    <t>RES: ESCALA #SOU DONO _ 13/11</t>
  </si>
  <si>
    <t>/o=exchangelabs/ou=exchange administrative group (fydibohf23spdlt)/cn=recipients/cn=5d559e739a9e422da552ffdc9668775c-luiz fernan;</t>
  </si>
  <si>
    <t>RES: Metas Luiz Fernando e Juan Carlos</t>
  </si>
  <si>
    <t>/o=exchangelabs/ou=exchange administrative group (fydibohf23spdlt)/cn=recipients/cn=5d559e739a9e422da552ffdc9668775c-luiz fernan</t>
  </si>
  <si>
    <t>ENC: Produtividade CRCe até 10/11</t>
  </si>
  <si>
    <t>/o=exchangelabs/ou=exchange administrative group (fydibohf23spdlt)/cn=recipients/cn=38cb943dd1ac413a953757a4a5a53053-fabio welze;/o=exchangelabs/ou=exchange administrative group (fydibohf23spdlt)/cn=recipients/cn=55643a6cbd93423e8f0c948d862c9e35-marcelo ale;/o=exchangelabs/ou=exchange administrative group (fydibohf23spdlt)/cn=recipients/cn=97028c61ebe04c3ca84c604712943944-fabiano wil;/o=exchangelabs/ou=exchange administrative group (fydibohf23spdlt)/cn=recipients/cn=ba64882ecdca4e529551bc93e56e2f41-helbert bec;/o=exchangelabs/ou=exchange administrative group (fydibohf23spdlt)/cn=recipients/cn=f71035a74a95411c8b0276261ec8a527-rafael barr;fabriciovs@algartech.com;</t>
  </si>
  <si>
    <t>/o=exchangelabs/ou=exchange administrative group (fydibohf23spdlt)/cn=recipients/cn=38cb943dd1ac413a953757a4a5a53053-fabio welze,/o=exchangelabs/ou=exchange administrative group (fydibohf23spdlt)/cn=recipients/cn=55643a6cbd93423e8f0c948d862c9e35-marcelo ale,/o=exchangelabs/ou=exchange administrative group (fydibohf23spdlt)/cn=recipients/cn=97028c61ebe04c3ca84c604712943944-fabiano wil,/o=exchangelabs/ou=exchange administrative group (fydibohf23spdlt)/cn=recipients/cn=ba64882ecdca4e529551bc93e56e2f41-helbert bec,/o=exchangelabs/ou=exchange administrative group (fydibohf23spdlt)/cn=recipients/cn=f71035a74a95411c8b0276261ec8a527-rafael barr,fabriciovs@algartech.com</t>
  </si>
  <si>
    <t>/o=exchangelabs/ou=exchange administrative group (fydibohf23spdlt)/cn=recipients/cn=027c2da1ea5a42378a892f895ed29947-andressa tu;/o=exchangelabs/ou=exchange administrative group (fydibohf23spdlt)/cn=recipients/cn=372a4aee70df4061aed129651510b96b-raul montei;/o=exchangelabs/ou=exchange administrative group (fydibohf23spdlt)/cn=recipients/cn=b79663656cc44aa3bf06617d1695ae51-carlos faci;</t>
  </si>
  <si>
    <t>Metas Latam</t>
  </si>
  <si>
    <t>Estudo comercial Latam.xlsx</t>
  </si>
  <si>
    <t>/o=exchangelabs/ou=exchange administrative group (fydibohf23spdlt)/cn=recipients/cn=027c2da1ea5a42378a892f895ed29947-andressa tu,/o=exchangelabs/ou=exchange administrative group (fydibohf23spdlt)/cn=recipients/cn=372a4aee70df4061aed129651510b96b-raul montei,/o=exchangelabs/ou=exchange administrative group (fydibohf23spdlt)/cn=recipients/cn=b79663656cc44aa3bf06617d1695ae51-carlos faci</t>
  </si>
  <si>
    <t>ENC: Acompanhamento NPS - TRACK SALES e 5 STAR - Nov/2019</t>
  </si>
  <si>
    <t>/o=exchangelabs/ou=exchange administrative group (fydibohf23spdlt)/cn=recipients/cn=1ef8a40c52af4b4dbe421ec9beecd02c-simone pont;/o=exchangelabs/ou=exchange administrative group (fydibohf23spdlt)/cn=recipients/cn=43a054bacf514a8a9cdcb240b072cd47-cecilia mul;/o=exchangelabs/ou=exchange administrative group (fydibohf23spdlt)/cn=recipients/cn=5cdc4a7b917a447c993600ca829a0a39-elisangela;/o=exchangelabs/ou=exchange administrative group (fydibohf23spdlt)/cn=recipients/cn=7d13fcff1e804d05afcf907fc6d75650-piero crede;/o=exchangelabs/ou=exchange administrative group (fydibohf23spdlt)/cn=recipients/cn=8c89829ad534498fa4c85b5ac11174f1-suelen more;/o=exchangelabs/ou=exchange administrative group (fydibohf23spdlt)/cn=recipients/cn=c6f5c50e91244036872327464dc6624a-cinthia mar;/o=exchangelabs/ou=exchange administrative group (fydibohf23spdlt)/cn=recipients/cn=wilson achilles alves pereira neto - 004255;</t>
  </si>
  <si>
    <t>RES: * 181289_Algar Tech - Projeto Quantum - REVISAO</t>
  </si>
  <si>
    <t>Re 181289_Algar Tech - Projeto Quantum - REVISAO.msg\s1\</t>
  </si>
  <si>
    <t>Infomações das lojas.xlsx</t>
  </si>
  <si>
    <t>/o=exchangelabs/ou=exchange administrative group (fydibohf23spdlt)/cn=recipients/cn=1ef8a40c52af4b4dbe421ec9beecd02c-simone pont,/o=exchangelabs/ou=exchange administrative group (fydibohf23spdlt)/cn=recipients/cn=43a054bacf514a8a9cdcb240b072cd47-cecilia mul,/o=exchangelabs/ou=exchange administrative group (fydibohf23spdlt)/cn=recipients/cn=5cdc4a7b917a447c993600ca829a0a39-elisangela,/o=exchangelabs/ou=exchange administrative group (fydibohf23spdlt)/cn=recipients/cn=7d13fcff1e804d05afcf907fc6d75650-piero crede,/o=exchangelabs/ou=exchange administrative group (fydibohf23spdlt)/cn=recipients/cn=8c89829ad534498fa4c85b5ac11174f1-suelen more,/o=exchangelabs/ou=exchange administrative group (fydibohf23spdlt)/cn=recipients/cn=c6f5c50e91244036872327464dc6624a-cinthia mar,/o=exchangelabs/ou=exchange administrative group (fydibohf23spdlt)/cn=recipients/cn=wilson achilles alves pereira neto - 004255</t>
  </si>
  <si>
    <t>03 -report_spla_algartech_11_19.xlsx</t>
  </si>
  <si>
    <t>'marciamdf@algatech.com;/o=exchangelabs/ou=exchange administrative group (fydibohf23spdlt)/cn=recipients/cn=356687541e6d4dba87a6d07b3c4b9c4a-paulinia av;/o=exchangelabs/ou=exchange administrative group (fydibohf23spdlt)/cn=recipients/cn=822f65115a2046059fff20a916dd90e9-thais marti;/o=exchangelabs/ou=exchange administrative group (fydibohf23spdlt)/cn=recipients/cn=82e9af7034e542b3a622ab8e7d09ff5d-ricardo de;/o=exchangelabs/ou=exchange administrative group (fydibohf23spdlt)/cn=recipients/cn=8b5b63d67af648d081a40c45cc800804-fabiana per;/o=exchangelabs/ou=exchange administrative group (fydibohf23spdlt)/cn=recipients/cn=a78f7dae304e472e9f75bd537683f6e5-hugo de oli;/o=exchangelabs/ou=exchange administrative group (fydibohf23spdlt)/cn=recipients/cn=aff8c3b9538840fe9b9778861292fbea-everton pau;/o=exchangelabs/ou=exchange administrative group (fydibohf23spdlt)/cn=recipients/cn=f45617401bdf436baf70c45766699413-frederico b;aurio.nogueira@bradesco.com.br;brunosr@algartech.com.br;francisco.gouveia@temposervicos.com.br;isa</t>
  </si>
  <si>
    <t>'marciamdf@algatech.com,/o=exchangelabs/ou=exchange administrative group (fydibohf23spdlt)/cn=recipients/cn=356687541e6d4dba87a6d07b3c4b9c4a-paulinia av,/o=exchangelabs/ou=exchange administrative group (fydibohf23spdlt)/cn=recipients/cn=822f65115a2046059fff20a916dd90e9-thais marti,/o=exchangelabs/ou=exchange administrative group (fydibohf23spdlt)/cn=recipients/cn=82e9af7034e542b3a622ab8e7d09ff5d-ricardo de,/o=exchangelabs/ou=exchange administrative group (fydibohf23spdlt)/cn=recipients/cn=8b5b63d67af648d081a40c45cc800804-fabiana per,/o=exchangelabs/ou=exchange administrative group (fydibohf23spdlt)/cn=recipients/cn=a78f7dae304e472e9f75bd537683f6e5-hugo de oli,/o=exchangelabs/ou=exchange administrative group (fydibohf23spdlt)/cn=recipients/cn=aff8c3b9538840fe9b9778861292fbea-everton pau,/o=exchangelabs/ou=exchange administrative group (fydibohf23spdlt)/cn=recipients/cn=f45617401bdf436baf70c45766699413-frederico b,aurio.nogueira@bradesco.com.br,brunosr@algartech.com.br,francisco.gouveia@temposervicos.com.br,isa</t>
  </si>
  <si>
    <t>Caixa: BP</t>
  </si>
  <si>
    <t>/o=exchangelabs/ou=exchange administrative group (fydibohf23spdlt)/cn=recipients/cn=cde6b463c9b0493d8ce5fb1d69d5f198-gustavo men;</t>
  </si>
  <si>
    <t>173228.xlsb</t>
  </si>
  <si>
    <t>/o=exchangelabs/ou=exchange administrative group (fydibohf23spdlt)/cn=recipients/cn=cde6b463c9b0493d8ce5fb1d69d5f198-gustavo men</t>
  </si>
  <si>
    <t>ENC: Caixa: BP</t>
  </si>
  <si>
    <t>\\acsfs\deptos\PMO Governança\08 - GOVERNANÇA DE COMPRAS\02 - Apresentações CCC\10 - Outubro\</t>
  </si>
  <si>
    <t>Validação de Saving CCC - Capex e Opex - Outubro 2019 - Algar Tech_validado - Copia.xlsb</t>
  </si>
  <si>
    <t>mail.google.com/_/upload?authuser=0&amp;dcp=asu-n&amp;upload_id=AEnB2UrlQXUAXAxe1q6DPXGKPRfZbXP_Da5UFw0Fq7cDYnSXzM0o5AOLMkxHTsqDqMpRyIP1Q7tjO_mMFZxywaQC7lWdharXfg&amp;upload_protocol=resumable</t>
  </si>
  <si>
    <t>Comparativo Bradesco 11.11.19.xlsx</t>
  </si>
  <si>
    <t>gabriel@forsaitt.com.br;leandro@forsaitt.com.br;</t>
  </si>
  <si>
    <t>Revisão de Projeto - Melhoria de Geração</t>
  </si>
  <si>
    <t>gabriel@forsaitt.com.br,leandro@forsaitt.com.br</t>
  </si>
  <si>
    <t>/o=exchangelabs/ou=exchange administrative group (fydibohf23spdlt)/cn=recipients/cn=8fc182d8ec964190abd5d149ac41ad8b-fabricio de;/o=exchangelabs/ou=exchange administrative group (fydibohf23spdlt)/cn=recipients/cn=f00c439d0d474c0586a503a0209ed1f2-bruno wande;/o=exchangelabs/ou=exchange administrative group (fydibohf23spdlt)/cn=recipients/cn=usere11ed38c;</t>
  </si>
  <si>
    <t>ENC: GUIA SEI - Solicitação Base de Dados</t>
  </si>
  <si>
    <t>arquivo_base_de_dados_palavra_chave_categoria.csv</t>
  </si>
  <si>
    <t>/o=exchangelabs/ou=exchange administrative group (fydibohf23spdlt)/cn=recipients/cn=8fc182d8ec964190abd5d149ac41ad8b-fabricio de,/o=exchangelabs/ou=exchange administrative group (fydibohf23spdlt)/cn=recipients/cn=f00c439d0d474c0586a503a0209ed1f2-bruno wande,/o=exchangelabs/ou=exchange administrative group (fydibohf23spdlt)/cn=recipients/cn=usere11ed38c</t>
  </si>
  <si>
    <t>/o=exchangelabs/ou=exchange administrative group (fydibohf23spdlt)/cn=recipients/cn=8b1ee9849bf1448b965d2e381d782565-gabriel viv;</t>
  </si>
  <si>
    <t>/o=exchangelabs/ou=exchange administrative group (fydibohf23spdlt)/cn=recipients/cn=8b1ee9849bf1448b965d2e381d782565-gabriel viv</t>
  </si>
  <si>
    <t>C:\Users\rodrigormc\Desktop\Comissão\</t>
  </si>
  <si>
    <t>Planilha CORRENTISTA_NOVEMBRO.xlsx</t>
  </si>
  <si>
    <t>/o=exchangelabs/ou=exchange administrative group (fydibohf23spdlt)/cn=recipients/cn=7d13fcff1e804d05afcf907fc6d75650-piero crede;/o=exchangelabs/ou=exchange administrative group (fydibohf23spdlt)/cn=recipients/cn=8c89829ad534498fa4c85b5ac11174f1-suelen more;/o=exchangelabs/ou=exchange administrative group (fydibohf23spdlt)/cn=recipients/cn=a67b870d47244fa19f0fe0fbb7458d8d-igo henriqu;/o=exchangelabs/ou=exchange administrative group (fydibohf23spdlt)/cn=recipients/cn=dc302903ac1a4151bcd049b90df4486f-ricardo soa;</t>
  </si>
  <si>
    <t>/o=exchangelabs/ou=exchange administrative group (fydibohf23spdlt)/cn=recipients/cn=7d13fcff1e804d05afcf907fc6d75650-piero crede,/o=exchangelabs/ou=exchange administrative group (fydibohf23spdlt)/cn=recipients/cn=8c89829ad534498fa4c85b5ac11174f1-suelen more,/o=exchangelabs/ou=exchange administrative group (fydibohf23spdlt)/cn=recipients/cn=a67b870d47244fa19f0fe0fbb7458d8d-igo henriqu,/o=exchangelabs/ou=exchange administrative group (fydibohf23spdlt)/cn=recipients/cn=dc302903ac1a4151bcd049b90df4486f-ricardo soa</t>
  </si>
  <si>
    <t>/o=exchangelabs/ou=exchange administrative group (fydibohf23spdlt)/cn=recipients/cn=e9b12c05d40743aeabb473b63d3b57f6-camila tirs;</t>
  </si>
  <si>
    <t>ENC: Qualidade Outubro Bradesco</t>
  </si>
  <si>
    <t>/o=exchangelabs/ou=exchange administrative group (fydibohf23spdlt)/cn=recipients/cn=e9b12c05d40743aeabb473b63d3b57f6-camila tirs</t>
  </si>
  <si>
    <t>Cópia de FOCUS GROUP 11 NOVEMBRO.xlsx</t>
  </si>
  <si>
    <t>ENC: AGEDAMENTO - REUNIÃO - CONTATOS MIGRAÇÃO ONDA 4</t>
  </si>
  <si>
    <t>FOCUS GROUP 11 NOVEMBRO.xlsx</t>
  </si>
  <si>
    <t>/o=exchangelabs/ou=exchange administrative group (fydibohf23spdlt)/cn=recipients/cn=3d85af75e9a44da5bad9ced68d6c53ed-rosana peix;/o=exchangelabs/ou=exchange administrative group (fydibohf23spdlt)/cn=recipients/cn=96c835195d674d6ebf3e3dbf87493053-jaqueline d;bkinoshita@comfrio.com.br;</t>
  </si>
  <si>
    <t>ENC: Relatório Comfrio - Ref. Outubro</t>
  </si>
  <si>
    <t>RDS_COMFRIO_24_10.xlsx</t>
  </si>
  <si>
    <t>/o=exchangelabs/ou=exchange administrative group (fydibohf23spdlt)/cn=recipients/cn=3d85af75e9a44da5bad9ced68d6c53ed-rosana peix,/o=exchangelabs/ou=exchange administrative group (fydibohf23spdlt)/cn=recipients/cn=96c835195d674d6ebf3e3dbf87493053-jaqueline d,bkinoshita@comfrio.com.br</t>
  </si>
  <si>
    <t>/o=exchangelabs/ou=exchange administrative group (fydibohf23spdlt)/cn=recipients/cn=3658e557ecfb4e299cf58c9eaefa444e-eversonmc_a;cesaradsg@algartech.com.br;talouanecsr@algartech.com.br;</t>
  </si>
  <si>
    <t>/o=exchangelabs/ou=exchange administrative group (fydibohf23spdlt)/cn=recipients/cn=3658e557ecfb4e299cf58c9eaefa444e-eversonmc_a,cesaradsg@algartech.com.br,talouanecsr@algartech.com.br</t>
  </si>
  <si>
    <t>/o=exchangelabs/ou=exchange administrative group (fydibohf23spdlt)/cn=recipients/cn=b712c36eebee42428d3790abe2696417-romario gom;sizania.miranda@next.b.br;</t>
  </si>
  <si>
    <t>Chamada ringando Voz Cartões</t>
  </si>
  <si>
    <t>Abandono Chamada Voz.xlsx</t>
  </si>
  <si>
    <t>/o=exchangelabs/ou=exchange administrative group (fydibohf23spdlt)/cn=recipients/cn=b712c36eebee42428d3790abe2696417-romario gom,sizania.miranda@next.b.br</t>
  </si>
  <si>
    <t>/o=exchangelabs/ou=exchange administrative group (fydibohf23spdlt)/cn=recipients/cn=50f8ab770c6e4ce1a0c6a59d9c0a5d77-gessica ste;/o=exchangelabs/ou=exchange administrative group (fydibohf23spdlt)/cn=recipients/cn=822f65115a2046059fff20a916dd90e9-thais marti;/o=exchangelabs/ou=exchange administrative group (fydibohf23spdlt)/cn=recipients/cn=a6ba306bde72439c8d608df7df1957f9-larice nasc;/o=exchangelabs/ou=exchange administrative group (fydibohf23spdlt)/cn=recipients/cn=bec14da9ad4d434b8151ce12587e9186-khassio mar;equipefabi@algartech.com.br;flavia@iclicconsultoria.com.br;tecnicospj@algartech.com.br;</t>
  </si>
  <si>
    <t>RES: AGEDAMENTO - REUNIÃO - CONTATOS MIGRAÇÃO ONDA 4</t>
  </si>
  <si>
    <t>/o=exchangelabs/ou=exchange administrative group (fydibohf23spdlt)/cn=recipients/cn=50f8ab770c6e4ce1a0c6a59d9c0a5d77-gessica ste,/o=exchangelabs/ou=exchange administrative group (fydibohf23spdlt)/cn=recipients/cn=822f65115a2046059fff20a916dd90e9-thais marti,/o=exchangelabs/ou=exchange administrative group (fydibohf23spdlt)/cn=recipients/cn=a6ba306bde72439c8d608df7df1957f9-larice nasc,/o=exchangelabs/ou=exchange administrative group (fydibohf23spdlt)/cn=recipients/cn=bec14da9ad4d434b8151ce12587e9186-khassio mar,equipefabi@algartech.com.br,flavia@iclicconsultoria.com.br,tecnicospj@algartech.com.br</t>
  </si>
  <si>
    <t>/o=exchangelabs/ou=exchange administrative group (fydibohf23spdlt)/cn=recipients/cn=248f76562cc941d8bc05340de633fd82-paulo guilh;</t>
  </si>
  <si>
    <t>/o=exchangelabs/ou=exchange administrative group (fydibohf23spdlt)/cn=recipients/cn=248f76562cc941d8bc05340de633fd82-paulo guilh</t>
  </si>
  <si>
    <t>/o=exchangelabs/ou=exchange administrative group (fydibohf23spdlt)/cn=recipients/cn=402535980e9d4d4788d63e3c9587e129-melissa fer;/o=exchangelabs/ou=exchange administrative group (fydibohf23spdlt)/cn=recipients/cn=6ce156dc846b45c892e3a0a6a3df7cc3-jhoni do na;/o=exchangelabs/ou=exchange administrative group (fydibohf23spdlt)/cn=recipients/cn=97bf0b4d6b424f9fbf91192510276150-renata de o;/o=exchangelabs/ou=exchange administrative group (fydibohf23spdlt)/cn=recipients/cn=b5ef1f826e364d2aa99a0df5d1906feb-liliane apa;/o=exchangelabs/ou=exchange administrative group (fydibohf23spdlt)/cn=recipients/cn=fcc3d07951f5486d9a8e080319224b72-joyce de he;/o=exchangelabs/ou=exchange administrative group (fydibohf23spdlt)/cn=recipients/cn=userd5d32f69;</t>
  </si>
  <si>
    <t>/o=exchangelabs/ou=exchange administrative group (fydibohf23spdlt)/cn=recipients/cn=402535980e9d4d4788d63e3c9587e129-melissa fer,/o=exchangelabs/ou=exchange administrative group (fydibohf23spdlt)/cn=recipients/cn=6ce156dc846b45c892e3a0a6a3df7cc3-jhoni do na,/o=exchangelabs/ou=exchange administrative group (fydibohf23spdlt)/cn=recipients/cn=97bf0b4d6b424f9fbf91192510276150-renata de o,/o=exchangelabs/ou=exchange administrative group (fydibohf23spdlt)/cn=recipients/cn=b5ef1f826e364d2aa99a0df5d1906feb-liliane apa,/o=exchangelabs/ou=exchange administrative group (fydibohf23spdlt)/cn=recipients/cn=fcc3d07951f5486d9a8e080319224b72-joyce de he,/o=exchangelabs/ou=exchange administrative group (fydibohf23spdlt)/cn=recipients/cn=userd5d32f69</t>
  </si>
  <si>
    <t>/o=exchangelabs/ou=exchange administrative group (fydibohf23spdlt)/cn=recipients/cn=168e05cabbf14ae289464a0c09955b31-sara ferrei;/o=exchangelabs/ou=exchange administrative group (fydibohf23spdlt)/cn=recipients/cn=3d85af75e9a44da5bad9ced68d6c53ed-rosana peix;/o=exchangelabs/ou=exchange administrative group (fydibohf23spdlt)/cn=recipients/cn=704ce6c3da8c45c9a4fbd113173d101c-tatiane sil;</t>
  </si>
  <si>
    <t>/o=exchangelabs/ou=exchange administrative group (fydibohf23spdlt)/cn=recipients/cn=168e05cabbf14ae289464a0c09955b31-sara ferrei,/o=exchangelabs/ou=exchange administrative group (fydibohf23spdlt)/cn=recipients/cn=3d85af75e9a44da5bad9ced68d6c53ed-rosana peix,/o=exchangelabs/ou=exchange administrative group (fydibohf23spdlt)/cn=recipients/cn=704ce6c3da8c45c9a4fbd113173d101c-tatiane sil</t>
  </si>
  <si>
    <t>mail.google.com/_/upload?authuser=0&amp;dcp=asu-n&amp;upload_id=AEnB2Uod_qb9LEbOq0HnFIdzQyHThv6mn-EqIUlqlQEZsQr3zJ50LpKAz7OcE0b6GQTrPmDA6hITO3FxNS6HS-p8ovNjpFiLJN7USBusu_rA2ipa2vZP2xQ&amp;upload_protocol=resumable</t>
  </si>
  <si>
    <t>adrianoms@algartech.com;alinemds@algartech.com;anapscl@algartech.com;fabianapm@algartech.com;fabio.ribeiro@algarnet.onmicrosoft.com;fabiolacc@algartecnologia.com.br;fredericobs@algartecnologia.com.br;katiargf@algartech.com;leandrolds@algartech.com;luanaaoli@algartech.com;lucieneili@algartech.com;polati@algartech.com;rafaelaas@algartech.com;rodrigormc@algartech.com;sabrinadtdmc@algartech.com;tatianedc@algartech.com;</t>
  </si>
  <si>
    <t>PREVIA 4TRI BRADESCO revisada.xlsx</t>
  </si>
  <si>
    <t>adrianoms@algartech.com,alinemds@algartech.com,anapscl@algartech.com,fabianapm@algartech.com,fabio.ribeiro@algarnet.onmicrosoft.com,fabiolacc@algartecnologia.com.br,fredericobs@algartecnologia.com.br,katiargf@algartech.com,leandrolds@algartech.com,luanaaoli@algartech.com,lucieneili@algartech.com,polati@algartech.com,rafaelaas@algartech.com,rodrigormc@algartech.com,sabrinadtdmc@algartech.com,tatianedc@algartech.com</t>
  </si>
  <si>
    <t>gvieira@toyota.com.br;rutiyama@toyota.com.br;</t>
  </si>
  <si>
    <t>RES: Prêmio Consumidor Moderno - Dados Algar</t>
  </si>
  <si>
    <t>Cópia de Base Algar.xlsx</t>
  </si>
  <si>
    <t>gvieira@toyota.com.br,rutiyama@toyota.com.br</t>
  </si>
  <si>
    <t>Arquivo Toyota</t>
  </si>
  <si>
    <t>C:\Users\douglasxm\OneDrive\Documentos - Algar Tech\CASA\</t>
  </si>
  <si>
    <t>FTGS_DOUGLAS.xlsx</t>
  </si>
  <si>
    <t>/o=exchangelabs/ou=exchange administrative group (fydibohf23spdlt)/cn=recipients/cn=8ab5e44d485043d59eb4f21463e63e6a-tays dos sa;/o=exchangelabs/ou=exchange administrative group (fydibohf23spdlt)/cn=recipients/cn=b36412a54b154c07b0a876537a78fce8-jheniffer g;</t>
  </si>
  <si>
    <t>/o=exchangelabs/ou=exchange administrative group (fydibohf23spdlt)/cn=recipients/cn=8ab5e44d485043d59eb4f21463e63e6a-tays dos sa,/o=exchangelabs/ou=exchange administrative group (fydibohf23spdlt)/cn=recipients/cn=b36412a54b154c07b0a876537a78fce8-jheniffer g</t>
  </si>
  <si>
    <t>C:\Users\lucianafaa\OneDrive - Grupo Algar\2019\PROJETOS\REAJUSTE DE CONTRATO\PLANILHA REAJUSTES\STATUS REPORT\STATUS SEMANAL\11-11\</t>
  </si>
  <si>
    <t>Gestão de Reajustes 2019 v8.1-12-11.xlsx</t>
  </si>
  <si>
    <t>/o=exchangelabs/ou=exchange administrative group (fydibohf23spdlt)/cn=recipients/cn=248f76562cc941d8bc05340de633fd82-paulo guilh;/o=exchangelabs/ou=exchange administrative group (fydibohf23spdlt)/cn=recipients/cn=c54bebbd63a1403e83787e59fcd1acdc-joao sergio;/o=exchangelabs/ou=exchange administrative group (fydibohf23spdlt)/cn=recipients/cn=df6ea6cc78a840278b1e7acccac67692-thiago rodr;</t>
  </si>
  <si>
    <t>Planejador de projetos BV</t>
  </si>
  <si>
    <t>Planejador de projetos BV.xlsx</t>
  </si>
  <si>
    <t>/o=exchangelabs/ou=exchange administrative group (fydibohf23spdlt)/cn=recipients/cn=248f76562cc941d8bc05340de633fd82-paulo guilh,/o=exchangelabs/ou=exchange administrative group (fydibohf23spdlt)/cn=recipients/cn=c54bebbd63a1403e83787e59fcd1acdc-joao sergio,/o=exchangelabs/ou=exchange administrative group (fydibohf23spdlt)/cn=recipients/cn=df6ea6cc78a840278b1e7acccac67692-thiago rodr</t>
  </si>
  <si>
    <t>/o=exchangelabs/ou=exchange administrative group (fydibohf23spdlt)/cn=recipients/cn=080e83e29285438291c54f0de60e22c2-patricia me;/o=exchangelabs/ou=exchange administrative group (fydibohf23spdlt)/cn=recipients/cn=513fae2e820549e895ece6e12b713ee7-kelly silva;/o=exchangelabs/ou=exchange administrative group (fydibohf23spdlt)/cn=recipients/cn=b67cad4ecfa344baaa94d716e7554f49-bruno camel;/o=exchangelabs/ou=exchange administrative group (fydibohf23spdlt)/cn=recipients/cn=c66693e3f68341bb969588e367d56f8a-erika ferre;/o=exchangelabs/ou=exchange administrative group (fydibohf23spdlt)/cn=recipients/cn=dd795498e2a4471baaf930e8307d0664-claudio luc;/o=exchangelabs/ou=exchange administrative group (fydibohf23spdlt)/cn=recipients/cn=e5206557a07d4b02b842e0181faecf51-isabela fer;/o=exchangelabs/ou=exchange administrative group (fydibohf23spdlt)/cn=recipients/cn=e651a71f124c43ddaaa0887cae33fb6b-jackeline g;/o=exchangelabs/ou=exchange administrative group (fydibohf23spdlt)/cn=recipients/cn=ecc8d6c249f14823b1be1216cebdde00-marc</t>
  </si>
  <si>
    <t>/o=exchangelabs/ou=exchange administrative group (fydibohf23spdlt)/cn=recipients/cn=080e83e29285438291c54f0de60e22c2-patricia me,/o=exchangelabs/ou=exchange administrative group (fydibohf23spdlt)/cn=recipients/cn=513fae2e820549e895ece6e12b713ee7-kelly silva,/o=exchangelabs/ou=exchange administrative group (fydibohf23spdlt)/cn=recipients/cn=b67cad4ecfa344baaa94d716e7554f49-bruno camel,/o=exchangelabs/ou=exchange administrative group (fydibohf23spdlt)/cn=recipients/cn=c66693e3f68341bb969588e367d56f8a-erika ferre,/o=exchangelabs/ou=exchange administrative group (fydibohf23spdlt)/cn=recipients/cn=dd795498e2a4471baaf930e8307d0664-claudio luc,/o=exchangelabs/ou=exchange administrative group (fydibohf23spdlt)/cn=recipients/cn=e5206557a07d4b02b842e0181faecf51-isabela fer,/o=exchangelabs/ou=exchange administrative group (fydibohf23spdlt)/cn=recipients/cn=e651a71f124c43ddaaa0887cae33fb6b-jackeline g,/o=exchangelabs/ou=exchange administrative group (fydibohf23spdlt)/cn=recipients/cn=ecc8d6c249f14823b1be1216cebdde00-marc</t>
  </si>
  <si>
    <t>Governança - IPO</t>
  </si>
  <si>
    <t>Governança_EPO.pptx\</t>
  </si>
  <si>
    <t>10.201.151.11</t>
  </si>
  <si>
    <t>Arquivo Prévia 11.2019 (1) (1).xlsx</t>
  </si>
  <si>
    <t>mail.google.com/_/upload?authuser=0&amp;dcp=asu-n&amp;upload_id=AEnB2Up2iRv7FegvseVgPja4gHFMnaFBiygv8MZBVzXkLNuU2TfYYXSgzSXyrSlWlsRtBQBUzGQUhOgCYkIAG8hbd-y3ilZXekqbHji6SgdUHksSzhOoPUI&amp;upload_protocol=resumable</t>
  </si>
  <si>
    <t>Whirlpool - C017 B017 - Projeto Full 23_10_2019 Octávio 6,2P.xlsb</t>
  </si>
  <si>
    <t>D:\OneDrive\AlgarTech\Pré-Vendas\Cliente\2019\A100\215380 - A100 Rack Office - Additional Circuit\</t>
  </si>
  <si>
    <t>Preco_215380_V1.xlsb</t>
  </si>
  <si>
    <t>D:\OneDrive\AlgarTech\Pré-Vendas\Cliente\2019\CAOA\217433 - GAT - RECURSO TEMPORARIO\</t>
  </si>
  <si>
    <t>D:\OneDrive\AlgarTech\Pré-Vendas\Cliente\2019\CAOA\217433 - GAT - RECURSO TEMPORARIO\Preco_V1.xlsb\</t>
  </si>
  <si>
    <t>215400 - Plan Precificacao C017 B017.xlsb</t>
  </si>
  <si>
    <t>D:\OneDrive\AlgarTech\Pré-Vendas\Cliente\2019\DMAE\215400 - Renovação de Smartnets\1. Precificação\215400 - Plan Precificacao C017 B017.xlsb\</t>
  </si>
  <si>
    <t>D:\OneDrive\AlgarTech\Pré-Vendas\Cliente\2019\DMAE\215400 - Renovação de Smartnets\1. Precificação\1. Cotações\</t>
  </si>
  <si>
    <t>ALGARMULTIMIDIASA08112019 - Cotação Renovação Smartnets CISCO Cliente DMAE V3.xlsx</t>
  </si>
  <si>
    <t>C:\Users\elainemdlp\OD\_Projetos\Em andamento\Expansao Caixa\04 - Controle\PMO\</t>
  </si>
  <si>
    <t>memoria de calculo.xlsx</t>
  </si>
  <si>
    <t>2019-2020.xlsx</t>
  </si>
  <si>
    <t>/o=exchangelabs/ou=exchange administrative group (fydibohf23spdlt)/cn=recipients/cn=06d628e3f48b48f491437fe6311215ae-claudiane a;/o=exchangelabs/ou=exchange administrative group (fydibohf23spdlt)/cn=recipients/cn=0ca6cc8d100949a7866a928f62ef5778-rosilene de;/o=exchangelabs/ou=exchange administrative group (fydibohf23spdlt)/cn=recipients/cn=a9a1fe1d51ef4ee29617a1c11aa10050-marinalva i;/o=exchangelabs/ou=exchange administrative group (fydibohf23spdlt)/cn=recipients/cn=bf5c8ee8081a4a4cbf005372e2697869-tassiane ci;</t>
  </si>
  <si>
    <t>RES: Aht novatos X veteranos</t>
  </si>
  <si>
    <t>Acompanhamento de Produtividade - PA Digital Ecohouse .msg\s1\</t>
  </si>
  <si>
    <t>Produtividade Pa Digital - Novembro Oficial.xlsx</t>
  </si>
  <si>
    <t>/o=exchangelabs/ou=exchange administrative group (fydibohf23spdlt)/cn=recipients/cn=06d628e3f48b48f491437fe6311215ae-claudiane a,/o=exchangelabs/ou=exchange administrative group (fydibohf23spdlt)/cn=recipients/cn=0ca6cc8d100949a7866a928f62ef5778-rosilene de,/o=exchangelabs/ou=exchange administrative group (fydibohf23spdlt)/cn=recipients/cn=a9a1fe1d51ef4ee29617a1c11aa10050-marinalva i,/o=exchangelabs/ou=exchange administrative group (fydibohf23spdlt)/cn=recipients/cn=bf5c8ee8081a4a4cbf005372e2697869-tassiane ci</t>
  </si>
  <si>
    <t>Rateio 20.pptx</t>
  </si>
  <si>
    <t>Rateio 20.pptx\</t>
  </si>
  <si>
    <t>C:\Adevilson\Consultoria\GMSolucoes\</t>
  </si>
  <si>
    <t>CrescimentoVegetativoDatabasesPostgresGoogleCloud_Novembro2019.xlsx</t>
  </si>
  <si>
    <t>10.200.99.101</t>
  </si>
  <si>
    <t>ENC: Pesquisa de satisfação - Parcial NOV</t>
  </si>
  <si>
    <t>Pesquisa de Satisfação AVON CONSOLIDAD3.xlsx</t>
  </si>
  <si>
    <t>adriana.oliveira@avon.com;rosana.scalabrin@avon.com;</t>
  </si>
  <si>
    <t>RES: Apoio no contato para avisar revendedoras sobre atraso de pedidos devido problemas de faturamento</t>
  </si>
  <si>
    <t>adriana.oliveira@avon.com,rosana.scalabrin@avon.com</t>
  </si>
  <si>
    <t>ENC: Status - Comportamental</t>
  </si>
  <si>
    <t>RES: Usuários com Problemas</t>
  </si>
  <si>
    <t>Acesso Ello.xls</t>
  </si>
  <si>
    <t>mail.google.com/_/upload?authuser=0&amp;dcp=asu-n&amp;upload_id=AEnB2UqGiPorLAEUmD3bzkiqWxEtnV1Sg04AfEwsb82FPQXoahz0O7PO0HQFMnnQCx59iSqZwSNiuicZfnMAnnmNU09VjGyNZtOUH4-E2K9x77yCTQCVLDQ&amp;upload_protocol=resumable</t>
  </si>
  <si>
    <t>C:\Users\filemoncmj\OneDrive - Grupo Algar\01. Algar Tech\01. Projetos de Clientes\47. Prudential\07. Aquisições\</t>
  </si>
  <si>
    <t>/o=exchangelabs/ou=exchange administrative group (fydibohf23spdlt)/cn=recipients/cn=0ca6cc8d100949a7866a928f62ef5778-rosilene de;/o=exchangelabs/ou=exchange administrative group (fydibohf23spdlt)/cn=recipients/cn=e174366906884bd1b4d4c5ddfc8c9433-rodrigo men;/o=exchangelabs/ou=exchange administrative group (fydibohf23spdlt)/cn=recipients/cn=e70cc16764ef4e4fac6e4581f29c2881-valeria bet;francisco_cardoso@whirlpool.com;kaio_h_siqueira_contractor@whirlpool.com;luanda_s_almeida@whirlpool.com;marcela_f_beltramin@whirlpool.com;thais_coimbra_fonseca_algar@whirlpool.com;</t>
  </si>
  <si>
    <t>DashBoard DR. TÉC - 11/11</t>
  </si>
  <si>
    <t>DR TEC - 20191112.xlsx</t>
  </si>
  <si>
    <t>/o=exchangelabs/ou=exchange administrative group (fydibohf23spdlt)/cn=recipients/cn=0ca6cc8d100949a7866a928f62ef5778-rosilene de,/o=exchangelabs/ou=exchange administrative group (fydibohf23spdlt)/cn=recipients/cn=e174366906884bd1b4d4c5ddfc8c9433-rodrigo men,/o=exchangelabs/ou=exchange administrative group (fydibohf23spdlt)/cn=recipients/cn=e70cc16764ef4e4fac6e4581f29c2881-valeria bet,francisco_cardoso@whirlpool.com,kaio_h_siqueira_contractor@whirlpool.com,luanda_s_almeida@whirlpool.com,marcela_f_beltramin@whirlpool.com,thais_coimbra_fonseca_algar@whirlpool.com</t>
  </si>
  <si>
    <t>C:\Users\joaobab\OneDrive - Grupo Algar\temp\Whirpool\Categorizador\rvoresecohousetodas.zip\</t>
  </si>
  <si>
    <t>PROPOSTA - UDI - WHIRLPOOL - ARVORE N3.xlsx</t>
  </si>
  <si>
    <t>PROPOSTA - UDI - WHIRLPOOL - ATIVO ECOHOUSE MP.xlsm</t>
  </si>
  <si>
    <t>PROPOSTA - UDI - WHIRLPOOL - AUDITORIA DE VENDAS.xlsm</t>
  </si>
  <si>
    <t>PROPOSTA - UDI - WHIRLPOOL - BKO.xlsx</t>
  </si>
  <si>
    <t>PROPOSTA - UDI - WHIRLPOOL - CCO.xlsm</t>
  </si>
  <si>
    <t>PROPOSTA - UDI - WHIRLPOOL - NPS DETRATORES.xlsm</t>
  </si>
  <si>
    <t>PROPOSTA - UDI - WHIRLPOOL - P. A. DIGITAL ECOHOUSE.xlsm</t>
  </si>
  <si>
    <t>PROPOSTA - UDI - WHIRLPOOL - REAGENDAMENTO ECOHOUSE - VENDAS, DESINSTALAÃ‡ÃƒO, DIVERSOS.xlsm</t>
  </si>
  <si>
    <t>PROPOSTA - UDI - WHIRLPOOL - SAC SINERGIA ECOHOUSE POS.xlsm</t>
  </si>
  <si>
    <t>PROPOSTA - UDI - WHIRLPOOL RETENÃ‡ÃƒO A FRIO.xlsm</t>
  </si>
  <si>
    <t>ENC: Relação inscrição CIMI</t>
  </si>
  <si>
    <t>RELACAO INSCRIÇÃO CIMI.xlsx</t>
  </si>
  <si>
    <t>GESTÃO DE CARTEIRA PAPO DE BOLSA.xlsx</t>
  </si>
  <si>
    <t>E:\INVESTIMENTOS\GESTÃO DE CARTEIRA PAPO DE BOLSA.xlsx</t>
  </si>
  <si>
    <t>Indicadores SLA 2019 Outubro.xlsx</t>
  </si>
  <si>
    <t>mail.google.com/_/upload?authuser=0&amp;dcp=asu-n&amp;upload_id=AEnB2UrmGAukM63D4a18o0EeytjpHda8Kz6CTdELGpz3jVs4VzXNQM2mfdCltw0KXdHamXIqx4OhtZLkDibkMQfBtHNov75Big&amp;upload_protocol=resumable</t>
  </si>
  <si>
    <t>\\acsfs\DEPTOS\Engenharia\2 - Service Desk\2.19 - Help Desk Corporate\2.19.9 - Outros\SUPERVISORES\Lucas Rabboni\001 - Equipes\1.Implementação\Acompanhamentos\2019 11 01\Indicadores\</t>
  </si>
  <si>
    <t>10 - OUT - Valores em Risco - Operação - GAT.xlsx</t>
  </si>
  <si>
    <t>C:\Users\joaobab\Downloads\</t>
  </si>
  <si>
    <t>Matriz GENESYS ENGAGE.xlsx</t>
  </si>
  <si>
    <t>ENC: POSIÇÕES ECOHOUSE</t>
  </si>
  <si>
    <t>Ecohouse.xlsx</t>
  </si>
  <si>
    <t>RES: Contato Implementação Algar - Bradesco BBI - 79400</t>
  </si>
  <si>
    <t>Bradesco BBI.xlsx</t>
  </si>
  <si>
    <t>abilene.moraes@temposervicos.com.br;brenotf@algartech.com.br;diegorm@algartech.com.br;emissaogerenciadapj@algartech.com.br;pablo.faria@temposervicos.com.br;suporte.vmc@bradescocartoes.com.br;</t>
  </si>
  <si>
    <t>RES: ABERTURA DE RELACIONAMENTO-BTB_PLURAL INVESTIMENTOS GESTAO DE RECURSOS LTDA CRM:004210001524 - 79910</t>
  </si>
  <si>
    <t>RES EMISSÃO BTB_PLURAL INVESTIMENTOS GESTAO DE RECURSOS LTDA CNPJ 09630188000126 CRM004210001519.msg\s1\</t>
  </si>
  <si>
    <t>abilene.moraes@temposervicos.com.br,brenotf@algartech.com.br,diegorm@algartech.com.br,emissaogerenciadapj@algartech.com.br,pablo.faria@temposervicos.com.br,suporte.vmc@bradescocartoes.com.br</t>
  </si>
  <si>
    <t>crce@algartech.com.br;cynthia.hohl@jbs.com.br;erica.b.nascimento@bradesco.com.br;natalia.ribeiro@jbs.com.br;</t>
  </si>
  <si>
    <t>RES: Relatorios EBTA Seara - URGENTE</t>
  </si>
  <si>
    <t>EBTA SEARA SETEMBRO 19.xlsx</t>
  </si>
  <si>
    <t>crce@algartech.com.br,cynthia.hohl@jbs.com.br,erica.b.nascimento@bradesco.com.br,natalia.ribeiro@jbs.com.br</t>
  </si>
  <si>
    <t>erica.b.nascimento@bradesco.com.br;marciags@algartech.com.br;</t>
  </si>
  <si>
    <t>ENC: Relatorios EBTA Seara - URGENTE</t>
  </si>
  <si>
    <t>erica.b.nascimento@bradesco.com.br,marciags@algartech.com.br</t>
  </si>
  <si>
    <t>marina.mariano@bradesco.com.br;suporte.vmc@bradescocartoes.com.br;</t>
  </si>
  <si>
    <t>RES: Lista de Produtos controle de Projetos - BAUDUCCO CRM:003680003000 - 80287</t>
  </si>
  <si>
    <t>PANDURATA ALIMENTOS.xlsx</t>
  </si>
  <si>
    <t>marina.mariano@bradesco.com.br,suporte.vmc@bradescocartoes.com.br</t>
  </si>
  <si>
    <t>hugooc@algartech.com;jairojsa@algartech.com;polati@algartech.com;</t>
  </si>
  <si>
    <t>dep Hugo.xlsx</t>
  </si>
  <si>
    <t>hugooc@algartech.com,jairojsa@algartech.com,polati@algartech.com</t>
  </si>
  <si>
    <t>Ebit 2019-2020</t>
  </si>
  <si>
    <t>ENC: Lista de Agência de Viagens - B2B</t>
  </si>
  <si>
    <t>Lista de agências B2B RESERV@S.xlsx</t>
  </si>
  <si>
    <t>/o=exchangelabs/ou=exchange administrative group (fydibohf23spdlt)/cn=recipients/cn=56dc126fba5b4a5f8fb1cd7e4f10477d-thais olive;/o=exchangelabs/ou=exchange administrative group (fydibohf23spdlt)/cn=recipients/cn=60c79fa1bc994449ac17a5e2109f7abd-claudio fer;/o=exchangelabs/ou=exchange administrative group (fydibohf23spdlt)/cn=recipients/cn=950d4f3abf7d433ba34bbfa8a2d47d3e-laura mayor;/o=exchangelabs/ou=exchange administrative group (fydibohf23spdlt)/cn=recipients/cn=a5fb24647d6e4c368aca7c8ad68585d5-jessica fer;/o=exchangelabs/ou=exchange administrative group (fydibohf23spdlt)/cn=recipients/cn=d1d015f213f648abbf348b5ccdf8e9d9-senilda per;adriana.oliveira@avon.com;juan.lopes@avon.com;</t>
  </si>
  <si>
    <t>ENC: Stop List Cp 20</t>
  </si>
  <si>
    <t>URA CALL CENTER CP 20.csv</t>
  </si>
  <si>
    <t>/o=exchangelabs/ou=exchange administrative group (fydibohf23spdlt)/cn=recipients/cn=56dc126fba5b4a5f8fb1cd7e4f10477d-thais olive,/o=exchangelabs/ou=exchange administrative group (fydibohf23spdlt)/cn=recipients/cn=60c79fa1bc994449ac17a5e2109f7abd-claudio fer,/o=exchangelabs/ou=exchange administrative group (fydibohf23spdlt)/cn=recipients/cn=950d4f3abf7d433ba34bbfa8a2d47d3e-laura mayor,/o=exchangelabs/ou=exchange administrative group (fydibohf23spdlt)/cn=recipients/cn=a5fb24647d6e4c368aca7c8ad68585d5-jessica fer,/o=exchangelabs/ou=exchange administrative group (fydibohf23spdlt)/cn=recipients/cn=d1d015f213f648abbf348b5ccdf8e9d9-senilda per,adriana.oliveira@avon.com,juan.lopes@avon.com</t>
  </si>
  <si>
    <t>Template CR.xlsx</t>
  </si>
  <si>
    <t>polati@algartech.com;</t>
  </si>
  <si>
    <t>LPU</t>
  </si>
  <si>
    <t>LPU - Resumo Operações.xlsx</t>
  </si>
  <si>
    <t>polati@algartech.com</t>
  </si>
  <si>
    <t>10.12.243.94</t>
  </si>
  <si>
    <t>Relatório de Ativos</t>
  </si>
  <si>
    <t>Relatação de ativos 31-10.xlsx</t>
  </si>
  <si>
    <t>\\acsfs\deptos\Sustentabilidade\13 - Emissão GEE\2019\</t>
  </si>
  <si>
    <t>Cópia de 1.12 - Emissões GEE1.xlsx</t>
  </si>
  <si>
    <t>D:\OneDrive\AlgarTech\Pré-Vendas\Cliente\2019\ABBOTT\217431 - GAA – Global Access Administration Latin America Support\</t>
  </si>
  <si>
    <t>ABBOTT - Cálculo de reajuste - Proposta 170225.xlsx</t>
  </si>
  <si>
    <t>/o=exchangelabs/ou=exchange administrative group (fydibohf23spdlt)/cn=recipients/cn=06d628e3f48b48f491437fe6311215ae-claudiane a;/o=exchangelabs/ou=exchange administrative group (fydibohf23spdlt)/cn=recipients/cn=094e5194d5c94cdf9d444ee50a911800-thalles hen;/o=exchangelabs/ou=exchange administrative group (fydibohf23spdlt)/cn=recipients/cn=a9a1fe1d51ef4ee29617a1c11aa10050-marinalva i;/o=exchangelabs/ou=exchange administrative group (fydibohf23spdlt)/cn=recipients/cn=b0dffb7bae8b4669bf2555c821ef7035-daniela vie;/o=exchangelabs/ou=exchange administrative group (fydibohf23spdlt)/cn=recipients/cn=bf5c8ee8081a4a4cbf005372e2697869-tassiane ci;/o=exchangelabs/ou=exchange administrative group (fydibohf23spdlt)/cn=recipients/cn=e174366906884bd1b4d4c5ddfc8c9433-rodrigo men;</t>
  </si>
  <si>
    <t>ENC: Dashboard PA Digital N1 Ecohouse - ASC - Consolidado até 10/11</t>
  </si>
  <si>
    <t>/o=exchangelabs/ou=exchange administrative group (fydibohf23spdlt)/cn=recipients/cn=06d628e3f48b48f491437fe6311215ae-claudiane a,/o=exchangelabs/ou=exchange administrative group (fydibohf23spdlt)/cn=recipients/cn=094e5194d5c94cdf9d444ee50a911800-thalles hen,/o=exchangelabs/ou=exchange administrative group (fydibohf23spdlt)/cn=recipients/cn=a9a1fe1d51ef4ee29617a1c11aa10050-marinalva i,/o=exchangelabs/ou=exchange administrative group (fydibohf23spdlt)/cn=recipients/cn=b0dffb7bae8b4669bf2555c821ef7035-daniela vie,/o=exchangelabs/ou=exchange administrative group (fydibohf23spdlt)/cn=recipients/cn=bf5c8ee8081a4a4cbf005372e2697869-tassiane ci,/o=exchangelabs/ou=exchange administrative group (fydibohf23spdlt)/cn=recipients/cn=e174366906884bd1b4d4c5ddfc8c9433-rodrigo men</t>
  </si>
  <si>
    <t>Curadoria_Estela_Telecom.xlsx</t>
  </si>
  <si>
    <t>D:\OneDrive\AlgarTech\Pré-Vendas\Cliente\2019\ABBOTT\217431 - GAA – Global Access Administration Latin America Support\PropostaAtual\</t>
  </si>
  <si>
    <t>TRANSACIONAIS_170225.xlsx</t>
  </si>
  <si>
    <t>Lista de desconto Dê Asas</t>
  </si>
  <si>
    <t>Lista ausentes De asas 1 ciclo.xlsx</t>
  </si>
  <si>
    <t>Utilização Algar Tech DC 238 (2).xlsx</t>
  </si>
  <si>
    <t>/o=exchangelabs/ou=exchange administrative group (fydibohf23spdlt)/cn=recipients/cn=2072905e221e44cd93713caf57a4301f-roberta igi;/o=exchangelabs/ou=exchange administrative group (fydibohf23spdlt)/cn=recipients/cn=6857e7b89b5f46e3b6aed2352ac8d5ac-carlos albe;/o=exchangelabs/ou=exchange administrative group (fydibohf23spdlt)/cn=recipients/cn=be0b59caa4dc43e39afaa089f44ef778-leonardo al;/o=exchangelabs/ou=exchange administrative group (fydibohf23spdlt)/cn=recipients/cn=d10b90d9e2a942398c84d3d8a8b32edd-victor sant;/o=exchangelabs/ou=exchange administrative group (fydibohf23spdlt)/cn=recipients/cn=d6cce5a70d504cc2ad89cee834cd59a9-luciana rib;/o=exchangelabs/ou=exchange administrative group (fydibohf23spdlt)/cn=recipients/cn=e6b7580a624e482b95aa2b9747aa6d6d-paulo sergi;asoares@tribanco.com.br;cynthiaf@tripag.com.br;kamilap@tripag.com.br;lrocha@tribanco.com.br;lucasfs@tribanco.com.br;marcosnf@tripag.com.br;</t>
  </si>
  <si>
    <t>/o=exchangelabs/ou=exchange administrative group (fydibohf23spdlt)/cn=recipients/cn=2072905e221e44cd93713caf57a4301f-roberta igi,/o=exchangelabs/ou=exchange administrative group (fydibohf23spdlt)/cn=recipients/cn=6857e7b89b5f46e3b6aed2352ac8d5ac-carlos albe,/o=exchangelabs/ou=exchange administrative group (fydibohf23spdlt)/cn=recipients/cn=be0b59caa4dc43e39afaa089f44ef778-leonardo al,/o=exchangelabs/ou=exchange administrative group (fydibohf23spdlt)/cn=recipients/cn=d10b90d9e2a942398c84d3d8a8b32edd-victor sant,/o=exchangelabs/ou=exchange administrative group (fydibohf23spdlt)/cn=recipients/cn=d6cce5a70d504cc2ad89cee834cd59a9-luciana rib,/o=exchangelabs/ou=exchange administrative group (fydibohf23spdlt)/cn=recipients/cn=e6b7580a624e482b95aa2b9747aa6d6d-paulo sergi,asoares@tribanco.com.br,cynthiaf@tripag.com.br,kamilap@tripag.com.br,lrocha@tribanco.com.br,lucasfs@tribanco.com.br,marcosnf@tripag.com.br</t>
  </si>
  <si>
    <t>eunice.pimenta@algartech.com;</t>
  </si>
  <si>
    <t>Escala TRN - FEIRA DO CONHECIMENTO MODULO 1_12.11.xlsx</t>
  </si>
  <si>
    <t>eunice.pimenta@algartech.com</t>
  </si>
  <si>
    <t>D:\OneDrive\AlgarTech\Pré-Vendas\Cliente\2019\Harald\215371 - ISD Linha + Bodyshop\NOC+WIT\Landscape\</t>
  </si>
  <si>
    <t>Power_BI__-_Flow ( Oct 8, 2019 1051 AM )[2].xlsx</t>
  </si>
  <si>
    <t>Inventario Definitivo Harald monitor - Maiov2.xlsx</t>
  </si>
  <si>
    <t>/o=exchangelabs/ou=exchange administrative group (fydibohf23spdlt)/cn=recipients/cn=094e5194d5c94cdf9d444ee50a911800-thalles hen;/o=exchangelabs/ou=exchange administrative group (fydibohf23spdlt)/cn=recipients/cn=109f6d628834480fabc1188cbdef64fa-antonia apa;/o=exchangelabs/ou=exchange administrative group (fydibohf23spdlt)/cn=recipients/cn=3500097684db4a19a0a2d2ae01c6451d-diogo gil b;/o=exchangelabs/ou=exchange administrative group (fydibohf23spdlt)/cn=recipients/cn=69cc68072bd74472a6fed235e590fc65-cassia alve;/o=exchangelabs/ou=exchange administrative group (fydibohf23spdlt)/cn=recipients/cn=7aaed863e0734538bc010e61e9020ad3-aline silve;/o=exchangelabs/ou=exchange administrative group (fydibohf23spdlt)/cn=recipients/cn=91f3ef961d644e629e519da4c82beec3-vinicius go;/o=exchangelabs/ou=exchange administrative group (fydibohf23spdlt)/cn=recipients/cn=a2244b2f9e6a4f3689f1c93d321bdc33-debora apar;/o=exchangelabs/ou=exchange administrative group (fydibohf23spdlt)/cn=recipients/cn=c32cee7d339f4e7fab5beda7be171cc0-pris</t>
  </si>
  <si>
    <t>RES: RES: Fluxo Bot Continental</t>
  </si>
  <si>
    <t>Bot Continental - Validado.xlsx</t>
  </si>
  <si>
    <t>/o=exchangelabs/ou=exchange administrative group (fydibohf23spdlt)/cn=recipients/cn=094e5194d5c94cdf9d444ee50a911800-thalles hen,/o=exchangelabs/ou=exchange administrative group (fydibohf23spdlt)/cn=recipients/cn=109f6d628834480fabc1188cbdef64fa-antonia apa,/o=exchangelabs/ou=exchange administrative group (fydibohf23spdlt)/cn=recipients/cn=3500097684db4a19a0a2d2ae01c6451d-diogo gil b,/o=exchangelabs/ou=exchange administrative group (fydibohf23spdlt)/cn=recipients/cn=69cc68072bd74472a6fed235e590fc65-cassia alve,/o=exchangelabs/ou=exchange administrative group (fydibohf23spdlt)/cn=recipients/cn=7aaed863e0734538bc010e61e9020ad3-aline silve,/o=exchangelabs/ou=exchange administrative group (fydibohf23spdlt)/cn=recipients/cn=91f3ef961d644e629e519da4c82beec3-vinicius go,/o=exchangelabs/ou=exchange administrative group (fydibohf23spdlt)/cn=recipients/cn=a2244b2f9e6a4f3689f1c93d321bdc33-debora apar,/o=exchangelabs/ou=exchange administrative group (fydibohf23spdlt)/cn=recipients/cn=c32cee7d339f4e7fab5beda7be171cc0-pris</t>
  </si>
  <si>
    <t>/o=exchangelabs/ou=exchange administrative group (fydibohf23spdlt)/cn=recipients/cn=1ef1d5b65a414ccea16527d004fcca4f-renan tavar;camiladps@algartech.com;</t>
  </si>
  <si>
    <t>RES: Aulão B2K</t>
  </si>
  <si>
    <t>Aulão B2K - Repescagem.xlsx</t>
  </si>
  <si>
    <t>/o=exchangelabs/ou=exchange administrative group (fydibohf23spdlt)/cn=recipients/cn=1ef1d5b65a414ccea16527d004fcca4f-renan tavar,camiladps@algartech.com</t>
  </si>
  <si>
    <t>Ficha do Risco - Segurança da Informação - 11102019.xlsx</t>
  </si>
  <si>
    <t>D:\OneDrive\AlgarTech\Pré-Vendas\Cliente\2019\Harald\215371 - ISD Linha + Bodyshop\NOC+WIT\</t>
  </si>
  <si>
    <t>Dimensionamento do Serviço GIAT + Mon_Cog - Junho 2019_v2.xlsm</t>
  </si>
  <si>
    <t>victor_mendes01@hotmail.com;</t>
  </si>
  <si>
    <t>C:\Users\victorsm\Desktop\Power BI\Excel\</t>
  </si>
  <si>
    <t>Painel Ofensor Bacen Amex.xlsx</t>
  </si>
  <si>
    <t>victor_mendes01@hotmail.com</t>
  </si>
  <si>
    <t>Infuência Amex.xlsm</t>
  </si>
  <si>
    <t>Performance de Desfavorável - 2018.xlsx</t>
  </si>
  <si>
    <t>KPI'S de Negócios - Bradesco 2019.xlsx</t>
  </si>
  <si>
    <t>/o=exchangelabs/ou=exchange administrative group (fydibohf23spdlt)/cn=recipients/cn=1ef1d5b65a414ccea16527d004fcca4f-renan tavar;/o=exchangelabs/ou=exchange administrative group (fydibohf23spdlt)/cn=recipients/cn=822f65115a2046059fff20a916dd90e9-thais marti;camiladps@algartech.com;equipefabi@algartech.com.br;tecnicospj@algartech.com.br;</t>
  </si>
  <si>
    <t>Aulão B2K_ 18/11</t>
  </si>
  <si>
    <t>/o=exchangelabs/ou=exchange administrative group (fydibohf23spdlt)/cn=recipients/cn=1ef1d5b65a414ccea16527d004fcca4f-renan tavar,/o=exchangelabs/ou=exchange administrative group (fydibohf23spdlt)/cn=recipients/cn=822f65115a2046059fff20a916dd90e9-thais marti,camiladps@algartech.com,equipefabi@algartech.com.br,tecnicospj@algartech.com.br</t>
  </si>
  <si>
    <t>/o=exchangelabs/ou=exchange administrative group (fydibohf23spdlt)/cn=recipients/cn=8fc182d8ec964190abd5d149ac41ad8b-fabricio de;/o=exchangelabs/ou=exchange administrative group (fydibohf23spdlt)/cn=recipients/cn=dc545318d7744217a865d0e9bb7ca61d-luciana gom;/o=exchangelabs/ou=exchange administrative group (fydibohf23spdlt)/cn=recipients/cn=e0001a1553fb4b9a9be687db68a2ec15-yuri ian fr;</t>
  </si>
  <si>
    <t>mailing.csv</t>
  </si>
  <si>
    <t>/o=exchangelabs/ou=exchange administrative group (fydibohf23spdlt)/cn=recipients/cn=8fc182d8ec964190abd5d149ac41ad8b-fabricio de,/o=exchangelabs/ou=exchange administrative group (fydibohf23spdlt)/cn=recipients/cn=dc545318d7744217a865d0e9bb7ca61d-luciana gom,/o=exchangelabs/ou=exchange administrative group (fydibohf23spdlt)/cn=recipients/cn=e0001a1553fb4b9a9be687db68a2ec15-yuri ian fr</t>
  </si>
  <si>
    <t>mail.google.com/_/upload?authuser=0&amp;dcp=asu-n&amp;upload_id=AEnB2UrzLAA7W0OQ1wqmuj79WiSQnevdOVDqgP7Ti4zv9wWngpJi3fGUsq9YuVnYErWEqQFZcwHsOW2zo_lSrlP1VA42BhZqvYUT_Wz3H76cPauteeuuDKI&amp;upload_protocol=resumable</t>
  </si>
  <si>
    <t>C:\Users\alexsandrodmju\Documents\DRC\Relatórios\11.2019\</t>
  </si>
  <si>
    <t>Base 01.11 até 11.11.csv</t>
  </si>
  <si>
    <t>aparecidamb@algartech.com;camillerml@algartech.com;giseleclss@algartech.com;jeancds@algartech.com;leandrojbe@algartech.com;nayanedpa@algartech.com;nilsiosc@algartech.com;segurancadotrabalho@eticaconservacao.com.br;silviolap@algartech.com;</t>
  </si>
  <si>
    <t>\\acsfs\deptos\Seguranca do Trabalho\7 - Treinamentos NRs - GERAL\7.4 - Escalas - Agendamentos NR17, Integração Staff e CIPA\TREINAMENTOS 2019\</t>
  </si>
  <si>
    <t>aparecidamb@algartech.com,camillerml@algartech.com,giseleclss@algartech.com,jeancds@algartech.com,leandrojbe@algartech.com,nayanedpa@algartech.com,nilsiosc@algartech.com,segurancadotrabalho@eticaconservacao.com.br,silviolap@algartech.com</t>
  </si>
  <si>
    <t>c:\users\giseleclss\desktop\</t>
  </si>
  <si>
    <t>dayse_duda@yahoo.com.br;</t>
  </si>
  <si>
    <t>\\acsfs\deptos\Sustentabilidade\35 - GRI\2017\</t>
  </si>
  <si>
    <t>Cópia de 2017_G4_AlgarTech_Geral - Sustentabilidade_Estela.xlsb</t>
  </si>
  <si>
    <t>dayse_duda@yahoo.com.br</t>
  </si>
  <si>
    <t>Cópia de 2017_G4_AlgarTech_EN31.xlsx</t>
  </si>
  <si>
    <t>/o=exchangelabs/ou=exchange administrative group (fydibohf23spdlt)/cn=recipients/cn=48f871a0efe04d5995cbbcd0a6e7f7df-fabricio el;/o=exchangelabs/ou=exchange administrative group (fydibohf23spdlt)/cn=recipients/cn=518109802f95454588121e2ff09bd792-marcio roge;/o=exchangelabs/ou=exchange administrative group (fydibohf23spdlt)/cn=recipients/cn=626f88f0427049a1bc09ea3f8adf9b1d-marcio rica;/o=exchangelabs/ou=exchange administrative group (fydibohf23spdlt)/cn=recipients/cn=748626653e664517a8268bc0a35e32b6-henrique nu;</t>
  </si>
  <si>
    <t>RES: Veículos Leilão GST já vendidos</t>
  </si>
  <si>
    <t>Resultado Leilão.xlsx</t>
  </si>
  <si>
    <t>/o=exchangelabs/ou=exchange administrative group (fydibohf23spdlt)/cn=recipients/cn=48f871a0efe04d5995cbbcd0a6e7f7df-fabricio el,/o=exchangelabs/ou=exchange administrative group (fydibohf23spdlt)/cn=recipients/cn=518109802f95454588121e2ff09bd792-marcio roge,/o=exchangelabs/ou=exchange administrative group (fydibohf23spdlt)/cn=recipients/cn=626f88f0427049a1bc09ea3f8adf9b1d-marcio rica,/o=exchangelabs/ou=exchange administrative group (fydibohf23spdlt)/cn=recipients/cn=748626653e664517a8268bc0a35e32b6-henrique nu</t>
  </si>
  <si>
    <t>/o=exchangelabs/ou=exchange administrative group (fydibohf23spdlt)/cn=recipients/cn=35309fb1a29c441a8083f702ecbb12d1-suporte sa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90bbd36f936b4bc78e1fbd0a7eb4aa7d-samantha du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b712c36eebee42428d3790abe2696417-romario gom;/o=exchangelabs/ou=exchange administrative group (fydibohf23spdlt)/cn=recipients/cn=e4dbda4121b54299b4a719c6aa694894-alga</t>
  </si>
  <si>
    <t>ENC: Controle de Treinamento Troca de Device</t>
  </si>
  <si>
    <t>/o=exchangelabs/ou=exchange administrative group (fydibohf23spdlt)/cn=recipients/cn=35309fb1a29c441a8083f702ecbb12d1-suporte sa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90bbd36f936b4bc78e1fbd0a7eb4aa7d-samantha du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b712c36eebee42428d3790abe2696417-romario gom,/o=exchangelabs/ou=exchange administrative group (fydibohf23spdlt)/cn=recipients/cn=e4dbda4121b54299b4a719c6aa694894-alga</t>
  </si>
  <si>
    <t>/o=exchangelabs/ou=exchange administrative group (fydibohf23spdlt)/cn=recipients/cn=26dec96e2b3f4d42afb3247ea21955f2-aline nunes;</t>
  </si>
  <si>
    <t>/o=exchangelabs/ou=exchange administrative group (fydibohf23spdlt)/cn=recipients/cn=26dec96e2b3f4d42afb3247ea21955f2-aline nunes</t>
  </si>
  <si>
    <t>ENC: Informações para Cadastro de fornecedor</t>
  </si>
  <si>
    <t>suzane.b.rodrigues@bradesco.com.br;</t>
  </si>
  <si>
    <t>ENC: Fechamento Outubro_ UNE e Casos Especiais</t>
  </si>
  <si>
    <t>suzane.b.rodrigues@bradesco.com.br</t>
  </si>
  <si>
    <t xml:space="preserve">/o=exchangelabs/ou=exchange administrative group (fydibohf23spdlt)/cn=recipients/cn=03b4604449d14f37b9ab39dcd5f90edd-algar tech;/o=exchangelabs/ou=exchange administrative group (fydibohf23spdlt)/cn=recipients/cn=0795838d79a14bcaabfa98fc69aaefbb-business pe;/o=exchangelabs/ou=exchange administrative group (fydibohf23spdlt)/cn=recipients/cn=08eb5fa051c848a6a179972669456920-algar tech;/o=exchangelabs/ou=exchange administrative group (fydibohf23spdlt)/cn=recipients/cn=2bd0f118496c4797bf1c45f658e12ff2-algar tech;/o=exchangelabs/ou=exchange administrative group (fydibohf23spdlt)/cn=recipients/cn=49457acaa5584c6d8daec8f0ad186be2-carlos maur;/o=exchangelabs/ou=exchange administrative group (fydibohf23spdlt)/cn=recipients/cn=7c9714031c1e4f2f8f0bbfa85f6645fa-algar tech;/o=exchangelabs/ou=exchange administrative group (fydibohf23spdlt)/cn=recipients/cn=89e58c8da071492dbdcb4fee4156b705-gustavo alm;/o=exchangelabs/ou=exchange administrative group (fydibohf23spdlt)/cn=recipients/cn=a7d54e15e3a94d53b0b5014d75c8d080-wanessa </t>
  </si>
  <si>
    <t>Nova Versão de BP</t>
  </si>
  <si>
    <t>Plan Precificacao C018 B018.xlsb</t>
  </si>
  <si>
    <t xml:space="preserve">/o=exchangelabs/ou=exchange administrative group (fydibohf23spdlt)/cn=recipients/cn=03b4604449d14f37b9ab39dcd5f90edd-algar tech,/o=exchangelabs/ou=exchange administrative group (fydibohf23spdlt)/cn=recipients/cn=0795838d79a14bcaabfa98fc69aaefbb-business pe,/o=exchangelabs/ou=exchange administrative group (fydibohf23spdlt)/cn=recipients/cn=08eb5fa051c848a6a179972669456920-algar tech,/o=exchangelabs/ou=exchange administrative group (fydibohf23spdlt)/cn=recipients/cn=2bd0f118496c4797bf1c45f658e12ff2-algar tech,/o=exchangelabs/ou=exchange administrative group (fydibohf23spdlt)/cn=recipients/cn=49457acaa5584c6d8daec8f0ad186be2-carlos maur,/o=exchangelabs/ou=exchange administrative group (fydibohf23spdlt)/cn=recipients/cn=7c9714031c1e4f2f8f0bbfa85f6645fa-algar tech,/o=exchangelabs/ou=exchange administrative group (fydibohf23spdlt)/cn=recipients/cn=89e58c8da071492dbdcb4fee4156b705-gustavo alm,/o=exchangelabs/ou=exchange administrative group (fydibohf23spdlt)/cn=recipients/cn=a7d54e15e3a94d53b0b5014d75c8d080-wanessa </t>
  </si>
  <si>
    <t>10.201.149.65</t>
  </si>
  <si>
    <t>angelasr@algartech.com;</t>
  </si>
  <si>
    <t>RES: Painel de Formações - URR</t>
  </si>
  <si>
    <t>Fwd Painel de Formações - URR.msg\s1\</t>
  </si>
  <si>
    <t>Painel de Formações.xlsx</t>
  </si>
  <si>
    <t>angelasr@algartech.com</t>
  </si>
  <si>
    <t>H:\Controladoria\Planejamento\Reuniões Mensais\2019\10 - Outubro\Suporte Fechamento\LATAM\</t>
  </si>
  <si>
    <t>Apuração Argentina_10 346.xlsx</t>
  </si>
  <si>
    <t>/o=exchangelabs/ou=exchange administrative group (fydibohf23spdlt)/cn=recipients/cn=7b93bb442b5c4fc5b654fa1f6a856130-patricia fe;</t>
  </si>
  <si>
    <t>ENC: OCORRENCIAS EQUIPE OCTAVIO</t>
  </si>
  <si>
    <t>033_029_028_OCORRENCIAS NO PONTO_01A11.11.2019_NOVEMBRO.xlsx</t>
  </si>
  <si>
    <t>/o=exchangelabs/ou=exchange administrative group (fydibohf23spdlt)/cn=recipients/cn=7b93bb442b5c4fc5b654fa1f6a856130-patricia fe</t>
  </si>
  <si>
    <t>ENC: Volume Gerenciadas Amex e Visa - 12/11</t>
  </si>
  <si>
    <t>mail.google.com/_/upload?authuser=0&amp;dcp=asu-n&amp;upload_id=AEnB2Ur-hjiXGg8CWEm9JQ5szBBqudZPF98zLRjCKpYPpYZ-CiAKb2V6l4bdhfa-5Y5FsteRfB_8v3k_q8gJNEL-osOCDCvTRq4aS6fGXjCKN0tZ91w-_RQ&amp;upload_protocol=resumable</t>
  </si>
  <si>
    <t>TIM_Responsabilidade Recolhimento.xlsx</t>
  </si>
  <si>
    <t>ENC: Lojinha MPE e Digital</t>
  </si>
  <si>
    <t>10.206.10.20</t>
  </si>
  <si>
    <t>10.200.99.135</t>
  </si>
  <si>
    <t>/o=exchangelabs/ou=exchange administrative group (fydibohf23spdlt)/cn=recipients/cn=e174366906884bd1b4d4c5ddfc8c9433-rodrigo men;/o=exchangelabs/ou=exchange administrative group (fydibohf23spdlt)/cn=recipients/cn=f6c8731d63664c79a65ec8eaad6c82d6-marcos fell;</t>
  </si>
  <si>
    <t>ENC: Relatório para tratativa de ponto</t>
  </si>
  <si>
    <t>Relatório para tratativa de ponto.xlsx</t>
  </si>
  <si>
    <t>/o=exchangelabs/ou=exchange administrative group (fydibohf23spdlt)/cn=recipients/cn=e174366906884bd1b4d4c5ddfc8c9433-rodrigo men,/o=exchangelabs/ou=exchange administrative group (fydibohf23spdlt)/cn=recipients/cn=f6c8731d63664c79a65ec8eaad6c82d6-marcos fell</t>
  </si>
  <si>
    <t>10.211.2.132</t>
  </si>
  <si>
    <t>B8-88-E3-39-23-05</t>
  </si>
  <si>
    <t>/o=exchangelabs/ou=exchange administrative group (fydibohf23spdlt)/cn=recipients/cn=1262e099c0f24b3489b19e6494cd5fca-rayssa da c;/o=exchangelabs/ou=exchange administrative group (fydibohf23spdlt)/cn=recipients/cn=71d61cf74988455d8586a88b31233851-pablo mathe;/o=exchangelabs/ou=exchange administrative group (fydibohf23spdlt)/cn=recipients/cn=7b93bb442b5c4fc5b654fa1f6a856130-patricia fe;/o=exchangelabs/ou=exchange administrative group (fydibohf23spdlt)/cn=recipients/cn=d05fd9144bc0407496937c19109e2ce7-jefferson r;</t>
  </si>
  <si>
    <t>ENC: OCORRENCIAS EQUIPE IBM</t>
  </si>
  <si>
    <t>/o=exchangelabs/ou=exchange administrative group (fydibohf23spdlt)/cn=recipients/cn=1262e099c0f24b3489b19e6494cd5fca-rayssa da c,/o=exchangelabs/ou=exchange administrative group (fydibohf23spdlt)/cn=recipients/cn=71d61cf74988455d8586a88b31233851-pablo mathe,/o=exchangelabs/ou=exchange administrative group (fydibohf23spdlt)/cn=recipients/cn=7b93bb442b5c4fc5b654fa1f6a856130-patricia fe,/o=exchangelabs/ou=exchange administrative group (fydibohf23spdlt)/cn=recipients/cn=d05fd9144bc0407496937c19109e2ce7-jefferson r</t>
  </si>
  <si>
    <t>mail.google.com/_/upload?authuser=0&amp;dcp=asu-n&amp;upload_id=AEnB2UpPhOEDo4af-ykS4nQCurZaA_ibbOx_3YTzJC80UPdHvDyJIy4gSoDaxUNbg053OjJ8sSlDalGmZjVH1pY0CtBpD4nKWw&amp;upload_protocol=resumable</t>
  </si>
  <si>
    <t>D:\OneDrive\AlgarTech\Pré-Vendas\Cliente\2019\ABBOTT\217431 - GAA – Global Access Administration Latin America Support\Plan Precificacao C018 B018.xlsb\</t>
  </si>
  <si>
    <t>/o=exchangelabs/ou=exchange administrative group (fydibohf23spdlt)/cn=recipients/cn=1262e099c0f24b3489b19e6494cd5fca-rayssa da c;/o=exchangelabs/ou=exchange administrative group (fydibohf23spdlt)/cn=recipients/cn=71d61cf74988455d8586a88b31233851-pablo mathe;/o=exchangelabs/ou=exchange administrative group (fydibohf23spdlt)/cn=recipients/cn=7b93bb442b5c4fc5b654fa1f6a856130-patricia fe;/o=exchangelabs/ou=exchange administrative group (fydibohf23spdlt)/cn=recipients/cn=98317c61309146baaae737fd3a6c03f2-kamila da s;/o=exchangelabs/ou=exchange administrative group (fydibohf23spdlt)/cn=recipients/cn=d05fd9144bc0407496937c19109e2ce7-jefferson r;</t>
  </si>
  <si>
    <t>OCORRENCIAS EQUIPE AMANDA</t>
  </si>
  <si>
    <t>/o=exchangelabs/ou=exchange administrative group (fydibohf23spdlt)/cn=recipients/cn=1262e099c0f24b3489b19e6494cd5fca-rayssa da c,/o=exchangelabs/ou=exchange administrative group (fydibohf23spdlt)/cn=recipients/cn=71d61cf74988455d8586a88b31233851-pablo mathe,/o=exchangelabs/ou=exchange administrative group (fydibohf23spdlt)/cn=recipients/cn=7b93bb442b5c4fc5b654fa1f6a856130-patricia fe,/o=exchangelabs/ou=exchange administrative group (fydibohf23spdlt)/cn=recipients/cn=98317c61309146baaae737fd3a6c03f2-kamila da s,/o=exchangelabs/ou=exchange administrative group (fydibohf23spdlt)/cn=recipients/cn=d05fd9144bc0407496937c19109e2ce7-jefferson r</t>
  </si>
  <si>
    <t>mail.google.com/_/upload?authuser=0&amp;dcp=asu-n&amp;upload_id=AEnB2UojXiWKgncabc1YguOUaR3aDYLIIrvhfkSGluW5l0J92ovBosXpHzN8FjWXJn15o2JML0G61NqFG3IzNnSL-19C0EdKkA85Bv7BL4ar7h7R9FAz4Eo&amp;upload_protocol=resumable</t>
  </si>
  <si>
    <t>prgfernandes@timbrasil.com.br;</t>
  </si>
  <si>
    <t>prgfernandes@timbrasil.com.br</t>
  </si>
  <si>
    <t>carloseag@algartech.com.br;marciags@algartech.com.br;</t>
  </si>
  <si>
    <t>ENC: Aulão B2K_ 18/11</t>
  </si>
  <si>
    <t>carloseag@algartech.com.br,marciags@algartech.com.br</t>
  </si>
  <si>
    <t>/o=exchangelabs/ou=exchange administrative group (fydibohf23spdlt)/cn=recipients/cn=0d39cd5f34394c399f802663c157e729-algar tech;/o=exchangelabs/ou=exchange administrative group (fydibohf23spdlt)/cn=recipients/cn=2072905e221e44cd93713caf57a4301f-roberta igi;/o=exchangelabs/ou=exchange administrative group (fydibohf23spdlt)/cn=recipients/cn=2144abc9537143519f505fcb8550b74c-juliana emi;/o=exchangelabs/ou=exchange administrative group (fydibohf23spdlt)/cn=recipients/cn=a5f3c22313d74f5cbd68347bb02489b8-lilian lima;</t>
  </si>
  <si>
    <t>Sem Lançamento ( 0% de Abs )</t>
  </si>
  <si>
    <t>Sem Lançamento - Novatos Unica.xlsx</t>
  </si>
  <si>
    <t>/o=exchangelabs/ou=exchange administrative group (fydibohf23spdlt)/cn=recipients/cn=0d39cd5f34394c399f802663c157e729-algar tech,/o=exchangelabs/ou=exchange administrative group (fydibohf23spdlt)/cn=recipients/cn=2072905e221e44cd93713caf57a4301f-roberta igi,/o=exchangelabs/ou=exchange administrative group (fydibohf23spdlt)/cn=recipients/cn=2144abc9537143519f505fcb8550b74c-juliana emi,/o=exchangelabs/ou=exchange administrative group (fydibohf23spdlt)/cn=recipients/cn=a5f3c22313d74f5cbd68347bb02489b8-lilian lima</t>
  </si>
  <si>
    <t>/o=exchangelabs/ou=exchange administrative group (fydibohf23spdlt)/cn=recipients/cn=26c4a9466ffd49b9b767efcaab0786f5-jaqueline d;/o=exchangelabs/ou=exchange administrative group (fydibohf23spdlt)/cn=recipients/cn=696f712aa5c841708a095699a50884db-luan kevem;/o=exchangelabs/ou=exchange administrative group (fydibohf23spdlt)/cn=recipients/cn=95d6b80d0c3d44d6aee9bc955f10af3e-aparecida m;/o=exchangelabs/ou=exchange administrative group (fydibohf23spdlt)/cn=recipients/cn=a4725b7c782941fda1d1c00ae0ff9e26-camiller mo;/o=exchangelabs/ou=exchange administrative group (fydibohf23spdlt)/cn=recipients/cn=dd3f9deeae894dcead519c2d3da9d2fe-camila apar;/o=exchangelabs/ou=exchange administrative group (fydibohf23spdlt)/cn=recipients/cn=group418fdb81;silvanaso@algartech.com;</t>
  </si>
  <si>
    <t>ENC: Atualização Pendências Trilha Integração Operações</t>
  </si>
  <si>
    <t>/o=exchangelabs/ou=exchange administrative group (fydibohf23spdlt)/cn=recipients/cn=26c4a9466ffd49b9b767efcaab0786f5-jaqueline d,/o=exchangelabs/ou=exchange administrative group (fydibohf23spdlt)/cn=recipients/cn=696f712aa5c841708a095699a50884db-luan kevem,/o=exchangelabs/ou=exchange administrative group (fydibohf23spdlt)/cn=recipients/cn=95d6b80d0c3d44d6aee9bc955f10af3e-aparecida m,/o=exchangelabs/ou=exchange administrative group (fydibohf23spdlt)/cn=recipients/cn=a4725b7c782941fda1d1c00ae0ff9e26-camiller mo,/o=exchangelabs/ou=exchange administrative group (fydibohf23spdlt)/cn=recipients/cn=dd3f9deeae894dcead519c2d3da9d2fe-camila apar,/o=exchangelabs/ou=exchange administrative group (fydibohf23spdlt)/cn=recipients/cn=group418fdb81,silvanaso@algartech.com</t>
  </si>
  <si>
    <t>Controle CAPEX ISD - Copia.xlsx</t>
  </si>
  <si>
    <t>MP CORPORATIVO - 12/11</t>
  </si>
  <si>
    <t>2 - Mailing MP 20191112.xlsx</t>
  </si>
  <si>
    <t>Rateio19_V2.xlsb</t>
  </si>
  <si>
    <t>marcellusrlj@algartech.com;</t>
  </si>
  <si>
    <t>Modelo DRE - Financeiras</t>
  </si>
  <si>
    <t>DRE_FINANCEIRAS.xlsx</t>
  </si>
  <si>
    <t>marcellusrlj@algartech.com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54abac0a4fdc4ad1bec39bb51d85eab1-victor hugo;/o=exchangelabs/ou=exchange administrative group (fydibohf23spdlt)/cn=recipients/cn=76d765d676864fe79b29c865fa21a2c7-leticia rez;/o=exchangelabs/ou=exchange administrative group (fydibohf23spdlt)/cn=recipients/cn=9a3ba6096e184fb5837abcf6a6214283-daniel henr;/o=exchangelabs/ou=exchange administrative group (fydibohf23spdlt)/cn=recipients/cn=d0093b7063a942388b31a7ba794f9061-dene</t>
  </si>
  <si>
    <t>Ativos 2020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54abac0a4fdc4ad1bec39bb51d85eab1-victor hugo,/o=exchangelabs/ou=exchange administrative group (fydibohf23spdlt)/cn=recipients/cn=76d765d676864fe79b29c865fa21a2c7-leticia rez,/o=exchangelabs/ou=exchange administrative group (fydibohf23spdlt)/cn=recipients/cn=9a3ba6096e184fb5837abcf6a6214283-daniel henr,/o=exchangelabs/ou=exchange administrative group (fydibohf23spdlt)/cn=recipients/cn=d0093b7063a942388b31a7ba794f9061-dene</t>
  </si>
  <si>
    <t>marciohpr@algartech.com.br;poliane.amaral@bradesco.com.br;suzane.b.rodrigues@bradesco.com.br;</t>
  </si>
  <si>
    <t>RES: Volume Casos Especiais</t>
  </si>
  <si>
    <t>Casos Especiais_ Demandante.xlsx</t>
  </si>
  <si>
    <t>marciohpr@algartech.com.br,poliane.amaral@bradesco.com.br,suzane.b.rodrigues@bradesco.com.br</t>
  </si>
  <si>
    <t>D:\ALGAR TECH\004 - Projetos Cloud\03 - CCoE\documentation\01-Projetos\AlgarTech-Voice-Bots\04 - Arquivos\</t>
  </si>
  <si>
    <t>Calculadora AWS_v.1.3-VoiceBotsDEV.xlsx</t>
  </si>
  <si>
    <t>Mailing de Reagendamento CAC - 12/11</t>
  </si>
  <si>
    <t>0 - Mailing de Reagendamento_ 20191112.xlsx</t>
  </si>
  <si>
    <t>Reagendamento CAC - 12/11</t>
  </si>
  <si>
    <t>Base Reagendamento CAC_ 20191112.xlsx</t>
  </si>
  <si>
    <t>217431_Preco_V1.xlsb</t>
  </si>
  <si>
    <t>D:\OneDrive\AlgarTech\Pré-Vendas\Cliente\2019\ABBOTT\217431 - GAA – Global Access Administration Latin America Support\217431_Preco_V1.xlsb\</t>
  </si>
  <si>
    <t>mail.google.com/_/upload?authuser=1&amp;dcp=asu-n&amp;upload_id=AEnB2UofxEedbD1Qh1Q_jLeam4b5vRncqM2HpX-P-bZci5NArUu7n8OtECm_4h7IGRuo6dTWhDGAT1wWt_W5n9SueG1lVcPl9l5Cz4lMDDJJJGeiF1zVXiM&amp;upload_protocol=resumable</t>
  </si>
  <si>
    <t>Logs de erro Lenel.xlsx</t>
  </si>
  <si>
    <t>mail.google.com/_/upload?authuser=1&amp;dcp=asu-n&amp;upload_id=AEnB2UpbB4y5j1im6k1AE0rjZN8R7djPihqWmmlb_eYVRs2UdrbOflLeRuD0bdYQqkLlzozSalVlHCdkm1cTjm2Fs7QiijOYTQ&amp;upload_protocol=resumable</t>
  </si>
  <si>
    <t>Paleativos Lenel.xlsx</t>
  </si>
  <si>
    <t>/o=exchangelabs/ou=exchange administrative group (fydibohf23spdlt)/cn=recipients/cn=9e72be441e9e4b08a759859a5b3a336a-daniela de;/o=exchangelabs/ou=exchange administrative group (fydibohf23spdlt)/cn=recipients/cn=ae5de8da93c7422fa6ba5be702b44cd5-renata apar;erica@quilleconsultoria.com.br;</t>
  </si>
  <si>
    <t>/o=exchangelabs/ou=exchange administrative group (fydibohf23spdlt)/cn=recipients/cn=9e72be441e9e4b08a759859a5b3a336a-daniela de,/o=exchangelabs/ou=exchange administrative group (fydibohf23spdlt)/cn=recipients/cn=ae5de8da93c7422fa6ba5be702b44cd5-renata apar,erica@quilleconsultoria.com.br</t>
  </si>
  <si>
    <t>RES: 1º Negociação - Processo 40143349H - Service Desk Cartões - Algartech</t>
  </si>
  <si>
    <t>Planilha comercial de cotação (CENÁRIO 2 RFP) - Processo 40143349H Algar Tech_v2.xlsx</t>
  </si>
  <si>
    <t>10.200.58.35</t>
  </si>
  <si>
    <t>Painel UNE - Fechamento Outubro</t>
  </si>
  <si>
    <t>Template_folha_retificadora_LUCAS_REV_2.xlsx</t>
  </si>
  <si>
    <t>Template_folha_retificadora_DANILO_REV_2.xlsx</t>
  </si>
  <si>
    <t>considerar o formulário novo em anexo: template_folha_retificadora_lucas_rev_2;considerar o novo formulário em anexo: template_folha_retificadora_danilo_rev_2;csc;</t>
  </si>
  <si>
    <t>Template_folha_retificadora_ISAURA_REV_2.xlsx</t>
  </si>
  <si>
    <t>https:// considerar o formulário novo em anexo: template_folha_retificadora_lucas_rev_2, considerar o novo formulário em anexo: template_folha_retificadora_danilo_rev_2,csc</t>
  </si>
  <si>
    <t>Template_folha_retificadora_DANUBIA_REV_2.xlsx</t>
  </si>
  <si>
    <t>mail.google.com/_/upload?authuser=0&amp;dcp=asu-n&amp;upload_id=AEnB2UrvIkPOotFNhNrhNQYd_wmLqKH-zn-wSRXDgzLxTtc1Qo2_BoNXqo-0eHyLI2wjtUK19_qyz8iazlgWMAnGYV3iKX8RTsGGkLbmWUyhMZf0TEVDtu4&amp;upload_protocol=resumable</t>
  </si>
  <si>
    <t>Aspect_rateio 16.09 a 15.10.xlsx</t>
  </si>
  <si>
    <t>CH554_20191112_091025.xls</t>
  </si>
  <si>
    <t>/o=exchangelabs/ou=exchange administrative group (fydibohf23spdlt)/cn=recipients/cn=49df841081c647dfa3c968230c8e613c-sabrina gon;/o=exchangelabs/ou=exchange administrative group (fydibohf23spdlt)/cn=recipients/cn=68e6aa2e3fef4ccaba997d98294c9ed5-cristina he;/o=exchangelabs/ou=exchange administrative group (fydibohf23spdlt)/cn=recipients/cn=6fbc44b6d6b549208175d5a27201bd13-cintia nune;/o=exchangelabs/ou=exchange administrative group (fydibohf23spdlt)/cn=recipients/cn=a4ba92cba10f4fe498074594f937f3b6-leandro lop;/o=exchangelabs/ou=exchange administrative group (fydibohf23spdlt)/cn=recipients/cn=ae5de8da93c7422fa6ba5be702b44cd5-renata apar;/o=exchangelabs/ou=exchange administrative group (fydibohf23spdlt)/cn=recipients/cn=f45617401bdf436baf70c45766699413-frederico b;erica@quilleconsultoria.com.br;</t>
  </si>
  <si>
    <t>Projeto Customer Success - Dados de Contratos (Operações Bradesco)</t>
  </si>
  <si>
    <t>Carteira_Luciano_Oficial_Atualizada.xls</t>
  </si>
  <si>
    <t>/o=exchangelabs/ou=exchange administrative group (fydibohf23spdlt)/cn=recipients/cn=49df841081c647dfa3c968230c8e613c-sabrina gon,/o=exchangelabs/ou=exchange administrative group (fydibohf23spdlt)/cn=recipients/cn=68e6aa2e3fef4ccaba997d98294c9ed5-cristina he,/o=exchangelabs/ou=exchange administrative group (fydibohf23spdlt)/cn=recipients/cn=6fbc44b6d6b549208175d5a27201bd13-cintia nune,/o=exchangelabs/ou=exchange administrative group (fydibohf23spdlt)/cn=recipients/cn=a4ba92cba10f4fe498074594f937f3b6-leandro lop,/o=exchangelabs/ou=exchange administrative group (fydibohf23spdlt)/cn=recipients/cn=ae5de8da93c7422fa6ba5be702b44cd5-renata apar,/o=exchangelabs/ou=exchange administrative group (fydibohf23spdlt)/cn=recipients/cn=f45617401bdf436baf70c45766699413-frederico b,erica@quilleconsultoria.com.br</t>
  </si>
  <si>
    <t>DashBoard DR. TÉC - 12/11</t>
  </si>
  <si>
    <t>Casos Especiais Amex - Fechamento Outubro</t>
  </si>
  <si>
    <t>Outubro_ Casos Especiais.xlsm</t>
  </si>
  <si>
    <t>Dashboard Formalização PJ VISA/PJ AMEX - fechamento Outubro/2019</t>
  </si>
  <si>
    <t>Template_folha_retificadora_CLAYTON_REV_2.xlsx</t>
  </si>
  <si>
    <t>SPOF Diesel - Planilha Classificada</t>
  </si>
  <si>
    <t>C:\Users\mariannacsm\OneDrive - Grupo Algar\0- PMO-POOL\COMPRAS\05 - Novo Escopo Compras\01 - Dash Acordos e Contratos\</t>
  </si>
  <si>
    <t>/o=exchangelabs/ou=exchange administrative group (fydibohf23spdlt)/cn=recipients/cn=3188323005a04a70962871b2b980355d-humberto pi;/o=exchangelabs/ou=exchange administrative group (fydibohf23spdlt)/cn=recipients/cn=56c2af2d07fd48c0aebfc00ddc006494-alessio rod;/o=exchangelabs/ou=exchange administrative group (fydibohf23spdlt)/cn=recipients/cn=8fc182d8ec964190abd5d149ac41ad8b-fabricio de;/o=exchangelabs/ou=exchange administrative group (fydibohf23spdlt)/cn=recipients/cn=user78fc8d63;</t>
  </si>
  <si>
    <t>RES: Informações para Cadastro de fornecedor</t>
  </si>
  <si>
    <t>/o=exchangelabs/ou=exchange administrative group (fydibohf23spdlt)/cn=recipients/cn=3188323005a04a70962871b2b980355d-humberto pi,/o=exchangelabs/ou=exchange administrative group (fydibohf23spdlt)/cn=recipients/cn=56c2af2d07fd48c0aebfc00ddc006494-alessio rod,/o=exchangelabs/ou=exchange administrative group (fydibohf23spdlt)/cn=recipients/cn=8fc182d8ec964190abd5d149ac41ad8b-fabricio de,/o=exchangelabs/ou=exchange administrative group (fydibohf23spdlt)/cn=recipients/cn=user78fc8d63</t>
  </si>
  <si>
    <t>/o=exchangelabs/ou=exchange administrative group (fydibohf23spdlt)/cn=recipients/cn=430b7fc0ccfe4728933af1b3039c7e24-marcus gome;/o=exchangelabs/ou=exchange administrative group (fydibohf23spdlt)/cn=recipients/cn=78e530b5e3244cc1a89eba7f7b0af42f-marco tulio;/o=exchangelabs/ou=exchange administrative group (fydibohf23spdlt)/cn=recipients/cn=ae5de8da93c7422fa6ba5be702b44cd5-renata apar;/o=exchangelabs/ou=exchange administrative group (fydibohf23spdlt)/cn=recipients/cn=b1a4eb0e68a245b8b02aa780c1415694-rodrigo ara;/o=exchangelabs/ou=exchange administrative group (fydibohf23spdlt)/cn=recipients/cn=d3551c048b84429b8d372231b321e6f4-ramon elias;/o=exchangelabs/ou=exchange administrative group (fydibohf23spdlt)/cn=recipients/cn=f681a87682ec4eb3b3dfa2503f9869d3-filipe rese;erica@quilleconsultoria.com.br;</t>
  </si>
  <si>
    <t>Projeto Customer Success - Indicadores</t>
  </si>
  <si>
    <t>SLA GRC 2019 (11)_Setembro.xlsx</t>
  </si>
  <si>
    <t>/o=exchangelabs/ou=exchange administrative group (fydibohf23spdlt)/cn=recipients/cn=430b7fc0ccfe4728933af1b3039c7e24-marcus gome,/o=exchangelabs/ou=exchange administrative group (fydibohf23spdlt)/cn=recipients/cn=78e530b5e3244cc1a89eba7f7b0af42f-marco tulio,/o=exchangelabs/ou=exchange administrative group (fydibohf23spdlt)/cn=recipients/cn=ae5de8da93c7422fa6ba5be702b44cd5-renata apar,/o=exchangelabs/ou=exchange administrative group (fydibohf23spdlt)/cn=recipients/cn=b1a4eb0e68a245b8b02aa780c1415694-rodrigo ara,/o=exchangelabs/ou=exchange administrative group (fydibohf23spdlt)/cn=recipients/cn=d3551c048b84429b8d372231b321e6f4-ramon elias,/o=exchangelabs/ou=exchange administrative group (fydibohf23spdlt)/cn=recipients/cn=f681a87682ec4eb3b3dfa2503f9869d3-filipe rese,erica@quilleconsultoria.com.br</t>
  </si>
  <si>
    <t>dayana_d_freitas_algar@whirlpool.com;izadoramdor@algartech.com;</t>
  </si>
  <si>
    <t>dayana_d_freitas_algar@whirlpool.com,izadoramdor@algartech.com</t>
  </si>
  <si>
    <t>HorasExtras_GAA.xlsx</t>
  </si>
  <si>
    <t>Ajustes_Custos.xlsx</t>
  </si>
  <si>
    <t>C:\Users\mariannacsm\OneDrive - Grupo Algar\0- PMO-POOL\COMPRAS\</t>
  </si>
  <si>
    <t>Fornecedores Engeset 2810 - Cópia.xlsx</t>
  </si>
  <si>
    <t>19_11_12_ Pipeline Comentado_ LATAM</t>
  </si>
  <si>
    <t>19_11_12_ Pipeline Comentado_ LATAM.xlsx</t>
  </si>
  <si>
    <t>19_11_12 _ Relatório Pipeline Comentado e Fora de Pipe.</t>
  </si>
  <si>
    <t>19_11_12_ Pipeline Comentado_ Afonso.xlsx</t>
  </si>
  <si>
    <t>/o=exchangelabs/ou=exchange administrative group (fydibohf23spdlt)/cn=recipients/cn=02b715e2a3c744dbab0f4054efc9d2d2-raquel corr;/o=exchangelabs/ou=exchange administrative group (fydibohf23spdlt)/cn=recipients/cn=092327d7955f47e78ad4a60dc2ac8d69-joaquim eli;/o=exchangelabs/ou=exchange administrative group (fydibohf23spdlt)/cn=recipients/cn=42aadbe8775e4c2cb37c145f9d092a4e-carlos west;</t>
  </si>
  <si>
    <t>ENC: Ajuste LPU fat-A - FMM-TCO</t>
  </si>
  <si>
    <t>LPU FMM FMT TCO_Atualiz-Out-2019.xlsx</t>
  </si>
  <si>
    <t>/o=exchangelabs/ou=exchange administrative group (fydibohf23spdlt)/cn=recipients/cn=02b715e2a3c744dbab0f4054efc9d2d2-raquel corr,/o=exchangelabs/ou=exchange administrative group (fydibohf23spdlt)/cn=recipients/cn=092327d7955f47e78ad4a60dc2ac8d69-joaquim eli,/o=exchangelabs/ou=exchange administrative group (fydibohf23spdlt)/cn=recipients/cn=42aadbe8775e4c2cb37c145f9d092a4e-carlos west</t>
  </si>
  <si>
    <t>19_11_12 _ Relatório Pipeline Comentado e Fora de Pipe</t>
  </si>
  <si>
    <t>19_11_12_ Pipeline Comentado_ Raul.xlsx</t>
  </si>
  <si>
    <t>CONFIDENCIAL: Projeto Victória - Alvo de Cobrança</t>
  </si>
  <si>
    <t>QA_Cobrança.xlsx</t>
  </si>
  <si>
    <t>C:\Users\elainemdlp\OD\_Projetos\Em andamento\Expansao Caixa\01 - Iniciacao\ATEC-2019-0024-013 - EXPANSÃO CAIXA.msg\s132\</t>
  </si>
  <si>
    <t>C:\Users\danubiacsm\Desktop\Demandas Whirlpool\2019 - 2º sem\</t>
  </si>
  <si>
    <t>Calendário Educadores Mariana.xlsx</t>
  </si>
  <si>
    <t>19_11_12_ Pipeline Comentado_ Dionizio.xlsx</t>
  </si>
  <si>
    <t>10.200.98.168</t>
  </si>
  <si>
    <t>64-1C-67-9B-A1-FE</t>
  </si>
  <si>
    <t>alessandroam@algartech.com;ana.rugai@cscalgar.com.br;andre.silveira@secd.com.br;bruna.araujo@secd.com.br;centraldeseguranca@algartelecom.com.br;cristiano.campaner@cscalgar.com.br;danielaofl@algartech.com;denerbb@algartech.com;edilsonrb@algartech.com;egidio@algartelecom.com.br;fabricia@algartelecom.com.br;gustavorp@algartech.com;helbertbb@algartech.com;joao.araujo@cscalgar.com.br;jorgea@algartelecom.com.br;josemfs@algartech.com;julianarcda@algartech.com;katiuciams@algartech.com;leticiarp@algartech.com;lucasm@algartech.com;luizgsc@algartelecom.com.br;marcelodds@algartech.com;mauro.altino@secd.com.br;murilofds@algartech.com;reginaldo.severino@cscalgar.com.br;samira.melillo@algartech.com;secorp@algartech.com;suporteseg@algartech.com;</t>
  </si>
  <si>
    <t>Dimensionamento_Câmeras_Marcelo.xlsx</t>
  </si>
  <si>
    <t>alessandroam@algartech.com,ana.rugai@cscalgar.com.br,andre.silveira@secd.com.br,bruna.araujo@secd.com.br,centraldeseguranca@algartelecom.com.br,cristiano.campaner@cscalgar.com.br,danielaofl@algartech.com,denerbb@algartech.com,edilsonrb@algartech.com,egidio@algartelecom.com.br,fabricia@algartelecom.com.br,gustavorp@algartech.com,helbertbb@algartech.com,joao.araujo@cscalgar.com.br,jorgea@algartelecom.com.br,josemfs@algartech.com,julianarcda@algartech.com,katiuciams@algartech.com,leticiarp@algartech.com,lucasm@algartech.com,luizgsc@algartelecom.com.br,marcelodds@algartech.com,mauro.altino@secd.com.br,murilofds@algartech.com,reginaldo.severino@cscalgar.com.br,samira.melillo@algartech.com,secorp@algartech.com,suporteseg@algartech.com</t>
  </si>
  <si>
    <t>/o=exchangelabs/ou=exchange administrative group (fydibohf23spdlt)/cn=recipients/cn=554d2cdc1361428a8f1cbe37bb559534-caroline fe;/o=exchangelabs/ou=exchange administrative group (fydibohf23spdlt)/cn=recipients/cn=56dc126fba5b4a5f8fb1cd7e4f10477d-thais olive;/o=exchangelabs/ou=exchange administrative group (fydibohf23spdlt)/cn=recipients/cn=9b3c029cc2ba4212bb4247e9ef6df7f1-andressa cr;karine.ferreira@bradesco.com.br;lorenaa.silva@bradesco.com.br;marcela.cunha@bradesco.com.br;rafaeljvf@algartech.com.br;thais.p.ferreira@bradesco.com.br;thamyres.alves@bradesco.com.br;</t>
  </si>
  <si>
    <t>RES: Cartão Não Solicitado POBJ - Outubro/2019</t>
  </si>
  <si>
    <t>Report unico - CNS - POBJ - 2019 - 1ª e 2ª Instâncias.xlsx</t>
  </si>
  <si>
    <t>/o=exchangelabs/ou=exchange administrative group (fydibohf23spdlt)/cn=recipients/cn=554d2cdc1361428a8f1cbe37bb559534-caroline fe,/o=exchangelabs/ou=exchange administrative group (fydibohf23spdlt)/cn=recipients/cn=56dc126fba5b4a5f8fb1cd7e4f10477d-thais olive,/o=exchangelabs/ou=exchange administrative group (fydibohf23spdlt)/cn=recipients/cn=9b3c029cc2ba4212bb4247e9ef6df7f1-andressa cr,karine.ferreira@bradesco.com.br,lorenaa.silva@bradesco.com.br,marcela.cunha@bradesco.com.br,rafaeljvf@algartech.com.br,thais.p.ferreira@bradesco.com.br,thamyres.alves@bradesco.com.br</t>
  </si>
  <si>
    <t>/o=exchangelabs/ou=exchange administrative group (fydibohf23spdlt)/cn=recipients/cn=027c2da1ea5a42378a892f895ed29947-andressa tu;/o=exchangelabs/ou=exchange administrative group (fydibohf23spdlt)/cn=recipients/cn=c514dbe8b91547adb4618232d1a650ba-afonso domi;/o=exchangelabs/ou=exchange administrative group (fydibohf23spdlt)/cn=recipients/cn=d9644ee8967f497e8a9f5314ba4500b5-gabriel jos;</t>
  </si>
  <si>
    <t>ENC: 19_11_12 _ Relatório Pipeline Comentado e Fora de Pipe.</t>
  </si>
  <si>
    <t>/o=exchangelabs/ou=exchange administrative group (fydibohf23spdlt)/cn=recipients/cn=027c2da1ea5a42378a892f895ed29947-andressa tu,/o=exchangelabs/ou=exchange administrative group (fydibohf23spdlt)/cn=recipients/cn=c514dbe8b91547adb4618232d1a650ba-afonso domi,/o=exchangelabs/ou=exchange administrative group (fydibohf23spdlt)/cn=recipients/cn=d9644ee8967f497e8a9f5314ba4500b5-gabriel jos</t>
  </si>
  <si>
    <t>214360_Preco_rev04 - Copia.xlsb</t>
  </si>
  <si>
    <t>/o=exchangelabs/ou=exchange administrative group (fydibohf23spdlt)/cn=recipients/cn=7f0583df7d3e4c2bb8108b334f4257df-marcelo fla;</t>
  </si>
  <si>
    <t>ENC: Telefones TIM e VIVO - Associados desligados out e novembro/2019</t>
  </si>
  <si>
    <t>/o=exchangelabs/ou=exchange administrative group (fydibohf23spdlt)/cn=recipients/cn=7f0583df7d3e4c2bb8108b334f4257df-marcelo fla</t>
  </si>
  <si>
    <t>jose.miranda@temposervicos.com.br;vanusaos@algartech.com.br;</t>
  </si>
  <si>
    <t>jose.miranda@temposervicos.com.br,vanusaos@algartech.com.br</t>
  </si>
  <si>
    <t>antoniojr@algartech.com;gustavorn@algartech.com;lucianabo@algartech.com;romariog@algartecnologia.com.br;sabrinagc@algartech.com;</t>
  </si>
  <si>
    <t>RATEIO 1441.xls</t>
  </si>
  <si>
    <t>antoniojr@algartech.com,gustavorn@algartech.com,lucianabo@algartech.com,romariog@algartecnologia.com.br,sabrinagc@algartech.com</t>
  </si>
  <si>
    <t>/o=exchangelabs/ou=exchange administrative group (fydibohf23spdlt)/cn=recipients/cn=5cdf7c02d3784fda99b7b159b2a127b2-rudney leme;/o=exchangelabs/ou=exchange administrative group (fydibohf23spdlt)/cn=recipients/cn=c5057601f2364b0db7ea84dbec10baa4-matheus mor;</t>
  </si>
  <si>
    <t>ENC: Inadimplencia ARG Outubro</t>
  </si>
  <si>
    <t>Inadimplencia 346 ASYST Arg 31.10.2019.xlsx</t>
  </si>
  <si>
    <t>/o=exchangelabs/ou=exchange administrative group (fydibohf23spdlt)/cn=recipients/cn=5cdf7c02d3784fda99b7b159b2a127b2-rudney leme,/o=exchangelabs/ou=exchange administrative group (fydibohf23spdlt)/cn=recipients/cn=c5057601f2364b0db7ea84dbec10baa4-matheus mor</t>
  </si>
  <si>
    <t>mail.google.com/_/upload?authuser=0&amp;dcp=asu-n&amp;upload_id=AEnB2UrBtenESWSbiM--TuueOmgvCo5YZC7Ke-GNUUgkG_D0ejkQvTqY8Mfj52j4OA_BugAIOUGUR6lL4warnavZeeqCZ-y0wg&amp;upload_protocol=resumable</t>
  </si>
  <si>
    <t>elisabete.soares@cscalgar.com.br;mariannacsm@algartech.com;</t>
  </si>
  <si>
    <t>chamados suspensos em 12.11.2019 as 12h.xlsx</t>
  </si>
  <si>
    <t>elisabete.soares@cscalgar.com.br,mariannacsm@algartech.com</t>
  </si>
  <si>
    <t>Previa Financeira Novembro</t>
  </si>
  <si>
    <t>Financeiro_Novembro.xlsx</t>
  </si>
  <si>
    <t>RES: Revisão Práticas e Serviços - reunião de Briefing</t>
  </si>
  <si>
    <t>Separação_Receitas_GAT_Coment_AluisioeMarcus.xlsb</t>
  </si>
  <si>
    <t>Template_folha_retificadora_ISAURA_V1.xlsx</t>
  </si>
  <si>
    <t>Template_folha_retificadora_DANUBIA_V1.xlsx</t>
  </si>
  <si>
    <t>Template_folha_retificadora_LUCAS_V1.xlsx</t>
  </si>
  <si>
    <t>Template_folha_retificadora_DANILO_V1.xlsx</t>
  </si>
  <si>
    <t>Template_folha_retificadora_CLAYTON_V1.xlsx</t>
  </si>
  <si>
    <t>214360_Preco_rev05 - Copia.xlsb</t>
  </si>
  <si>
    <t>214360_Preco_rev05.xlsb</t>
  </si>
  <si>
    <t>214360_Preco_rev05_Wilson.xlsb</t>
  </si>
  <si>
    <t>/o=exchangelabs/ou=exchange administrative group (fydibohf23spdlt)/cn=recipients/cn=8c01e71056fe4e1a8ecc4e24420bd9ef-fellyp cros;/o=exchangelabs/ou=exchange administrative group (fydibohf23spdlt)/cn=recipients/cn=a8bd6d5b03114b16a966578cff77cc86-fabiano mor;/o=exchangelabs/ou=exchange administrative group (fydibohf23spdlt)/cn=recipients/cn=f80d41bbb20a47529b0641ba89cacde6-mariangela;adsilva_pronto@timbrasil.com.br;logisticatimopm@grupotpc.com;</t>
  </si>
  <si>
    <t>RES: BAIXA DE MATERIAIS PLAYER GOVERNADOR VALADARES</t>
  </si>
  <si>
    <t>BAIXA DE MATERIAIS PLAYER GOVERNADOR VALADARES .msg\s1\</t>
  </si>
  <si>
    <t>/o=exchangelabs/ou=exchange administrative group (fydibohf23spdlt)/cn=recipients/cn=8c01e71056fe4e1a8ecc4e24420bd9ef-fellyp cros,/o=exchangelabs/ou=exchange administrative group (fydibohf23spdlt)/cn=recipients/cn=a8bd6d5b03114b16a966578cff77cc86-fabiano mor,/o=exchangelabs/ou=exchange administrative group (fydibohf23spdlt)/cn=recipients/cn=f80d41bbb20a47529b0641ba89cacde6-mariangela,adsilva_pronto@timbrasil.com.br,logisticatimopm@grupotpc.com</t>
  </si>
  <si>
    <t>ENC: Volume Casos Especiais</t>
  </si>
  <si>
    <t>Casos Especiais_ Demandante.zip\</t>
  </si>
  <si>
    <t>wanessabs.souza@gmail.com;</t>
  </si>
  <si>
    <t>wanessabs.souza@gmail.com</t>
  </si>
  <si>
    <t>Contatos</t>
  </si>
  <si>
    <t>Novo Template - Modelo Account Plan.pptx\</t>
  </si>
  <si>
    <t>192.168.1.115</t>
  </si>
  <si>
    <t>antoniocb@algartech.com;clafdsilva@timbrasil.com.br;dblemos@timbrasil.com.br;dl_network_ana-cabos@timbrasil.com.br;dl_network_ratna-css-bhe-tle@timbrasil.com.br;evgarcia@timbrasil.com.br;jrocha@timbrasil.com.br;marinasf@algartech.com;mrlopes@timbrasil.com.br;nimachado@timbrasil.com.br;paulocruz@algartech.com;rafaelldn@algartech.com;rcarvalho_act@timbrasil.com.br;robertordsf@algartech.com;viniciusja@algartech.com;</t>
  </si>
  <si>
    <t>antoniocb@algartech.com,clafdsilva@timbrasil.com.br,dblemos@timbrasil.com.br,dl_network_ana-cabos@timbrasil.com.br,dl_network_ratna-css-bhe-tle@timbrasil.com.br,evgarcia@timbrasil.com.br,jrocha@timbrasil.com.br,marinasf@algartech.com,mrlopes@timbrasil.com.br,nimachado@timbrasil.com.br,paulocruz@algartech.com,rafaelldn@algartech.com,rcarvalho_act@timbrasil.com.br,robertordsf@algartech.com,viniciusja@algartech.com</t>
  </si>
  <si>
    <t>/o=exchangelabs/ou=exchange administrative group (fydibohf23spdlt)/cn=recipients/cn=372a4aee70df4061aed129651510b96b-raul montei;/o=exchangelabs/ou=exchange administrative group (fydibohf23spdlt)/cn=recipients/cn=bd4a6c1d532c4ca6b437020e0da70310-leonardo ar;</t>
  </si>
  <si>
    <t>Ajustes Fusion</t>
  </si>
  <si>
    <t>19_11_12_ Pipeline Comentado_Argentina.xlsx</t>
  </si>
  <si>
    <t>/o=exchangelabs/ou=exchange administrative group (fydibohf23spdlt)/cn=recipients/cn=372a4aee70df4061aed129651510b96b-raul montei,/o=exchangelabs/ou=exchange administrative group (fydibohf23spdlt)/cn=recipients/cn=bd4a6c1d532c4ca6b437020e0da70310-leonardo ar</t>
  </si>
  <si>
    <t>Re Hangouts Contrato.msg\s1\</t>
  </si>
  <si>
    <t>mail.google.com/_/upload?authuser=0&amp;dcp=asu-n&amp;upload_id=AEnB2Urb7tEDpP3uUKr9AiakdTh-L6lC_QOaTtNQqEBi4GUHH6mqWZVRdXHv7sRLJMfZFmDXNJMV_MfTRr6c31JrvhPj2_NAmrWhNkY-lHQcYHklLenk7rA&amp;upload_protocol=resumable</t>
  </si>
  <si>
    <t>RES: analise consumidor</t>
  </si>
  <si>
    <t>Cópia de estudo consumidor.xlsx</t>
  </si>
  <si>
    <t>/o=exchangelabs/ou=exchange administrative group (fydibohf23spdlt)/cn=recipients/cn=7d13fcff1e804d05afcf907fc6d75650-piero crede;</t>
  </si>
  <si>
    <t>ENC: * 181289_Algar Tech - Projeto Quantum - REVISAO</t>
  </si>
  <si>
    <t>Infomações das lojas-Edson.xlsx</t>
  </si>
  <si>
    <t>/o=exchangelabs/ou=exchange administrative group (fydibohf23spdlt)/cn=recipients/cn=7d13fcff1e804d05afcf907fc6d75650-piero crede</t>
  </si>
  <si>
    <t>william@proenergia.net.br;</t>
  </si>
  <si>
    <t>ENC: Revisão de Projeto - Melhoria de Geração</t>
  </si>
  <si>
    <t>william@proenergia.net.br</t>
  </si>
  <si>
    <t>gabriela_b_goncalves@whirlpool.com;heliorg@algartech.com;marceloab@algartech.com;</t>
  </si>
  <si>
    <t>gabriela_b_goncalves@whirlpool.com,heliorg@algartech.com,marceloab@algartech.com</t>
  </si>
  <si>
    <t>/o=exchangelabs/ou=exchange administrative group (fydibohf23spdlt)/cn=recipients/cn=1a891a11d41b4f2490d38c4920393403-hernan edua;/o=exchangelabs/ou=exchange administrative group (fydibohf23spdlt)/cn=recipients/cn=31530e847059489c86826d7f6601733b-yuly alejan;/o=exchangelabs/ou=exchange administrative group (fydibohf23spdlt)/cn=recipients/cn=372a4aee70df4061aed129651510b96b-raul montei;/o=exchangelabs/ou=exchange administrative group (fydibohf23spdlt)/cn=recipients/cn=88cfe72c15cd402bb9c857655af0f1c2-mauricio mo;/o=exchangelabs/ou=exchange administrative group (fydibohf23spdlt)/cn=recipients/cn=cd2f6a42331c43af8f518d787df888b8-diana milei;/o=exchangelabs/ou=exchange administrative group (fydibohf23spdlt)/cn=recipients/cn=dc2c5efff31d437e832479c059a1cb66-gonzalo art;</t>
  </si>
  <si>
    <t>Ajustes Fusion - Colombia</t>
  </si>
  <si>
    <t>19_11_12_ Pipeline Comentado_Colombia.xlsx</t>
  </si>
  <si>
    <t>/o=exchangelabs/ou=exchange administrative group (fydibohf23spdlt)/cn=recipients/cn=1a891a11d41b4f2490d38c4920393403-hernan edua,/o=exchangelabs/ou=exchange administrative group (fydibohf23spdlt)/cn=recipients/cn=31530e847059489c86826d7f6601733b-yuly alejan,/o=exchangelabs/ou=exchange administrative group (fydibohf23spdlt)/cn=recipients/cn=372a4aee70df4061aed129651510b96b-raul montei,/o=exchangelabs/ou=exchange administrative group (fydibohf23spdlt)/cn=recipients/cn=88cfe72c15cd402bb9c857655af0f1c2-mauricio mo,/o=exchangelabs/ou=exchange administrative group (fydibohf23spdlt)/cn=recipients/cn=cd2f6a42331c43af8f518d787df888b8-diana milei,/o=exchangelabs/ou=exchange administrative group (fydibohf23spdlt)/cn=recipients/cn=dc2c5efff31d437e832479c059a1cb66-gonzalo art</t>
  </si>
  <si>
    <t>cadastro geral</t>
  </si>
  <si>
    <t>Cadastro Geral 05-11.xlsx</t>
  </si>
  <si>
    <t>/o=exchangelabs/ou=exchange administrative group (fydibohf23spdlt)/cn=recipients/cn=7b70aa18debb49fb8da0f7282594e513-ricardo ale;/o=exchangelabs/ou=exchange administrative group (fydibohf23spdlt)/cn=recipients/cn=909e770c97ed4b8fa033c30357f65607-juan carlos;/o=exchangelabs/ou=exchange administrative group (fydibohf23spdlt)/cn=recipients/cn=cd3b5b481f524fe68902e02768910038-koldo alcal;</t>
  </si>
  <si>
    <t>Ajustes Fusion - Mexico</t>
  </si>
  <si>
    <t>19_11_12_ Pipeline Comentado_Mexico.xlsx</t>
  </si>
  <si>
    <t>/o=exchangelabs/ou=exchange administrative group (fydibohf23spdlt)/cn=recipients/cn=7b70aa18debb49fb8da0f7282594e513-ricardo ale,/o=exchangelabs/ou=exchange administrative group (fydibohf23spdlt)/cn=recipients/cn=909e770c97ed4b8fa033c30357f65607-juan carlos,/o=exchangelabs/ou=exchange administrative group (fydibohf23spdlt)/cn=recipients/cn=cd3b5b481f524fe68902e02768910038-koldo alcal</t>
  </si>
  <si>
    <t>/o=exchangelabs/ou=exchange administrative group (fydibohf23spdlt)/cn=recipients/cn=0b6a994899de4cd3af0f6d1091e97ebf-arones abre;/o=exchangelabs/ou=exchange administrative group (fydibohf23spdlt)/cn=recipients/cn=97028c61ebe04c3ca84c604712943944-fabiano wil;ricardo.tavares@gemina.io;</t>
  </si>
  <si>
    <t>COMPLEMENTO URGENTE - RFP - Realizar um assessment de segurança de TI</t>
  </si>
  <si>
    <t>/o=exchangelabs/ou=exchange administrative group (fydibohf23spdlt)/cn=recipients/cn=0b6a994899de4cd3af0f6d1091e97ebf-arones abre,/o=exchangelabs/ou=exchange administrative group (fydibohf23spdlt)/cn=recipients/cn=97028c61ebe04c3ca84c604712943944-fabiano wil,ricardo.tavares@gemina.io</t>
  </si>
  <si>
    <t>c:\users\marinasf\desktop\notas\</t>
  </si>
  <si>
    <t>repasse bff.xlsx</t>
  </si>
  <si>
    <t>ENC: Fluxo con valores procesos actualizados</t>
  </si>
  <si>
    <t>Resumen jucios laborales al 11.10.xlsx</t>
  </si>
  <si>
    <t>/o=exchangelabs/ou=exchange administrative group (fydibohf23spdlt)/cn=recipients/cn=afe703aaac894a95a93f05caa34fb443-trueisciele;</t>
  </si>
  <si>
    <t>Distribuição de Meta</t>
  </si>
  <si>
    <t>Distribuição de Meta.xlsx</t>
  </si>
  <si>
    <t>/o=exchangelabs/ou=exchange administrative group (fydibohf23spdlt)/cn=recipients/cn=afe703aaac894a95a93f05caa34fb443-trueisciele</t>
  </si>
  <si>
    <t>/o=exchangelabs/ou=exchange administrative group (fydibohf23spdlt)/cn=recipients/cn=0e2eb71726a34a0da705bbb0bf5c0367-leonardo me;/o=exchangelabs/ou=exchange administrative group (fydibohf23spdlt)/cn=recipients/cn=d5130784dc81436d9511788de4df376c-jeciene gom;/o=exchangelabs/ou=exchange administrative group (fydibohf23spdlt)/cn=recipients/cn=fd4a47c4d251414eb48a57376a49e773-marco tulio;</t>
  </si>
  <si>
    <t>Reporte - resultados projeto Automação de Qualidade</t>
  </si>
  <si>
    <t>Automação Qualidade Financeiro Nov.xlsx</t>
  </si>
  <si>
    <t>/o=exchangelabs/ou=exchange administrative group (fydibohf23spdlt)/cn=recipients/cn=0e2eb71726a34a0da705bbb0bf5c0367-leonardo me,/o=exchangelabs/ou=exchange administrative group (fydibohf23spdlt)/cn=recipients/cn=d5130784dc81436d9511788de4df376c-jeciene gom,/o=exchangelabs/ou=exchange administrative group (fydibohf23spdlt)/cn=recipients/cn=fd4a47c4d251414eb48a57376a49e773-marco tulio</t>
  </si>
  <si>
    <t>/o=exchangelabs/ou=exchange administrative group (fydibohf23spdlt)/cn=recipients/cn=06d628e3f48b48f491437fe6311215ae-claudiane a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a9a1fe1d51ef4ee29617a1c11aa10050-marinalva i;/o=exchangelabs/ou=exchange administrative group (fydibohf23spdlt)/cn=recipients/cn=b0dffb7bae8b4669bf2555c821ef7035-daniela vie;/o=exchangelabs/ou=exchange administrative group (fydibohf23spdlt)/cn=recipients/cn=bf5c8ee8081a4a4cbf005372e2697869-tassiane ci;</t>
  </si>
  <si>
    <t>RES: Dashboard PA Digital N1 Ecohouse - ASC - Consolidado até 10/11</t>
  </si>
  <si>
    <t>Análise Nati.xlsx</t>
  </si>
  <si>
    <t>/o=exchangelabs/ou=exchange administrative group (fydibohf23spdlt)/cn=recipients/cn=06d628e3f48b48f491437fe6311215ae-claudiane a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a9a1fe1d51ef4ee29617a1c11aa10050-marinalva i,/o=exchangelabs/ou=exchange administrative group (fydibohf23spdlt)/cn=recipients/cn=b0dffb7bae8b4669bf2555c821ef7035-daniela vie,/o=exchangelabs/ou=exchange administrative group (fydibohf23spdlt)/cn=recipients/cn=bf5c8ee8081a4a4cbf005372e2697869-tassiane ci</t>
  </si>
  <si>
    <t>RES: Distribuição de Meta</t>
  </si>
  <si>
    <t>RES: Telefones TIM e VIVO - Associados desligados out e novembro/2019</t>
  </si>
  <si>
    <t>0ANALYSIS_PATTERN - 2019-11-12T150548.845.csv</t>
  </si>
  <si>
    <t>ENC: Prev. Novembro 2019</t>
  </si>
  <si>
    <t>001_Carlos_Prev_Fechamento Novembro - NE-NO.xlsx</t>
  </si>
  <si>
    <t>Bacula LTO AUDIO.xlsx</t>
  </si>
  <si>
    <t>0ANALYSIS_PATTERN - 2019-11-12T151018.369.csv</t>
  </si>
  <si>
    <t>/o=exchangelabs/ou=exchange administrative group (fydibohf23spdlt)/cn=recipients/cn=168e05cabbf14ae289464a0c09955b31-sara ferrei;/o=exchangelabs/ou=exchange administrative group (fydibohf23spdlt)/cn=recipients/cn=2d3379e2d04c40db810b4b1f41dd2aea-erica carol;/o=exchangelabs/ou=exchange administrative group (fydibohf23spdlt)/cn=recipients/cn=704ce6c3da8c45c9a4fbd113173d101c-tatiane sil;/o=exchangelabs/ou=exchange administrative group (fydibohf23spdlt)/cn=recipients/cn=9e7c445894a4474a86a42a5f271a0d12-viviane res;</t>
  </si>
  <si>
    <t>/o=exchangelabs/ou=exchange administrative group (fydibohf23spdlt)/cn=recipients/cn=168e05cabbf14ae289464a0c09955b31-sara ferrei,/o=exchangelabs/ou=exchange administrative group (fydibohf23spdlt)/cn=recipients/cn=2d3379e2d04c40db810b4b1f41dd2aea-erica carol,/o=exchangelabs/ou=exchange administrative group (fydibohf23spdlt)/cn=recipients/cn=704ce6c3da8c45c9a4fbd113173d101c-tatiane sil,/o=exchangelabs/ou=exchange administrative group (fydibohf23spdlt)/cn=recipients/cn=9e7c445894a4474a86a42a5f271a0d12-viviane res</t>
  </si>
  <si>
    <t>C:\Users\alexsandrodmju\Desktop\Viviani\</t>
  </si>
  <si>
    <t>numeros.csvRelatorio.csv</t>
  </si>
  <si>
    <t>mail.google.com/_/upload?authuser=0&amp;dcp=asu-n&amp;upload_id=AEnB2UpKbQog6F9P8aH-zov3UJORRtqO7bUQePGAD35RUPo914nxbHNgz7ws5KzXbfwevdj3yE4Js4Pw1RAUuwUrqvgsW6uApg&amp;upload_protocol=resumable</t>
  </si>
  <si>
    <t>numeros.csvRelatorioDeErros.csv</t>
  </si>
  <si>
    <t>VDN 44601</t>
  </si>
  <si>
    <t>VDN 44601.xlsx</t>
  </si>
  <si>
    <t>/o=exchangelabs/ou=exchange administrative group (fydibohf23spdlt)/cn=recipients/cn=1d548783c10f4c62bcdf5de7a0f55a3e-lucas marqu;/o=exchangelabs/ou=exchange administrative group (fydibohf23spdlt)/cn=recipients/cn=287c26b08a0f48578479a15a452f025d-edilson rod;/o=exchangelabs/ou=exchange administrative group (fydibohf23spdlt)/cn=recipients/cn=d248f4acfe7f4b83996ccb3f42cd6add-laise vieir;/o=exchangelabs/ou=exchange administrative group (fydibohf23spdlt)/cn=recipients/cn=f71035a74a95411c8b0276261ec8a527-rafael barr;jaquelines@algartech.com;</t>
  </si>
  <si>
    <t>RES: Se liga! Vamos implantar o BIG IP da F5!</t>
  </si>
  <si>
    <t>Lista de Clientes - ITO.xlsx</t>
  </si>
  <si>
    <t>/o=exchangelabs/ou=exchange administrative group (fydibohf23spdlt)/cn=recipients/cn=1d548783c10f4c62bcdf5de7a0f55a3e-lucas marqu,/o=exchangelabs/ou=exchange administrative group (fydibohf23spdlt)/cn=recipients/cn=287c26b08a0f48578479a15a452f025d-edilson rod,/o=exchangelabs/ou=exchange administrative group (fydibohf23spdlt)/cn=recipients/cn=d248f4acfe7f4b83996ccb3f42cd6add-laise vieir,/o=exchangelabs/ou=exchange administrative group (fydibohf23spdlt)/cn=recipients/cn=f71035a74a95411c8b0276261ec8a527-rafael barr,jaquelines@algartech.com</t>
  </si>
  <si>
    <t>historico_associado.xlsx</t>
  </si>
  <si>
    <t>/o=exchangelabs/ou=exchange administrative group (fydibohf23spdlt)/cn=recipients/cn=10c614e1eddb439aa2a8538338cebbc9-victor hugo;/o=exchangelabs/ou=exchange administrative group (fydibohf23spdlt)/cn=recipients/cn=35657f775f674844b7802ddbecf19a25-renner augu;/o=exchangelabs/ou=exchange administrative group (fydibohf23spdlt)/cn=recipients/cn=55a7ca9a5b3a4eab9b205245f89f7d3d-juliana ram;/o=exchangelabs/ou=exchange administrative group (fydibohf23spdlt)/cn=recipients/cn=66edf19ebc2742d0aad16b8a34a09b10-andre luiz;/o=exchangelabs/ou=exchange administrative group (fydibohf23spdlt)/cn=recipients/cn=d0093b7063a942388b31a7ba794f9061-dener benic;/o=exchangelabs/ou=exchange administrative group (fydibohf23spdlt)/cn=recipients/cn=egidio carlos roveda mendonca;/o=exchangelabs/ou=exchange administrative group (fydibohf23spdlt)/cn=recipients/cn=fa4fe69c1dfb4d71beaaa5d64a4e88f8-carlos rodr;</t>
  </si>
  <si>
    <t>RES: Resultado Consultoria Brasiliano</t>
  </si>
  <si>
    <t>Plano de Ação - Relatório.xlsx</t>
  </si>
  <si>
    <t>/o=exchangelabs/ou=exchange administrative group (fydibohf23spdlt)/cn=recipients/cn=10c614e1eddb439aa2a8538338cebbc9-victor hugo,/o=exchangelabs/ou=exchange administrative group (fydibohf23spdlt)/cn=recipients/cn=35657f775f674844b7802ddbecf19a25-renner augu,/o=exchangelabs/ou=exchange administrative group (fydibohf23spdlt)/cn=recipients/cn=55a7ca9a5b3a4eab9b205245f89f7d3d-juliana ram,/o=exchangelabs/ou=exchange administrative group (fydibohf23spdlt)/cn=recipients/cn=66edf19ebc2742d0aad16b8a34a09b10-andre luiz,/o=exchangelabs/ou=exchange administrative group (fydibohf23spdlt)/cn=recipients/cn=d0093b7063a942388b31a7ba794f9061-dener benic,/o=exchangelabs/ou=exchange administrative group (fydibohf23spdlt)/cn=recipients/cn=egidio carlos roveda mendonca,/o=exchangelabs/ou=exchange administrative group (fydibohf23spdlt)/cn=recipients/cn=fa4fe69c1dfb4d71beaaa5d64a4e88f8-carlos rodr</t>
  </si>
  <si>
    <t>Cenários MPSA e CSP.xlsx</t>
  </si>
  <si>
    <t>C:\Users\lucasfbr\OneDrive - Grupo Algar\Área de Trabalho\Backup\</t>
  </si>
  <si>
    <t>True-up MS EAS 2020_v8_Orçamento_v2.xlsx</t>
  </si>
  <si>
    <t>andressacpd@algartech.com;fredericobs@algartecnologia.com.br;katiargf@algartech.com;kellysp@algartech.com;</t>
  </si>
  <si>
    <t>C:\Users\rafaelaas\Desktop\Apresentação de Operações PF 12.11.19 (1).pptx\</t>
  </si>
  <si>
    <t>andressacpd@algartech.com,fredericobs@algartecnologia.com.br,katiargf@algartech.com,kellysp@algartech.com</t>
  </si>
  <si>
    <t>andressacpd@algartech.com;fabiolacc@algartecnologia.com.br;fredericobs@algartecnologia.com.br;katiargf@algartech.com;kellysp@algartech.com;</t>
  </si>
  <si>
    <t>andressacpd@algartech.com,fabiolacc@algartecnologia.com.br,fredericobs@algartecnologia.com.br,katiargf@algartech.com,kellysp@algartech.com</t>
  </si>
  <si>
    <t>SL XXXXX FACEBOOK - OUT.19</t>
  </si>
  <si>
    <t>SL XXXXX FACEBOOK - OUT.19.xlsb</t>
  </si>
  <si>
    <t>10.201.28.96</t>
  </si>
  <si>
    <t>/o=exchangelabs/ou=exchange administrative group (fydibohf23spdlt)/cn=recipients/cn=a78f7dae304e472e9f75bd537683f6e5-hugo de oli;/o=exchangelabs/ou=exchange administrative group (fydibohf23spdlt)/cn=recipients/cn=b284454839e94314a90d49e7ec00864f-antonio car;</t>
  </si>
  <si>
    <t>/o=exchangelabs/ou=exchange administrative group (fydibohf23spdlt)/cn=recipients/cn=a78f7dae304e472e9f75bd537683f6e5-hugo de oli,/o=exchangelabs/ou=exchange administrative group (fydibohf23spdlt)/cn=recipients/cn=b284454839e94314a90d49e7ec00864f-antonio car</t>
  </si>
  <si>
    <t>leandrolsan@hotmail.com;</t>
  </si>
  <si>
    <t>ENC: Plano de Ação IBI</t>
  </si>
  <si>
    <t>Gerencial _Novo Modelo .xlsx</t>
  </si>
  <si>
    <t>leandrolsan@hotmail.com</t>
  </si>
  <si>
    <t>ENC: Fechamentos Financeiros - IBI</t>
  </si>
  <si>
    <t>09 - ALGAR TA P2_Fechamento_Set_19.xlsx</t>
  </si>
  <si>
    <t>/o=exchangelabs/ou=exchange administrative group (fydibohf23spdlt)/cn=recipients/cn=0177ccde46e64a8f8723f2fcb8751283-diego franc;/o=exchangelabs/ou=exchange administrative group (fydibohf23spdlt)/cn=recipients/cn=029150745eb3404986232d7559006193-acacio ribe;/o=exchangelabs/ou=exchange administrative group (fydibohf23spdlt)/cn=recipients/cn=07838d63269147399834f55c95648a18-raphael nun;/o=exchangelabs/ou=exchange administrative group (fydibohf23spdlt)/cn=recipients/cn=0a343ab60c904ee9b25c54f941bc50a2-elincon pis;/o=exchangelabs/ou=exchange administrative group (fydibohf23spdlt)/cn=recipients/cn=0ad67812a921472ea75457aad47f39a8-kallil vice;/o=exchangelabs/ou=exchange administrative group (fydibohf23spdlt)/cn=recipients/cn=101ca65e5cac464dbd670337f8b2f496-claudio de;/o=exchangelabs/ou=exchange administrative group (fydibohf23spdlt)/cn=recipients/cn=136bac3aad104a579e671eb261072338-fabio dos r;/o=exchangelabs/ou=exchange administrative group (fydibohf23spdlt)/cn=recipients/cn=156f2ceeb44f4afbbad62be40471b288-rodri</t>
  </si>
  <si>
    <t>Olha Ranking aí gente....</t>
  </si>
  <si>
    <t>/o=exchangelabs/ou=exchange administrative group (fydibohf23spdlt)/cn=recipients/cn=0177ccde46e64a8f8723f2fcb8751283-diego franc,/o=exchangelabs/ou=exchange administrative group (fydibohf23spdlt)/cn=recipients/cn=029150745eb3404986232d7559006193-acacio ribe,/o=exchangelabs/ou=exchange administrative group (fydibohf23spdlt)/cn=recipients/cn=07838d63269147399834f55c95648a18-raphael nun,/o=exchangelabs/ou=exchange administrative group (fydibohf23spdlt)/cn=recipients/cn=0a343ab60c904ee9b25c54f941bc50a2-elincon pis,/o=exchangelabs/ou=exchange administrative group (fydibohf23spdlt)/cn=recipients/cn=0ad67812a921472ea75457aad47f39a8-kallil vice,/o=exchangelabs/ou=exchange administrative group (fydibohf23spdlt)/cn=recipients/cn=101ca65e5cac464dbd670337f8b2f496-claudio de,/o=exchangelabs/ou=exchange administrative group (fydibohf23spdlt)/cn=recipients/cn=136bac3aad104a579e671eb261072338-fabio dos r,/o=exchangelabs/ou=exchange administrative group (fydibohf23spdlt)/cn=recipients/cn=156f2ceeb44f4afbbad62be40471b288-rodri</t>
  </si>
  <si>
    <t>ligiagb@algartech.com.br;suzanasb@algartech.com.br;</t>
  </si>
  <si>
    <t>ENC: Report Intradiário - Atendimento Cerrado - 12/11/2019 - Acumulado até 15 hrs</t>
  </si>
  <si>
    <t>ligiagb@algartech.com.br,suzanasb@algartech.com.br</t>
  </si>
  <si>
    <t>/o=exchangelabs/ou=exchange administrative group (fydibohf23spdlt)/cn=recipients/cn=2144abc9537143519f505fcb8550b74c-juliana emi;/o=exchangelabs/ou=exchange administrative group (fydibohf23spdlt)/cn=recipients/cn=670d10f0276c47ba89a984b1a225496b-victor gala;/o=exchangelabs/ou=exchange administrative group (fydibohf23spdlt)/cn=recipients/cn=a72a765de829420582b78941417073ac-karina rodr;</t>
  </si>
  <si>
    <t>STH Avon</t>
  </si>
  <si>
    <t>Forecast - NOV e DEZ.msg\s1\</t>
  </si>
  <si>
    <t>/o=exchangelabs/ou=exchange administrative group (fydibohf23spdlt)/cn=recipients/cn=2144abc9537143519f505fcb8550b74c-juliana emi,/o=exchangelabs/ou=exchange administrative group (fydibohf23spdlt)/cn=recipients/cn=670d10f0276c47ba89a984b1a225496b-victor gala,/o=exchangelabs/ou=exchange administrative group (fydibohf23spdlt)/cn=recipients/cn=a72a765de829420582b78941417073ac-karina rodr</t>
  </si>
  <si>
    <t>/o=exchangelabs/ou=exchange administrative group (fydibohf23spdlt)/cn=recipients/cn=096be01f3be1448b9e04fb22996909f1-michele sil;/o=exchangelabs/ou=exchange administrative group (fydibohf23spdlt)/cn=recipients/cn=0c06a001a2ed4bd2a2d61ee9aa26d72f-suemes de s;/o=exchangelabs/ou=exchange administrative group (fydibohf23spdlt)/cn=recipients/cn=0fb0c89521ca4e3ea59ebb5875735cbc-luiz guilhe;/o=exchangelabs/ou=exchange administrative group (fydibohf23spdlt)/cn=recipients/cn=12c9806c72044cac8cfb68c969625747-maiune roch;/o=exchangelabs/ou=exchange administrative group (fydibohf23spdlt)/cn=recipients/cn=1f768671263b4da2a71af24ade1a7225-ligia gonca;/o=exchangelabs/ou=exchange administrative group (fydibohf23spdlt)/cn=recipients/cn=2144abc9537143519f505fcb8550b74c-juliana emi;/o=exchangelabs/ou=exchange administrative group (fydibohf23spdlt)/cn=recipients/cn=28f37dff89954cf7971d37d7a8e29e6f-laiane pere;/o=exchangelabs/ou=exchange administrative group (fydibohf23spdlt)/cn=recipients/cn=2c5963a64a2748ae92b1721badad94a4-cris</t>
  </si>
  <si>
    <t>Gamification - Supervisores GR1.xlsm</t>
  </si>
  <si>
    <t>/o=exchangelabs/ou=exchange administrative group (fydibohf23spdlt)/cn=recipients/cn=096be01f3be1448b9e04fb22996909f1-michele sil,/o=exchangelabs/ou=exchange administrative group (fydibohf23spdlt)/cn=recipients/cn=0c06a001a2ed4bd2a2d61ee9aa26d72f-suemes de s,/o=exchangelabs/ou=exchange administrative group (fydibohf23spdlt)/cn=recipients/cn=0fb0c89521ca4e3ea59ebb5875735cbc-luiz guilhe,/o=exchangelabs/ou=exchange administrative group (fydibohf23spdlt)/cn=recipients/cn=12c9806c72044cac8cfb68c969625747-maiune roch,/o=exchangelabs/ou=exchange administrative group (fydibohf23spdlt)/cn=recipients/cn=1f768671263b4da2a71af24ade1a7225-ligia gonca,/o=exchangelabs/ou=exchange administrative group (fydibohf23spdlt)/cn=recipients/cn=2144abc9537143519f505fcb8550b74c-juliana emi,/o=exchangelabs/ou=exchange administrative group (fydibohf23spdlt)/cn=recipients/cn=28f37dff89954cf7971d37d7a8e29e6f-laiane pere,/o=exchangelabs/ou=exchange administrative group (fydibohf23spdlt)/cn=recipients/cn=2c5963a64a2748ae92b1721badad94a4-cris</t>
  </si>
  <si>
    <t>/o=exchangelabs/ou=exchange administrative group (fydibohf23spdlt)/cn=recipients/cn=4b453b7f02914710b3e94bcf7b311ad4-fernando po;noemia.almeida@bradesco.com.br;reginaldom.oliveira@bradesco.com.br;</t>
  </si>
  <si>
    <t>Processo 40137735I - Escopo B</t>
  </si>
  <si>
    <t>02.c. Planilha da Negociação_Processo40137735I Algar.xlsx</t>
  </si>
  <si>
    <t>/o=exchangelabs/ou=exchange administrative group (fydibohf23spdlt)/cn=recipients/cn=4b453b7f02914710b3e94bcf7b311ad4-fernando po,noemia.almeida@bradesco.com.br,reginaldom.oliveira@bradesco.com.br</t>
  </si>
  <si>
    <t>/o=exchangelabs/ou=exchange administrative group (fydibohf23spdlt)/cn=recipients/cn=2144abc9537143519f505fcb8550b74c-juliana emi;/o=exchangelabs/ou=exchange administrative group (fydibohf23spdlt)/cn=recipients/cn=9ec15fdf8a374c6f80ea1bf33684216e-roberta alv;/o=exchangelabs/ou=exchange administrative group (fydibohf23spdlt)/cn=recipients/cn=ab45243d601947128cfe3dec663408bf-pamela tava;celiarl@algartech.com;</t>
  </si>
  <si>
    <t>ENC: Olha Ranking aí gente....</t>
  </si>
  <si>
    <t>/o=exchangelabs/ou=exchange administrative group (fydibohf23spdlt)/cn=recipients/cn=2144abc9537143519f505fcb8550b74c-juliana emi,/o=exchangelabs/ou=exchange administrative group (fydibohf23spdlt)/cn=recipients/cn=9ec15fdf8a374c6f80ea1bf33684216e-roberta alv,/o=exchangelabs/ou=exchange administrative group (fydibohf23spdlt)/cn=recipients/cn=ab45243d601947128cfe3dec663408bf-pamela tava,celiarl@algartech.com</t>
  </si>
  <si>
    <t>Cronograma Saving OPEX.xlsx</t>
  </si>
  <si>
    <t>C:\Users\nataliamam\Desktop\Squad Digital\RPA's\</t>
  </si>
  <si>
    <t>thiagorrg@algartech.com;</t>
  </si>
  <si>
    <t>thiagorrg@algartech.com</t>
  </si>
  <si>
    <t>/o=exchangelabs/ou=exchange administrative group (fydibohf23spdlt)/cn=recipients/cn=190a5958c4ec4cf68e1e85c8dae802b2-elisangela;/o=exchangelabs/ou=exchange administrative group (fydibohf23spdlt)/cn=recipients/cn=2144abc9537143519f505fcb8550b74c-juliana emi;geisonjt@algartech.com;</t>
  </si>
  <si>
    <t>/o=exchangelabs/ou=exchange administrative group (fydibohf23spdlt)/cn=recipients/cn=190a5958c4ec4cf68e1e85c8dae802b2-elisangela,/o=exchangelabs/ou=exchange administrative group (fydibohf23spdlt)/cn=recipients/cn=2144abc9537143519f505fcb8550b74c-juliana emi,geisonjt@algartech.com</t>
  </si>
  <si>
    <t>fabio.ribeiro@algarnet.onmicrosoft.com;fredericobs@algartecnologia.com.br;leandrolds@algartech.com;polati@algartech.com;sabrinadtdmc@algartech.com;</t>
  </si>
  <si>
    <t>fabio.ribeiro@algarnet.onmicrosoft.com,fredericobs@algartecnologia.com.br,leandrolds@algartech.com,polati@algartech.com,sabrinadtdmc@algartech.com</t>
  </si>
  <si>
    <t>RES: Orçamento Depreciação 2020</t>
  </si>
  <si>
    <t>Longo Prazo + Revisão PPE + CAPEX GAT</t>
  </si>
  <si>
    <t>10.208.12.60</t>
  </si>
  <si>
    <t>flavia.cecilia@algartech.com;</t>
  </si>
  <si>
    <t>Ocorrencia Hugo.xlsx</t>
  </si>
  <si>
    <t>flavia.cecilia@algartech.com</t>
  </si>
  <si>
    <t>RES: PR 217410 - Implantação Rollout - Vexia</t>
  </si>
  <si>
    <t>cibeleag@algartech.com;</t>
  </si>
  <si>
    <t>\\acsfs\SCORP$\3 - Administrativo\3.1 - COI\3.1.2 - Organogramas\EQUIPE COI\03 - JULIANA\</t>
  </si>
  <si>
    <t>Categorias Seguranca.xlsx</t>
  </si>
  <si>
    <t>cibeleag@algartech.com</t>
  </si>
  <si>
    <t>Ocorrencia Joelson.xlsx</t>
  </si>
  <si>
    <t>Produtividade RAF - NOV-2019 - Parcial - 11-11-19.xlsm</t>
  </si>
  <si>
    <t>expurgo BBN 01 a 11_11.xlsx</t>
  </si>
  <si>
    <t>formulario_ferias_irregulares_-_algar_tech-wilson.xlsm</t>
  </si>
  <si>
    <t>/o=exchangelabs/ou=exchange administrative group (fydibohf23spdlt)/cn=recipients/cn=2f25493a7e37433d8dafca90f527b173-danubia cri;danubiacsm@algartech.com;</t>
  </si>
  <si>
    <t>Campanha Campo Minado</t>
  </si>
  <si>
    <t>CAMPANHA DE TROCAS CAMPO MINADO.xlsx</t>
  </si>
  <si>
    <t>/o=exchangelabs/ou=exchange administrative group (fydibohf23spdlt)/cn=recipients/cn=2f25493a7e37433d8dafca90f527b173-danubia cri,danubiacsm@algartech.com</t>
  </si>
  <si>
    <t>D:\Users\josemfs\OneDrive - Grupo Algar\2019\Ouvidoria\PROTOCOLO – [#25472]\joaquimefr\Desktop\</t>
  </si>
  <si>
    <t>WO -319034853 - PLAYER BRASILIA-DF - 07-09-2019_REV1.xlsx</t>
  </si>
  <si>
    <t>WO - SJXG01 - N°-ABRIR.xlsx</t>
  </si>
  <si>
    <t>WO - 319037646 - ABIG01R - GO.xlsx</t>
  </si>
  <si>
    <t>WO - 0319041714 - NLNDIS90 - MS.xlsx</t>
  </si>
  <si>
    <t>WO - 0319041713 - NLIVHS90 - MS.xlsx</t>
  </si>
  <si>
    <t>WO - 0319041712 - NLAECS90 - MS.xlsx</t>
  </si>
  <si>
    <t>TOP 15 JUSTIFICATIVAS.xlsx</t>
  </si>
  <si>
    <t>TLSS07_15122018_TICKET_1800008908.xlsx</t>
  </si>
  <si>
    <t>Time Line - NTT1904039199.xlsx</t>
  </si>
  <si>
    <t>WO - 0319021736 - PTRS01 - RO - Corrigida.xlsx</t>
  </si>
  <si>
    <t>SJXG01 - REALINHAMENTO ANTENA SATÉLITE.xlsx</t>
  </si>
  <si>
    <t>sites atualização 11-09-2019.xlsx</t>
  </si>
  <si>
    <t>Revisão Orçamentária 2019.xlsx</t>
  </si>
  <si>
    <t>D:\Users\josemfs\OneDrive - Grupo Algar\2019\Ouvidoria\PROTOCOLO – [#25472]\joaquimefr\Desktop\RES Sobreaviso mês de SETEMBRO2019.msg\s1\</t>
  </si>
  <si>
    <t>Escala de sobreaviso AlgarTech_Setembro-2019_FMM_TCO_Analise PCP_Rev1.xlsx</t>
  </si>
  <si>
    <t>RELATÓRIO FOTOGRÁFICO ENLACE CGMS88 DIR CGMS17.xlsx</t>
  </si>
  <si>
    <t>Relatório Fotográfico -NLSDNS01 - Fixação Antena Satélite.xlsx</t>
  </si>
  <si>
    <t>Relatório Fotográfico - PICPE01 - MS.xlsx</t>
  </si>
  <si>
    <t>Relatório Fotográfico - SDNS02- MS.xlsx</t>
  </si>
  <si>
    <t>RELATÓRIO DE EVIDENCIAS - SOBD09 - 1900009328 20-09-2019.xlsx</t>
  </si>
  <si>
    <t>RELATÓRIO DE EVIDENCIA PIBSA01 - GMG VOLVO 34.xlsx</t>
  </si>
  <si>
    <t>REINCIDENCIAS - MS - ANALISE 27-06-2019.xlsx</t>
  </si>
  <si>
    <t>RELATÓRIO DE EVIDENCIAS - PICPE01 - 1900009449.xlsx</t>
  </si>
  <si>
    <t>Orçamentos GMG´s DF.xlsx</t>
  </si>
  <si>
    <t>JUSTIFICAR SITE FORA-SETOR FORA.xlsx</t>
  </si>
  <si>
    <t>HS - Maio 19.xlsx</t>
  </si>
  <si>
    <t>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5cdf7c02d3784fda99b7b159b2a127b2-rudney leme;/o=exchangelabs/ou=exchange administrative group (fydibohf23spdlt)/cn=recipients/cn=a4d4dbc88c434f8ba2bceed730d83878-marcellus r;</t>
  </si>
  <si>
    <t>Desmobilização_GST.xlsx</t>
  </si>
  <si>
    <t>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5cdf7c02d3784fda99b7b159b2a127b2-rudney leme,/o=exchangelabs/ou=exchange administrative group (fydibohf23spdlt)/cn=recipients/cn=a4d4dbc88c434f8ba2bceed730d83878-marcellus r</t>
  </si>
  <si>
    <t>/o=exchangelabs/ou=exchange administrative group (fydibohf23spdlt)/cn=recipients/cn=2f13f6d577d947158c5f81c08b0e5faf-tatiane dor;</t>
  </si>
  <si>
    <t>Dados Qualidade e Treinamento</t>
  </si>
  <si>
    <t>Media Anual.xlsx</t>
  </si>
  <si>
    <t>/o=exchangelabs/ou=exchange administrative group (fydibohf23spdlt)/cn=recipients/cn=2f13f6d577d947158c5f81c08b0e5faf-tatiane dor</t>
  </si>
  <si>
    <t>10.200.57.243</t>
  </si>
  <si>
    <t>Base BW % Conversão - Nov-2019 - Parcial - 11-11-19.xlsm</t>
  </si>
  <si>
    <t>Farol Churn - Parcial - Nov/2019 - 11/11/19</t>
  </si>
  <si>
    <t>CH28-20_20191112_163234.xls</t>
  </si>
  <si>
    <t>/o=exchangelabs/ou=exchange administrative group (fydibohf23spdlt)/cn=recipients/cn=06eba9dd66a84d6dac3305733f375dfa-mariana cas;/o=exchangelabs/ou=exchange administrative group (fydibohf23spdlt)/cn=recipients/cn=2946605dcf554cb389220dec598b84fa-adriano mon;/o=exchangelabs/ou=exchange administrative group (fydibohf23spdlt)/cn=recipients/cn=3daf2f0b162f40c696c00f9ecbb7d69a-ana laura t;/o=exchangelabs/ou=exchange administrative group (fydibohf23spdlt)/cn=recipients/cn=7e71d7c9fe1b404a88a1ccc751f00fe7-lucas toshi;/o=exchangelabs/ou=exchange administrative group (fydibohf23spdlt)/cn=recipients/cn=8f9112bcd6004da9807d0a5b6178b64d-andrea vasc;/o=exchangelabs/ou=exchange administrative group (fydibohf23spdlt)/cn=recipients/cn=94136c2058ff4601b627fbdc336c474e-naira gabri;/o=exchangelabs/ou=exchange administrative group (fydibohf23spdlt)/cn=recipients/cn=b284454839e94314a90d49e7ec00864f-antonio car;/o=exchangelabs/ou=exchange administrative group (fydibohf23spdlt)/cn=recipients/cn=fed29adde64841ec959c2b9c97a2b6c6-kari</t>
  </si>
  <si>
    <t>Validação Filas.xlsx</t>
  </si>
  <si>
    <t>/o=exchangelabs/ou=exchange administrative group (fydibohf23spdlt)/cn=recipients/cn=06eba9dd66a84d6dac3305733f375dfa-mariana cas,/o=exchangelabs/ou=exchange administrative group (fydibohf23spdlt)/cn=recipients/cn=2946605dcf554cb389220dec598b84fa-adriano mon,/o=exchangelabs/ou=exchange administrative group (fydibohf23spdlt)/cn=recipients/cn=3daf2f0b162f40c696c00f9ecbb7d69a-ana laura t,/o=exchangelabs/ou=exchange administrative group (fydibohf23spdlt)/cn=recipients/cn=7e71d7c9fe1b404a88a1ccc751f00fe7-lucas toshi,/o=exchangelabs/ou=exchange administrative group (fydibohf23spdlt)/cn=recipients/cn=8f9112bcd6004da9807d0a5b6178b64d-andrea vasc,/o=exchangelabs/ou=exchange administrative group (fydibohf23spdlt)/cn=recipients/cn=94136c2058ff4601b627fbdc336c474e-naira gabri,/o=exchangelabs/ou=exchange administrative group (fydibohf23spdlt)/cn=recipients/cn=b284454839e94314a90d49e7ec00864f-antonio car,/o=exchangelabs/ou=exchange administrative group (fydibohf23spdlt)/cn=recipients/cn=fed29adde64841ec959c2b9c97a2b6c6-kari</t>
  </si>
  <si>
    <t>ENC: ERRO NO HOLERITE</t>
  </si>
  <si>
    <t>erros.xlsx</t>
  </si>
  <si>
    <t>RES: evasão CSC e Seletive</t>
  </si>
  <si>
    <t>Contratados Seletive e CSC.xlsx</t>
  </si>
  <si>
    <t>mail.google.com/_/upload?authuser=0&amp;dcp=asu-n&amp;upload_id=AEnB2UrcQc6KY_KbYs79nVa-EF9tU7szVefgqo8hQ6cIRsdQuRYFnSbNVACFSwFz2NFAnZs1231gwuwyR61nIi15IyGArEPnaw&amp;upload_protocol=resumable</t>
  </si>
  <si>
    <t>C:\Users\filemoncmj\OneDrive - Grupo Algar\01. Algar Tech\01. Projetos de Clientes\47. Prudential\22. GIAT\</t>
  </si>
  <si>
    <t>Relação RFC Skills x Recursos Prudential Compilado.xlsx</t>
  </si>
  <si>
    <t>carlosasa@algartech.com;emersondav@algartech.com;franklin.watanabe@tse.jus.br;marcoacpj@algartech.com;wesleydal@algartech.com;</t>
  </si>
  <si>
    <t>Ocorrencia Wesley.xlsx</t>
  </si>
  <si>
    <t>carlosasa@algartech.com,emersondav@algartech.com,franklin.watanabe@tse.jus.br,marcoacpj@algartech.com,wesleydal@algartech.com</t>
  </si>
  <si>
    <t>joysi.pereira.k2@youse.com.br;wasleylc@algartech.com;</t>
  </si>
  <si>
    <t>Transferência para o VDN 44601</t>
  </si>
  <si>
    <t>Errata VDN 44601.xlsx</t>
  </si>
  <si>
    <t>joysi.pereira.k2@youse.com.br,wasleylc@algartech.com</t>
  </si>
  <si>
    <t>Grupo de Rateio 12-11-2019.xlsx</t>
  </si>
  <si>
    <t>RES: Faturamento</t>
  </si>
  <si>
    <t>Historico SLA - TCO_Jan-17 a Fev-18 - analise.xlsx</t>
  </si>
  <si>
    <t>FMM TCO - SKILL E ATIVOS.csv</t>
  </si>
  <si>
    <t>CH28-20_20191112_170504.xls</t>
  </si>
  <si>
    <t>/o=exchangelabs/ou=exchange administrative group (fydibohf23spdlt)/cn=recipients/cn=35600680776041e0b2e3612c7a4448ea-laura venan;/o=exchangelabs/ou=exchange administrative group (fydibohf23spdlt)/cn=recipients/cn=402535980e9d4d4788d63e3c9587e129-melissa fer;/o=exchangelabs/ou=exchange administrative group (fydibohf23spdlt)/cn=recipients/cn=509f93c55ee04a2db0c238b7a3e5d9a0-edval jose;/o=exchangelabs/ou=exchange administrative group (fydibohf23spdlt)/cn=recipients/cn=728d1d4924f44f719f0b63307ba2e26f-guilherme d;/o=exchangelabs/ou=exchange administrative group (fydibohf23spdlt)/cn=recipients/cn=79b149cf7a984ca686e3b0e40b3bc8cf-danilo cesa;</t>
  </si>
  <si>
    <t>ENC: Antecipação de Recebimentos de Janeiro/2020 para Dezembro/2019</t>
  </si>
  <si>
    <t>/o=exchangelabs/ou=exchange administrative group (fydibohf23spdlt)/cn=recipients/cn=35600680776041e0b2e3612c7a4448ea-laura venan,/o=exchangelabs/ou=exchange administrative group (fydibohf23spdlt)/cn=recipients/cn=402535980e9d4d4788d63e3c9587e129-melissa fer,/o=exchangelabs/ou=exchange administrative group (fydibohf23spdlt)/cn=recipients/cn=509f93c55ee04a2db0c238b7a3e5d9a0-edval jose,/o=exchangelabs/ou=exchange administrative group (fydibohf23spdlt)/cn=recipients/cn=728d1d4924f44f719f0b63307ba2e26f-guilherme d,/o=exchangelabs/ou=exchange administrative group (fydibohf23spdlt)/cn=recipients/cn=79b149cf7a984ca686e3b0e40b3bc8cf-danilo cesa</t>
  </si>
  <si>
    <t>ENC: Ativos 2020</t>
  </si>
  <si>
    <t>mail.google.com/_/upload?authuser=0&amp;dcp=asu-n&amp;upload_id=AEnB2UojvVCBwK53vb_lZas5qLL7FYk3XEf9owdCGI1CwxJiIpghLLXSj-ua4QUclLFNRBDRV1J3pvIggA1IEnnT15Z8l1nImg&amp;upload_protocol=resumable</t>
  </si>
  <si>
    <t>diegorg@algartech.com;</t>
  </si>
  <si>
    <t>\\acsfs\DEPTOS\PMO Governança\06 - GOVERNANÇA DO CAPEX\CAPEX LONGO PRAZO\CAPEX LP - REVISÃO_A19_M10\</t>
  </si>
  <si>
    <t>PMO - Capex_Longo Prazo_rev_A19M11_versao_financeiro.xlsx</t>
  </si>
  <si>
    <t>diegorg@algartech.com</t>
  </si>
  <si>
    <t>VALIDAÇÃO CAPEX LP - 11_11.rar</t>
  </si>
  <si>
    <t>VALIDAÇÃO CAPEX LP - 11_11.rar\VALIDAÃ‡ÃƒO CAPEX LP - 11_11.pptx\</t>
  </si>
  <si>
    <t>ENC: VALIDAÇÃO CAPEX LP - 11_11.rar</t>
  </si>
  <si>
    <t>Excel LP GAT</t>
  </si>
  <si>
    <t>PROJEÇÃO LP GAT PPE + AS IS + CAPEX - VF.xlsx</t>
  </si>
  <si>
    <t>Desvio Jaque</t>
  </si>
  <si>
    <t>DIA 10.xls</t>
  </si>
  <si>
    <t>/o=exchangelabs/ou=exchange administrative group (fydibohf23spdlt)/cn=recipients/cn=5f1d2da41c984f398563499c2f17e040-jeann ferre;/o=exchangelabs/ou=exchange administrative group (fydibohf23spdlt)/cn=recipients/cn=b033d620f1154cb8be89325f89766ea7-laura celia;</t>
  </si>
  <si>
    <t>/o=exchangelabs/ou=exchange administrative group (fydibohf23spdlt)/cn=recipients/cn=5f1d2da41c984f398563499c2f17e040-jeann ferre,/o=exchangelabs/ou=exchange administrative group (fydibohf23spdlt)/cn=recipients/cn=b033d620f1154cb8be89325f89766ea7-laura celia</t>
  </si>
  <si>
    <t>/o=exchangelabs/ou=exchange administrative group (fydibohf23spdlt)/cn=recipients/cn=022f9be39d034221ac81aa3656cce40a-ana paula s;</t>
  </si>
  <si>
    <t>/o=exchangelabs/ou=exchange administrative group (fydibohf23spdlt)/cn=recipients/cn=022f9be39d034221ac81aa3656cce40a-ana paula s</t>
  </si>
  <si>
    <t>Melhorias contrato atual TIM - FMM/FMT - TIM</t>
  </si>
  <si>
    <t>ENC PREVENTIVAS FMT_JUN2019.msg\s1\</t>
  </si>
  <si>
    <t>Cronograma_Preventivas_Eq Optico_TCO_2019_Wagner.xlsx</t>
  </si>
  <si>
    <t>mail.google.com/_/upload?authuser=0&amp;dcp=asu-n&amp;upload_id=AEnB2UqDSq8XYdDJRIhPghHM0ia0Y-xvg3AQ7D02mRxyWckDGo7euiwZ7BARDXN7R3uDbAAoCcUGYTzS_7AMfIWsot_sTi1YEw&amp;upload_protocol=resumable</t>
  </si>
  <si>
    <t>Controle de Volumetria - MACRO(v3).xlsx</t>
  </si>
  <si>
    <t>mail.google.com/_/upload?authuser=0&amp;dcp=asu-n&amp;upload_id=AEnB2UqmkXxEOkEySaBPrPAytyYBccIeOdSP2lFTupDgmg_mbCiBytabc47oa8dyKTb4uDWU03fjptnbTaBpjW5WmsYRjqrw3Q&amp;upload_protocol=resumable</t>
  </si>
  <si>
    <t>ENC: Evolução de AHT</t>
  </si>
  <si>
    <t>AHT N1 SPEAKING.xlsm</t>
  </si>
  <si>
    <t>\\acsfs\deptos\DME\CME - Coordenacao de Marketing e Estrategia\Inteligência de Mercado\Análise de Indústrias\2019\Segmentação por oferta\LATAM\Revisão_LP_LATAM_VF 12-11.pptx\</t>
  </si>
  <si>
    <t>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</t>
  </si>
  <si>
    <t>ENC: Chamado: 3405089; Arquivos de Compra VT - Grupo Tech</t>
  </si>
  <si>
    <t>28 Relatório Consolidado Pedido Alelo 4442610.xlsx</t>
  </si>
  <si>
    <t>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</t>
  </si>
  <si>
    <t>pmo@algartech.com</t>
  </si>
  <si>
    <t>mail.google.com/_/upload?authuser=0&amp;dcp=asu-n&amp;upload_id=AEnB2UpM8jEt5wnVKbCeI-BWaIEDC6pK-nsqOGcKiSLNI4Fwd0zoEe3P7FPZXWqvpL-2_ezJlpa35nyEuWrCxaGmBZ0oBn8vYBo7O2huHN440K0liyrcxro&amp;upload_protocol=resumable</t>
  </si>
  <si>
    <t>adrielefc@algartech.com;diegorg@algartech.com;</t>
  </si>
  <si>
    <t>\\acsfs\DEPTOS\PMO Governança\06 - GOVERNANÇA DO CAPEX\CAPEX LONGO PRAZO\CAPEX LP - REVISÃO_A19_M10\VALIDAÇÃO CAPEX LP - REUGER.pptx\</t>
  </si>
  <si>
    <t>adrielefc@algartech.com,diegorg@algartech.com</t>
  </si>
  <si>
    <t>ENC: Produtividade CRCe 11/11</t>
  </si>
  <si>
    <t>ENC: rateio orçamento 2020</t>
  </si>
  <si>
    <t>Ebit_11112019.xlsb</t>
  </si>
  <si>
    <t>/o=exchangelabs/ou=exchange administrative group (fydibohf23spdlt)/cn=recipients/cn=5fc1879e1f014f199391214849626ab4-ana paula c;/o=exchangelabs/ou=exchange administrative group (fydibohf23spdlt)/cn=recipients/cn=edc736cbd2a041a6acd73cfd7a4435bd-leticia sou;/o=exchangelabs/ou=exchange administrative group (fydibohf23spdlt)/cn=recipients/cn=edson santos de oliveira;wasleylc@algartech.com;</t>
  </si>
  <si>
    <t>Escala final de Semana - 16/11 e 17/11</t>
  </si>
  <si>
    <t>/o=exchangelabs/ou=exchange administrative group (fydibohf23spdlt)/cn=recipients/cn=5fc1879e1f014f199391214849626ab4-ana paula c,/o=exchangelabs/ou=exchange administrative group (fydibohf23spdlt)/cn=recipients/cn=edc736cbd2a041a6acd73cfd7a4435bd-leticia sou,/o=exchangelabs/ou=exchange administrative group (fydibohf23spdlt)/cn=recipients/cn=edson santos de oliveira,wasleylc@algartech.com</t>
  </si>
  <si>
    <t>/o=exchangelabs/ou=exchange administrative group (fydibohf23spdlt)/cn=recipients/cn=2d3379e2d04c40db810b4b1f41dd2aea-erica carol;/o=exchangelabs/ou=exchange administrative group (fydibohf23spdlt)/cn=recipients/cn=3b76b3dd02a14d289cc323d3c8d12b81-waleska mar;/o=exchangelabs/ou=exchange administrative group (fydibohf23spdlt)/cn=recipients/cn=5d559e739a9e422da552ffdc9668775c-luiz fernan;/o=exchangelabs/ou=exchange administrative group (fydibohf23spdlt)/cn=recipients/cn=gabriela dias felipe;</t>
  </si>
  <si>
    <t>RES: validação da apresentação da Argentina</t>
  </si>
  <si>
    <t>Fluxo de Caixa - Asyst e Algar TI Argentina - sem vinculo.xlsx</t>
  </si>
  <si>
    <t>/o=exchangelabs/ou=exchange administrative group (fydibohf23spdlt)/cn=recipients/cn=2d3379e2d04c40db810b4b1f41dd2aea-erica carol,/o=exchangelabs/ou=exchange administrative group (fydibohf23spdlt)/cn=recipients/cn=3b76b3dd02a14d289cc323d3c8d12b81-waleska mar,/o=exchangelabs/ou=exchange administrative group (fydibohf23spdlt)/cn=recipients/cn=5d559e739a9e422da552ffdc9668775c-luiz fernan,/o=exchangelabs/ou=exchange administrative group (fydibohf23spdlt)/cn=recipients/cn=gabriela dias felipe</t>
  </si>
  <si>
    <t>Gestão de Reajustes 2019 v8.1-nova.xlsx</t>
  </si>
  <si>
    <t>RES: Pesquisa de satisfação - Parcial NOV</t>
  </si>
  <si>
    <t>Base Transferência Pesquisa Satisfação.xlsx</t>
  </si>
  <si>
    <t>C:\Users\elainemdlp\OD\_Projetos\Em andamento\Expansao Caixa\04 - Controle\</t>
  </si>
  <si>
    <t>Acompanhamento_Problemas_Caixa.xlsx</t>
  </si>
  <si>
    <t>/o=exchangelabs/ou=exchange administrative group (fydibohf23spdlt)/cn=recipients/cn=38cb943dd1ac413a953757a4a5a53053-fabio welze;/o=exchangelabs/ou=exchange administrative group (fydibohf23spdlt)/cn=recipients/cn=97028c61ebe04c3ca84c604712943944-fabiano wil;/o=exchangelabs/ou=exchange administrative group (fydibohf23spdlt)/cn=recipients/cn=faa1875692cb456dbf2aed952e2f11d6-marcelo bar;milenacmh@algartelecom.com.br;</t>
  </si>
  <si>
    <t>/o=exchangelabs/ou=exchange administrative group (fydibohf23spdlt)/cn=recipients/cn=38cb943dd1ac413a953757a4a5a53053-fabio welze,/o=exchangelabs/ou=exchange administrative group (fydibohf23spdlt)/cn=recipients/cn=97028c61ebe04c3ca84c604712943944-fabiano wil,/o=exchangelabs/ou=exchange administrative group (fydibohf23spdlt)/cn=recipients/cn=faa1875692cb456dbf2aed952e2f11d6-marcelo bar,milenacmh@algartelecom.com.br</t>
  </si>
  <si>
    <t>/o=exchangelabs/ou=exchange administrative group (fydibohf23spdlt)/cn=recipients/cn=0a87f2cad91d442c9f093f600a4c5266-vanessa rod;/o=exchangelabs/ou=exchange administrative group (fydibohf23spdlt)/cn=recipients/cn=545f738e0fe740ba856f4eb6ef0135e0-vinicius si;/o=exchangelabs/ou=exchange administrative group (fydibohf23spdlt)/cn=recipients/cn=d1d015f213f648abbf348b5ccdf8e9d9-senilda per;</t>
  </si>
  <si>
    <t>RES: Incentivo JOB</t>
  </si>
  <si>
    <t>Fechamento Conversação e Pesquisa Concluída - Jun19.msg\s1\</t>
  </si>
  <si>
    <t>Meta conversação Jun.19.xlsb</t>
  </si>
  <si>
    <t>/o=exchangelabs/ou=exchange administrative group (fydibohf23spdlt)/cn=recipients/cn=0a87f2cad91d442c9f093f600a4c5266-vanessa rod,/o=exchangelabs/ou=exchange administrative group (fydibohf23spdlt)/cn=recipients/cn=545f738e0fe740ba856f4eb6ef0135e0-vinicius si,/o=exchangelabs/ou=exchange administrative group (fydibohf23spdlt)/cn=recipients/cn=d1d015f213f648abbf348b5ccdf8e9d9-senilda per</t>
  </si>
  <si>
    <t>/o=exchangelabs/ou=exchange administrative group (fydibohf23spdlt)/cn=recipients/cn=a72a765de829420582b78941417073ac-karina rodr;andre_f_leiva@whirlpool.com;debora_p_oliveira@whirlpool.com;patricia_lima@whirlpool.com;</t>
  </si>
  <si>
    <t>Consumidor Moderno - Informações Urgente</t>
  </si>
  <si>
    <t>Cópia de 2020 CIP Prêmio CM_Excel de Apoio_Empresas.xlsx</t>
  </si>
  <si>
    <t>/o=exchangelabs/ou=exchange administrative group (fydibohf23spdlt)/cn=recipients/cn=a72a765de829420582b78941417073ac-karina rodr,andre_f_leiva@whirlpool.com,debora_p_oliveira@whirlpool.com,patricia_lima@whirlpool.com</t>
  </si>
  <si>
    <t>/o=exchangelabs/ou=exchange administrative group (fydibohf23spdlt)/cn=recipients/cn=782d75ab3cda4cfa88d22b405cd49ea0-sueleide al;/o=exchangelabs/ou=exchange administrative group (fydibohf23spdlt)/cn=recipients/cn=a4d4dbc88c434f8ba2bceed730d83878-marcellus r;</t>
  </si>
  <si>
    <t>RES: SALDO DOS BANCOS/CAIXA OUT/2019</t>
  </si>
  <si>
    <t>SAldos BAncos e CAixas Latam.xlsx</t>
  </si>
  <si>
    <t>/o=exchangelabs/ou=exchange administrative group (fydibohf23spdlt)/cn=recipients/cn=782d75ab3cda4cfa88d22b405cd49ea0-sueleide al,/o=exchangelabs/ou=exchange administrative group (fydibohf23spdlt)/cn=recipients/cn=a4d4dbc88c434f8ba2bceed730d83878-marcellus r</t>
  </si>
  <si>
    <t>10.250.254.98</t>
  </si>
  <si>
    <t>Prudential - BP GIAT - Versão Novembro 2019.xlsb</t>
  </si>
  <si>
    <t>C:\Users\filemoncmj\OneDrive - Grupo Algar\01. Algar Tech\01. Projetos de Clientes\47. Prudential\02. BP\Prudential - BP GIAT - Versão Novembro 2019.xlsb\</t>
  </si>
  <si>
    <t>ENC: Procedimento Macro Pré-Faturamento **** Férias Tatiane ****</t>
  </si>
  <si>
    <t>kellyao@algartech.com;</t>
  </si>
  <si>
    <t>RESULTADOS.xlsx</t>
  </si>
  <si>
    <t>kellyao@algartech.com</t>
  </si>
  <si>
    <t>/o=exchangelabs/ou=exchange administrative group (fydibohf23spdlt)/cn=recipients/cn=2d3379e2d04c40db810b4b1f41dd2aea-erica carol;/o=exchangelabs/ou=exchange administrative group (fydibohf23spdlt)/cn=recipients/cn=509f93c55ee04a2db0c238b7a3e5d9a0-edval jose;/o=exchangelabs/ou=exchange administrative group (fydibohf23spdlt)/cn=recipients/cn=c514dbe8b91547adb4618232d1a650ba-afonso domi;/o=exchangelabs/ou=exchange administrative group (fydibohf23spdlt)/cn=recipients/cn=c82d742f5f1e4122a86db0495b71e095-nilton j. g;/o=exchangelabs/ou=exchange administrative group (fydibohf23spdlt)/cn=recipients/cn=userd5d32f69;danielap@br.ibm.com;ingrid.marcella.silva@ibm.com;</t>
  </si>
  <si>
    <t>RES: PENDENCIAS : Inadimplência IBM - Algar TI</t>
  </si>
  <si>
    <t>Pendencias NFs Algar_IBM 12.11.xlsx</t>
  </si>
  <si>
    <t>/o=exchangelabs/ou=exchange administrative group (fydibohf23spdlt)/cn=recipients/cn=2d3379e2d04c40db810b4b1f41dd2aea-erica carol,/o=exchangelabs/ou=exchange administrative group (fydibohf23spdlt)/cn=recipients/cn=509f93c55ee04a2db0c238b7a3e5d9a0-edval jose,/o=exchangelabs/ou=exchange administrative group (fydibohf23spdlt)/cn=recipients/cn=c514dbe8b91547adb4618232d1a650ba-afonso domi,/o=exchangelabs/ou=exchange administrative group (fydibohf23spdlt)/cn=recipients/cn=c82d742f5f1e4122a86db0495b71e095-nilton j. g,/o=exchangelabs/ou=exchange administrative group (fydibohf23spdlt)/cn=recipients/cn=userd5d32f69,danielap@br.ibm.com,ingrid.marcella.silva@ibm.com</t>
  </si>
  <si>
    <t>TRN - FEIRA DO CONHECIMENTO MODULO_13.11 e 14.11.xlsx</t>
  </si>
  <si>
    <t>eunice.pimenta@algartech.com;katiagcc@algartech.com;lucianabo@algartech.com;rosilenedlf@algartech.com;</t>
  </si>
  <si>
    <t>Treinamento ID Unico HE.xlsx</t>
  </si>
  <si>
    <t>eunice.pimenta@algartech.com,katiagcc@algartech.com,lucianabo@algartech.com,rosilenedlf@algartech.com</t>
  </si>
  <si>
    <t>10.250.255.43</t>
  </si>
  <si>
    <t>UDPBKPCONSAP01_LTO_DC2.xlsx</t>
  </si>
  <si>
    <t>11/13/2019 05:58:29</t>
  </si>
  <si>
    <t>C:\Users\rodrigombu\OneDrive - Grupo Algar\Whirlpool\2019\11 - Novembro\Arquivo\BO\</t>
  </si>
  <si>
    <t>TABULAÇÃO ECENTER - Devolutiva Larissa.xlsx</t>
  </si>
  <si>
    <t>11/13/2019 06:00:29</t>
  </si>
  <si>
    <t>11/13/2019 06:03:30</t>
  </si>
  <si>
    <t>11/13/2019 06:32:29</t>
  </si>
  <si>
    <t>11/13/2019 06:35:29</t>
  </si>
  <si>
    <t>11/13/2019 07:45:57</t>
  </si>
  <si>
    <t>11/13/2019 07:50:30</t>
  </si>
  <si>
    <t>é o que eu tenho</t>
  </si>
  <si>
    <t>Comissão PF - 2408.pptx\</t>
  </si>
  <si>
    <t>11/13/2019 07:59:29</t>
  </si>
  <si>
    <t>11/13/2019 07:58:27</t>
  </si>
  <si>
    <t>11/13/2019 08:01:29</t>
  </si>
  <si>
    <t>C:\Users\filemoncmj\OneDrive - Grupo Algar\01. Algar Tech\01. Projetos de Clientes\47. Prudential\23. Solicitações de Mudança\Implantação Prudential - Solicitação de Mudança.eml\</t>
  </si>
  <si>
    <t>Prudential - BP ISD - Versão Novembro 2019.xlsb</t>
  </si>
  <si>
    <t>C:\Users\filemoncmj\OneDrive - Grupo Algar\01. Algar Tech\01. Projetos de Clientes\47. Prudential\23. Solicitações de Mudança\Implantação Prudential - Solicitação de Mudança.eml\Prudential - BP GIAT - Versão Novembro 2019.xlsb\</t>
  </si>
  <si>
    <t>C:\Users\filemoncmj\OneDrive - Grupo Algar\01. Algar Tech\01. Projetos de Clientes\47. Prudential\23. Solicitações de Mudança\Implantação Prudential - Solicitação de Mudança.eml\Prudential - BP ISD - Versão Novembro 2019.xlsb\</t>
  </si>
  <si>
    <t>11/13/2019 08:23:29</t>
  </si>
  <si>
    <t>Políticas</t>
  </si>
  <si>
    <t>1 Planilha Incentivo.xlsx</t>
  </si>
  <si>
    <t>11/13/2019 08:28:11</t>
  </si>
  <si>
    <t>11/13/2019 08:33:29</t>
  </si>
  <si>
    <t>RetornaCaminhosCategorizacaoMailing_13-11-19 - NPS.xlsm</t>
  </si>
  <si>
    <t>11/13/2019 08:28:05</t>
  </si>
  <si>
    <t>/o=exchangelabs/ou=exchange administrative group (fydibohf23spdlt)/cn=recipients/cn=0ca6cc8d100949a7866a928f62ef5778-rosilene de;hugo_cesar_rodrigues_dos_santos_algar@whirlpool.com;larissabdi@algartech.com;</t>
  </si>
  <si>
    <t>RES: Tabulação Ecenter</t>
  </si>
  <si>
    <t>/o=exchangelabs/ou=exchange administrative group (fydibohf23spdlt)/cn=recipients/cn=0ca6cc8d100949a7866a928f62ef5778-rosilene de,hugo_cesar_rodrigues_dos_santos_algar@whirlpool.com,larissabdi@algartech.com</t>
  </si>
  <si>
    <t>C:\Users\suelenmm\OneDrive - Grupo Algar\Desktop - 12-11-19\</t>
  </si>
  <si>
    <t>C:\Users\suelenmm\OneDrive - Grupo Algar\Desktop - 12-11-19\214371 - Plan Precificacao C017 B017.xlsb\</t>
  </si>
  <si>
    <t>199274_IBM_v5_Bodyshop_MULTI_(C017_B0171 - rev5 - BP COM CARGOS ATUALIZADOS.xlsb</t>
  </si>
  <si>
    <t>C:\Users\suelenmm\OneDrive - Grupo Algar\Desktop - 12-11-19\199274_IBM_v5_Bodyshop_MULTI_(C017_B0171 - rev5 - BP COM CARGOS ATUALIZADOS.xlsb\</t>
  </si>
  <si>
    <t>188270_v3 - Plan Precificacao C017 B017 Last Call r4 17_10_2019_r3 - suelen.xlsb</t>
  </si>
  <si>
    <t>C:\Users\suelenmm\OneDrive - Grupo Algar\Desktop - 12-11-19\188270_v3 - Plan Precificacao C017 B017 Last Call r4 17_10_2019_r3 - suelen.xlsb\</t>
  </si>
  <si>
    <t>C:\Users\suelenmm\OneDrive - Grupo Algar\Desktop - 12-11-19\188270_v3 - PAN FINAL.xlsb\</t>
  </si>
  <si>
    <t>C:\Users\suelenmm\OneDrive - Grupo Algar\Desktop - 12-11-19\PreVendas - Governo Diogo\</t>
  </si>
  <si>
    <t>Sylvio.xlsb</t>
  </si>
  <si>
    <t>Cálculo de Comissões.xlsx</t>
  </si>
  <si>
    <t>cotacao funarte.xlsx</t>
  </si>
  <si>
    <t>C:\Users\suelenmm\OneDrive - Grupo Algar\Desktop - 12-11-19\Teste BP\</t>
  </si>
  <si>
    <t>Cópia de 216428_IBM_CMOC_Field_SP_v1_(C017_B017).xlsb</t>
  </si>
  <si>
    <t>C:\Users\suelenmm\OneDrive - Grupo Algar\Desktop - 12-11-19\Teste BP\Cópia de 216428_IBM_CMOC_Field_SP_v1_(C017_B017).xlsb\</t>
  </si>
  <si>
    <t>C:\Users\suelenmm\OneDrive - Grupo Algar\Desktop - 12-11-19\Teste BP\BP Preço C017 B017-Renault Latam LOT5 (insite) v1.7 - 26%MC (fechamento pós BAFO) - Suelen.xlsb\</t>
  </si>
  <si>
    <t>C:\Users\suelenmm\OneDrive - Grupo Algar\Desktop - 12-11-19\PreVendas - Governo Diogo\ABDI\</t>
  </si>
  <si>
    <t>cotação.xlsx</t>
  </si>
  <si>
    <t>cotação Envio.xlsx</t>
  </si>
  <si>
    <t>C:\Users\suelenmm\OneDrive - Grupo Algar\Desktop - 12-11-19\PreVendas - Governo Diogo\adasa\</t>
  </si>
  <si>
    <t>previa preço.xlsx</t>
  </si>
  <si>
    <t>C:\Users\suelenmm\OneDrive - Grupo Algar\Desktop - 12-11-19\PreVendas - Governo Diogo\ALESP\</t>
  </si>
  <si>
    <t>Preco.xlsb</t>
  </si>
  <si>
    <t>C:\Users\suelenmm\OneDrive - Grupo Algar\Desktop - 12-11-19\PreVendas - Governo Diogo\Alphaville\</t>
  </si>
  <si>
    <t>Per Call Reset Senha.xlsb</t>
  </si>
  <si>
    <t>C:\Users\suelenmm\OneDrive - Grupo Algar\Desktop - 12-11-19\PreVendas - Governo Diogo\Alphaville\Per Call Reset Senha.xlsb\</t>
  </si>
  <si>
    <t>C:\Users\suelenmm\OneDrive - Grupo Algar\Desktop - 12-11-19\PreVendas - Governo Diogo\AMAGGI\</t>
  </si>
  <si>
    <t>PS.xlsb</t>
  </si>
  <si>
    <t>C:\Users\suelenmm\OneDrive - Grupo Algar\Desktop - 12-11-19\PreVendas - Governo Diogo\AMAGGI\PS.xlsb\</t>
  </si>
  <si>
    <t>NOC.xlsb</t>
  </si>
  <si>
    <t>C:\Users\suelenmm\OneDrive - Grupo Algar\Desktop - 12-11-19\PreVendas - Governo Diogo\AMAGGI\NOC.xlsb\</t>
  </si>
  <si>
    <t>Field.xlsb</t>
  </si>
  <si>
    <t>C:\Users\suelenmm\OneDrive - Grupo Algar\Desktop - 12-11-19\PreVendas - Governo Diogo\AMAGGI\Field.xlsb\</t>
  </si>
  <si>
    <t>Bilíngue Dedicado.xlsb</t>
  </si>
  <si>
    <t>C:\Users\suelenmm\OneDrive - Grupo Algar\Desktop - 12-11-19\PreVendas - Governo Diogo\AMAGGI\Bilíngue Dedicado.xlsb\</t>
  </si>
  <si>
    <t>Bilíngue compartilhado.xlsb</t>
  </si>
  <si>
    <t>C:\Users\suelenmm\OneDrive - Grupo Algar\Desktop - 12-11-19\PreVendas - Governo Diogo\AMAGGI\Bilíngue compartilhado.xlsb\</t>
  </si>
  <si>
    <t>C:\Users\suelenmm\OneDrive - Grupo Algar\Desktop - 12-11-19\PreVendas - Governo Diogo\ANAC\</t>
  </si>
  <si>
    <t>Estrutura e preço PS.xlsx</t>
  </si>
  <si>
    <t>C:\Users\suelenmm\OneDrive - Grupo Algar\Desktop - 12-11-19\PreVendas - Governo Diogo\ANATEL\</t>
  </si>
  <si>
    <t>Cenário 2.xlsb</t>
  </si>
  <si>
    <t>C:\Users\suelenmm\OneDrive - Grupo Algar\Desktop - 12-11-19\PreVendas - Governo Diogo\ANATEL\Cenário 2.xlsb\</t>
  </si>
  <si>
    <t>Cenário 1.xlsb</t>
  </si>
  <si>
    <t>C:\Users\suelenmm\OneDrive - Grupo Algar\Desktop - 12-11-19\PreVendas - Governo Diogo\ANATEL\Cenário 1.xlsb\</t>
  </si>
  <si>
    <t>C:\Users\suelenmm\OneDrive - Grupo Algar\Desktop - 12-11-19\PreVendas - Governo Diogo\ANS\</t>
  </si>
  <si>
    <t>Cotação.xlsx</t>
  </si>
  <si>
    <t>C:\Users\suelenmm\OneDrive - Grupo Algar\Desktop - 12-11-19\PreVendas - Governo Diogo\ANTT\</t>
  </si>
  <si>
    <t>Funcionalidades-Ferramenta-CA.xlsx</t>
  </si>
  <si>
    <t>C:\Users\suelenmm\OneDrive - Grupo Algar\Desktop - 12-11-19\PreVendas - Governo Diogo\BACEN\</t>
  </si>
  <si>
    <t>C:\Users\suelenmm\OneDrive - Grupo Algar\Desktop - 12-11-19\PreVendas - Governo Diogo\BNB\</t>
  </si>
  <si>
    <t>Simulação.xlsx</t>
  </si>
  <si>
    <t>Simulação - Valdeira.xlsx</t>
  </si>
  <si>
    <t>Map - Sistema de Precificação Novo Portifolio.xlsb</t>
  </si>
  <si>
    <t>C:\Users\suelenmm\OneDrive - Grupo Algar\Desktop - 12-11-19\PreVendas - Governo Diogo\BNDES\</t>
  </si>
  <si>
    <t>Planilha de Preço por ítem.xlsx</t>
  </si>
  <si>
    <t>Planilha de Preço por ítem(REVISADO).xlsx</t>
  </si>
  <si>
    <t>C:\Users\suelenmm\OneDrive - Grupo Algar\Desktop - 12-11-19\PreVendas - Governo Diogo\CADE\</t>
  </si>
  <si>
    <t>BP Item 4.xlsb</t>
  </si>
  <si>
    <t>C:\Users\suelenmm\OneDrive - Grupo Algar\Desktop - 12-11-19\PreVendas - Governo Diogo\CADE\BP Item 4.xlsb\</t>
  </si>
  <si>
    <t>BP Item 2.xlsb</t>
  </si>
  <si>
    <t>C:\Users\suelenmm\OneDrive - Grupo Algar\Desktop - 12-11-19\PreVendas - Governo Diogo\CADE\BP Item 2.xlsb\</t>
  </si>
  <si>
    <t>BP Item 1.xlsb</t>
  </si>
  <si>
    <t>C:\Users\suelenmm\OneDrive - Grupo Algar\Desktop - 12-11-19\PreVendas - Governo Diogo\CADE\BP Item 1.xlsb\</t>
  </si>
  <si>
    <t>C:\Users\suelenmm\OneDrive - Grupo Algar\Desktop - 12-11-19\PreVendas - Governo Diogo\CENTRUS\</t>
  </si>
  <si>
    <t>Cópia de Planilha de Preço - Serviços Gerenciados.xlsb</t>
  </si>
  <si>
    <t>C:\Users\suelenmm\OneDrive - Grupo Algar\Desktop - 12-11-19\PreVendas - Governo Diogo\CEPEL\</t>
  </si>
  <si>
    <t>BP1 6 Suporte Jr.xlsb</t>
  </si>
  <si>
    <t>C:\Users\suelenmm\OneDrive - Grupo Algar\Desktop - 12-11-19\PreVendas - Governo Diogo\CGU\</t>
  </si>
  <si>
    <t>Atividade Scripts.xlsb</t>
  </si>
  <si>
    <t>Atividades de Redes.xlsb</t>
  </si>
  <si>
    <t>C:\Users\suelenmm\OneDrive - Grupo Algar\Desktop - 12-11-19\PreVendas - Governo Diogo\CHS Sorocaba\</t>
  </si>
  <si>
    <t>Cotacao.xlsb</t>
  </si>
  <si>
    <t>C:\Users\suelenmm\OneDrive - Grupo Algar\Desktop - 12-11-19\PreVendas - Governo Diogo\Cidadão Digital\</t>
  </si>
  <si>
    <t>Indicadores BP.xlsx</t>
  </si>
  <si>
    <t>BP_Matheus.xlsb</t>
  </si>
  <si>
    <t>C:\Users\suelenmm\OneDrive - Grupo Algar\Desktop - 12-11-19\PreVendas - Governo Diogo\CJF\</t>
  </si>
  <si>
    <t>Pontos Relevantes.xlsx</t>
  </si>
  <si>
    <t>C:\Users\suelenmm\OneDrive - Grupo Algar\Desktop - 12-11-19\PreVendas - Governo Diogo\CMOC\</t>
  </si>
  <si>
    <t>SETUP.xlsb</t>
  </si>
  <si>
    <t>C:\Users\suelenmm\OneDrive - Grupo Algar\Desktop - 12-11-19\PreVendas - Governo Diogo\CMOC\SETUP.xlsb\</t>
  </si>
  <si>
    <t>Recorrente.xlsb</t>
  </si>
  <si>
    <t>C:\Users\suelenmm\OneDrive - Grupo Algar\Desktop - 12-11-19\PreVendas - Governo Diogo\CMOC\Recorrente.xlsb\</t>
  </si>
  <si>
    <t>C:\Users\suelenmm\OneDrive - Grupo Algar\Desktop - 12-11-19\PreVendas - Governo Diogo\CNEN RJ\</t>
  </si>
  <si>
    <t>BP.xlsb</t>
  </si>
  <si>
    <t>C:\Users\suelenmm\OneDrive - Grupo Algar\Desktop - 12-11-19\PreVendas - Governo Diogo\CNEN RJ\BP.xlsb\</t>
  </si>
  <si>
    <t>C:\Users\suelenmm\OneDrive - Grupo Algar\Desktop - 12-11-19\PreVendas - Governo Diogo\CNMP\</t>
  </si>
  <si>
    <t>Racional.xlsx</t>
  </si>
  <si>
    <t>C:\Users\suelenmm\OneDrive - Grupo Algar\Desktop - 12-11-19\PreVendas - Governo Diogo\CNPq\CNPq.1.zip\CNPq.1\</t>
  </si>
  <si>
    <t>2.1 - ADMINISTRADOR DE BANCO DE DADOS.xlsx</t>
  </si>
  <si>
    <t>2.2 - ANALISTA DE MIDLEWARE.xlsx</t>
  </si>
  <si>
    <t>2.3 - ANALISTA DE INTERNET_WEB.xlsx</t>
  </si>
  <si>
    <t>2.4 - ANALISTA DE MENSAGERIA E COLABORACÌ§AÌƒO.xlsx</t>
  </si>
  <si>
    <t>FormulaÌrio de Proposta Comercial - Lote 4.xls</t>
  </si>
  <si>
    <t>C:\Users\suelenmm\OneDrive - Grupo Algar\Desktop - 12-11-19\PreVendas - Governo Diogo\CPFL\</t>
  </si>
  <si>
    <t>TI Operação - Base .xlsx</t>
  </si>
  <si>
    <t>Sizing.xlsx</t>
  </si>
  <si>
    <t>Duvidas_Respostas_CPFL.XLSX</t>
  </si>
  <si>
    <t>BP Preço C010 B011 Desonerada.xlsb</t>
  </si>
  <si>
    <t>C:\Users\suelenmm\OneDrive - Grupo Algar\Desktop - 12-11-19\PreVendas - Governo Diogo\CPFL\BP Preço C010 B011 Desonerada.xlsb\</t>
  </si>
  <si>
    <t>BP Central Algar.xlsb</t>
  </si>
  <si>
    <t>C:\Users\suelenmm\OneDrive - Grupo Algar\Desktop - 12-11-19\PreVendas - Governo Diogo\CPFL\BP Central Algar.xlsb\</t>
  </si>
  <si>
    <t>C:\Users\suelenmm\OneDrive - Grupo Algar\Desktop - 12-11-19\PreVendas - Governo Diogo\CPRM\</t>
  </si>
  <si>
    <t>Racionais.xlsx</t>
  </si>
  <si>
    <t>C:\Users\suelenmm\OneDrive - Grupo Algar\Desktop - 12-11-19\PreVendas - Governo Diogo\CREA-SP\</t>
  </si>
  <si>
    <t>BP_Final_36_Meses.xlsb</t>
  </si>
  <si>
    <t>C:\Users\suelenmm\OneDrive - Grupo Algar\Desktop - 12-11-19\PreVendas - Governo Diogo\Câmara\</t>
  </si>
  <si>
    <t>Preço - Serviços Gerenciados SEM PBM.xlsb</t>
  </si>
  <si>
    <t>Preço - Serviços Gerenciados COM PBM.xlsb</t>
  </si>
  <si>
    <t>Preço - Serviços Gerenciados COM PBM Aux. Alim..xlsb</t>
  </si>
  <si>
    <t>Planilha de Preço - Serviços Gerenciados.xlsb</t>
  </si>
  <si>
    <t>C:\Users\suelenmm\OneDrive - Grupo Algar\Desktop - 12-11-19\PreVendas - Governo Diogo\Câmara Legislativa\</t>
  </si>
  <si>
    <t>C:\Users\suelenmm\OneDrive - Grupo Algar\Desktop - 12-11-19\PreVendas - Governo Diogo\DETRAN SP\</t>
  </si>
  <si>
    <t>C:\Users\suelenmm\OneDrive - Grupo Algar\Desktop - 12-11-19\PreVendas - Governo Diogo\Documentação de Apoio\</t>
  </si>
  <si>
    <t>Sist. Precificação TI - BPO - BSA.xlsb</t>
  </si>
  <si>
    <t>Simulação REAJUSTE.xlsx</t>
  </si>
  <si>
    <t>Proposta de Resumo Executivo_v2.xlsx</t>
  </si>
  <si>
    <t>Precificação com Adoção.xlsb</t>
  </si>
  <si>
    <t>Planilha de Custos - Resumo e IN-02.xlsx</t>
  </si>
  <si>
    <t>Intradiario DIOGO.xls</t>
  </si>
  <si>
    <t>IN-02.xlsx</t>
  </si>
  <si>
    <t>Impacto X Urgência.xlsx</t>
  </si>
  <si>
    <t>C:\Users\suelenmm\OneDrive - Grupo Algar\Suélen\</t>
  </si>
  <si>
    <t>Fluxo_de_Caixa_2010_2011_2012_2013_2014_2015_2016 v1.xlsx</t>
  </si>
  <si>
    <t>D:\Backup 12-11-2019\Suélen\Fluxo_de_Caixa_2010_2011_2012_2013_2014_2015_2016 v1.xlsx</t>
  </si>
  <si>
    <t>dimensionamento Monitoramento.xlsx</t>
  </si>
  <si>
    <t>Departamental - set11.xlsx</t>
  </si>
  <si>
    <t>Helena v2.xlsx</t>
  </si>
  <si>
    <t>D:\Backup 12-11-2019\Suélen\Helena v2.xlsx</t>
  </si>
  <si>
    <t>Helena.xlsx</t>
  </si>
  <si>
    <t>D:\Backup 12-11-2019\Suélen\Helena.xlsx</t>
  </si>
  <si>
    <t>Incorporação Salarial.xlsx</t>
  </si>
  <si>
    <t>D:\Backup 12-11-2019\Suélen\Incorporação Salarial.xlsx</t>
  </si>
  <si>
    <t>C:\Users\suelenmm\OneDrive - Grupo Algar\Suélen\Divorcio\</t>
  </si>
  <si>
    <t>Pensão e Divisão de Bens.xlsx</t>
  </si>
  <si>
    <t>D:\Backup 12-11-2019\Suélen\Divorcio\Pensão e Divisão de Bens.xlsx</t>
  </si>
  <si>
    <t>C:\Users\suelenmm\OneDrive - Grupo Algar\Suélen\Gravidez\</t>
  </si>
  <si>
    <t>Convite Cha de Fraldas.xlsx</t>
  </si>
  <si>
    <t>D:\Backup 12-11-2019\Suélen\Gravidez\Convite Cha de Fraldas.xlsx</t>
  </si>
  <si>
    <t>C:\Users\suelenmm\OneDrive - Grupo Algar\Desktop - 12-11-19\PreVendas - Governo Diogo\DPDF\</t>
  </si>
  <si>
    <t>Preço Final.xlsb</t>
  </si>
  <si>
    <t>C:\Users\suelenmm\OneDrive - Grupo Algar\Desktop - 12-11-19\PreVendas - Governo Diogo\DPDF\Preço Final.xlsb\</t>
  </si>
  <si>
    <t>Desenho.xlsx</t>
  </si>
  <si>
    <t>BP Preço C009 B009.xlsb</t>
  </si>
  <si>
    <t>C:\Users\suelenmm\OneDrive - Grupo Algar\Desktop - 12-11-19\PreVendas - Governo Diogo\DPDF\BP Preço C009 B009.xlsb\</t>
  </si>
  <si>
    <t>D:\Backup 12-11-2019\Suélen\Investimentos\Apuração de IR em branco.xlsx</t>
  </si>
  <si>
    <t>Patrimonio.xlsx</t>
  </si>
  <si>
    <t>D:\Backup 12-11-2019\Suélen\Investimentos\Patrimonio.xlsx</t>
  </si>
  <si>
    <t>C:\Users\suelenmm\OneDrive - Grupo Algar\Suélen\Mary Kay\Silvania\</t>
  </si>
  <si>
    <t>Mary Kay - Silvania v2.xlsx</t>
  </si>
  <si>
    <t>D:\Backup 12-11-2019\Suélen\Mary Kay\Silvania\Mary Kay - Silvania v2.xlsx</t>
  </si>
  <si>
    <t>Mary Kay - Silvania.xlsx</t>
  </si>
  <si>
    <t>D:\Backup 12-11-2019\Suélen\Mary Kay\Silvania\Mary Kay - Silvania.xlsx</t>
  </si>
  <si>
    <t>C:\Users\suelenmm\OneDrive - Grupo Algar\Suélen\Mary Kay\Suélen\</t>
  </si>
  <si>
    <t>Mary Kay - Nomes.xlsx</t>
  </si>
  <si>
    <t>D:\Backup 12-11-2019\Suélen\Mary Kay\Suélen\Mary Kay - Nomes.xlsx</t>
  </si>
  <si>
    <t>Tarefas.xlsx</t>
  </si>
  <si>
    <t>D:\Backup 12-11-2019\Suélen\Mary Kay\Suélen\Tarefas.xlsx</t>
  </si>
  <si>
    <t>11/13/2019 08:34:29</t>
  </si>
  <si>
    <t>C:\Users\suelenmm\OneDrive - Grupo Algar\Suélen\Mary Kay\Suélen\Cartão\</t>
  </si>
  <si>
    <t>cartao.xlsx</t>
  </si>
  <si>
    <t>D:\Backup 12-11-2019\Suélen\Mary Kay\Suélen\Cartão\cartao.xlsx</t>
  </si>
  <si>
    <t>C:\Users\suelenmm\OneDrive - Grupo Algar\Suélen\Mary Kay\Suélen\Consórcio\</t>
  </si>
  <si>
    <t>Consorcio.xlsx</t>
  </si>
  <si>
    <t>D:\Backup 12-11-2019\Suélen\Mary Kay\Suélen\Consórcio\Consorcio.xlsx</t>
  </si>
  <si>
    <t>C:\Users\suelenmm\OneDrive - Grupo Algar\Suélen\Mary Kay\Suélen\Pedidos\</t>
  </si>
  <si>
    <t>Mary Kay - Suélen.xlsx</t>
  </si>
  <si>
    <t>D:\Backup 12-11-2019\Suélen\Mary Kay\Suélen\Pedidos\Mary Kay - Suélen.xlsx</t>
  </si>
  <si>
    <t>C:\Users\suelenmm\OneDrive - Grupo Algar\Desktop - 12-11-19\PreVendas - Governo Diogo\DPF\</t>
  </si>
  <si>
    <t>Anexo 1 - Detalhe das macro-atividades.xlsx</t>
  </si>
  <si>
    <t>C:\Users\suelenmm\OneDrive - Grupo Algar\Desktop - 12-11-19\PreVendas - Governo Diogo\DPRF\</t>
  </si>
  <si>
    <t>C:\Users\suelenmm\OneDrive - Grupo Algar\Desktop - 12-11-19\PreVendas - Governo Diogo\DPU-RN\</t>
  </si>
  <si>
    <t>Preço (6hs).xlsb</t>
  </si>
  <si>
    <t>Preço (6hs) (Cheio).xlsb</t>
  </si>
  <si>
    <t>Impantação DPE.xlsx</t>
  </si>
  <si>
    <t>C:\Users\suelenmm\OneDrive - Grupo Algar\Suélen\Treinamentos\SCRUM\</t>
  </si>
  <si>
    <t>simulado.xlsx</t>
  </si>
  <si>
    <t>D:\Backup 12-11-2019\Suélen\Treinamentos\SCRUM\simulado.xlsx</t>
  </si>
  <si>
    <t>Apresentação Defesa Tecnica.xlsx</t>
  </si>
  <si>
    <t>D:\Backup 12-11-2019\Gestão PVs\Apresentação Defesa Tecnica.xlsx</t>
  </si>
  <si>
    <t>Associados jan-19.xlsx</t>
  </si>
  <si>
    <t>D:\Backup 12-11-2019\Gestão PVs\Associados jan-19.xlsx</t>
  </si>
  <si>
    <t>Cargos_Salarios_PS_th_SGTI.xlsx</t>
  </si>
  <si>
    <t>D:\Backup 12-11-2019\Gestão PVs\Cargos_Salarios_PS_th_SGTI.xlsx</t>
  </si>
  <si>
    <t>Cartao Helder.xlsx</t>
  </si>
  <si>
    <t>D:\Backup 12-11-2019\Gestão PVs\Cartao Helder.xlsx</t>
  </si>
  <si>
    <t>CDI_MANUAL_(1) Renato.xlsx</t>
  </si>
  <si>
    <t>D:\Backup 12-11-2019\Gestão PVs\CDI_MANUAL_(1) Renato.xlsx</t>
  </si>
  <si>
    <t>Checklist Proposta v1.xlsx</t>
  </si>
  <si>
    <t>D:\Backup 12-11-2019\Gestão PVs\Checklist Proposta v1.xlsx</t>
  </si>
  <si>
    <t>Controle Opps v1.xlsx</t>
  </si>
  <si>
    <t>D:\Backup 12-11-2019\Gestão PVs\Controle Opps v1.xlsx</t>
  </si>
  <si>
    <t>Departamental 13-11-18.csv</t>
  </si>
  <si>
    <t>D:\Backup 12-11-2019\Gestão PVs\Departamental 13-11-18.csv</t>
  </si>
  <si>
    <t>departamental sem salario.csv</t>
  </si>
  <si>
    <t>D:\Backup 12-11-2019\Gestão PVs\departamental sem salario.csv</t>
  </si>
  <si>
    <t>departamental sem salario.xls</t>
  </si>
  <si>
    <t>D:\Backup 12-11-2019\Gestão PVs\departamental sem salario.xls</t>
  </si>
  <si>
    <t>Draft Catalogo Servicos.xlsx</t>
  </si>
  <si>
    <t>D:\Backup 12-11-2019\Gestão PVs\Draft Catalogo Servicos.xlsx</t>
  </si>
  <si>
    <t>Elegibilidade v2.xlsx</t>
  </si>
  <si>
    <t>D:\Backup 12-11-2019\Gestão PVs\Elegibilidade v2.xlsx</t>
  </si>
  <si>
    <t>D:\Backup 12-11-2019\Gestão PVs\Especificidades Pre Vendas.xlsx</t>
  </si>
  <si>
    <t>Estrutura v1.xlsx</t>
  </si>
  <si>
    <t>D:\Backup 12-11-2019\Gestão PVs\Estrutura v1.xlsx</t>
  </si>
  <si>
    <t>Estrutura.xlsx</t>
  </si>
  <si>
    <t>D:\Backup 12-11-2019\Gestão PVs\Estrutura.xlsx</t>
  </si>
  <si>
    <t>GAP Pré-Vendas Final - 04-09.xlsx</t>
  </si>
  <si>
    <t>D:\Backup 12-11-2019\Gestão PVs\GAP Pré-Vendas Final - 04-09.xlsx</t>
  </si>
  <si>
    <t>GAP Pré-Vendas Final - 22-05.xlsx</t>
  </si>
  <si>
    <t>D:\Backup 12-11-2019\Gestão PVs\GAP Pré-Vendas Final - 22-05.xlsx</t>
  </si>
  <si>
    <t>GAP Pré-Vendas Final - 24-10.xlsx</t>
  </si>
  <si>
    <t>D:\Backup 12-11-2019\Gestão PVs\GAP Pré-Vendas Final - 24-10.xlsx</t>
  </si>
  <si>
    <t>GAP Pré-Vendas Final - 29-06.xlsx</t>
  </si>
  <si>
    <t>D:\Backup 12-11-2019\Gestão PVs\GAP Pré-Vendas Final - 29-06.xlsx</t>
  </si>
  <si>
    <t>GAP Pré-Vendas Final - 31-05.xlsx</t>
  </si>
  <si>
    <t>D:\Backup 12-11-2019\Gestão PVs\GAP Pré-Vendas Final - 31-05.xlsx</t>
  </si>
  <si>
    <t>Homeoffice.xlsx</t>
  </si>
  <si>
    <t>D:\Backup 12-11-2019\Gestão PVs\Homeoffice.xlsx</t>
  </si>
  <si>
    <t>Levantamento Notebooks.xlsx</t>
  </si>
  <si>
    <t>D:\Backup 12-11-2019\Gestão PVs\Levantamento Notebooks.xlsx</t>
  </si>
  <si>
    <t>Mini Currículo.xlsx</t>
  </si>
  <si>
    <t>D:\Backup 12-11-2019\Gestão PVs\Mini Currículo.xlsx</t>
  </si>
  <si>
    <t>Nome e Telefone.xlsx</t>
  </si>
  <si>
    <t>D:\Backup 12-11-2019\Gestão PVs\Nome e Telefone.xlsx</t>
  </si>
  <si>
    <t>Notebooks - jan-19.xlsx</t>
  </si>
  <si>
    <t>D:\Backup 12-11-2019\Gestão PVs\Notebooks - jan-19.xlsx</t>
  </si>
  <si>
    <t>Oportunidades por data criação (System Date) - 27-04.xlsx</t>
  </si>
  <si>
    <t>D:\Backup 12-11-2019\Gestão PVs\Oportunidades por data criação (System Date) - 27-04.xlsx</t>
  </si>
  <si>
    <t>Oportunidades por data criação (System Date).xlsx</t>
  </si>
  <si>
    <t>D:\Backup 12-11-2019\Gestão PVs\Oportunidades por data criação (System Date).xlsx</t>
  </si>
  <si>
    <t>OPPs.xlsx</t>
  </si>
  <si>
    <t>D:\Backup 12-11-2019\Gestão PVs\OPPs.xlsx</t>
  </si>
  <si>
    <t>Plano de Ação Clima 2017.xlsx</t>
  </si>
  <si>
    <t>D:\Backup 12-11-2019\Gestão PVs\Plano de Ação Clima 2017.xlsx</t>
  </si>
  <si>
    <t>Processos V2.xlsx</t>
  </si>
  <si>
    <t>D:\Backup 12-11-2019\Gestão PVs\Processos V2.xlsx</t>
  </si>
  <si>
    <t>Processos.xlsx</t>
  </si>
  <si>
    <t>D:\Backup 12-11-2019\Gestão PVs\Processos.xlsx</t>
  </si>
  <si>
    <t>Programacao Ferias CPV 2018.xls</t>
  </si>
  <si>
    <t>D:\Backup 12-11-2019\Gestão PVs\Programacao Ferias CPV 2018.xls</t>
  </si>
  <si>
    <t>Proposta de reajuste pre vendas mai-19.xlsx</t>
  </si>
  <si>
    <t>D:\Backup 12-11-2019\Gestão PVs\Proposta de reajuste pre vendas mai-19.xlsx</t>
  </si>
  <si>
    <t>Staff 4.0 - Plano de Redução.xlsx</t>
  </si>
  <si>
    <t>D:\Backup 12-11-2019\Gestão PVs\Staff 4.0 - Plano de Redução.xlsx</t>
  </si>
  <si>
    <t>Tabela de Aniversario 13-11-18.csv</t>
  </si>
  <si>
    <t>D:\Backup 12-11-2019\Gestão PVs\Tabela de Aniversario 13-11-18.csv</t>
  </si>
  <si>
    <t>Template - TRANSFERÊNCIA ENTRE EMPRESAS - Suélen.xlsx</t>
  </si>
  <si>
    <t>D:\Backup 12-11-2019\Gestão PVs\Template - TRANSFERÊNCIA ENTRE EMPRESAS - Suélen.xlsx</t>
  </si>
  <si>
    <t>TEMPLATE ACT MANUAL.xlsx</t>
  </si>
  <si>
    <t>D:\Backup 12-11-2019\Gestão PVs\TEMPLATE ACT MANUAL.xlsx</t>
  </si>
  <si>
    <t>Template_Figuras_Associados_Fluxo_Gestão_Contratos.xlsb</t>
  </si>
  <si>
    <t>D:\Backup 12-11-2019\Gestão PVs\Template_Figuras_Associados_Fluxo_Gestão_Contratos.xlsb</t>
  </si>
  <si>
    <t>Vendas Detalhado 27-04.xlsx</t>
  </si>
  <si>
    <t>D:\Backup 12-11-2019\Gestão PVs\Vendas Detalhado 27-04.xlsx</t>
  </si>
  <si>
    <t>C:\Users\suelenmm\OneDrive - Grupo Algar\Gestão PVs\02 - Orçamento\</t>
  </si>
  <si>
    <t>Arquivo de Prévia .xlsx</t>
  </si>
  <si>
    <t>D:\Backup 12-11-2019\Gestão PVs\02 - Orçamento\Arquivo de Prévia .xlsx</t>
  </si>
  <si>
    <t>Consolidação Pessoal - Oficial 2018 - Desonerado - Alessio.xlsb</t>
  </si>
  <si>
    <t>D:\Backup 12-11-2019\Gestão PVs\02 - Orçamento\Consolidação Pessoal - Oficial 2018 - Desonerado - Alessio.xlsb</t>
  </si>
  <si>
    <t>Departamental.xlsx</t>
  </si>
  <si>
    <t>D:\Backup 12-11-2019\Gestão PVs\02 - Orçamento\Departamental.xlsx</t>
  </si>
  <si>
    <t>D:\Backup 12-11-2019\Gestão PVs\02 - Orçamento\Orçamento 2018.xls</t>
  </si>
  <si>
    <t>Redução linha de Servios de Terceiros.xlsx</t>
  </si>
  <si>
    <t>D:\Backup 12-11-2019\Gestão PVs\02 - Orçamento\Redução linha de Servios de Terceiros.xlsx</t>
  </si>
  <si>
    <t>Redução Sílvio - Soluções.xlsx</t>
  </si>
  <si>
    <t>D:\Backup 12-11-2019\Gestão PVs\02 - Orçamento\Redução Sílvio - Soluções.xlsx</t>
  </si>
  <si>
    <t>C:\Users\suelenmm\OneDrive - Grupo Algar\Gestão PVs\Banco de Horas\</t>
  </si>
  <si>
    <t>Banco 20-12-18 v2.xlsx</t>
  </si>
  <si>
    <t>D:\Backup 12-11-2019\Gestão PVs\Banco de Horas\Banco 20-12-18 v2.xlsx</t>
  </si>
  <si>
    <t>Banco 20-12-18.xlsx</t>
  </si>
  <si>
    <t>D:\Backup 12-11-2019\Gestão PVs\Banco de Horas\Banco 20-12-18.xlsx</t>
  </si>
  <si>
    <t>C:\Users\suelenmm\OneDrive - Grupo Algar\Gestão PVs\BI\</t>
  </si>
  <si>
    <t>D:\Backup 12-11-2019\Gestão PVs\BI\Demandas.xlsx</t>
  </si>
  <si>
    <t>C:\Users\suelenmm\OneDrive - Grupo Algar\Gestão PVs\Comissão\</t>
  </si>
  <si>
    <t>Comissão Força de Vendas - 2º Tri.xlsb</t>
  </si>
  <si>
    <t>D:\Backup 12-11-2019\Gestão PVs\Comissão\Comissão Força de Vendas - 2º Tri.xlsb</t>
  </si>
  <si>
    <t>Comissão Força de Vendas - 4º Tri - antigo.xlsb</t>
  </si>
  <si>
    <t>D:\Backup 12-11-2019\Gestão PVs\Comissão\Comissão Força de Vendas - 4º Tri - antigo.xlsb</t>
  </si>
  <si>
    <t>Comissão Força de Vendas_V9-NB-SUELENMM.xlsb</t>
  </si>
  <si>
    <t>D:\Backup 12-11-2019\Gestão PVs\Comissão\Comissão Força de Vendas_V9-NB-SUELENMM.xlsb</t>
  </si>
  <si>
    <t>Comissão Força de Vendas_V9.xlsb</t>
  </si>
  <si>
    <t>D:\Backup 12-11-2019\Gestão PVs\Comissão\Comissão Força de Vendas_V9.xlsb</t>
  </si>
  <si>
    <t>Cálculo Win Rate (revisão metas para total 2016) (002).xlsx</t>
  </si>
  <si>
    <t>D:\Backup 12-11-2019\Gestão PVs\Comissão\Cálculo Win Rate (revisão metas para total 2016) (002).xlsx</t>
  </si>
  <si>
    <t>Cópia de 032018_Forecast de Receita Oficial_v08 - PREVIA ABR-18 - 10-04.xlsx</t>
  </si>
  <si>
    <t>D:\Backup 12-11-2019\Gestão PVs\Comissão\Cópia de 032018_Forecast de Receita Oficial_v08 - PREVIA ABR-18 - 10-04.xlsx</t>
  </si>
  <si>
    <t>C:\Users\suelenmm\OneDrive - Grupo Algar\Gestão PVs\Comissão\Descontos time de Vendas.msg\s285\</t>
  </si>
  <si>
    <t>DE-PARA Final Pagamentos Força de Vendas 2016.xlsx</t>
  </si>
  <si>
    <t>D:\Backup 12-11-2019\Gestão PVs\Comissão\Descontos time de Vendas.msg</t>
  </si>
  <si>
    <t>Oportunidades por data fechamento DETALHADO - WIN RATE 3 TRI-NB-SUELENMM.xlsx</t>
  </si>
  <si>
    <t>D:\Backup 12-11-2019\Gestão PVs\Comissão\Oportunidades por data fechamento DETALHADO - WIN RATE 3 TRI-NB-SUELENMM.xlsx</t>
  </si>
  <si>
    <t>Oportunidades por data fechamento DETALHADO - WIN RATE 3 TRI.xlsx</t>
  </si>
  <si>
    <t>D:\Backup 12-11-2019\Gestão PVs\Comissão\Oportunidades por data fechamento DETALHADO - WIN RATE 3 TRI.xlsx</t>
  </si>
  <si>
    <t>Oportunidades por data fechamento v3 - sg telecom 3 tri.xlsx</t>
  </si>
  <si>
    <t>D:\Backup 12-11-2019\Gestão PVs\Comissão\Oportunidades por data fechamento v3 - sg telecom 3 tri.xlsx</t>
  </si>
  <si>
    <t>Vendas 3 TRI.xlsx</t>
  </si>
  <si>
    <t>D:\Backup 12-11-2019\Gestão PVs\Comissão\Vendas 3 TRI.xlsx</t>
  </si>
  <si>
    <t>Vendas Detalhado - 4º tri.xlsx</t>
  </si>
  <si>
    <t>D:\Backup 12-11-2019\Gestão PVs\Comissão\Vendas Detalhado - 4º tri.xlsx</t>
  </si>
  <si>
    <t>Win Rate 2º tri 2017-NB-SUELENMM.xlsx</t>
  </si>
  <si>
    <t>D:\Backup 12-11-2019\Gestão PVs\Comissão\Win Rate 2º tri 2017-NB-SUELENMM.xlsx</t>
  </si>
  <si>
    <t>Win Rate 2º tri 2017.xlsx</t>
  </si>
  <si>
    <t>D:\Backup 12-11-2019\Gestão PVs\Comissão\Win Rate 2º tri 2017.xlsx</t>
  </si>
  <si>
    <t>WP 06 - Recálculo Comissões Pre Vendas - 1 SEM 2016 VF - 28.04.2017.xlsx</t>
  </si>
  <si>
    <t>D:\Backup 12-11-2019\Gestão PVs\Comissão\WP 06 - Recálculo Comissões Pre Vendas - 1 SEM 2016 VF - 28.04.2017.xlsx</t>
  </si>
  <si>
    <t>WP 06 - Recálculo Comissões Pre Vendas - 2º semestre 2016 VF 28.04.2017.xlsx</t>
  </si>
  <si>
    <t>D:\Backup 12-11-2019\Gestão PVs\Comissão\WP 06 - Recálculo Comissões Pre Vendas - 2º semestre 2016 VF 28.04.2017.xlsx</t>
  </si>
  <si>
    <t>C:\Users\suelenmm\OneDrive - Grupo Algar\Gestão PVs\Comissão\2018\</t>
  </si>
  <si>
    <t>Apuração 20-12-18.xlsx</t>
  </si>
  <si>
    <t>D:\Backup 12-11-2019\Gestão PVs\Comissão\2018\Apuração 20-12-18.xlsx</t>
  </si>
  <si>
    <t>C:\Users\suelenmm\OneDrive - Grupo Algar\Gestão PVs\Comissão\2019\</t>
  </si>
  <si>
    <t>Comissão 2019.xlsx</t>
  </si>
  <si>
    <t>D:\Backup 12-11-2019\Gestão PVs\Comissão\2019\Comissão 2019.xlsx</t>
  </si>
  <si>
    <t>Cópia de Forecast de Receita Oficial_2019 07_10_19.xlsx</t>
  </si>
  <si>
    <t>D:\Backup 12-11-2019\Gestão PVs\Comissão\2019\Cópia de Forecast de Receita Oficial_2019 07_10_19.xlsx</t>
  </si>
  <si>
    <t>Metas 2019 - prévia comissão.xlsx</t>
  </si>
  <si>
    <t>D:\Backup 12-11-2019\Gestão PVs\Comissão\2019\Metas 2019 - prévia comissão.xlsx</t>
  </si>
  <si>
    <t>D:\Backup 12-11-2019\Gestão PVs\Comissão\2019\Metas 2019 - v2-NB-SUELENMM.xlsx</t>
  </si>
  <si>
    <t>D:\Backup 12-11-2019\Gestão PVs\Comissão\2019\Metas 2019 - v2.xlsx</t>
  </si>
  <si>
    <t>Metas 2019 - v3.xlsx</t>
  </si>
  <si>
    <t>D:\Backup 12-11-2019\Gestão PVs\Comissão\2019\Metas 2019 - v3.xlsx</t>
  </si>
  <si>
    <t>D:\Backup 12-11-2019\Gestão PVs\Comissão\2019\Metas 2019 - v4.xlsx</t>
  </si>
  <si>
    <t>C:\Users\suelenmm\OneDrive - Grupo Algar\Desktop - 12-11-19\PreVendas - Governo Diogo\Drogaria Araújo\</t>
  </si>
  <si>
    <t>COTAÇÃO.xlsb</t>
  </si>
  <si>
    <t>C:\Users\suelenmm\OneDrive - Grupo Algar\Desktop - 12-11-19\PreVendas - Governo Diogo\Drogaria Araújo\COTAÇÃO.xlsb\</t>
  </si>
  <si>
    <t>Metas 2019.xlsx</t>
  </si>
  <si>
    <t>D:\Backup 12-11-2019\Gestão PVs\Comissão\2019\Metas 2019.xlsx</t>
  </si>
  <si>
    <t>Orçamento.xls</t>
  </si>
  <si>
    <t>D:\Backup 12-11-2019\Gestão PVs\Comissão\2019\Orçamento.xls</t>
  </si>
  <si>
    <t>C:\Users\suelenmm\OneDrive - Grupo Algar\Gestão PVs\Comissão\2019\Proposta Remuneração Força de Vendas 2019 - Soluções.pptx\</t>
  </si>
  <si>
    <t>D:\Backup 12-11-2019\Gestão PVs\Comissão\2019\Proposta Remuneração Força de Vendas 2019 - Soluções.pptx</t>
  </si>
  <si>
    <t>Simulações comissão v5.xlsx</t>
  </si>
  <si>
    <t>D:\Backup 12-11-2019\Gestão PVs\Comissão\2019\Simulações comissão v5.xlsx</t>
  </si>
  <si>
    <t>Valores_Plano_Retenção GAT.xls</t>
  </si>
  <si>
    <t>D:\Backup 12-11-2019\Gestão PVs\Comissão\2019\Valores_Plano_Retenção GAT.xls</t>
  </si>
  <si>
    <t>Vendas Detalhado_TCV_1º Tri_v1.xlsx</t>
  </si>
  <si>
    <t>D:\Backup 12-11-2019\Gestão PVs\Comissão\2019\Vendas Detalhado_TCV_1º Tri_v1.xlsx</t>
  </si>
  <si>
    <t>C:\Users\suelenmm\OneDrive - Grupo Algar\Gestão PVs\Comissão\2019\Apuração\</t>
  </si>
  <si>
    <t>Comissão Força de Vendas - 1º Tri - 2019 - SF - VERSÃO FINAL - SUELEN.xlsb</t>
  </si>
  <si>
    <t>D:\Backup 12-11-2019\Gestão PVs\Comissão\2019\Apuração\Comissão Força de Vendas - 1º Tri - 2019 - SF - VERSÃO FINAL - SUELEN.xlsb</t>
  </si>
  <si>
    <t>Comissão Força de Vendas - RECÁLCULO TCV - 1º Tri - 2019_VF - SF - PRÉ-VENDAS - GAT.xlsb</t>
  </si>
  <si>
    <t>D:\Backup 12-11-2019\Gestão PVs\Comissão\2019\Apuração\Comissão Força de Vendas - RECÁLCULO TCV - 1º Tri - 2019_VF - SF - PRÉ-VENDAS - GAT.xlsb</t>
  </si>
  <si>
    <t>C:\Users\suelenmm\OneDrive - Grupo Algar\Gestão PVs\Comissão\2019\Revisão modelo 2S2019\</t>
  </si>
  <si>
    <t>D:\Backup 12-11-2019\Gestão PVs\Comissão\2019\Revisão modelo 2S2019\Cópia de Forecast de Receita Oficial_2019 - 16-10.xlsx</t>
  </si>
  <si>
    <t>C:\Users\suelenmm\OneDrive - Grupo Algar\Desktop - 12-11-19\PreVendas - Governo Diogo\EBSERH\</t>
  </si>
  <si>
    <t>Pasta de trabalho2.xlsx</t>
  </si>
  <si>
    <t>Forecast de Receita Oficial_2019 - 12.07.xlsx</t>
  </si>
  <si>
    <t>D:\Backup 12-11-2019\Gestão PVs\Comissão\2019\Revisão modelo 2S2019\Forecast de Receita Oficial_2019 - 12.07.xlsx</t>
  </si>
  <si>
    <t>C:\Users\suelenmm\OneDrive - Grupo Algar\Desktop - 12-11-19\PreVendas - Governo Diogo\ect\</t>
  </si>
  <si>
    <t>Precificação + Adoção.xlsm</t>
  </si>
  <si>
    <t>D:\Backup 12-11-2019\Gestão PVs\Comissão\2019\Revisão modelo 2S2019\Forecast de Receita Oficial_2019 - 25-09.xlsx</t>
  </si>
  <si>
    <t>D:\Backup 12-11-2019\Gestão PVs\Comissão\2019\Revisão modelo 2S2019\Meta e Real 3º Tri v2 - Inclusao PV na base.xlsx</t>
  </si>
  <si>
    <t>Oportunidades por data criação - bu approval - 28-06.xlsx</t>
  </si>
  <si>
    <t>D:\Backup 12-11-2019\Gestão PVs\Comissão\2019\Revisão modelo 2S2019\Oportunidades por data criação - bu approval - 28-06.xlsx</t>
  </si>
  <si>
    <t>Orçamento 2ºS - 1ª Projeção.xls</t>
  </si>
  <si>
    <t>D:\Backup 12-11-2019\Gestão PVs\Comissão\2019\Revisão modelo 2S2019\Orçamento 2ºS - 1ª Projeção.xls</t>
  </si>
  <si>
    <t>Pipeline Detalhado emissão proposta 06-09.xlsx</t>
  </si>
  <si>
    <t>D:\Backup 12-11-2019\Gestão PVs\Comissão\2019\Revisão modelo 2S2019\Pipeline Detalhado emissão proposta 06-09.xlsx</t>
  </si>
  <si>
    <t>D:\Backup 12-11-2019\Gestão PVs\Comissão\2019\Revisão modelo 2S2019\Proposta Recorrente - 06-09.xlsx</t>
  </si>
  <si>
    <t>Proposta Recorrente - 11-07.xlsx</t>
  </si>
  <si>
    <t>D:\Backup 12-11-2019\Gestão PVs\Comissão\2019\Revisão modelo 2S2019\Proposta Recorrente - 11-07.xlsx</t>
  </si>
  <si>
    <t>Proposta Suélen - 2S2019.xlsx</t>
  </si>
  <si>
    <t>D:\Backup 12-11-2019\Gestão PVs\Comissão\2019\Revisão modelo 2S2019\Proposta Suélen - 2S2019.xlsx</t>
  </si>
  <si>
    <t>D:\Backup 12-11-2019\Gestão PVs\Comissão\2019\Revisão modelo 2S2019\Proposta Suélen - 3TRI2019 - v2.xlsx</t>
  </si>
  <si>
    <t>D:\Backup 12-11-2019\Gestão PVs\Comissão\2019\Revisão modelo 2S2019\Proposta Suélen - 3TRI2019.xlsx</t>
  </si>
  <si>
    <t>Real julho + Forecast ago a dez_19.xlsx</t>
  </si>
  <si>
    <t>D:\Backup 12-11-2019\Gestão PVs\Comissão\2019\Revisão modelo 2S2019\Real julho + Forecast ago a dez_19.xlsx</t>
  </si>
  <si>
    <t>Recorrente - com valor errado e numero da opp.xlsx</t>
  </si>
  <si>
    <t>D:\Backup 12-11-2019\Gestão PVs\Comissão\2019\Revisão modelo 2S2019\Recorrente - com valor errado e numero da opp.xlsx</t>
  </si>
  <si>
    <t>Recorrente.xlsx</t>
  </si>
  <si>
    <t>D:\Backup 12-11-2019\Gestão PVs\Comissão\2019\Revisão modelo 2S2019\Recorrente.xlsx</t>
  </si>
  <si>
    <t>Vendas Resumido v6 12.07.xlsx</t>
  </si>
  <si>
    <t>D:\Backup 12-11-2019\Gestão PVs\Comissão\2019\Revisão modelo 2S2019\Vendas Resumido v6 12.07.xlsx</t>
  </si>
  <si>
    <t>C:\Users\suelenmm\OneDrive - Grupo Algar\Gestão PVs\Comissão\Ano 2017\</t>
  </si>
  <si>
    <t>Comissão Força de Vendas - Anual - Alessio.xlsb</t>
  </si>
  <si>
    <t>D:\Backup 12-11-2019\Gestão PVs\Comissão\Ano 2017\Comissão Força de Vendas - Anual - Alessio.xlsb</t>
  </si>
  <si>
    <t>C:\Users\suelenmm\OneDrive - Grupo Algar\Gestão PVs\Comissão\Comissão 3 tri\</t>
  </si>
  <si>
    <t>Comissão Força de Vendas - 3º Tri - Alessio_Suelen.xlsb</t>
  </si>
  <si>
    <t>D:\Backup 12-11-2019\Gestão PVs\Comissão\Comissão 3 tri\Comissão Força de Vendas - 3º Tri - Alessio_Suelen.xlsb</t>
  </si>
  <si>
    <t>C:\Users\suelenmm\OneDrive - Grupo Algar\Gestão PVs\Comissão\Comissão 3 tri\LIXO\</t>
  </si>
  <si>
    <t>D:\Backup 12-11-2019\Gestão PVs\Comissão\Comissão 3 tri\LIXO\Comissão Força de Vendas - 3º Tri - Alessio_Suelen.xlsb</t>
  </si>
  <si>
    <t>C:\Users\suelenmm\OneDrive - Grupo Algar\Gestão PVs\Comissão\Comissão 4 tri\</t>
  </si>
  <si>
    <t>Comissão Força de Vendas - 4º Tri.xlsb</t>
  </si>
  <si>
    <t>D:\Backup 12-11-2019\Gestão PVs\Comissão\Comissão 4 tri\Comissão Força de Vendas - 4º Tri.xlsb</t>
  </si>
  <si>
    <t>C:\Users\suelenmm\OneDrive - Grupo Algar\Gestão PVs\Objetivos\</t>
  </si>
  <si>
    <t>Apuração Objetivos 1º Semestre 2019.xlsx</t>
  </si>
  <si>
    <t>D:\Backup 12-11-2019\Gestão PVs\Objetivos\Apuração Objetivos 1º Semestre 2019.xlsx</t>
  </si>
  <si>
    <t>C:\Users\suelenmm\OneDrive - Grupo Algar\Gestão PVs\Orçamento\</t>
  </si>
  <si>
    <t>Gestão PTH - 2019 - OFICIAL_Pre Vendas.xlsb</t>
  </si>
  <si>
    <t>D:\Backup 12-11-2019\Gestão PVs\Orçamento\Gestão PTH - 2019 - OFICIAL_Pre Vendas.xlsb</t>
  </si>
  <si>
    <t>Orçado 2019.xls</t>
  </si>
  <si>
    <t>D:\Backup 12-11-2019\Gestão PVs\Orçamento\Orçado 2019.xls</t>
  </si>
  <si>
    <t>Postergação 2ºS19 - Suélen.xlsx</t>
  </si>
  <si>
    <t>D:\Backup 12-11-2019\Gestão PVs\Orçamento\Postergação 2ºS19 - Suélen.xlsx</t>
  </si>
  <si>
    <t>Reajuste 2019.csv</t>
  </si>
  <si>
    <t>D:\Backup 12-11-2019\Gestão PVs\Orçamento\Reajuste 2019.csv</t>
  </si>
  <si>
    <t>Real 2018.xls</t>
  </si>
  <si>
    <t>D:\Backup 12-11-2019\Gestão PVs\Orçamento\Real 2018.xls</t>
  </si>
  <si>
    <t>Suelen - Revisão Orçamento 1 Semestre - PPE 2019.xlsx</t>
  </si>
  <si>
    <t>D:\Backup 12-11-2019\Gestão PVs\Orçamento\Suelen - Revisão Orçamento 1 Semestre - PPE 2019.xlsx</t>
  </si>
  <si>
    <t>PTH - 17% - 15-10.xlsx</t>
  </si>
  <si>
    <t>D:\Backup 12-11-2019\Gestão PVs\Orçamento\2020\PTH - 17% - 15-10.xlsx</t>
  </si>
  <si>
    <t>D:\Backup 12-11-2019\Gestão PVs\Orçamento\2020\PTH 1.xlsx</t>
  </si>
  <si>
    <t>D:\Backup 12-11-2019\Gestão PVs\Orçamento\2020\PTH REVISADO.xlsx</t>
  </si>
  <si>
    <t>PTH.xlsx</t>
  </si>
  <si>
    <t>D:\Backup 12-11-2019\Gestão PVs\Orçamento\2020\PTH.xlsx</t>
  </si>
  <si>
    <t>D:\Backup 12-11-2019\Gestão PVs\Orçamento\2020\Template Suélen - 2020.xlsb</t>
  </si>
  <si>
    <t>C:\Users\suelenmm\OneDrive - Grupo Algar\Gestão PVs\Orçamento\Revisão 2019-02\</t>
  </si>
  <si>
    <t>Comparativo v2.xls</t>
  </si>
  <si>
    <t>D:\Backup 12-11-2019\Gestão PVs\Orçamento\Revisão 2019-02\Comparativo v2.xls</t>
  </si>
  <si>
    <t>Comparativo.xls</t>
  </si>
  <si>
    <t>D:\Backup 12-11-2019\Gestão PVs\Orçamento\Revisão 2019-02\Comparativo.xls</t>
  </si>
  <si>
    <t>pth_1.xlsx</t>
  </si>
  <si>
    <t>D:\Backup 12-11-2019\Gestão PVs\Orçamento\Revisão 2019-02\pth_1.xlsx</t>
  </si>
  <si>
    <t>Revsão de cargos.xls</t>
  </si>
  <si>
    <t>D:\Backup 12-11-2019\Gestão PVs\Orçamento\Revisão 2019-02\Revsão de cargos.xls</t>
  </si>
  <si>
    <t>Template para redução de custos_V5_Anualizado.xlsx</t>
  </si>
  <si>
    <t>D:\Backup 12-11-2019\Gestão PVs\Orçamento\Revisão 2019-02\Template para redução de custos_V5_Anualizado.xlsx</t>
  </si>
  <si>
    <t>032018_Forecast de Receita Oficial_v08 - Previa 1º tri.xlsx</t>
  </si>
  <si>
    <t>D:\Backup 12-11-2019\Gestão PVs\Política Comissão 2018\032018_Forecast de Receita Oficial_v08 - Previa 1º tri.xlsx</t>
  </si>
  <si>
    <t>D:\Backup 12-11-2019\Gestão PVs\Política Comissão 2018\Apuracao 2018.xlsx</t>
  </si>
  <si>
    <t>Consolidado Real Receita por Cliente - Jan a Abr - 2018.xlsx</t>
  </si>
  <si>
    <t>D:\Backup 12-11-2019\Gestão PVs\Política Comissão 2018\Consolidado Real Receita por Cliente - Jan a Abr - 2018.xlsx</t>
  </si>
  <si>
    <t>D:\Backup 12-11-2019\Gestão PVs\Política Comissão 2018\Consolidado Real Receita por Cliente - Jan a dez - 2018 v2.xlsx</t>
  </si>
  <si>
    <t>Consolidado Real Receita por Cliente - Jan a dez - 2018.xlsx</t>
  </si>
  <si>
    <t>D:\Backup 12-11-2019\Gestão PVs\Política Comissão 2018\Consolidado Real Receita por Cliente - Jan a dez - 2018.xlsx</t>
  </si>
  <si>
    <t>Consolidado Real Receita por Cliente - Jan a Mai - 2018.xlsx</t>
  </si>
  <si>
    <t>D:\Backup 12-11-2019\Gestão PVs\Política Comissão 2018\Consolidado Real Receita por Cliente - Jan a Mai - 2018.xlsx</t>
  </si>
  <si>
    <t>Consolidado Real Receita por Cliente - Jan a Mar - 2018 + previa dos demais tris - apuracao 1 tri .xlsx</t>
  </si>
  <si>
    <t>D:\Backup 12-11-2019\Gestão PVs\Política Comissão 2018\Consolidado Real Receita por Cliente - Jan a Mar - 2018 + previa dos demais tris - apuracao 1 tri .xlsx</t>
  </si>
  <si>
    <t>Consolidado Real Receita por Cliente - Jan a Mar - 2018 + previa dos demais tris.xlsx</t>
  </si>
  <si>
    <t>D:\Backup 12-11-2019\Gestão PVs\Política Comissão 2018\Consolidado Real Receita por Cliente - Jan a Mar - 2018 + previa dos demais tris.xlsx</t>
  </si>
  <si>
    <t>Consolidado Real Receita por Cliente - Jan a Mar - 2018.xlsx</t>
  </si>
  <si>
    <t>D:\Backup 12-11-2019\Gestão PVs\Política Comissão 2018\Consolidado Real Receita por Cliente - Jan a Mar - 2018.xlsx</t>
  </si>
  <si>
    <t>Custo Vendas_Prévendas - Comissão.xlsx</t>
  </si>
  <si>
    <t>D:\Backup 12-11-2019\Gestão PVs\Política Comissão 2018\Custo Vendas_Prévendas - Comissão.xlsx</t>
  </si>
  <si>
    <t>Orçamento 2018 - Prévia 1º Tri.xls</t>
  </si>
  <si>
    <t>D:\Backup 12-11-2019\Gestão PVs\Política Comissão 2018\Orçamento 2018 - Prévia 1º Tri.xls</t>
  </si>
  <si>
    <t>D:\Backup 12-11-2019\Gestão PVs\Política Comissão 2018\Orçamento 2018.xls</t>
  </si>
  <si>
    <t>Vendas Detalhado - 1º tri 2018 parcial v3.xlsx</t>
  </si>
  <si>
    <t>D:\Backup 12-11-2019\Gestão PVs\Política Comissão 2018\Vendas Detalhado - 1º tri 2018 parcial v3.xlsx</t>
  </si>
  <si>
    <t>Vendas Detalhado - 1º tri 2018 parcial.xlsx</t>
  </si>
  <si>
    <t>D:\Backup 12-11-2019\Gestão PVs\Política Comissão 2018\Vendas Detalhado - 1º tri 2018 parcial.xlsx</t>
  </si>
  <si>
    <t>Vendas Detalhado - base 2017.xlsx</t>
  </si>
  <si>
    <t>D:\Backup 12-11-2019\Gestão PVs\Política Comissão 2018\Vendas Detalhado - base 2017.xlsx</t>
  </si>
  <si>
    <t>Vendas Detalhado - PREVIA APURAÇÃO 1º TRI CALCULO 2017.xlsx</t>
  </si>
  <si>
    <t>D:\Backup 12-11-2019\Gestão PVs\Política Comissão 2018\Vendas Detalhado - PREVIA APURAÇÃO 1º TRI CALCULO 2017.xlsx</t>
  </si>
  <si>
    <t>C:\Users\suelenmm\OneDrive - Grupo Algar\Gestão PVs\Política Comissão 2018\2019\</t>
  </si>
  <si>
    <t>Simulações comissão suélen v2.xlsx</t>
  </si>
  <si>
    <t>D:\Backup 12-11-2019\Gestão PVs\Política Comissão 2018\2019\Simulações comissão suélen v2.xlsx</t>
  </si>
  <si>
    <t>Simulações comissão suélen.xlsx</t>
  </si>
  <si>
    <t>D:\Backup 12-11-2019\Gestão PVs\Política Comissão 2018\2019\Simulações comissão suélen.xlsx</t>
  </si>
  <si>
    <t>TCV 2018.xlsx</t>
  </si>
  <si>
    <t>D:\Backup 12-11-2019\Gestão PVs\Política Comissão 2018\2019\TCV 2018.xlsx</t>
  </si>
  <si>
    <t>C:\Users\suelenmm\OneDrive - Grupo Algar\Gestão PVs\Política Comissão 2018\2019\Meta 2019\</t>
  </si>
  <si>
    <t>Forecast de Receita Oficial_2019.xlsx</t>
  </si>
  <si>
    <t>D:\Backup 12-11-2019\Gestão PVs\Política Comissão 2018\2019\Meta 2019\Forecast de Receita Oficial_2019.xlsx</t>
  </si>
  <si>
    <t>C:\Users\suelenmm\OneDrive - Grupo Algar\Gestão PVs\Reestruturação 2019\</t>
  </si>
  <si>
    <t>Cronograma Nova Estrutura GAT.xlsx</t>
  </si>
  <si>
    <t>D:\Backup 12-11-2019\Gestão PVs\Reestruturação 2019\Cronograma Nova Estrutura GAT.xlsx</t>
  </si>
  <si>
    <t>C:\Users\suelenmm\OneDrive - Grupo Algar\Gestão PVs\Reunião Time\Reunião Soluções 26-09-2019.pptx\</t>
  </si>
  <si>
    <t>D:\Backup 12-11-2019\Gestão PVs\Reunião Time\Reunião Soluções 26-09-2019.pptx</t>
  </si>
  <si>
    <t>C:\Users\suelenmm\OneDrive - Grupo Algar\Gestão PVs\Treinamento\</t>
  </si>
  <si>
    <t>Evento 2019 e Treinamento.xlsx</t>
  </si>
  <si>
    <t>D:\Backup 12-11-2019\Gestão PVs\Treinamento\Evento 2019 e Treinamento.xlsx</t>
  </si>
  <si>
    <t>C:\Users\suelenmm\OneDrive - Grupo Algar\Desktop - 12-11-19\PreVendas - Governo Diogo\Eletrobrás\</t>
  </si>
  <si>
    <t>Brasília.xlsm</t>
  </si>
  <si>
    <t>C:\Users\suelenmm\OneDrive - Grupo Algar\Desktop - 12-11-19\PreVendas - Governo Diogo\Eletronorte\</t>
  </si>
  <si>
    <t>Racional de Manutenção.xlsx</t>
  </si>
  <si>
    <t>BP1.xlsb</t>
  </si>
  <si>
    <t>C:\Users\suelenmm\OneDrive - Grupo Algar\Desktop - 12-11-19\PreVendas - Governo Diogo\EMBRATUR\</t>
  </si>
  <si>
    <t>Precificação.xlsb</t>
  </si>
  <si>
    <t>C:\Users\suelenmm\OneDrive - Grupo Algar\Desktop - 12-11-19\PreVendas - Governo Diogo\Exercito\</t>
  </si>
  <si>
    <t>C:\Users\suelenmm\OneDrive - Grupo Algar\Desktop - 12-11-19\PreVendas - Governo Diogo\FAPESP\</t>
  </si>
  <si>
    <t>Planilha de Preços SEM SOBREAVISO.xlsx</t>
  </si>
  <si>
    <t>Planilha de Preços SEM SOBREAVISO Metade HE.xlsx</t>
  </si>
  <si>
    <t>Planilha de Preços COM SOBREAVISO.xlsx</t>
  </si>
  <si>
    <t>BP (SEM SA).xlsb</t>
  </si>
  <si>
    <t>BP (SEM SA SEM N1).xlsb</t>
  </si>
  <si>
    <t>BP (Sem SA assistente N1).xlsb</t>
  </si>
  <si>
    <t>BP (Sem SA assistente N1 Metade HE).xlsb</t>
  </si>
  <si>
    <t>BP (Com SA).xlsb</t>
  </si>
  <si>
    <t>BP (Com SA SEM N1).xlsb</t>
  </si>
  <si>
    <t>BP (Com SA assistente N1).xlsb</t>
  </si>
  <si>
    <t>C:\Users\suelenmm\OneDrive - Grupo Algar\Desktop - 12-11-19\PreVendas - Governo Diogo\FNDE\</t>
  </si>
  <si>
    <t>UST sob Demanda.xlsb</t>
  </si>
  <si>
    <t>Preço Fixo.xlsb</t>
  </si>
  <si>
    <t>Preço Fixo 60 meses.xlsb</t>
  </si>
  <si>
    <t>Premissas.xlsx</t>
  </si>
  <si>
    <t>Cenários e Premissas.xlsx</t>
  </si>
  <si>
    <t>C:\Users\suelenmm\OneDrive - Grupo Algar\Desktop - 12-11-19\PreVendas - Governo Diogo\FUNAI\</t>
  </si>
  <si>
    <t>C:\Users\suelenmm\OneDrive - Grupo Algar\Desktop - 12-11-19\PreVendas - Governo Diogo\FUNAI\Preço.xlsb\</t>
  </si>
  <si>
    <t>C:\Users\suelenmm\OneDrive - Grupo Algar\Desktop - 12-11-19\PreVendas - Governo Diogo\FUNDACENTRO\</t>
  </si>
  <si>
    <t>C:\Users\suelenmm\OneDrive - Grupo Algar\Desktop - 12-11-19\PreVendas - Governo Diogo\Fundação Renova\</t>
  </si>
  <si>
    <t>Anexo 3 - QDD_Fundação.xlsx</t>
  </si>
  <si>
    <t>Anexo 2 – QQP.XLSX</t>
  </si>
  <si>
    <t>C:\Users\suelenmm\OneDrive - Grupo Algar\Desktop - 12-11-19\PreVendas - Governo Diogo\FURNAS\</t>
  </si>
  <si>
    <t>C:\Users\suelenmm\OneDrive - Grupo Algar\Desktop - 12-11-19\PreVendas - Governo Diogo\GEFCO\</t>
  </si>
  <si>
    <t>SD 24x6 - 36 meses.xlsb</t>
  </si>
  <si>
    <t>C:\Users\suelenmm\OneDrive - Grupo Algar\Desktop - 12-11-19\PreVendas - Governo Diogo\GEFCO\SD 24x6 - 36 meses.xlsb\</t>
  </si>
  <si>
    <t>SD 24x6 - 24 meses.xlsb</t>
  </si>
  <si>
    <t>C:\Users\suelenmm\OneDrive - Grupo Algar\Desktop - 12-11-19\PreVendas - Governo Diogo\GEFCO\SD 24x6 - 24 meses.xlsb\</t>
  </si>
  <si>
    <t>SD 24x5 - 36 meses.xlsb</t>
  </si>
  <si>
    <t>C:\Users\suelenmm\OneDrive - Grupo Algar\Desktop - 12-11-19\PreVendas - Governo Diogo\GEFCO\SD 24x5 - 36 meses.xlsb\</t>
  </si>
  <si>
    <t>SD 24x5 - 24 meses.xlsb</t>
  </si>
  <si>
    <t>C:\Users\suelenmm\OneDrive - Grupo Algar\Desktop - 12-11-19\PreVendas - Governo Diogo\GEFCO\SD 24x5 - 24 meses.xlsb\</t>
  </si>
  <si>
    <t>Pricing.xlsb</t>
  </si>
  <si>
    <t>C:\Users\suelenmm\OneDrive - Grupo Algar\Desktop - 12-11-19\PreVendas - Governo Diogo\GEFCO\Pricing.xlsb\</t>
  </si>
  <si>
    <t>Equipe Sinergia.xlsb</t>
  </si>
  <si>
    <t>C:\Users\suelenmm\OneDrive - Grupo Algar\Desktop - 12-11-19\PreVendas - Governo Diogo\GEFCO\Equipe Sinergia.xlsb\</t>
  </si>
  <si>
    <t>C:\Users\suelenmm\OneDrive - Grupo Algar\Desktop - 12-11-19\PreVendas - Governo Diogo\Grupo Petrópolis\</t>
  </si>
  <si>
    <t>Tecnologias das Revendas (ANEXO B).xlsx</t>
  </si>
  <si>
    <t>RFQ (ANEXO A).xlsx</t>
  </si>
  <si>
    <t>Questionamentos Consolidados.xlsx</t>
  </si>
  <si>
    <t>C:\Users\suelenmm\OneDrive - Grupo Algar\Desktop - 12-11-19\PreVendas - Governo Diogo\IBAMA\</t>
  </si>
  <si>
    <t>Preço_Ajustado.xlsb</t>
  </si>
  <si>
    <t>C:\Users\suelenmm\OneDrive - Grupo Algar\Desktop 22-07-19\</t>
  </si>
  <si>
    <t>(Rotas)_TIM - BBN.XLSX</t>
  </si>
  <si>
    <t>D:\Backup 12-11-2019\Desktop 22-07-19\(Rotas)_TIM - BBN.XLSX</t>
  </si>
  <si>
    <t>145999 - BP Preço C011 B012 - sem ad..xlsb</t>
  </si>
  <si>
    <t>D:\Backup 12-11-2019\Desktop 22-07-19\145999 - BP Preço C011 B012 - sem ad..xlsb</t>
  </si>
  <si>
    <t>C:\Users\suelenmm\OneDrive - Grupo Algar\Desktop 22-07-19\145999 - BP Preço C011 B012 - sem ad..xlsb\</t>
  </si>
  <si>
    <t>167227 - IBM - Rollout - v1 - BP Preço C015 B014 Desonerada v1.xlsb</t>
  </si>
  <si>
    <t>D:\Backup 12-11-2019\Desktop 22-07-19\167227 - IBM - Rollout - v1 - BP Preço C015 B014 Desonerada v1.xlsb</t>
  </si>
  <si>
    <t>C:\Users\suelenmm\OneDrive - Grupo Algar\Desktop 22-07-19\167227 - IBM - Rollout - v1 - BP Preço C015 B014 Desonerada v1.xlsb\</t>
  </si>
  <si>
    <t>C:\Users\suelenmm\OneDrive - Grupo Algar\Desktop 22-07-19\20180924_Algar Tech_Vendas Exponenciais.pptx\</t>
  </si>
  <si>
    <t>D:\Backup 12-11-2019\Desktop 22-07-19\20180924_Algar Tech_Vendas Exponenciais.pptx</t>
  </si>
  <si>
    <t>oleObject112.xlsx</t>
  </si>
  <si>
    <t>oleObject117.dat</t>
  </si>
  <si>
    <t>oleObject124.dat</t>
  </si>
  <si>
    <t>oleObject127.dat</t>
  </si>
  <si>
    <t>oleObject193.dat</t>
  </si>
  <si>
    <t>oleObject194.dat</t>
  </si>
  <si>
    <t>oleObject195.dat</t>
  </si>
  <si>
    <t>oleObject83.dat</t>
  </si>
  <si>
    <t>Adicional Noturno - Fabio.xlsx</t>
  </si>
  <si>
    <t>D:\Backup 12-11-2019\Desktop 22-07-19\Adicional Noturno - Fabio.xlsx</t>
  </si>
  <si>
    <t>Alliance - GSD - Batch 2 - Financial Spreadsheet_v2b (Algar Tech - insite scenario).xlsx</t>
  </si>
  <si>
    <t>D:\Backup 12-11-2019\Desktop 22-07-19\Alliance - GSD - Batch 2 - Financial Spreadsheet_v2b (Algar Tech - insite scenario).xlsx</t>
  </si>
  <si>
    <t>C:\Users\suelenmm\OneDrive - Grupo Algar\Desktop 22-07-19\Apresentação CenturyLink V2.pptx\</t>
  </si>
  <si>
    <t>D:\Backup 12-11-2019\Desktop 22-07-19\Apresentação CenturyLink V2.pptx</t>
  </si>
  <si>
    <t>Atividades Pre-Vendas.xlsx</t>
  </si>
  <si>
    <t>D:\Backup 12-11-2019\Desktop 22-07-19\Atividades Pre-Vendas.xlsx</t>
  </si>
  <si>
    <t>Base Planilha - Tipos de Servicos por Negocio - v2.xlsx</t>
  </si>
  <si>
    <t>D:\Backup 12-11-2019\Desktop 22-07-19\Base Planilha - Tipos de Servicos por Negocio - v2.xlsx</t>
  </si>
  <si>
    <t>BP - CFTV Petro - v6 cprb ok.xlsb</t>
  </si>
  <si>
    <t>D:\Backup 12-11-2019\Desktop 22-07-19\BP - CFTV Petro - v6 cprb ok.xlsb</t>
  </si>
  <si>
    <t>C:\Users\suelenmm\OneDrive - Grupo Algar\Desktop 22-07-19\BP - CFTV Petro - v6 cprb ok.xlsb\</t>
  </si>
  <si>
    <t>BP's vendidos.xlsx</t>
  </si>
  <si>
    <t>D:\Backup 12-11-2019\Desktop 22-07-19\BP's vendidos.xlsx</t>
  </si>
  <si>
    <t>Capilaridade Field Service GAT.xlsx</t>
  </si>
  <si>
    <t>D:\Backup 12-11-2019\Desktop 22-07-19\Capilaridade Field Service GAT.xlsx</t>
  </si>
  <si>
    <t>Century_2018-12_Departamental-GERAL.xlsb</t>
  </si>
  <si>
    <t>D:\Backup 12-11-2019\Desktop 22-07-19\Century_2018-12_Departamental-GERAL.xlsb</t>
  </si>
  <si>
    <t>Cha da Helena.xlsx</t>
  </si>
  <si>
    <t>D:\Backup 12-11-2019\Desktop 22-07-19\Cha da Helena.xlsx</t>
  </si>
  <si>
    <t>C:\Users\suelenmm\OneDrive - Grupo Algar\Desktop 22-07-19\Coordenação de Soluções de Negócios - Apresentação wkp Cml V3.pptx\</t>
  </si>
  <si>
    <t>D:\Backup 12-11-2019\Desktop 22-07-19\Coordenação de Soluções de Negócios - Apresentação wkp Cml V3.pptx</t>
  </si>
  <si>
    <t>csc.xlsx</t>
  </si>
  <si>
    <t>D:\Backup 12-11-2019\Desktop 22-07-19\csc.xlsx</t>
  </si>
  <si>
    <t>Cópia de 032018_Forecast de Receita Oficial_v08 - PREVIA ABR-18.xlsx</t>
  </si>
  <si>
    <t>D:\Backup 12-11-2019\Desktop 22-07-19\Cópia de 032018_Forecast de Receita Oficial_v08 - PREVIA ABR-18.xlsx</t>
  </si>
  <si>
    <t>Cópia de 149022 - Sodexo - BP Preço C011 B012 Desonerada_ - estudo multiplicador.xlsb</t>
  </si>
  <si>
    <t>D:\Backup 12-11-2019\Desktop 22-07-19\Cópia de 149022 - Sodexo - BP Preço C011 B012 Desonerada_ - estudo multiplicador.xlsb</t>
  </si>
  <si>
    <t>C:\Users\suelenmm\OneDrive - Grupo Algar\Desktop 22-07-19\Cópia de 149022 - Sodexo - BP Preço C011 B012 Desonerada_ - estudo multiplicador.xlsb\</t>
  </si>
  <si>
    <t>Cópia de BP Preço C015 B014 Desonerada_RV PL SL. Mín._Final Sem Aluguel Car_100519 (002).xlsb</t>
  </si>
  <si>
    <t>D:\Backup 12-11-2019\Desktop 22-07-19\Cópia de BP Preço C015 B014 Desonerada_RV PL SL. Mín._Final Sem Aluguel Car_100519 (002).xlsb</t>
  </si>
  <si>
    <t>C:\Users\suelenmm\OneDrive - Grupo Algar\Desktop 22-07-19\Cópia de BP Preço C015 B014 Desonerada_RV PL SL. Mín._Final Sem Aluguel Car_100519 (002).xlsb\</t>
  </si>
  <si>
    <t>Cópia de Cópia de Tab Cargos V12 _Correção Pisos e Aux creche _Florianopolis -SC e Mato Groso-MS - Suelen (003).xlsx</t>
  </si>
  <si>
    <t>D:\Backup 12-11-2019\Desktop 22-07-19\Cópia de Cópia de Tab Cargos V12 _Correção Pisos e Aux creche _Florianopolis -SC e Mato Groso-MS - Suelen (003).xlsx</t>
  </si>
  <si>
    <t>Cópia de Formulário de Solicitação de Cartões de visita rev 1.xlsx</t>
  </si>
  <si>
    <t>D:\Backup 12-11-2019\Desktop 22-07-19\Cópia de Formulário de Solicitação de Cartões de visita rev 1.xlsx</t>
  </si>
  <si>
    <t>Cópia de Lista Usuários - CRM.xlsx</t>
  </si>
  <si>
    <t>D:\Backup 12-11-2019\Desktop 22-07-19\Cópia de Lista Usuários - CRM.xlsx</t>
  </si>
  <si>
    <t>Cópia de Oportunidades por data criação (System Date) v4 (002) 7.xlsx</t>
  </si>
  <si>
    <t>D:\Backup 12-11-2019\Desktop 22-07-19\Cópia de Oportunidades por data criação (System Date) v4 (002) 7.xlsx</t>
  </si>
  <si>
    <t>Cópia de Orçamento 2º semestre 2018.xls</t>
  </si>
  <si>
    <t>D:\Backup 12-11-2019\Desktop 22-07-19\Cópia de Orçamento 2º semestre 2018.xls</t>
  </si>
  <si>
    <t>Cópia de Tab Cargos V12 _Correção Pisos e Aux creche _Florianopolis -SC e Mato Groso-MS - Suelen.xlsx</t>
  </si>
  <si>
    <t>D:\Backup 12-11-2019\Desktop 22-07-19\Cópia de Tab Cargos V12 _Correção Pisos e Aux creche _Florianopolis -SC e Mato Groso-MS - Suelen.xlsx</t>
  </si>
  <si>
    <t>Cópia de Template - Transferencia de GH.xlsx</t>
  </si>
  <si>
    <t>D:\Backup 12-11-2019\Desktop 22-07-19\Cópia de Template - Transferencia de GH.xlsx</t>
  </si>
  <si>
    <t>Cópia de V2 148932 - BP Preço C011 B012 Desonerada v7 (004).xlsb</t>
  </si>
  <si>
    <t>D:\Backup 12-11-2019\Desktop 22-07-19\Cópia de V2 148932 - BP Preço C011 B012 Desonerada v7 (004).xlsb</t>
  </si>
  <si>
    <t>C:\Users\suelenmm\OneDrive - Grupo Algar\Desktop 22-07-19\Cópia de V2 148932 - BP Preço C011 B012 Desonerada v7 (004).xlsb\</t>
  </si>
  <si>
    <t>Cópia de V2 148932 - BP Preço C011 B012 Desonerada v7 (005).xlsb</t>
  </si>
  <si>
    <t>D:\Backup 12-11-2019\Desktop 22-07-19\Cópia de V2 148932 - BP Preço C011 B012 Desonerada v7 (005).xlsb</t>
  </si>
  <si>
    <t>C:\Users\suelenmm\OneDrive - Grupo Algar\Desktop 22-07-19\Cópia de V2 148932 - BP Preço C011 B012 Desonerada v7 (005).xlsb\</t>
  </si>
  <si>
    <t>Cópia de V2 148932 - BP Preço C011 B012 Desonerada v7 (006).xlsb</t>
  </si>
  <si>
    <t>D:\Backup 12-11-2019\Desktop 22-07-19\Cópia de V2 148932 - BP Preço C011 B012 Desonerada v7 (006).xlsb</t>
  </si>
  <si>
    <t>C:\Users\suelenmm\OneDrive - Grupo Algar\Desktop 22-07-19\Cópia de V2 148932 - BP Preço C011 B012 Desonerada v7 (006).xlsb\</t>
  </si>
  <si>
    <t>D:\Backup 12-11-2019\Desktop 22-07-19\Demandas.xlsx</t>
  </si>
  <si>
    <t>Elegibilidade v1.xlsx</t>
  </si>
  <si>
    <t>D:\Backup 12-11-2019\Desktop 22-07-19\Elegibilidade v1.xlsx</t>
  </si>
  <si>
    <t>Enxoval Helena.xlsx</t>
  </si>
  <si>
    <t>D:\Backup 12-11-2019\Desktop 22-07-19\Enxoval Helena.xlsx</t>
  </si>
  <si>
    <t>Estrutura 2º semestre - Suelen.xlsx</t>
  </si>
  <si>
    <t>D:\Backup 12-11-2019\Desktop 22-07-19\Estrutura 2º semestre - Suelen.xlsx</t>
  </si>
  <si>
    <t>Estrutura De_Para.xlsx</t>
  </si>
  <si>
    <t>D:\Backup 12-11-2019\Desktop 22-07-19\Estrutura De_Para.xlsx</t>
  </si>
  <si>
    <t>Estrutura Lote 6-2018.xlsx</t>
  </si>
  <si>
    <t>D:\Backup 12-11-2019\Desktop 22-07-19\Estrutura Lote 6-2018.xlsx</t>
  </si>
  <si>
    <t>C:\Users\suelenmm\OneDrive - Grupo Algar\Desktop 22-07-19\Estudo Time Soluções.pptx\</t>
  </si>
  <si>
    <t>D:\Backup 12-11-2019\Desktop 22-07-19\Estudo Time Soluções.pptx</t>
  </si>
  <si>
    <t>Expurgo.xlsx</t>
  </si>
  <si>
    <t>D:\Backup 12-11-2019\Desktop 22-07-19\Expurgo.xlsx</t>
  </si>
  <si>
    <t>Field v2.xlsb</t>
  </si>
  <si>
    <t>D:\Backup 12-11-2019\Desktop 22-07-19\Field v2.xlsb</t>
  </si>
  <si>
    <t>C:\Users\suelenmm\OneDrive - Grupo Algar\Desktop 22-07-19\Field v2.xlsb\</t>
  </si>
  <si>
    <t>D:\Backup 12-11-2019\Desktop 22-07-19\Fluxo_de_Caixa_2010_2011_2012_2013_2014_2015_2016 v1.xlsx</t>
  </si>
  <si>
    <t>Formulário de Solicitação de Cartões de visita v2.xlsx</t>
  </si>
  <si>
    <t>D:\Backup 12-11-2019\Desktop 22-07-19\Formulário de Solicitação de Cartões de visita v2.xlsx</t>
  </si>
  <si>
    <t>Formulário de Solicitação de Cartões de visita.xlsx</t>
  </si>
  <si>
    <t>D:\Backup 12-11-2019\Desktop 22-07-19\Formulário de Solicitação de Cartões de visita.xlsx</t>
  </si>
  <si>
    <t>GH ALTERAÇÃO.xlsx</t>
  </si>
  <si>
    <t>D:\Backup 12-11-2019\Desktop 22-07-19\GH ALTERAÇÃO.xlsx</t>
  </si>
  <si>
    <t>IMPUT HORAS ADICIONAIS.xlsb</t>
  </si>
  <si>
    <t>D:\Backup 12-11-2019\Desktop 22-07-19\IMPUT HORAS ADICIONAIS.xlsb</t>
  </si>
  <si>
    <t>C:\Users\suelenmm\OneDrive - Grupo Algar\Desktop 22-07-19\IMPUT HORAS ADICIONAIS.xlsb\</t>
  </si>
  <si>
    <t>levantamento_estrutura_bp - GAT.xlsx</t>
  </si>
  <si>
    <t>D:\Backup 12-11-2019\Desktop 22-07-19\levantamento_estrutura_bp - GAT.xlsx</t>
  </si>
  <si>
    <t>Lista (002).xlsx</t>
  </si>
  <si>
    <t>D:\Backup 12-11-2019\Desktop 22-07-19\Lista (002).xlsx</t>
  </si>
  <si>
    <t>Logística FMM-FMT v16.4.xlsx</t>
  </si>
  <si>
    <t>D:\Backup 12-11-2019\Desktop 22-07-19\Logística FMM-FMT v16.4.xlsx</t>
  </si>
  <si>
    <t>Meta.xlsx</t>
  </si>
  <si>
    <t>D:\Backup 12-11-2019\Desktop 22-07-19\Meta.xlsx</t>
  </si>
  <si>
    <t>Niver Helena.xlsx</t>
  </si>
  <si>
    <t>D:\Backup 12-11-2019\Desktop 22-07-19\Niver Helena.xlsx</t>
  </si>
  <si>
    <t>Oportunidades por data criação (System Date) v2.xlsx</t>
  </si>
  <si>
    <t>D:\Backup 12-11-2019\Desktop 22-07-19\Oportunidades por data criação (System Date) v2.xlsx</t>
  </si>
  <si>
    <t>Oportunidades por data criação (System Date) v3.xlsx</t>
  </si>
  <si>
    <t>D:\Backup 12-11-2019\Desktop 22-07-19\Oportunidades por data criação (System Date) v3.xlsx</t>
  </si>
  <si>
    <t>Oportunidades por data criação (System Date) v4.xlsx</t>
  </si>
  <si>
    <t>D:\Backup 12-11-2019\Desktop 22-07-19\Oportunidades por data criação (System Date) v4.xlsx</t>
  </si>
  <si>
    <t>Oportunidades por data fechamento - detalhado - emissão proposta (2) - v2 - alçadas.xlsx</t>
  </si>
  <si>
    <t>D:\Backup 12-11-2019\Desktop 22-07-19\Oportunidades por data fechamento - detalhado - emissão proposta (2) - v2 - alçadas.xlsx</t>
  </si>
  <si>
    <t>Oportunidades por data fechamento - detalhado - emissão proposta (2) - v2.xlsx</t>
  </si>
  <si>
    <t>D:\Backup 12-11-2019\Desktop 22-07-19\Oportunidades por data fechamento - detalhado - emissão proposta (2) - v2.xlsx</t>
  </si>
  <si>
    <t>Opps em Andamento.xlsx</t>
  </si>
  <si>
    <t>D:\Backup 12-11-2019\Desktop 22-07-19\Opps em Andamento.xlsx</t>
  </si>
  <si>
    <t>password_2007_2010.xlam</t>
  </si>
  <si>
    <t>D:\Backup 12-11-2019\Desktop 22-07-19\password_2007_2010.xlam</t>
  </si>
  <si>
    <t>PCoE v2.xlsx</t>
  </si>
  <si>
    <t>D:\Backup 12-11-2019\Desktop 22-07-19\PCoE v2.xlsx</t>
  </si>
  <si>
    <t>Pensao.xlsx</t>
  </si>
  <si>
    <t>D:\Backup 12-11-2019\Desktop 22-07-19\Pensao.xlsx</t>
  </si>
  <si>
    <t>Pensão e Produtos detamatologista.xlsx</t>
  </si>
  <si>
    <t>D:\Backup 12-11-2019\Desktop 22-07-19\Pensão e Produtos detamatologista.xlsx</t>
  </si>
  <si>
    <t>C:\Users\suelenmm\OneDrive - Grupo Algar\Desktop 22-07-19\PETROBRAS MACAE v7.pptx\</t>
  </si>
  <si>
    <t>D:\Backup 12-11-2019\Desktop 22-07-19\PETROBRAS MACAE v7.pptx</t>
  </si>
  <si>
    <t>C:\Users\suelenmm\OneDrive - Grupo Algar\Desktop 22-07-19\PGP Gerproc atual-1-1.ppt\s4\</t>
  </si>
  <si>
    <t>Planilha do Microsoft Office Excel 97-2003.xls</t>
  </si>
  <si>
    <t>D:\Backup 12-11-2019\Desktop 22-07-19\PGP Gerproc atual-1-1.ppt</t>
  </si>
  <si>
    <t>Worksheet.xls</t>
  </si>
  <si>
    <t>Worksheet1.xls</t>
  </si>
  <si>
    <t>Worksheet2.xls</t>
  </si>
  <si>
    <t>Pre Sales Location (detail table).xlsx</t>
  </si>
  <si>
    <t>D:\Backup 12-11-2019\Desktop 22-07-19\Pre Sales Location (detail table).xlsx</t>
  </si>
  <si>
    <t>Premissas TH.xlsx</t>
  </si>
  <si>
    <t>D:\Backup 12-11-2019\Desktop 22-07-19\Premissas TH.xlsx</t>
  </si>
  <si>
    <t>Product Catalog (3 níveis) (2).xlsx</t>
  </si>
  <si>
    <t>D:\Backup 12-11-2019\Desktop 22-07-19\Product Catalog (3 níveis) (2).xlsx</t>
  </si>
  <si>
    <t>Product Catalog (3 níveis) 22-04-19.xlsx</t>
  </si>
  <si>
    <t>D:\Backup 12-11-2019\Desktop 22-07-19\Product Catalog (3 níveis) 22-04-19.xlsx</t>
  </si>
  <si>
    <t>Product Catalog (3 níveis) 26-06-19.xlsx</t>
  </si>
  <si>
    <t>D:\Backup 12-11-2019\Desktop 22-07-19\Product Catalog (3 níveis) 26-06-19.xlsx</t>
  </si>
  <si>
    <t>C:\Users\suelenmm\OneDrive - Grupo Algar\Desktop 22-07-19\Projeto CSC - Resumo Executivo.pptx\</t>
  </si>
  <si>
    <t>D:\Backup 12-11-2019\Desktop 22-07-19\Projeto CSC - Resumo Executivo.pptx</t>
  </si>
  <si>
    <t>oleObject3.xlsx</t>
  </si>
  <si>
    <t>oleObject4.xlsx</t>
  </si>
  <si>
    <t>C:\Users\suelenmm\OneDrive - Grupo Algar\Desktop 22-07-19\Reunião Soluções 07-2019.pptx\</t>
  </si>
  <si>
    <t>D:\Backup 12-11-2019\Desktop 22-07-19\Reunião Soluções 07-2019.pptx</t>
  </si>
  <si>
    <t>RFP Prudential - GIAT - Cenário 1 - Fator 2.xlsb</t>
  </si>
  <si>
    <t>D:\Backup 12-11-2019\Desktop 22-07-19\RFP Prudential - GIAT - Cenário 1 - Fator 2.xlsb</t>
  </si>
  <si>
    <t>C:\Users\suelenmm\OneDrive - Grupo Algar\Desktop 22-07-19\RFP Prudential - GIAT - Cenário 1 - Fator 2.xlsb\</t>
  </si>
  <si>
    <t>Simulação Prodesp - v2.xlsb</t>
  </si>
  <si>
    <t>D:\Backup 12-11-2019\Desktop 22-07-19\Simulação Prodesp - v2.xlsb</t>
  </si>
  <si>
    <t>C:\Users\suelenmm\OneDrive - Grupo Algar\Desktop 22-07-19\Simulação Prodesp - v2.xlsb\</t>
  </si>
  <si>
    <t>D:\Backup 12-11-2019\Desktop 22-07-19\Simulações comissão suélen.xlsx</t>
  </si>
  <si>
    <t>C:\Users\suelenmm\OneDrive - Grupo Algar\Desktop 22-07-19\SLAs Entre as Áreas.pptx\</t>
  </si>
  <si>
    <t>D:\Backup 12-11-2019\Desktop 22-07-19\SLAs Entre as Áreas.pptx</t>
  </si>
  <si>
    <t>SLAs Entre Áreas v1.xlsx</t>
  </si>
  <si>
    <t>D:\Backup 12-11-2019\Desktop 22-07-19\SLAs Entre Áreas v1.xlsx</t>
  </si>
  <si>
    <t>SLAs Entre Áreas v2.xlsx</t>
  </si>
  <si>
    <t>D:\Backup 12-11-2019\Desktop 22-07-19\SLAs Entre Áreas v2.xlsx</t>
  </si>
  <si>
    <t>D:\Backup 12-11-2019\Desktop 22-07-19\SLAs Entre Áreas v3.xlsx</t>
  </si>
  <si>
    <t>SLAs Entre Áreas.xlsx</t>
  </si>
  <si>
    <t>D:\Backup 12-11-2019\Desktop 22-07-19\SLAs Entre Áreas.xlsx</t>
  </si>
  <si>
    <t>SOP - GAT - Mar-18.xlsb</t>
  </si>
  <si>
    <t>D:\Backup 12-11-2019\Desktop 22-07-19\SOP - GAT - Mar-18.xlsb</t>
  </si>
  <si>
    <t>SOP - GST - Mar-18.xlsb</t>
  </si>
  <si>
    <t>D:\Backup 12-11-2019\Desktop 22-07-19\SOP - GST - Mar-18.xlsb</t>
  </si>
  <si>
    <t>Template DE Para para Promoção e Mérito - Suelen Moreira Marques.xlsx</t>
  </si>
  <si>
    <t>D:\Backup 12-11-2019\Desktop 22-07-19\Template DE Para para Promoção e Mérito - Suelen Moreira Marques.xlsx</t>
  </si>
  <si>
    <t>Teste Wanessa.xlsb</t>
  </si>
  <si>
    <t>D:\Backup 12-11-2019\Desktop 22-07-19\Teste Wanessa.xlsb</t>
  </si>
  <si>
    <t>C:\Users\suelenmm\OneDrive - Grupo Algar\Desktop 22-07-19\Teste Wanessa.xlsb\</t>
  </si>
  <si>
    <t>C:\Users\suelenmm\OneDrive - Grupo Algar\Desktop 22-07-19\ULTIMA LOGÍSTICA.msg\s79\</t>
  </si>
  <si>
    <t>D:\Backup 12-11-2019\Desktop 22-07-19\ULTIMA LOGÍSTICA.msg</t>
  </si>
  <si>
    <t>Vallourec.xlsx</t>
  </si>
  <si>
    <t>D:\Backup 12-11-2019\Desktop 22-07-19\Vallourec.xlsx</t>
  </si>
  <si>
    <t>vaoqv2u5.plh.xlsx</t>
  </si>
  <si>
    <t>D:\Backup 12-11-2019\Desktop 22-07-19\vaoqv2u5.plh.xlsx</t>
  </si>
  <si>
    <t>C:\Users\suelenmm\OneDrive - Grupo Algar\Desktop 22-07-19\Download\</t>
  </si>
  <si>
    <t>00koyqtn.oh5.csv</t>
  </si>
  <si>
    <t>D:\Backup 12-11-2019\Desktop 22-07-19\Download\00koyqtn.oh5.csv</t>
  </si>
  <si>
    <t>00koyqtn.oh5.csv:Zone.Identifier</t>
  </si>
  <si>
    <t>D:\Backup 12-11-2019\Desktop 22-07-19\Download\00koyqtn.oh5.csv:Zone.Identifier</t>
  </si>
  <si>
    <t>022a8356d9604955bae2bb83dd89378a.xls</t>
  </si>
  <si>
    <t>D:\Backup 12-11-2019\Desktop 22-07-19\Download\022a8356d9604955bae2bb83dd89378a.xls</t>
  </si>
  <si>
    <t>079ce4ca4d4f41e29e5662a16f8423ad.csv</t>
  </si>
  <si>
    <t>D:\Backup 12-11-2019\Desktop 22-07-19\Download\079ce4ca4d4f41e29e5662a16f8423ad.csv</t>
  </si>
  <si>
    <t>079ce4ca4d4f41e29e5662a16f8423ad.csv:Zone.Identifier</t>
  </si>
  <si>
    <t>D:\Backup 12-11-2019\Desktop 22-07-19\Download\079ce4ca4d4f41e29e5662a16f8423ad.csv:Zone.Identifier</t>
  </si>
  <si>
    <t>0v1xz3fz.uu1.csv</t>
  </si>
  <si>
    <t>D:\Backup 12-11-2019\Desktop 22-07-19\Download\0v1xz3fz.uu1.csv</t>
  </si>
  <si>
    <t>0wgsdtsq.dfy (1).csv</t>
  </si>
  <si>
    <t>D:\Backup 12-11-2019\Desktop 22-07-19\Download\0wgsdtsq.dfy (1).csv</t>
  </si>
  <si>
    <t>0wgsdtsq.dfy (1).csv:Zone.Identifier</t>
  </si>
  <si>
    <t>D:\Backup 12-11-2019\Desktop 22-07-19\Download\0wgsdtsq.dfy (1).csv:Zone.Identifier</t>
  </si>
  <si>
    <t>0wgsdtsq.dfy (2).csv</t>
  </si>
  <si>
    <t>D:\Backup 12-11-2019\Desktop 22-07-19\Download\0wgsdtsq.dfy (2).csv</t>
  </si>
  <si>
    <t>0wgsdtsq.dfy (2).csv:Zone.Identifier</t>
  </si>
  <si>
    <t>D:\Backup 12-11-2019\Desktop 22-07-19\Download\0wgsdtsq.dfy (2).csv:Zone.Identifier</t>
  </si>
  <si>
    <t>0wgsdtsq.dfy.csv</t>
  </si>
  <si>
    <t>D:\Backup 12-11-2019\Desktop 22-07-19\Download\0wgsdtsq.dfy.csv</t>
  </si>
  <si>
    <t>12ae9bbf025c45b88cbfb18ed2134b41.xls</t>
  </si>
  <si>
    <t>D:\Backup 12-11-2019\Desktop 22-07-19\Download\12ae9bbf025c45b88cbfb18ed2134b41.xls</t>
  </si>
  <si>
    <t>13r3fkwf.oic.csv</t>
  </si>
  <si>
    <t>D:\Backup 12-11-2019\Desktop 22-07-19\Download\13r3fkwf.oic.csv</t>
  </si>
  <si>
    <t>13r3fkwf.oic.csv:Zone.Identifier</t>
  </si>
  <si>
    <t>D:\Backup 12-11-2019\Desktop 22-07-19\Download\13r3fkwf.oic.csv:Zone.Identifier</t>
  </si>
  <si>
    <t>149032 - BP Preço C011 B012 Desonerada - Atento v1.0 - To Be.xlsb</t>
  </si>
  <si>
    <t>D:\Backup 12-11-2019\Desktop 22-07-19\Download\149032 - BP Preço C011 B012 Desonerada - Atento v1.0 - To Be.xlsb</t>
  </si>
  <si>
    <t>C:\Users\suelenmm\OneDrive - Grupo Algar\Desktop 22-07-19\Download\149032 - BP Preço C011 B012 Desonerada - Atento v1.0 - To Be.xlsb\</t>
  </si>
  <si>
    <t>150tdotz.a22.csv</t>
  </si>
  <si>
    <t>D:\Backup 12-11-2019\Desktop 22-07-19\Download\150tdotz.a22.csv</t>
  </si>
  <si>
    <t>150tdotz.a22.csv:Zone.Identifier</t>
  </si>
  <si>
    <t>D:\Backup 12-11-2019\Desktop 22-07-19\Download\150tdotz.a22.csv:Zone.Identifier</t>
  </si>
  <si>
    <t>160191_IBM_SD_IBM_(BP Preço C015 B014).xlsb</t>
  </si>
  <si>
    <t>D:\Backup 12-11-2019\Desktop 22-07-19\Download\160191_IBM_SD_IBM_(BP Preço C015 B014).xlsb</t>
  </si>
  <si>
    <t>C:\Users\suelenmm\OneDrive - Grupo Algar\Desktop 22-07-19\Download\160191_IBM_SD_IBM_(BP Preço C015 B014).xlsb\</t>
  </si>
  <si>
    <t>191365982eb44a3bacf9553ecc042b22.xls</t>
  </si>
  <si>
    <t>D:\Backup 12-11-2019\Desktop 22-07-19\Download\191365982eb44a3bacf9553ecc042b22.xls</t>
  </si>
  <si>
    <t>1nj4bkf3.4mk.csv</t>
  </si>
  <si>
    <t>D:\Backup 12-11-2019\Desktop 22-07-19\Download\1nj4bkf3.4mk.csv</t>
  </si>
  <si>
    <t>1nj4bkf3.4mk.csv:Zone.Identifier</t>
  </si>
  <si>
    <t>D:\Backup 12-11-2019\Desktop 22-07-19\Download\1nj4bkf3.4mk.csv:Zone.Identifier</t>
  </si>
  <si>
    <t>219f826cc5434b70a09d4c780080f5dd.xls</t>
  </si>
  <si>
    <t>D:\Backup 12-11-2019\Desktop 22-07-19\Download\219f826cc5434b70a09d4c780080f5dd.xls</t>
  </si>
  <si>
    <t>23998a33c8c643a581db32a44d5536ae.xls</t>
  </si>
  <si>
    <t>D:\Backup 12-11-2019\Desktop 22-07-19\Download\23998a33c8c643a581db32a44d5536ae.xls</t>
  </si>
  <si>
    <t>2aa01316e9974157967467ff4ee85385.xls</t>
  </si>
  <si>
    <t>D:\Backup 12-11-2019\Desktop 22-07-19\Download\2aa01316e9974157967467ff4ee85385.xls</t>
  </si>
  <si>
    <t>2kbezo4v.xcd.csv</t>
  </si>
  <si>
    <t>D:\Backup 12-11-2019\Desktop 22-07-19\Download\2kbezo4v.xcd.csv</t>
  </si>
  <si>
    <t>2kbezo4v.xcd.csv:Zone.Identifier</t>
  </si>
  <si>
    <t>D:\Backup 12-11-2019\Desktop 22-07-19\Download\2kbezo4v.xcd.csv:Zone.Identifier</t>
  </si>
  <si>
    <t>2n4otkvp.rgd.csv</t>
  </si>
  <si>
    <t>D:\Backup 12-11-2019\Desktop 22-07-19\Download\2n4otkvp.rgd.csv</t>
  </si>
  <si>
    <t>2n4otkvp.rgd.csv:Zone.Identifier</t>
  </si>
  <si>
    <t>D:\Backup 12-11-2019\Desktop 22-07-19\Download\2n4otkvp.rgd.csv:Zone.Identifier</t>
  </si>
  <si>
    <t>327b6961aff34561a45b9bb95ccd6244.csv</t>
  </si>
  <si>
    <t>D:\Backup 12-11-2019\Desktop 22-07-19\Download\327b6961aff34561a45b9bb95ccd6244.csv</t>
  </si>
  <si>
    <t>327b6961aff34561a45b9bb95ccd6244.csv:Zone.Identifier</t>
  </si>
  <si>
    <t>D:\Backup 12-11-2019\Desktop 22-07-19\Download\327b6961aff34561a45b9bb95ccd6244.csv:Zone.Identifier</t>
  </si>
  <si>
    <t>332ecd22bcb2485f8303b8552602d269.csv</t>
  </si>
  <si>
    <t>D:\Backup 12-11-2019\Desktop 22-07-19\Download\332ecd22bcb2485f8303b8552602d269.csv</t>
  </si>
  <si>
    <t>332ecd22bcb2485f8303b8552602d269.csv:Zone.Identifier</t>
  </si>
  <si>
    <t>D:\Backup 12-11-2019\Desktop 22-07-19\Download\332ecd22bcb2485f8303b8552602d269.csv:Zone.Identifier</t>
  </si>
  <si>
    <t>3c314148775448e9ab1431395be5d893.xls</t>
  </si>
  <si>
    <t>D:\Backup 12-11-2019\Desktop 22-07-19\Download\3c314148775448e9ab1431395be5d893.xls</t>
  </si>
  <si>
    <t>3c6ecf04b26f4f818a80a3f783440cce.xls</t>
  </si>
  <si>
    <t>D:\Backup 12-11-2019\Desktop 22-07-19\Download\3c6ecf04b26f4f818a80a3f783440cce.xls</t>
  </si>
  <si>
    <t>3e7d299171334d199183d2cdab9d2dcf.xls</t>
  </si>
  <si>
    <t>D:\Backup 12-11-2019\Desktop 22-07-19\Download\3e7d299171334d199183d2cdab9d2dcf.xls</t>
  </si>
  <si>
    <t>3itu5gz4.0is.csv</t>
  </si>
  <si>
    <t>D:\Backup 12-11-2019\Desktop 22-07-19\Download\3itu5gz4.0is.csv</t>
  </si>
  <si>
    <t>406aee30117c4a259b1527a8038a0cbe v2.xls</t>
  </si>
  <si>
    <t>D:\Backup 12-11-2019\Desktop 22-07-19\Download\406aee30117c4a259b1527a8038a0cbe v2.xls</t>
  </si>
  <si>
    <t>406aee30117c4a259b1527a8038a0cbe.xls</t>
  </si>
  <si>
    <t>D:\Backup 12-11-2019\Desktop 22-07-19\Download\406aee30117c4a259b1527a8038a0cbe.xls</t>
  </si>
  <si>
    <t>49236e87dad5407a8c7369d229e6fad2.xls</t>
  </si>
  <si>
    <t>D:\Backup 12-11-2019\Desktop 22-07-19\Download\49236e87dad5407a8c7369d229e6fad2.xls</t>
  </si>
  <si>
    <t>4ad6ca991c6041229e4f172acb0e8947.csv</t>
  </si>
  <si>
    <t>D:\Backup 12-11-2019\Desktop 22-07-19\Download\4ad6ca991c6041229e4f172acb0e8947.csv</t>
  </si>
  <si>
    <t>4ad6ca991c6041229e4f172acb0e8947.csv:Zone.Identifier</t>
  </si>
  <si>
    <t>D:\Backup 12-11-2019\Desktop 22-07-19\Download\4ad6ca991c6041229e4f172acb0e8947.csv:Zone.Identifier</t>
  </si>
  <si>
    <t>4e65aded5c2f4213bfd0c4782bbb0710.xls</t>
  </si>
  <si>
    <t>D:\Backup 12-11-2019\Desktop 22-07-19\Download\4e65aded5c2f4213bfd0c4782bbb0710.xls</t>
  </si>
  <si>
    <t>4ow1pbky.ktu.csv</t>
  </si>
  <si>
    <t>D:\Backup 12-11-2019\Desktop 22-07-19\Download\4ow1pbky.ktu.csv</t>
  </si>
  <si>
    <t>4ow1pbky.ktu.csv:Zone.Identifier</t>
  </si>
  <si>
    <t>D:\Backup 12-11-2019\Desktop 22-07-19\Download\4ow1pbky.ktu.csv:Zone.Identifier</t>
  </si>
  <si>
    <t>50530cdee4104485990dd2b42f0ff24e.csv</t>
  </si>
  <si>
    <t>D:\Backup 12-11-2019\Desktop 22-07-19\Download\50530cdee4104485990dd2b42f0ff24e.csv</t>
  </si>
  <si>
    <t>50530cdee4104485990dd2b42f0ff24e.csv:Zone.Identifier</t>
  </si>
  <si>
    <t>D:\Backup 12-11-2019\Desktop 22-07-19\Download\50530cdee4104485990dd2b42f0ff24e.csv:Zone.Identifier</t>
  </si>
  <si>
    <t>5211543a92f1405992a99a378212fea8.xls</t>
  </si>
  <si>
    <t>D:\Backup 12-11-2019\Desktop 22-07-19\Download\5211543a92f1405992a99a378212fea8.xls</t>
  </si>
  <si>
    <t>54a556d994b2426482df0ac03e789433.xls</t>
  </si>
  <si>
    <t>D:\Backup 12-11-2019\Desktop 22-07-19\Download\54a556d994b2426482df0ac03e789433.xls</t>
  </si>
  <si>
    <t>5828ae5978c24593b49407615e6c76fe.xls</t>
  </si>
  <si>
    <t>D:\Backup 12-11-2019\Desktop 22-07-19\Download\5828ae5978c24593b49407615e6c76fe.xls</t>
  </si>
  <si>
    <t>5c2b8682fe1a4b2d9d09e205390285ff.xls</t>
  </si>
  <si>
    <t>D:\Backup 12-11-2019\Desktop 22-07-19\Download\5c2b8682fe1a4b2d9d09e205390285ff.xls</t>
  </si>
  <si>
    <t>5xqoj1k1.sx3.csv</t>
  </si>
  <si>
    <t>D:\Backup 12-11-2019\Desktop 22-07-19\Download\5xqoj1k1.sx3.csv</t>
  </si>
  <si>
    <t>5xqoj1k1.sx3.csv:Zone.Identifier</t>
  </si>
  <si>
    <t>D:\Backup 12-11-2019\Desktop 22-07-19\Download\5xqoj1k1.sx3.csv:Zone.Identifier</t>
  </si>
  <si>
    <t>664afeed755c4958844cbd13d67b2fa1.csv</t>
  </si>
  <si>
    <t>D:\Backup 12-11-2019\Desktop 22-07-19\Download\664afeed755c4958844cbd13d67b2fa1.csv</t>
  </si>
  <si>
    <t>664afeed755c4958844cbd13d67b2fa1.csv:Zone.Identifier</t>
  </si>
  <si>
    <t>D:\Backup 12-11-2019\Desktop 22-07-19\Download\664afeed755c4958844cbd13d67b2fa1.csv:Zone.Identifier</t>
  </si>
  <si>
    <t>6745b0c6493c44cc915fd1f80b970564.xls</t>
  </si>
  <si>
    <t>D:\Backup 12-11-2019\Desktop 22-07-19\Download\6745b0c6493c44cc915fd1f80b970564.xls</t>
  </si>
  <si>
    <t>6a9232a5cc0b45b084f03563d6e15d8e.xls</t>
  </si>
  <si>
    <t>D:\Backup 12-11-2019\Desktop 22-07-19\Download\6a9232a5cc0b45b084f03563d6e15d8e.xls</t>
  </si>
  <si>
    <t>847c58607b734a1580feb1603c24fa34.xls</t>
  </si>
  <si>
    <t>D:\Backup 12-11-2019\Desktop 22-07-19\Download\847c58607b734a1580feb1603c24fa34.xls</t>
  </si>
  <si>
    <t>87cbd3835e694aa1829dc067f27fcc89.csv</t>
  </si>
  <si>
    <t>D:\Backup 12-11-2019\Desktop 22-07-19\Download\87cbd3835e694aa1829dc067f27fcc89.csv</t>
  </si>
  <si>
    <t>87cbd3835e694aa1829dc067f27fcc89.csv:Zone.Identifier</t>
  </si>
  <si>
    <t>D:\Backup 12-11-2019\Desktop 22-07-19\Download\87cbd3835e694aa1829dc067f27fcc89.csv:Zone.Identifier</t>
  </si>
  <si>
    <t>8a5230f15e9f4a2bb2eba33a284a086c.xls</t>
  </si>
  <si>
    <t>D:\Backup 12-11-2019\Desktop 22-07-19\Download\8a5230f15e9f4a2bb2eba33a284a086c.xls</t>
  </si>
  <si>
    <t>8f98d4bd6ee84e60bd5dffa56865b26b.xls</t>
  </si>
  <si>
    <t>D:\Backup 12-11-2019\Desktop 22-07-19\Download\8f98d4bd6ee84e60bd5dffa56865b26b.xls</t>
  </si>
  <si>
    <t>91356aed355841f0824da5cb62ea6d5b.csv</t>
  </si>
  <si>
    <t>D:\Backup 12-11-2019\Desktop 22-07-19\Download\91356aed355841f0824da5cb62ea6d5b.csv</t>
  </si>
  <si>
    <t>91356aed355841f0824da5cb62ea6d5b.csv:Zone.Identifier</t>
  </si>
  <si>
    <t>D:\Backup 12-11-2019\Desktop 22-07-19\Download\91356aed355841f0824da5cb62ea6d5b.csv:Zone.Identifier</t>
  </si>
  <si>
    <t>93ab01530a164e8a8b700a6cd416dde7.xls</t>
  </si>
  <si>
    <t>D:\Backup 12-11-2019\Desktop 22-07-19\Download\93ab01530a164e8a8b700a6cd416dde7.xls</t>
  </si>
  <si>
    <t>947334 - BP Preço C014 B014 Desonerada - ONS v1.10 %28revisão%29 - Cenário1 %28Conv e RV%29.xlsb</t>
  </si>
  <si>
    <t>D:\Backup 12-11-2019\Desktop 22-07-19\Download\947334 - BP Preço C014 B014 Desonerada - ONS v1.10 %28revisão%29 - Cenário1 %28Conv e RV%29.xlsb</t>
  </si>
  <si>
    <t>C:\Users\suelenmm\OneDrive - Grupo Algar\Desktop 22-07-19\Download\947334 - BP Preço C014 B014 Desonerada - ONS v1.10 %28revisão%29 - Cenário1 %28Conv e RV%29.xlsb\</t>
  </si>
  <si>
    <t>aaf441f31d614e00ad3820121889f1a8.xls</t>
  </si>
  <si>
    <t>D:\Backup 12-11-2019\Desktop 22-07-19\Download\aaf441f31d614e00ad3820121889f1a8.xls</t>
  </si>
  <si>
    <t>abr-19.csv</t>
  </si>
  <si>
    <t>D:\Backup 12-11-2019\Desktop 22-07-19\Download\abr-19.csv</t>
  </si>
  <si>
    <t>abr-19.csv:Zone.Identifier</t>
  </si>
  <si>
    <t>D:\Backup 12-11-2019\Desktop 22-07-19\Download\abr-19.csv:Zone.Identifier</t>
  </si>
  <si>
    <t>alvcxg25.rrc.csv</t>
  </si>
  <si>
    <t>D:\Backup 12-11-2019\Desktop 22-07-19\Download\alvcxg25.rrc.csv</t>
  </si>
  <si>
    <t>alvcxg25.rrc.csv:Zone.Identifier</t>
  </si>
  <si>
    <t>D:\Backup 12-11-2019\Desktop 22-07-19\Download\alvcxg25.rrc.csv:Zone.Identifier</t>
  </si>
  <si>
    <t>Anexo 4 - Cronograma.xlsx</t>
  </si>
  <si>
    <t>D:\Backup 12-11-2019\Desktop 22-07-19\Download\Anexo 4 - Cronograma.xlsx</t>
  </si>
  <si>
    <t>Anexo II - Formulário de Questionamentos (1).xlsx</t>
  </si>
  <si>
    <t>D:\Backup 12-11-2019\Desktop 22-07-19\Download\Anexo II - Formulário de Questionamentos (1).xlsx</t>
  </si>
  <si>
    <t>Anexo II - Formulário de Questionamentos.xlsx</t>
  </si>
  <si>
    <t>D:\Backup 12-11-2019\Desktop 22-07-19\Download\Anexo II - Formulário de Questionamentos.xlsx</t>
  </si>
  <si>
    <t>aohkkzvd.dpd.csv</t>
  </si>
  <si>
    <t>D:\Backup 12-11-2019\Desktop 22-07-19\Download\aohkkzvd.dpd.csv</t>
  </si>
  <si>
    <t>aohkkzvd.dpd.csv:Zone.Identifier</t>
  </si>
  <si>
    <t>D:\Backup 12-11-2019\Desktop 22-07-19\Download\aohkkzvd.dpd.csv:Zone.Identifier</t>
  </si>
  <si>
    <t>Apuração de IR em branco (1).xlsx</t>
  </si>
  <si>
    <t>D:\Backup 12-11-2019\Desktop 22-07-19\Download\Apuração de IR em branco (1).xlsx</t>
  </si>
  <si>
    <t>D:\Backup 12-11-2019\Desktop 22-07-19\Download\Apuração de IR em branco.xlsx</t>
  </si>
  <si>
    <t>Associados_jan-19 (1).xlsx</t>
  </si>
  <si>
    <t>D:\Backup 12-11-2019\Desktop 22-07-19\Download\Associados_jan-19 (1).xlsx</t>
  </si>
  <si>
    <t>Associados_jan-19.xlsx</t>
  </si>
  <si>
    <t>D:\Backup 12-11-2019\Desktop 22-07-19\Download\Associados_jan-19.xlsx</t>
  </si>
  <si>
    <t>Atualização de Documentos %284%29.xlsx</t>
  </si>
  <si>
    <t>D:\Backup 12-11-2019\Desktop 22-07-19\Download\Atualização de Documentos %284%29.xlsx</t>
  </si>
  <si>
    <t>b23bdba8041c429b8c99978e29f321b8.xls</t>
  </si>
  <si>
    <t>D:\Backup 12-11-2019\Desktop 22-07-19\Download\b23bdba8041c429b8c99978e29f321b8.xls</t>
  </si>
  <si>
    <t>byhscrxu.gse.csv</t>
  </si>
  <si>
    <t>D:\Backup 12-11-2019\Desktop 22-07-19\Download\byhscrxu.gse.csv</t>
  </si>
  <si>
    <t>byhscrxu.gse.csv:Zone.Identifier</t>
  </si>
  <si>
    <t>D:\Backup 12-11-2019\Desktop 22-07-19\Download\byhscrxu.gse.csv:Zone.Identifier</t>
  </si>
  <si>
    <t>c23f293163224ec9b3201e6b3467a5fd.xls</t>
  </si>
  <si>
    <t>D:\Backup 12-11-2019\Desktop 22-07-19\Download\c23f293163224ec9b3201e6b3467a5fd.xls</t>
  </si>
  <si>
    <t>c31b30692d3b4568abed8f1b5f6c9ddd.xls</t>
  </si>
  <si>
    <t>D:\Backup 12-11-2019\Desktop 22-07-19\Download\c31b30692d3b4568abed8f1b5f6c9ddd.xls</t>
  </si>
  <si>
    <t>cba81ed5fa7b4c9690936579752ba2fa.csv</t>
  </si>
  <si>
    <t>D:\Backup 12-11-2019\Desktop 22-07-19\Download\cba81ed5fa7b4c9690936579752ba2fa.csv</t>
  </si>
  <si>
    <t>cba81ed5fa7b4c9690936579752ba2fa.csv:Zone.Identifier</t>
  </si>
  <si>
    <t>D:\Backup 12-11-2019\Desktop 22-07-19\Download\cba81ed5fa7b4c9690936579752ba2fa.csv:Zone.Identifier</t>
  </si>
  <si>
    <t>ccdafa3aa4bf49368a6b91e641376752.xls</t>
  </si>
  <si>
    <t>D:\Backup 12-11-2019\Desktop 22-07-19\Download\ccdafa3aa4bf49368a6b91e641376752.xls</t>
  </si>
  <si>
    <t>cd8f92f661884232910ef4ef3d80fc6e.xls</t>
  </si>
  <si>
    <t>D:\Backup 12-11-2019\Desktop 22-07-19\Download\cd8f92f661884232910ef4ef3d80fc6e.xls</t>
  </si>
  <si>
    <t>cec8435c7dc94a61b5e28e3589b202ff.csv</t>
  </si>
  <si>
    <t>D:\Backup 12-11-2019\Desktop 22-07-19\Download\cec8435c7dc94a61b5e28e3589b202ff.csv</t>
  </si>
  <si>
    <t>cec8435c7dc94a61b5e28e3589b202ff.csv:Zone.Identifier</t>
  </si>
  <si>
    <t>D:\Backup 12-11-2019\Desktop 22-07-19\Download\cec8435c7dc94a61b5e28e3589b202ff.csv:Zone.Identifier</t>
  </si>
  <si>
    <t>D:\Backup 12-11-2019\Desktop 22-07-19\Download\Century_2018-12_Departamental-GERAL.xlsb</t>
  </si>
  <si>
    <t>Check List_Algar Tech_v6.xlsx</t>
  </si>
  <si>
    <t>D:\Backup 12-11-2019\Desktop 22-07-19\Download\Check List_Algar Tech_v6.xlsx</t>
  </si>
  <si>
    <t>Comissão Força de Vendas - 1º Tri - 2018 - Suelen (1).xlsb</t>
  </si>
  <si>
    <t>D:\Backup 12-11-2019\Desktop 22-07-19\Download\Comissão Força de Vendas - 1º Tri - 2018 - Suelen (1).xlsb</t>
  </si>
  <si>
    <t>Comissão Força de Vendas - 1º Tri - 2018 - Suelen (2).xlsb</t>
  </si>
  <si>
    <t>D:\Backup 12-11-2019\Desktop 22-07-19\Download\Comissão Força de Vendas - 1º Tri - 2018 - Suelen (2).xlsb</t>
  </si>
  <si>
    <t>Comissão Força de Vendas - 1º Tri - 2018 - Suelen.xlsb</t>
  </si>
  <si>
    <t>D:\Backup 12-11-2019\Desktop 22-07-19\Download\Comissão Força de Vendas - 1º Tri - 2018 - Suelen.xlsb</t>
  </si>
  <si>
    <t>cunr3vcm.nc4.csv</t>
  </si>
  <si>
    <t>D:\Backup 12-11-2019\Desktop 22-07-19\Download\cunr3vcm.nc4.csv</t>
  </si>
  <si>
    <t>cunr3vcm.nc4.csv:Zone.Identifier</t>
  </si>
  <si>
    <t>D:\Backup 12-11-2019\Desktop 22-07-19\Download\cunr3vcm.nc4.csv:Zone.Identifier</t>
  </si>
  <si>
    <t>Cópia de BP Preço C015 B014 Desonerada_RV PL SL. Mín.xlsb</t>
  </si>
  <si>
    <t>D:\Backup 12-11-2019\Desktop 22-07-19\Download\Cópia de BP Preço C015 B014 Desonerada_RV PL SL. Mín.xlsb</t>
  </si>
  <si>
    <t>C:\Users\suelenmm\OneDrive - Grupo Algar\Desktop 22-07-19\Download\Cópia de BP Preço C015 B014 Desonerada_RV PL SL. Mín.xlsb\</t>
  </si>
  <si>
    <t>Dados Empresa Cidadã 2018 - menor.xlsx</t>
  </si>
  <si>
    <t>D:\Backup 12-11-2019\Desktop 22-07-19\Download\Dados Empresa Cidadã 2018 - menor.xlsx</t>
  </si>
  <si>
    <t>db5a2511ab4949828815f9cd71c5d5d7.xls</t>
  </si>
  <si>
    <t>D:\Backup 12-11-2019\Desktop 22-07-19\Download\db5a2511ab4949828815f9cd71c5d5d7.xls</t>
  </si>
  <si>
    <t>dbcie1v4.krd.csv</t>
  </si>
  <si>
    <t>D:\Backup 12-11-2019\Desktop 22-07-19\Download\dbcie1v4.krd.csv</t>
  </si>
  <si>
    <t>dbcie1v4.krd.csv:Zone.Identifier</t>
  </si>
  <si>
    <t>D:\Backup 12-11-2019\Desktop 22-07-19\Download\dbcie1v4.krd.csv:Zone.Identifier</t>
  </si>
  <si>
    <t>de07659b66434acf91d1e8798582b02f.csv</t>
  </si>
  <si>
    <t>D:\Backup 12-11-2019\Desktop 22-07-19\Download\de07659b66434acf91d1e8798582b02f.csv</t>
  </si>
  <si>
    <t>de07659b66434acf91d1e8798582b02f.csv:Zone.Identifier</t>
  </si>
  <si>
    <t>D:\Backup 12-11-2019\Desktop 22-07-19\Download\de07659b66434acf91d1e8798582b02f.csv:Zone.Identifier</t>
  </si>
  <si>
    <t>D:\Backup 12-11-2019\Desktop 22-07-19\Download\Demandas.xlsx</t>
  </si>
  <si>
    <t>Divisao carteira pre vendas recorrente.xlsx</t>
  </si>
  <si>
    <t>D:\Backup 12-11-2019\Desktop 22-07-19\Download\Divisao carteira pre vendas recorrente.xlsx</t>
  </si>
  <si>
    <t>dwkj0wh2.tqx.csv</t>
  </si>
  <si>
    <t>D:\Backup 12-11-2019\Desktop 22-07-19\Download\dwkj0wh2.tqx.csv</t>
  </si>
  <si>
    <t>dwkj0wh2.tqx.csv:Zone.Identifier</t>
  </si>
  <si>
    <t>D:\Backup 12-11-2019\Desktop 22-07-19\Download\dwkj0wh2.tqx.csv:Zone.Identifier</t>
  </si>
  <si>
    <t>e0ixmkzo.c5n.csv</t>
  </si>
  <si>
    <t>D:\Backup 12-11-2019\Desktop 22-07-19\Download\e0ixmkzo.c5n.csv</t>
  </si>
  <si>
    <t>e0ixmkzo.c5n.csv:Zone.Identifier</t>
  </si>
  <si>
    <t>D:\Backup 12-11-2019\Desktop 22-07-19\Download\e0ixmkzo.c5n.csv:Zone.Identifier</t>
  </si>
  <si>
    <t>ea1f56f9ff154722b4e449dbd9099aad.xls</t>
  </si>
  <si>
    <t>D:\Backup 12-11-2019\Desktop 22-07-19\Download\ea1f56f9ff154722b4e449dbd9099aad.xls</t>
  </si>
  <si>
    <t>empresa_cidada_10_05_18.xls</t>
  </si>
  <si>
    <t>D:\Backup 12-11-2019\Desktop 22-07-19\Download\empresa_cidada_10_05_18.xls</t>
  </si>
  <si>
    <t>D:\Backup 12-11-2019\Desktop 22-07-19\Download\Estrutura De_Para.xlsx</t>
  </si>
  <si>
    <t>Exportação para Excel.xlsx</t>
  </si>
  <si>
    <t>D:\Backup 12-11-2019\Desktop 22-07-19\Download\Exportação para Excel.xlsx</t>
  </si>
  <si>
    <t>D:\Backup 12-11-2019\Desktop 22-07-19\Download\Expurgo.xlsx</t>
  </si>
  <si>
    <t>f9cd9bda6c9b4054a9f9fbd7fad58b65.xls</t>
  </si>
  <si>
    <t>D:\Backup 12-11-2019\Desktop 22-07-19\Download\f9cd9bda6c9b4054a9f9fbd7fad58b65.xls</t>
  </si>
  <si>
    <t>faa618fa2b7a49a3bcac5324a638b0da.xls</t>
  </si>
  <si>
    <t>D:\Backup 12-11-2019\Desktop 22-07-19\Download\faa618fa2b7a49a3bcac5324a638b0da.xls</t>
  </si>
  <si>
    <t>FATURA B FMM.xls</t>
  </si>
  <si>
    <t>D:\Backup 12-11-2019\Desktop 22-07-19\Download\FATURA B FMM.xls</t>
  </si>
  <si>
    <t>FATURAS_B FMM_consolidado regionais_REV2 - para Suprimentos 08122017 V2.xls</t>
  </si>
  <si>
    <t>D:\Backup 12-11-2019\Desktop 22-07-19\Download\FATURAS_B FMM_consolidado regionais_REV2 - para Suprimentos 08122017 V2.xls</t>
  </si>
  <si>
    <t>fd6eb0f7f19241378788a26a147bb9a7.csv</t>
  </si>
  <si>
    <t>D:\Backup 12-11-2019\Desktop 22-07-19\Download\fd6eb0f7f19241378788a26a147bb9a7.csv</t>
  </si>
  <si>
    <t>fd6eb0f7f19241378788a26a147bb9a7.csv:Zone.Identifier</t>
  </si>
  <si>
    <t>D:\Backup 12-11-2019\Desktop 22-07-19\Download\fd6eb0f7f19241378788a26a147bb9a7.csv:Zone.Identifier</t>
  </si>
  <si>
    <t>fe58af34e9ab4a59bc77c4d3bbaed24b.xls</t>
  </si>
  <si>
    <t>D:\Backup 12-11-2019\Desktop 22-07-19\Download\fe58af34e9ab4a59bc77c4d3bbaed24b.xls</t>
  </si>
  <si>
    <t>fev-19.csv</t>
  </si>
  <si>
    <t>D:\Backup 12-11-2019\Desktop 22-07-19\Download\fev-19.csv</t>
  </si>
  <si>
    <t>fev-19.csv:Zone.Identifier</t>
  </si>
  <si>
    <t>D:\Backup 12-11-2019\Desktop 22-07-19\Download\fev-19.csv:Zone.Identifier</t>
  </si>
  <si>
    <t>ff5562ef92764b9bb1752058b5ed0bbb.xls</t>
  </si>
  <si>
    <t>D:\Backup 12-11-2019\Desktop 22-07-19\Download\ff5562ef92764b9bb1752058b5ed0bbb.xls</t>
  </si>
  <si>
    <t>gamk01hy.b3v.csv</t>
  </si>
  <si>
    <t>D:\Backup 12-11-2019\Desktop 22-07-19\Download\gamk01hy.b3v.csv</t>
  </si>
  <si>
    <t>gamk01hy.b3v.csv:Zone.Identifier</t>
  </si>
  <si>
    <t>D:\Backup 12-11-2019\Desktop 22-07-19\Download\gamk01hy.b3v.csv:Zone.Identifier</t>
  </si>
  <si>
    <t>GH_ALTERACAO.xlsx</t>
  </si>
  <si>
    <t>D:\Backup 12-11-2019\Desktop 22-07-19\Download\GH_ALTERACAO.xlsx</t>
  </si>
  <si>
    <t>gnil5xlz.jf3.csv</t>
  </si>
  <si>
    <t>D:\Backup 12-11-2019\Desktop 22-07-19\Download\gnil5xlz.jf3.csv</t>
  </si>
  <si>
    <t>gnil5xlz.jf3.csv:Zone.Identifier</t>
  </si>
  <si>
    <t>D:\Backup 12-11-2019\Desktop 22-07-19\Download\gnil5xlz.jf3.csv:Zone.Identifier</t>
  </si>
  <si>
    <t>IBM_HSBC_Técnico_Pleno_(BP Preço C015 B014)_v2.xlsb</t>
  </si>
  <si>
    <t>D:\Backup 12-11-2019\Desktop 22-07-19\Download\IBM_HSBC_Técnico_Pleno_(BP Preço C015 B014)_v2.xlsb</t>
  </si>
  <si>
    <t>C:\Users\suelenmm\OneDrive - Grupo Algar\Desktop 22-07-19\Download\IBM_HSBC_Técnico_Pleno_(BP Preço C015 B014)_v2.xlsb\</t>
  </si>
  <si>
    <t>jan-19.csv</t>
  </si>
  <si>
    <t>D:\Backup 12-11-2019\Desktop 22-07-19\Download\jan-19.csv</t>
  </si>
  <si>
    <t>jan-19.csv:Zone.Identifier</t>
  </si>
  <si>
    <t>D:\Backup 12-11-2019\Desktop 22-07-19\Download\jan-19.csv:Zone.Identifier</t>
  </si>
  <si>
    <t>jun-19.csv</t>
  </si>
  <si>
    <t>D:\Backup 12-11-2019\Desktop 22-07-19\Download\jun-19.csv</t>
  </si>
  <si>
    <t>jun-19.csv:Zone.Identifier</t>
  </si>
  <si>
    <t>D:\Backup 12-11-2019\Desktop 22-07-19\Download\jun-19.csv:Zone.Identifier</t>
  </si>
  <si>
    <t>kaok33oc.x2t.csv</t>
  </si>
  <si>
    <t>D:\Backup 12-11-2019\Desktop 22-07-19\Download\kaok33oc.x2t.csv</t>
  </si>
  <si>
    <t>kaok33oc.x2t.csv:Zone.Identifier</t>
  </si>
  <si>
    <t>D:\Backup 12-11-2019\Desktop 22-07-19\Download\kaok33oc.x2t.csv:Zone.Identifier</t>
  </si>
  <si>
    <t>kqcc1nbh.113.csv</t>
  </si>
  <si>
    <t>D:\Backup 12-11-2019\Desktop 22-07-19\Download\kqcc1nbh.113.csv</t>
  </si>
  <si>
    <t>kqcc1nbh.113.csv:Zone.Identifier</t>
  </si>
  <si>
    <t>D:\Backup 12-11-2019\Desktop 22-07-19\Download\kqcc1nbh.113.csv:Zone.Identifier</t>
  </si>
  <si>
    <t>kytsdjt3.uha.csv</t>
  </si>
  <si>
    <t>D:\Backup 12-11-2019\Desktop 22-07-19\Download\kytsdjt3.uha.csv</t>
  </si>
  <si>
    <t>kytsdjt3.uha.csv:Zone.Identifier</t>
  </si>
  <si>
    <t>D:\Backup 12-11-2019\Desktop 22-07-19\Download\kytsdjt3.uha.csv:Zone.Identifier</t>
  </si>
  <si>
    <t>l10b0nkr.ccy.csv</t>
  </si>
  <si>
    <t>D:\Backup 12-11-2019\Desktop 22-07-19\Download\l10b0nkr.ccy.csv</t>
  </si>
  <si>
    <t>l10b0nkr.ccy.csv:Zone.Identifier</t>
  </si>
  <si>
    <t>D:\Backup 12-11-2019\Desktop 22-07-19\Download\l10b0nkr.ccy.csv:Zone.Identifier</t>
  </si>
  <si>
    <t>l3ubv1qa.ybi.csv</t>
  </si>
  <si>
    <t>D:\Backup 12-11-2019\Desktop 22-07-19\Download\l3ubv1qa.ybi.csv</t>
  </si>
  <si>
    <t>l3ubv1qa.ybi.csv:Zone.Identifier</t>
  </si>
  <si>
    <t>D:\Backup 12-11-2019\Desktop 22-07-19\Download\l3ubv1qa.ybi.csv:Zone.Identifier</t>
  </si>
  <si>
    <t>lj0s00ea.oa5.csv</t>
  </si>
  <si>
    <t>D:\Backup 12-11-2019\Desktop 22-07-19\Download\lj0s00ea.oa5.csv</t>
  </si>
  <si>
    <t>lj0s00ea.oa5.csv:Zone.Identifier</t>
  </si>
  <si>
    <t>D:\Backup 12-11-2019\Desktop 22-07-19\Download\lj0s00ea.oa5.csv:Zone.Identifier</t>
  </si>
  <si>
    <t>LPU ENGESET FMM&amp;FMT.xlsx</t>
  </si>
  <si>
    <t>D:\Backup 12-11-2019\Desktop 22-07-19\Download\LPU ENGESET FMM&amp;FMT.xlsx</t>
  </si>
  <si>
    <t>mai-19.csv</t>
  </si>
  <si>
    <t>D:\Backup 12-11-2019\Desktop 22-07-19\Download\mai-19.csv</t>
  </si>
  <si>
    <t>mai-19.csv:Zone.Identifier</t>
  </si>
  <si>
    <t>D:\Backup 12-11-2019\Desktop 22-07-19\Download\mai-19.csv:Zone.Identifier</t>
  </si>
  <si>
    <t>mar-19.csv</t>
  </si>
  <si>
    <t>D:\Backup 12-11-2019\Desktop 22-07-19\Download\mar-19.csv</t>
  </si>
  <si>
    <t>mar-19.csv:Zone.Identifier</t>
  </si>
  <si>
    <t>D:\Backup 12-11-2019\Desktop 22-07-19\Download\mar-19.csv:Zone.Identifier</t>
  </si>
  <si>
    <t>MRS - Operação - v3 - Com Cervello - BP Preço C011 B012 Desonerada.xlsb</t>
  </si>
  <si>
    <t>D:\Backup 12-11-2019\Desktop 22-07-19\Download\MRS - Operação - v3 - Com Cervello - BP Preço C011 B012 Desonerada.xlsb</t>
  </si>
  <si>
    <t>C:\Users\suelenmm\OneDrive - Grupo Algar\Desktop 22-07-19\Download\MRS - Operação - v3 - Com Cervello - BP Preço C011 B012 Desonerada.xlsb\</t>
  </si>
  <si>
    <t>mvigainb.3ge.csv</t>
  </si>
  <si>
    <t>D:\Backup 12-11-2019\Desktop 22-07-19\Download\mvigainb.3ge.csv</t>
  </si>
  <si>
    <t>mvigainb.3ge.csv:Zone.Identifier</t>
  </si>
  <si>
    <t>D:\Backup 12-11-2019\Desktop 22-07-19\Download\mvigainb.3ge.csv:Zone.Identifier</t>
  </si>
  <si>
    <t>nbjuitwb.rht.csv</t>
  </si>
  <si>
    <t>D:\Backup 12-11-2019\Desktop 22-07-19\Download\nbjuitwb.rht.csv</t>
  </si>
  <si>
    <t>nbjuitwb.rht.csv:Zone.Identifier</t>
  </si>
  <si>
    <t>D:\Backup 12-11-2019\Desktop 22-07-19\Download\nbjuitwb.rht.csv:Zone.Identifier</t>
  </si>
  <si>
    <t>omvn2wuq.1u0.csv</t>
  </si>
  <si>
    <t>D:\Backup 12-11-2019\Desktop 22-07-19\Download\omvn2wuq.1u0.csv</t>
  </si>
  <si>
    <t>omvn2wuq.1u0.csv:Zone.Identifier</t>
  </si>
  <si>
    <t>D:\Backup 12-11-2019\Desktop 22-07-19\Download\omvn2wuq.1u0.csv:Zone.Identifier</t>
  </si>
  <si>
    <t>D:\Backup 12-11-2019\Desktop 22-07-19\Download\Oportunidades por data criação (System Date).xlsx</t>
  </si>
  <si>
    <t>Oportunidades por data criação - bu approval (1).xlsx</t>
  </si>
  <si>
    <t>D:\Backup 12-11-2019\Desktop 22-07-19\Download\Oportunidades por data criação - bu approval (1).xlsx</t>
  </si>
  <si>
    <t>Oportunidades por data criação - bu approval (10).xlsx</t>
  </si>
  <si>
    <t>D:\Backup 12-11-2019\Desktop 22-07-19\Download\Oportunidades por data criação - bu approval (10).xlsx</t>
  </si>
  <si>
    <t>Oportunidades por data criação - bu approval (11).xlsx</t>
  </si>
  <si>
    <t>D:\Backup 12-11-2019\Desktop 22-07-19\Download\Oportunidades por data criação - bu approval (11).xlsx</t>
  </si>
  <si>
    <t>Oportunidades por data criação - bu approval (12).xlsx</t>
  </si>
  <si>
    <t>D:\Backup 12-11-2019\Desktop 22-07-19\Download\Oportunidades por data criação - bu approval (12).xlsx</t>
  </si>
  <si>
    <t>Oportunidades por data criação - bu approval (13).xlsx</t>
  </si>
  <si>
    <t>D:\Backup 12-11-2019\Desktop 22-07-19\Download\Oportunidades por data criação - bu approval (13).xlsx</t>
  </si>
  <si>
    <t>Oportunidades por data criação - bu approval (14).xlsx</t>
  </si>
  <si>
    <t>D:\Backup 12-11-2019\Desktop 22-07-19\Download\Oportunidades por data criação - bu approval (14).xlsx</t>
  </si>
  <si>
    <t>Oportunidades por data criação - bu approval (15).xlsx</t>
  </si>
  <si>
    <t>D:\Backup 12-11-2019\Desktop 22-07-19\Download\Oportunidades por data criação - bu approval (15).xlsx</t>
  </si>
  <si>
    <t>Oportunidades por data criação - bu approval (16).xlsx</t>
  </si>
  <si>
    <t>D:\Backup 12-11-2019\Desktop 22-07-19\Download\Oportunidades por data criação - bu approval (16).xlsx</t>
  </si>
  <si>
    <t>Oportunidades por data criação - bu approval (17).xlsx</t>
  </si>
  <si>
    <t>D:\Backup 12-11-2019\Desktop 22-07-19\Download\Oportunidades por data criação - bu approval (17).xlsx</t>
  </si>
  <si>
    <t>Oportunidades por data criação - bu approval (18).xlsx</t>
  </si>
  <si>
    <t>D:\Backup 12-11-2019\Desktop 22-07-19\Download\Oportunidades por data criação - bu approval (18).xlsx</t>
  </si>
  <si>
    <t>Oportunidades por data criação - bu approval (19).xlsx</t>
  </si>
  <si>
    <t>D:\Backup 12-11-2019\Desktop 22-07-19\Download\Oportunidades por data criação - bu approval (19).xlsx</t>
  </si>
  <si>
    <t>Oportunidades por data criação - bu approval (2).xlsx</t>
  </si>
  <si>
    <t>D:\Backup 12-11-2019\Desktop 22-07-19\Download\Oportunidades por data criação - bu approval (2).xlsx</t>
  </si>
  <si>
    <t>Oportunidades por data criação - bu approval (20).xlsx</t>
  </si>
  <si>
    <t>D:\Backup 12-11-2019\Desktop 22-07-19\Download\Oportunidades por data criação - bu approval (20).xlsx</t>
  </si>
  <si>
    <t>Oportunidades por data criação - bu approval (21).xlsx</t>
  </si>
  <si>
    <t>D:\Backup 12-11-2019\Desktop 22-07-19\Download\Oportunidades por data criação - bu approval (21).xlsx</t>
  </si>
  <si>
    <t>Oportunidades por data criação - bu approval (22).xlsx</t>
  </si>
  <si>
    <t>D:\Backup 12-11-2019\Desktop 22-07-19\Download\Oportunidades por data criação - bu approval (22).xlsx</t>
  </si>
  <si>
    <t>Oportunidades por data criação - bu approval (23).xlsx</t>
  </si>
  <si>
    <t>D:\Backup 12-11-2019\Desktop 22-07-19\Download\Oportunidades por data criação - bu approval (23).xlsx</t>
  </si>
  <si>
    <t>Oportunidades por data criação - bu approval (24).xlsx</t>
  </si>
  <si>
    <t>D:\Backup 12-11-2019\Desktop 22-07-19\Download\Oportunidades por data criação - bu approval (24).xlsx</t>
  </si>
  <si>
    <t>Oportunidades por data criação - bu approval (3).xlsx</t>
  </si>
  <si>
    <t>D:\Backup 12-11-2019\Desktop 22-07-19\Download\Oportunidades por data criação - bu approval (3).xlsx</t>
  </si>
  <si>
    <t>Oportunidades por data criação - bu approval (4).xlsx</t>
  </si>
  <si>
    <t>D:\Backup 12-11-2019\Desktop 22-07-19\Download\Oportunidades por data criação - bu approval (4).xlsx</t>
  </si>
  <si>
    <t>Oportunidades por data criação - bu approval (5).xlsx</t>
  </si>
  <si>
    <t>D:\Backup 12-11-2019\Desktop 22-07-19\Download\Oportunidades por data criação - bu approval (5).xlsx</t>
  </si>
  <si>
    <t>Oportunidades por data criação - bu approval (6).xlsx</t>
  </si>
  <si>
    <t>D:\Backup 12-11-2019\Desktop 22-07-19\Download\Oportunidades por data criação - bu approval (6).xlsx</t>
  </si>
  <si>
    <t>Oportunidades por data criação - bu approval (7).xlsx</t>
  </si>
  <si>
    <t>D:\Backup 12-11-2019\Desktop 22-07-19\Download\Oportunidades por data criação - bu approval (7).xlsx</t>
  </si>
  <si>
    <t>Oportunidades por data criação - bu approval (8).xlsx</t>
  </si>
  <si>
    <t>D:\Backup 12-11-2019\Desktop 22-07-19\Download\Oportunidades por data criação - bu approval (8).xlsx</t>
  </si>
  <si>
    <t>Oportunidades por data criação - bu approval (9).xlsx</t>
  </si>
  <si>
    <t>D:\Backup 12-11-2019\Desktop 22-07-19\Download\Oportunidades por data criação - bu approval (9).xlsx</t>
  </si>
  <si>
    <t>Oportunidades por data criação - bu approval 04-12.xlsx</t>
  </si>
  <si>
    <t>D:\Backup 12-11-2019\Desktop 22-07-19\Download\Oportunidades por data criação - bu approval 04-12.xlsx</t>
  </si>
  <si>
    <t>Oportunidades por data criação - bu approval.xlsx</t>
  </si>
  <si>
    <t>D:\Backup 12-11-2019\Desktop 22-07-19\Download\Oportunidades por data criação - bu approval.xlsx</t>
  </si>
  <si>
    <t>Oportunidades por data de fechamento v2 (sem filtros).xlsx</t>
  </si>
  <si>
    <t>D:\Backup 12-11-2019\Desktop 22-07-19\Download\Oportunidades por data de fechamento v2 (sem filtros).xlsx</t>
  </si>
  <si>
    <t>Oportunidades por data fechamento - detalhado - emissão proposta (1).xlsx</t>
  </si>
  <si>
    <t>D:\Backup 12-11-2019\Desktop 22-07-19\Download\Oportunidades por data fechamento - detalhado - emissão proposta (1).xlsx</t>
  </si>
  <si>
    <t>Oportunidades por data fechamento - detalhado - emissão proposta (2).xlsx</t>
  </si>
  <si>
    <t>D:\Backup 12-11-2019\Desktop 22-07-19\Download\Oportunidades por data fechamento - detalhado - emissão proposta (2).xlsx</t>
  </si>
  <si>
    <t>Oportunidades por data fechamento - detalhado - emissão proposta (3).xlsx</t>
  </si>
  <si>
    <t>D:\Backup 12-11-2019\Desktop 22-07-19\Download\Oportunidades por data fechamento - detalhado - emissão proposta (3).xlsx</t>
  </si>
  <si>
    <t>Oportunidades por data fechamento - detalhado - emissão proposta (4).xlsx</t>
  </si>
  <si>
    <t>D:\Backup 12-11-2019\Desktop 22-07-19\Download\Oportunidades por data fechamento - detalhado - emissão proposta (4).xlsx</t>
  </si>
  <si>
    <t>Oportunidades por data fechamento - detalhado - emissão proposta (5).xlsx</t>
  </si>
  <si>
    <t>D:\Backup 12-11-2019\Desktop 22-07-19\Download\Oportunidades por data fechamento - detalhado - emissão proposta (5).xlsx</t>
  </si>
  <si>
    <t>Oportunidades por data fechamento - detalhado - emissão proposta (6).xlsx</t>
  </si>
  <si>
    <t>D:\Backup 12-11-2019\Desktop 22-07-19\Download\Oportunidades por data fechamento - detalhado - emissão proposta (6).xlsx</t>
  </si>
  <si>
    <t>Oportunidades por data fechamento - detalhado - emissão proposta.xlsx</t>
  </si>
  <si>
    <t>D:\Backup 12-11-2019\Desktop 22-07-19\Download\Oportunidades por data fechamento - detalhado - emissão proposta.xlsx</t>
  </si>
  <si>
    <t>Oportunidades por data fechamento DETALHADO.xlsx</t>
  </si>
  <si>
    <t>D:\Backup 12-11-2019\Desktop 22-07-19\Download\Oportunidades por data fechamento DETALHADO.xlsx</t>
  </si>
  <si>
    <t>Oportunidades por data fechamento v3.xlsx</t>
  </si>
  <si>
    <t>D:\Backup 12-11-2019\Desktop 22-07-19\Download\Oportunidades por data fechamento v3.xlsx</t>
  </si>
  <si>
    <t>ouwqxyth.12k.csv</t>
  </si>
  <si>
    <t>D:\Backup 12-11-2019\Desktop 22-07-19\Download\ouwqxyth.12k.csv</t>
  </si>
  <si>
    <t>ouwqxyth.12k.csv:Zone.Identifier</t>
  </si>
  <si>
    <t>D:\Backup 12-11-2019\Desktop 22-07-19\Download\ouwqxyth.12k.csv:Zone.Identifier</t>
  </si>
  <si>
    <t>p2hdnsxn.5it.csv</t>
  </si>
  <si>
    <t>D:\Backup 12-11-2019\Desktop 22-07-19\Download\p2hdnsxn.5it.csv</t>
  </si>
  <si>
    <t>p2hdnsxn.5it.csv:Zone.Identifier</t>
  </si>
  <si>
    <t>D:\Backup 12-11-2019\Desktop 22-07-19\Download\p2hdnsxn.5it.csv:Zone.Identifier</t>
  </si>
  <si>
    <t>Pacote completo (1).xlsx</t>
  </si>
  <si>
    <t>D:\Backup 12-11-2019\Desktop 22-07-19\Download\Pacote completo (1).xlsx</t>
  </si>
  <si>
    <t>Pacote completo.xlsx</t>
  </si>
  <si>
    <t>D:\Backup 12-11-2019\Desktop 22-07-19\Download\Pacote completo.xlsx</t>
  </si>
  <si>
    <t>D:\Backup 12-11-2019\Desktop 22-07-19\Download\password_2007_2010.xlam</t>
  </si>
  <si>
    <t>Pensao (1).xlsx</t>
  </si>
  <si>
    <t>D:\Backup 12-11-2019\Desktop 22-07-19\Download\Pensao (1).xlsx</t>
  </si>
  <si>
    <t>D:\Backup 12-11-2019\Desktop 22-07-19\Download\Pensao.xlsx</t>
  </si>
  <si>
    <t>Petrobrás - 169229 - Análise de riscos.xlsx</t>
  </si>
  <si>
    <t>D:\Backup 12-11-2019\Desktop 22-07-19\Download\Petrobrás - 169229 - Análise de riscos.xlsx</t>
  </si>
  <si>
    <t>Pipeline Detalhado com CAPEX_ OPEX (1).xlsx</t>
  </si>
  <si>
    <t>D:\Backup 12-11-2019\Desktop 22-07-19\Download\Pipeline Detalhado com CAPEX_ OPEX (1).xlsx</t>
  </si>
  <si>
    <t>Pipeline Detalhado com CAPEX_ OPEX (2).xlsx</t>
  </si>
  <si>
    <t>D:\Backup 12-11-2019\Desktop 22-07-19\Download\Pipeline Detalhado com CAPEX_ OPEX (2).xlsx</t>
  </si>
  <si>
    <t>Pipeline Detalhado com CAPEX_ OPEX (3).xlsx</t>
  </si>
  <si>
    <t>D:\Backup 12-11-2019\Desktop 22-07-19\Download\Pipeline Detalhado com CAPEX_ OPEX (3).xlsx</t>
  </si>
  <si>
    <t>Pipeline Detalhado com CAPEX_ OPEX.xlsx</t>
  </si>
  <si>
    <t>D:\Backup 12-11-2019\Desktop 22-07-19\Download\Pipeline Detalhado com CAPEX_ OPEX.xlsx</t>
  </si>
  <si>
    <t>Pipeline Detalhado emissão proposta.xlsx</t>
  </si>
  <si>
    <t>D:\Backup 12-11-2019\Desktop 22-07-19\Download\Pipeline Detalhado emissão proposta.xlsx</t>
  </si>
  <si>
    <t>Pipeline Detalhado v2 (1).xlsx</t>
  </si>
  <si>
    <t>D:\Backup 12-11-2019\Desktop 22-07-19\Download\Pipeline Detalhado v2 (1).xlsx</t>
  </si>
  <si>
    <t>Pipeline Detalhado v2.xlsx</t>
  </si>
  <si>
    <t>D:\Backup 12-11-2019\Desktop 22-07-19\Download\Pipeline Detalhado v2.xlsx</t>
  </si>
  <si>
    <t>Planilha - Gestão de Fornecedores de TI - Kraljic 21_11_18.xlsm</t>
  </si>
  <si>
    <t>D:\Backup 12-11-2019\Desktop 22-07-19\Download\Planilha - Gestão de Fornecedores de TI - Kraljic 21_11_18.xlsm</t>
  </si>
  <si>
    <t>Plan_Atualizada.xlsx</t>
  </si>
  <si>
    <t>D:\Backup 12-11-2019\Desktop 22-07-19\Download\Plan_Atualizada.xlsx</t>
  </si>
  <si>
    <t>ppqb3kea.3o5.csv</t>
  </si>
  <si>
    <t>D:\Backup 12-11-2019\Desktop 22-07-19\Download\ppqb3kea.3o5.csv</t>
  </si>
  <si>
    <t>ppqb3kea.3o5.csv:Zone.Identifier</t>
  </si>
  <si>
    <t>D:\Backup 12-11-2019\Desktop 22-07-19\Download\ppqb3kea.3o5.csv:Zone.Identifier</t>
  </si>
  <si>
    <t>Pre Sales Location (detail table).csv</t>
  </si>
  <si>
    <t>D:\Backup 12-11-2019\Desktop 22-07-19\Download\Pre Sales Location (detail table).csv</t>
  </si>
  <si>
    <t>Pre Sales Location (detail table).csv:Zone.Identifier</t>
  </si>
  <si>
    <t>D:\Backup 12-11-2019\Desktop 22-07-19\Download\Pre Sales Location (detail table).csv:Zone.Identifier</t>
  </si>
  <si>
    <t>D:\Backup 12-11-2019\Desktop 22-07-19\Download\Pre Sales Location (detail table).xlsx</t>
  </si>
  <si>
    <t>Pre Sales Location (graph).xlsx</t>
  </si>
  <si>
    <t>D:\Backup 12-11-2019\Desktop 22-07-19\Download\Pre Sales Location (graph).xlsx</t>
  </si>
  <si>
    <t>Preço final cliente.xlsx</t>
  </si>
  <si>
    <t>D:\Backup 12-11-2019\Desktop 22-07-19\Download\Preço final cliente.xlsx</t>
  </si>
  <si>
    <t>pricing.xlsx</t>
  </si>
  <si>
    <t>D:\Backup 12-11-2019\Desktop 22-07-19\Download\pricing.xlsx</t>
  </si>
  <si>
    <t>C:\Users\suelenmm\OneDrive - Grupo Algar\Desktop 22-07-19\Download\Proposta Reajuste Soluções - 07_2019.pptx\</t>
  </si>
  <si>
    <t>D:\Backup 12-11-2019\Desktop 22-07-19\Download\Proposta Reajuste Soluções - 07_2019.pptx</t>
  </si>
  <si>
    <t>pze34qxf.2ua.csv</t>
  </si>
  <si>
    <t>D:\Backup 12-11-2019\Desktop 22-07-19\Download\pze34qxf.2ua.csv</t>
  </si>
  <si>
    <t>pze34qxf.2ua.csv:Zone.Identifier</t>
  </si>
  <si>
    <t>D:\Backup 12-11-2019\Desktop 22-07-19\Download\pze34qxf.2ua.csv:Zone.Identifier</t>
  </si>
  <si>
    <t>qqhmsbcq.bai.csv</t>
  </si>
  <si>
    <t>D:\Backup 12-11-2019\Desktop 22-07-19\Download\qqhmsbcq.bai.csv</t>
  </si>
  <si>
    <t>qqhmsbcq.bai.csv:Zone.Identifier</t>
  </si>
  <si>
    <t>D:\Backup 12-11-2019\Desktop 22-07-19\Download\qqhmsbcq.bai.csv:Zone.Identifier</t>
  </si>
  <si>
    <t>C:\Users\suelenmm\OneDrive - Grupo Algar\Desktop 22-07-19\Download\Quotation Number 7719171154 Suporte Grupo Profarma.msg\s1\</t>
  </si>
  <si>
    <t>Escopo DCS Bodyshop + PER CALL_Localidades_Modalidades.xlsx</t>
  </si>
  <si>
    <t>D:\Backup 12-11-2019\Desktop 22-07-19\Download\Quotation Number 7719171154 Suporte Grupo Profarma.msg</t>
  </si>
  <si>
    <t>qusye0ar.xed.csv</t>
  </si>
  <si>
    <t>D:\Backup 12-11-2019\Desktop 22-07-19\Download\qusye0ar.xed.csv</t>
  </si>
  <si>
    <t>qusye0ar.xed.csv:Zone.Identifier</t>
  </si>
  <si>
    <t>D:\Backup 12-11-2019\Desktop 22-07-19\Download\qusye0ar.xed.csv:Zone.Identifier</t>
  </si>
  <si>
    <t>Relatório de Comprovação de Envio das Oportunidades (1).xlsx</t>
  </si>
  <si>
    <t>D:\Backup 12-11-2019\Desktop 22-07-19\Download\Relatório de Comprovação de Envio das Oportunidades (1).xlsx</t>
  </si>
  <si>
    <t>Relatório de Comprovação de Envio das Oportunidades.xlsx</t>
  </si>
  <si>
    <t>D:\Backup 12-11-2019\Desktop 22-07-19\Download\Relatório de Comprovação de Envio das Oportunidades.xlsx</t>
  </si>
  <si>
    <t>Relatório de Comprovação de Envio do Relatório Executivo.xlsx</t>
  </si>
  <si>
    <t>D:\Backup 12-11-2019\Desktop 22-07-19\Download\Relatório de Comprovação de Envio do Relatório Executivo.xlsx</t>
  </si>
  <si>
    <t>Relatório de Comprovação de Envio dos E-mails (1).xlsx</t>
  </si>
  <si>
    <t>D:\Backup 12-11-2019\Desktop 22-07-19\Download\Relatório de Comprovação de Envio dos E-mails (1).xlsx</t>
  </si>
  <si>
    <t>Relatório de Comprovação de Envio dos E-mails (2).xlsx</t>
  </si>
  <si>
    <t>D:\Backup 12-11-2019\Desktop 22-07-19\Download\Relatório de Comprovação de Envio dos E-mails (2).xlsx</t>
  </si>
  <si>
    <t>Relatório de Comprovação de Envio dos E-mails.xlsx</t>
  </si>
  <si>
    <t>D:\Backup 12-11-2019\Desktop 22-07-19\Download\Relatório de Comprovação de Envio dos E-mails.xlsx</t>
  </si>
  <si>
    <t>C:\Users\suelenmm\OneDrive - Grupo Algar\Desktop 22-07-19\Download\RES RES Proposta Técnica e comercial Telcomp - Boulevard Barueri.msg\s111\</t>
  </si>
  <si>
    <t>ALGAR TECH_RATEIO_ANEXO IV_PLANILHA ORCAMENTARIA_PROJETO BOULEVAR BARUERI_rev02.xlsx</t>
  </si>
  <si>
    <t>D:\Backup 12-11-2019\Desktop 22-07-19\Download\RES RES Proposta Técnica e comercial Telcomp - Boulevard Barueri.msg</t>
  </si>
  <si>
    <t>C:\Users\suelenmm\OneDrive - Grupo Algar\Desktop 22-07-19\Download\RES Você foi convidado para participar do evento Concurso SBE .msg\s135\Concurso SBE1.zip\</t>
  </si>
  <si>
    <t>LPU - SBE BRA 20180129 - 01 07_0.xlsx</t>
  </si>
  <si>
    <t>D:\Backup 12-11-2019\Desktop 22-07-19\Download\RES Você foi convidado para participar do evento Concurso SBE .msg</t>
  </si>
  <si>
    <t>C:\Users\suelenmm\OneDrive - Grupo Algar\Desktop 22-07-19\Download\RES Você foi convidado para participar do evento Concurso SBE .msg\s135\Concurso SBE1.zip\RFP SBE - BRA.zip\RFP SBE - BRA v_Compras29012018.docx\</t>
  </si>
  <si>
    <t>Folha_C_lculo_Microsoft_Excel_97-20031.xls</t>
  </si>
  <si>
    <t>Folha_de_C_lculo_do_Microsoft_Excel1.xlsx</t>
  </si>
  <si>
    <t>Folha_de_C_lculo_do_Microsoft_Excel2.xlsx</t>
  </si>
  <si>
    <t>C:\Users\suelenmm\OneDrive - Grupo Algar\Desktop 22-07-19\Download\RES Você foi convidado para participar do evento Concurso SBE .msg\s135\Concurso SBE1.zip\RFP SBE - BRA.zip\RFP SBE - BRA v_Compras29012018.docx\Aceite.zip\</t>
  </si>
  <si>
    <t>Procedimentos por roteiro_Aceite RF F¡sico_Rev.3.0.0.xlsx</t>
  </si>
  <si>
    <t>Procedimentos por roteiro_Aceite RF L¢gico_Rev.6.0.0_ERICSSON.XLSX</t>
  </si>
  <si>
    <t>Procedimentos por roteiro_Aceite RF L¢gico_Rev.6.0.0_HUAWEI.XLSX</t>
  </si>
  <si>
    <t>Procedimentos por roteiro_Aceite TX Metro Fisico_Rev_3.0.0.xlsx</t>
  </si>
  <si>
    <t>Procedimentos por roteiro_Aceite TX Metro L¢gico_Rev_3.0.0.xlsx</t>
  </si>
  <si>
    <t>Procedimentos por roteiro_Aceite TX Radio Fisico_Rev_2.0.0.xlsx</t>
  </si>
  <si>
    <t>Procedimentos por roteiro_Aceite TX Radio L¢gico_Rev_2.0.0.xlsx</t>
  </si>
  <si>
    <t>C:\Users\suelenmm\OneDrive - Grupo Algar\Desktop 22-07-19\Download\RESPOSTA AOS QUESTIONAMENTOS E LPUS.zip\</t>
  </si>
  <si>
    <t>LPU COW.xlsx</t>
  </si>
  <si>
    <t>D:\Backup 12-11-2019\Desktop 22-07-19\Download\RESPOSTA AOS QUESTIONAMENTOS E LPUS.zip</t>
  </si>
  <si>
    <t>LPU FATURA A FMT.xlsx</t>
  </si>
  <si>
    <t>LPU FATURA B FMT.xlsx</t>
  </si>
  <si>
    <t>LPU FMM FATURA B MATERIAIS.xls</t>
  </si>
  <si>
    <t>LPU GMG.xls</t>
  </si>
  <si>
    <t>LPU SEGURANCA.xlsx</t>
  </si>
  <si>
    <t>LPU VSAT.xls</t>
  </si>
  <si>
    <t>Resumo estrutura.xlsx</t>
  </si>
  <si>
    <t>D:\Backup 12-11-2019\Desktop 22-07-19\Download\Resumo estrutura.xlsx</t>
  </si>
  <si>
    <t>C:\Users\suelenmm\OneDrive - Grupo Algar\Desktop 22-07-19\Download\Revisão TIM.msg\s79\4ª Change - a ser enviada.zip\4¦ Change - a ser enviada\</t>
  </si>
  <si>
    <t>BP Pre‡o C010 B009 - TLE v16.1 - 60d - Cenario mantendo impostos, folha e laudo com terceiro.xlsb</t>
  </si>
  <si>
    <t>D:\Backup 12-11-2019\Desktop 22-07-19\Download\Revisão TIM.msg</t>
  </si>
  <si>
    <t>BP Pre‡o C010 B009 - TLE v16.2 - 60d - Cenario mantendo impostos e folha.xlsb</t>
  </si>
  <si>
    <t>BP Pre‡o C010 B009 - TLE v16.3 - 60d - Cenario mantendo folha.xlsb</t>
  </si>
  <si>
    <t>BP Pre‡o C010 B009 - TLE v16.4 - 60d - Cenario Final.xlsb</t>
  </si>
  <si>
    <t>Log¡stica FMM-FMT v16.1.xlsx</t>
  </si>
  <si>
    <t>Log¡stica FMM-FMT v16.2.xlsx</t>
  </si>
  <si>
    <t>Log¡stica FMM-FMT v16.3.xlsx</t>
  </si>
  <si>
    <t>Log¡stica FMM-FMT v16.4.xlsx</t>
  </si>
  <si>
    <t>C:\Users\suelenmm\OneDrive - Grupo Algar\Desktop 22-07-19\Download\Revisão TIM.msg\s79\4ª Change - a ser enviada.zip\4¦ Change - a ser enviada\BP Pre‡o C010 B009 - TLE v16.1 - 60d - Cenario mantendo impostos, folha e laudo com terceiro.xlsb\</t>
  </si>
  <si>
    <t>C:\Users\suelenmm\OneDrive - Grupo Algar\Desktop 22-07-19\Download\Revisão TIM.msg\s79\4ª Change - a ser enviada.zip\4¦ Change - a ser enviada\BP Pre‡o C010 B009 - TLE v16.2 - 60d - Cenario mantendo impostos e folha.xlsb\</t>
  </si>
  <si>
    <t>C:\Users\suelenmm\OneDrive - Grupo Algar\Desktop 22-07-19\Download\Revisão TIM.msg\s79\4ª Change - a ser enviada.zip\4¦ Change - a ser enviada\BP Pre‡o C010 B009 - TLE v16.3 - 60d - Cenario mantendo folha.xlsb\</t>
  </si>
  <si>
    <t>C:\Users\suelenmm\OneDrive - Grupo Algar\Desktop 22-07-19\Download\Revisão TIM.msg\s79\4ª Change - a ser enviada.zip\4¦ Change - a ser enviada\BP Pre‡o C010 B009 - TLE v16.4 - 60d - Cenario Final.xlsb\</t>
  </si>
  <si>
    <t>RFQ Instalação Servidores Trend Micro (1).xls</t>
  </si>
  <si>
    <t>D:\Backup 12-11-2019\Desktop 22-07-19\Download\RFQ Instalação Servidores Trend Micro (1).xls</t>
  </si>
  <si>
    <t>RFQ Instalação Servidores Trend Micro (2).xls</t>
  </si>
  <si>
    <t>D:\Backup 12-11-2019\Desktop 22-07-19\Download\RFQ Instalação Servidores Trend Micro (2).xls</t>
  </si>
  <si>
    <t>RFQ Instalação Servidores Trend Micro.xls</t>
  </si>
  <si>
    <t>D:\Backup 12-11-2019\Desktop 22-07-19\Download\RFQ Instalação Servidores Trend Micro.xls</t>
  </si>
  <si>
    <t>Desenho_Especialistas.xlsb</t>
  </si>
  <si>
    <t>rorbjjnz.kfn.csv</t>
  </si>
  <si>
    <t>D:\Backup 12-11-2019\Desktop 22-07-19\Download\rorbjjnz.kfn.csv</t>
  </si>
  <si>
    <t>rorbjjnz.kfn.csv:Zone.Identifier</t>
  </si>
  <si>
    <t>D:\Backup 12-11-2019\Desktop 22-07-19\Download\rorbjjnz.kfn.csv:Zone.Identifier</t>
  </si>
  <si>
    <t>s1esqymq.5cq.csv</t>
  </si>
  <si>
    <t>D:\Backup 12-11-2019\Desktop 22-07-19\Download\s1esqymq.5cq.csv</t>
  </si>
  <si>
    <t>sm1mnbkd.mtn.csv</t>
  </si>
  <si>
    <t>D:\Backup 12-11-2019\Desktop 22-07-19\Download\sm1mnbkd.mtn.csv</t>
  </si>
  <si>
    <t>sm1mnbkd.mtn.csv:Zone.Identifier</t>
  </si>
  <si>
    <t>D:\Backup 12-11-2019\Desktop 22-07-19\Download\sm1mnbkd.mtn.csv:Zone.Identifier</t>
  </si>
  <si>
    <t>11/13/2019 08:36:03</t>
  </si>
  <si>
    <t>11/13/2019 08:38:29</t>
  </si>
  <si>
    <t>Atualização de MCC - Grupo Plural</t>
  </si>
  <si>
    <t>11/13/2019 08:39:29</t>
  </si>
  <si>
    <t>teste de planilha (Latam - Insite) - 26% MC v1.2 (fechamento) - Suelen.xlsx</t>
  </si>
  <si>
    <t>C:\Users\suelenmm\OneDrive - Grupo Algar\Desktop - 12-11-19\Vale - Apresentacao - Business Performance_ VF3 18_10_2019.pptx\</t>
  </si>
  <si>
    <t>/o=exchangelabs/ou=exchange administrative group (fydibohf23spdlt)/cn=recipients/cn=61af722dd06149089cf1c867d796b8bc-delso estre;/o=exchangelabs/ou=exchange administrative group (fydibohf23spdlt)/cn=recipients/cn=cee041e3afc5419faa2273808d5b57ff-priscila de;/o=exchangelabs/ou=exchange administrative group (fydibohf23spdlt)/cn=recipients/cn=e46cd96e8e9e452c8cc8ba65a6c4ec57-gustavo hen;</t>
  </si>
  <si>
    <t>RES: Template CFV 3º Tri/19 Equipe PRÉ-VENDAS SUELEN</t>
  </si>
  <si>
    <t>Melhorias contrato atual TIM - FMMFMT - TIM.msg\s1\</t>
  </si>
  <si>
    <t>Cronograma_Preventivas_FMT_TNE_2019.xlsx</t>
  </si>
  <si>
    <t>/o=exchangelabs/ou=exchange administrative group (fydibohf23spdlt)/cn=recipients/cn=61af722dd06149089cf1c867d796b8bc-delso estre,/o=exchangelabs/ou=exchange administrative group (fydibohf23spdlt)/cn=recipients/cn=cee041e3afc5419faa2273808d5b57ff-priscila de,/o=exchangelabs/ou=exchange administrative group (fydibohf23spdlt)/cn=recipients/cn=e46cd96e8e9e452c8cc8ba65a6c4ec57-gustavo hen</t>
  </si>
  <si>
    <t>Microsoft_Excel_Binary_Worksheet6.xlsb</t>
  </si>
  <si>
    <t>Microsoft_Excel_Binary_Worksheet7.xlsb</t>
  </si>
  <si>
    <t>C:\Users\suelenmm\OneDrive - Grupo Algar\Desktop - 12-11-19\Vale - Apresentacao - Business Performance_ VF3 18_10_2019.pptx\Microsoft_Excel_Binary_Worksheet.xlsb\</t>
  </si>
  <si>
    <t>C:\Users\suelenmm\OneDrive - Grupo Algar\Desktop - 12-11-19\Vale - Apresentacao - Business Performance_ VF3 18_10_2019.pptx\Microsoft_Excel_Binary_Worksheet1.xlsb\</t>
  </si>
  <si>
    <t>C:\Users\suelenmm\OneDrive - Grupo Algar\Desktop - 12-11-19\Vale - Apresentacao - Business Performance_ VF3 18_10_2019.pptx\Microsoft_Excel_Binary_Worksheet3.xlsb\</t>
  </si>
  <si>
    <t>C:\Users\suelenmm\OneDrive - Grupo Algar\Desktop - 12-11-19\Vale - Apresentacao - Business Performance_ VF3 18_10_2019.pptx\Microsoft_Excel_Binary_Worksheet5.xlsb\</t>
  </si>
  <si>
    <t>C:\Users\suelenmm\OneDrive - Grupo Algar\Desktop - 12-11-19\Vale - Apresentacao - Business Performance_ VF3 18_10_2019.pptx\Microsoft_Excel_Binary_Worksheet6.xlsb\</t>
  </si>
  <si>
    <t>C:\Users\suelenmm\OneDrive - Grupo Algar\Desktop - 12-11-19\Vale - Apresentacao - Business Performance_ VF3 18_10_2019.pptx\Microsoft_Excel_Binary_Worksheet7.xlsb\</t>
  </si>
  <si>
    <t>Quantidade Técnicos x Cidade - SCC.xlsx</t>
  </si>
  <si>
    <t>C:\Users\suelenmm\OneDrive - Grupo Algar\Desktop - 12-11-19\Soluções 30-10-2019.pptx\</t>
  </si>
  <si>
    <t>C:\Users\suelenmm\OneDrive - Grupo Algar\Desktop - 12-11-19\Vale - Apresentacao - Business Performance_ VF3 18_10_2019.zip\Vale - Apresentacao - Business Performance_ VF3 18_10_2019.pptx\</t>
  </si>
  <si>
    <t>C:\Users\suelenmm\OneDrive - Grupo Algar\Desktop - 12-11-19\Vale - Apresentacao - Business Performance_ VF3 18_10_2019.zip\Vale - Apresentacao - Business Performance_ VF3 18_10_2019.pptx\Microsoft_Excel_Binary_Worksheet.xlsb\</t>
  </si>
  <si>
    <t>C:\Users\suelenmm\OneDrive - Grupo Algar\Desktop - 12-11-19\Vale - Apresentacao - Business Performance_ VF3 18_10_2019.zip\Vale - Apresentacao - Business Performance_ VF3 18_10_2019.pptx\Microsoft_Excel_Binary_Worksheet1.xlsb\</t>
  </si>
  <si>
    <t>C:\Users\suelenmm\OneDrive - Grupo Algar\Desktop - 12-11-19\Vale - Apresentacao - Business Performance_ VF3 18_10_2019.zip\Vale - Apresentacao - Business Performance_ VF3 18_10_2019.pptx\Microsoft_Excel_Binary_Worksheet3.xlsb\</t>
  </si>
  <si>
    <t>C:\Users\suelenmm\OneDrive - Grupo Algar\Desktop - 12-11-19\Vale - Apresentacao - Business Performance_ VF3 18_10_2019.zip\Vale - Apresentacao - Business Performance_ VF3 18_10_2019.pptx\Microsoft_Excel_Binary_Worksheet5.xlsb\</t>
  </si>
  <si>
    <t>C:\Users\suelenmm\OneDrive - Grupo Algar\Desktop - 12-11-19\Vale - Apresentacao - Business Performance_ VF3 18_10_2019.zip\Vale - Apresentacao - Business Performance_ VF3 18_10_2019.pptx\Microsoft_Excel_Binary_Worksheet6.xlsb\</t>
  </si>
  <si>
    <t>C:\Users\suelenmm\OneDrive - Grupo Algar\Desktop - 12-11-19\Vale - Apresentacao - Business Performance_ VF3 18_10_2019.zip\Vale - Apresentacao - Business Performance_ VF3 18_10_2019.pptx\Microsoft_Excel_Binary_Worksheet7.xlsb\</t>
  </si>
  <si>
    <t>C:\Users\suelenmm\OneDrive - Grupo Algar\Desktop - 12-11-19\Plan Precificacao C017 B017_v12082018 v6.xlsb\</t>
  </si>
  <si>
    <t>Plan Precificacao C017 B017_v12082018 v5.xlsb</t>
  </si>
  <si>
    <t>C:\Users\suelenmm\OneDrive - Grupo Algar\Desktop - 12-11-19\Plan Precificacao C017 B017_v12082018 v5.xlsb\</t>
  </si>
  <si>
    <t>Plan Precificacao C017 B017_v12082018 v4.xlsb</t>
  </si>
  <si>
    <t>C:\Users\suelenmm\OneDrive - Grupo Algar\Desktop - 12-11-19\Plan Precificacao C017 B017_v12082018 v4.xlsb\</t>
  </si>
  <si>
    <t>Plan Precificacao C017 B017_v12082018 v3.xlsb</t>
  </si>
  <si>
    <t>C:\Users\suelenmm\OneDrive - Grupo Algar\Desktop - 12-11-19\Plan Precificacao C017 B017_v12082018 v3.xlsb\</t>
  </si>
  <si>
    <t>Plan Precificacao C017 B017_v12082018 V2.xlsb</t>
  </si>
  <si>
    <t>C:\Users\suelenmm\OneDrive - Grupo Algar\Desktop - 12-11-19\Plan Precificacao C017 B017_v12082018 V2.xlsb\</t>
  </si>
  <si>
    <t>objetivos.xlsx</t>
  </si>
  <si>
    <t>Mapa GAT 06-11-2019.xlsx</t>
  </si>
  <si>
    <t>Formulário Solicitações Cancelamento de Férias Fora do Portal.xls</t>
  </si>
  <si>
    <t>ErlangXL97.xla</t>
  </si>
  <si>
    <t>Demandas 02-09-19.xlsx</t>
  </si>
  <si>
    <t>Cópia de Dimensionamento_SD (Semana).xlsx</t>
  </si>
  <si>
    <t>C:\Users\suelenmm\OneDrive - Grupo Algar\Desktop - 12-11-19\Defesa Tecnica Renault v2.5.pptx\</t>
  </si>
  <si>
    <t>Cópia de Cópia de 188270_v3 - PAN FINAL - 30_10_2019 rMaluf.xlsb</t>
  </si>
  <si>
    <t>C:\Users\suelenmm\OneDrive - Grupo Algar\Desktop - 12-11-19\Cópia de Cópia de 188270_v3 - PAN FINAL - 30_10_2019 rMaluf.xlsb\</t>
  </si>
  <si>
    <t>Base Fusion.xlsx</t>
  </si>
  <si>
    <t>C:\Users\suelenmm\OneDrive - Grupo Algar\Desktop - 12-11-19\BP Preço C017 B017-Renault Latam LOT5 (insite) v1.7 - 26%MC (fechamento pós BAFO) - Suelen.xlsb\</t>
  </si>
  <si>
    <t>C:\Users\suelenmm\OneDrive - Grupo Algar\Desktop - 12-11-19\Apresentacao - Business Performance_Renault v1.0 - Suelen.zip\Apresentacao - Business Performance_Renault v1.0 - Suelen.pptx\</t>
  </si>
  <si>
    <t>C:\Users\suelenmm\OneDrive - Grupo Algar\Desktop - 12-11-19\Apresentacao - Business Performance_Renault v1.0 - Suelen.zip\Apresentacao - Business Performance_Renault v1.0 - Suelen.pptx\Microsoft_Excel_Binary_Worksheet.xlsb\</t>
  </si>
  <si>
    <t>C:\Users\suelenmm\OneDrive - Grupo Algar\Desktop - 12-11-19\Apresentacao - Business Performance_Renault v1.0 - Suelen.zip\Apresentacao - Business Performance_Renault v1.0 - Suelen.pptx\Microsoft_Excel_Binary_Worksheet3.xlsb\</t>
  </si>
  <si>
    <t>C:\Users\suelenmm\OneDrive - Grupo Algar\Desktop - 12-11-19\Apresentacao - Business Performance_Renault v1.0 - Suelen.pptx\</t>
  </si>
  <si>
    <t>C:\Users\suelenmm\OneDrive - Grupo Algar\Desktop - 12-11-19\Apresentacao - Business Performance_Renault v1.0 - Suelen.pptx\Microsoft_Excel_Binary_Worksheet.xlsb\</t>
  </si>
  <si>
    <t>C:\Users\suelenmm\OneDrive - Grupo Algar\Desktop - 12-11-19\Apresentacao - Business Performance_Renault v1.0 - Suelen.pptx\Microsoft_Excel_Binary_Worksheet3.xlsb\</t>
  </si>
  <si>
    <t>C:\Users\suelenmm\OneDrive - Grupo Algar\Desktop - 12-11-19\Apresentacao - Business Performance_Renault v1.0 - Ata.zip\Apresentacao - Business Performance_Renault v1.0 - Ata.pptx\</t>
  </si>
  <si>
    <t>C:\Users\suelenmm\OneDrive - Grupo Algar\Desktop - 12-11-19\Apresentacao - Business Performance_Renault v1.0 - Ata.zip\Apresentacao - Business Performance_Renault v1.0 - Ata.pptx\Microsoft_Excel_Binary_Worksheet.xlsb\</t>
  </si>
  <si>
    <t>C:\Users\suelenmm\OneDrive - Grupo Algar\Desktop - 12-11-19\Apresentacao - Business Performance_Renault v1.0 - Ata.pptx\</t>
  </si>
  <si>
    <t>C:\Users\suelenmm\OneDrive - Grupo Algar\Desktop - 12-11-19\Apresentacao - Business Performance_Renault v1.0 - Ata.pptx\Microsoft_Excel_Binary_Worksheet.xlsb\</t>
  </si>
  <si>
    <t>C:\Users\suelenmm\OneDrive - Grupo Algar\Desktop - 12-11-19\PreVendas - Governo Diogo\IBM\</t>
  </si>
  <si>
    <t>Recursologia_Volumetria_Revisadas.xlsx</t>
  </si>
  <si>
    <t>SUELEN_MOREIRA_MARQUES_-_CM_02.2019.xlsx</t>
  </si>
  <si>
    <t>D:\Backup 12-11-2019\Desktop 22-07-19\Download\SUELEN_MOREIRA_MARQUES_-_CM_02.2019.xlsx</t>
  </si>
  <si>
    <t>Template_-_TRANSFERENCIA_ENTRE_EMPRESAS_-_Suelen.xlsx</t>
  </si>
  <si>
    <t>D:\Backup 12-11-2019\Desktop 22-07-19\Download\Template_-_TRANSFERENCIA_ENTRE_EMPRESAS_-_Suelen.xlsx</t>
  </si>
  <si>
    <t>Template_Alteracao_CR_ou_Sindicato_(1).xlsx</t>
  </si>
  <si>
    <t>D:\Backup 12-11-2019\Desktop 22-07-19\Download\Template_Alteracao_CR_ou_Sindicato_(1).xlsx</t>
  </si>
  <si>
    <t>Template_Padrao_-_Transferencia.xlsx</t>
  </si>
  <si>
    <t>D:\Backup 12-11-2019\Desktop 22-07-19\Download\Template_Padrao_-_Transferencia.xlsx</t>
  </si>
  <si>
    <t>tmoypp14.dch.csv</t>
  </si>
  <si>
    <t>D:\Backup 12-11-2019\Desktop 22-07-19\Download\tmoypp14.dch.csv</t>
  </si>
  <si>
    <t>twnlwyl0.fva.csv</t>
  </si>
  <si>
    <t>D:\Backup 12-11-2019\Desktop 22-07-19\Download\twnlwyl0.fva.csv</t>
  </si>
  <si>
    <t>twnlwyl0.fva.csv:Zone.Identifier</t>
  </si>
  <si>
    <t>D:\Backup 12-11-2019\Desktop 22-07-19\Download\twnlwyl0.fva.csv:Zone.Identifier</t>
  </si>
  <si>
    <t>uaac1vus.mbb.csv</t>
  </si>
  <si>
    <t>D:\Backup 12-11-2019\Desktop 22-07-19\Download\uaac1vus.mbb.csv</t>
  </si>
  <si>
    <t>uaac1vus.mbb.csv:Zone.Identifier</t>
  </si>
  <si>
    <t>D:\Backup 12-11-2019\Desktop 22-07-19\Download\uaac1vus.mbb.csv:Zone.Identifier</t>
  </si>
  <si>
    <t>uny1uzft.3ro.csv</t>
  </si>
  <si>
    <t>D:\Backup 12-11-2019\Desktop 22-07-19\Download\uny1uzft.3ro.csv</t>
  </si>
  <si>
    <t>11/13/2019 08:40:29</t>
  </si>
  <si>
    <t>uny1uzft.3ro.csv:Zone.Identifier</t>
  </si>
  <si>
    <t>D:\Backup 12-11-2019\Desktop 22-07-19\Download\uny1uzft.3ro.csv:Zone.Identifier</t>
  </si>
  <si>
    <t>vaoqv2u5.plh.csv</t>
  </si>
  <si>
    <t>D:\Backup 12-11-2019\Desktop 22-07-19\Download\vaoqv2u5.plh.csv</t>
  </si>
  <si>
    <t>vaoqv2u5.plh.csv:Zone.Identifier</t>
  </si>
  <si>
    <t>D:\Backup 12-11-2019\Desktop 22-07-19\Download\vaoqv2u5.plh.csv:Zone.Identifier</t>
  </si>
  <si>
    <t>Vendas Detalhado (1).xlsx</t>
  </si>
  <si>
    <t>D:\Backup 12-11-2019\Desktop 22-07-19\Download\Vendas Detalhado (1).xlsx</t>
  </si>
  <si>
    <t>Vendas Detalhado (2).xlsx</t>
  </si>
  <si>
    <t>D:\Backup 12-11-2019\Desktop 22-07-19\Download\Vendas Detalhado (2).xlsx</t>
  </si>
  <si>
    <t>Vendas Detalhado (3).xlsx</t>
  </si>
  <si>
    <t>D:\Backup 12-11-2019\Desktop 22-07-19\Download\Vendas Detalhado (3).xlsx</t>
  </si>
  <si>
    <t>Vendas Detalhado (4).xlsx</t>
  </si>
  <si>
    <t>D:\Backup 12-11-2019\Desktop 22-07-19\Download\Vendas Detalhado (4).xlsx</t>
  </si>
  <si>
    <t>Vendas Detalhado (5).xlsx</t>
  </si>
  <si>
    <t>D:\Backup 12-11-2019\Desktop 22-07-19\Download\Vendas Detalhado (5).xlsx</t>
  </si>
  <si>
    <t>Vendas Detalhado (6).xlsx</t>
  </si>
  <si>
    <t>D:\Backup 12-11-2019\Desktop 22-07-19\Download\Vendas Detalhado (6).xlsx</t>
  </si>
  <si>
    <t>Vendas Detalhado - alteração fusion.xlsx</t>
  </si>
  <si>
    <t>D:\Backup 12-11-2019\Desktop 22-07-19\Download\Vendas Detalhado - alteração fusion.xlsx</t>
  </si>
  <si>
    <t>Vendas Detalhado v2.xlsx</t>
  </si>
  <si>
    <t>D:\Backup 12-11-2019\Desktop 22-07-19\Download\Vendas Detalhado v2.xlsx</t>
  </si>
  <si>
    <t>Vendas Detalhado.xlsx</t>
  </si>
  <si>
    <t>D:\Backup 12-11-2019\Desktop 22-07-19\Download\Vendas Detalhado.xlsx</t>
  </si>
  <si>
    <t>Vendas Resumido v6 (1).xlsx</t>
  </si>
  <si>
    <t>D:\Backup 12-11-2019\Desktop 22-07-19\Download\Vendas Resumido v6 (1).xlsx</t>
  </si>
  <si>
    <t>Vendas Resumido v6.xlsx</t>
  </si>
  <si>
    <t>D:\Backup 12-11-2019\Desktop 22-07-19\Download\Vendas Resumido v6.xlsx</t>
  </si>
  <si>
    <t>vmifeiun.3hf.csv</t>
  </si>
  <si>
    <t>D:\Backup 12-11-2019\Desktop 22-07-19\Download\vmifeiun.3hf.csv</t>
  </si>
  <si>
    <t>vqfdw1vb.o0r.csv</t>
  </si>
  <si>
    <t>D:\Backup 12-11-2019\Desktop 22-07-19\Download\vqfdw1vb.o0r.csv</t>
  </si>
  <si>
    <t>vqfdw1vb.o0r.csv:Zone.Identifier</t>
  </si>
  <si>
    <t>D:\Backup 12-11-2019\Desktop 22-07-19\Download\vqfdw1vb.o0r.csv:Zone.Identifier</t>
  </si>
  <si>
    <t>wjnmksrp.o3d.csv</t>
  </si>
  <si>
    <t>D:\Backup 12-11-2019\Desktop 22-07-19\Download\wjnmksrp.o3d.csv</t>
  </si>
  <si>
    <t>wnlksv3u.wy4.csv</t>
  </si>
  <si>
    <t>D:\Backup 12-11-2019\Desktop 22-07-19\Download\wnlksv3u.wy4.csv</t>
  </si>
  <si>
    <t>wnlksv3u.wy4.csv:Zone.Identifier</t>
  </si>
  <si>
    <t>D:\Backup 12-11-2019\Desktop 22-07-19\Download\wnlksv3u.wy4.csv:Zone.Identifier</t>
  </si>
  <si>
    <t>wrlbx2jt.tv4.csv</t>
  </si>
  <si>
    <t>D:\Backup 12-11-2019\Desktop 22-07-19\Download\wrlbx2jt.tv4.csv</t>
  </si>
  <si>
    <t>wrlbx2jt.tv4.csv:Zone.Identifier</t>
  </si>
  <si>
    <t>D:\Backup 12-11-2019\Desktop 22-07-19\Download\wrlbx2jt.tv4.csv:Zone.Identifier</t>
  </si>
  <si>
    <t>wsycc1ff.eye.csv</t>
  </si>
  <si>
    <t>D:\Backup 12-11-2019\Desktop 22-07-19\Download\wsycc1ff.eye.csv</t>
  </si>
  <si>
    <t>wsycc1ff.eye.csv:Zone.Identifier</t>
  </si>
  <si>
    <t>D:\Backup 12-11-2019\Desktop 22-07-19\Download\wsycc1ff.eye.csv:Zone.Identifier</t>
  </si>
  <si>
    <t>ygucw45w.ttg.csv</t>
  </si>
  <si>
    <t>D:\Backup 12-11-2019\Desktop 22-07-19\Download\ygucw45w.ttg.csv</t>
  </si>
  <si>
    <t>ygucw45w.ttg.csv:Zone.Identifier</t>
  </si>
  <si>
    <t>D:\Backup 12-11-2019\Desktop 22-07-19\Download\ygucw45w.ttg.csv:Zone.Identifier</t>
  </si>
  <si>
    <t>ywhxo2cu.j5y.csv</t>
  </si>
  <si>
    <t>D:\Backup 12-11-2019\Desktop 22-07-19\Download\ywhxo2cu.j5y.csv</t>
  </si>
  <si>
    <t>ywhxo2cu.j5y.csv:Zone.Identifier</t>
  </si>
  <si>
    <t>D:\Backup 12-11-2019\Desktop 22-07-19\Download\ywhxo2cu.j5y.csv:Zone.Identifier</t>
  </si>
  <si>
    <t>zd1i0uvj.jbc.csv</t>
  </si>
  <si>
    <t>D:\Backup 12-11-2019\Desktop 22-07-19\Download\zd1i0uvj.jbc.csv</t>
  </si>
  <si>
    <t>C:\Users\suelenmm\OneDrive - Grupo Algar\Desktop 22-07-19\GAS BRASILIANO\</t>
  </si>
  <si>
    <t>BP C015 B014_Desonerada - Suporte SAP AMS - Gas Brasiliano v4.xlsb</t>
  </si>
  <si>
    <t>D:\Backup 12-11-2019\Desktop 22-07-19\GAS BRASILIANO\BP C015 B014_Desonerada - Suporte SAP AMS - Gas Brasiliano v4.xlsb</t>
  </si>
  <si>
    <t>C:\Users\suelenmm\OneDrive - Grupo Algar\Desktop 22-07-19\GAS BRASILIANO\BP C015 B014_Desonerada - Suporte SAP AMS - Gas Brasiliano v4.xlsb\</t>
  </si>
  <si>
    <t>C:\Users\suelenmm\OneDrive - Grupo Algar\Desktop - 12-11-19\PreVendas - Governo Diogo\IBM\Pricing.xlsb\</t>
  </si>
  <si>
    <t>BP C015 B014_Desonerada - Suporte SAP AMS - Gas Brasiliano.xlsb</t>
  </si>
  <si>
    <t>D:\Backup 12-11-2019\Desktop 22-07-19\GAS BRASILIANO\BP C015 B014_Desonerada - Suporte SAP AMS - Gas Brasiliano.xlsb</t>
  </si>
  <si>
    <t>C:\Users\suelenmm\OneDrive - Grupo Algar\Desktop 22-07-19\GAS BRASILIANO\BP C015 B014_Desonerada - Suporte SAP AMS - Gas Brasiliano.xlsb\</t>
  </si>
  <si>
    <t>C:\Users\suelenmm\OneDrive - Grupo Algar\Desktop 22-07-19\GAS BRASILIANO\Anexos\</t>
  </si>
  <si>
    <t>ANEXO_12_-_QUESTIONÁRIO_DE_DDI_PARA_APLICAÇÃO_DO_GRI.XLSX</t>
  </si>
  <si>
    <t>D:\Backup 12-11-2019\Desktop 22-07-19\GAS BRASILIANO\Anexos\ANEXO_12_-_QUESTIONÁRIO_DE_DDI_PARA_APLICAÇÃO_DO_GRI.XLSX</t>
  </si>
  <si>
    <t>ANEXO_2_-_PLANILHA_DE_PREÇOS_UNITÁRIOS.XLS</t>
  </si>
  <si>
    <t>D:\Backup 12-11-2019\Desktop 22-07-19\GAS BRASILIANO\Anexos\ANEXO_2_-_PLANILHA_DE_PREÇOS_UNITÁRIOS.XLS</t>
  </si>
  <si>
    <t>C:\Users\suelenmm\OneDrive - Grupo Algar\Desktop 22-07-19\GAS BRASILIANO\ok\Edital_PE-015-2018.zip\Anexos\</t>
  </si>
  <si>
    <t>ANEXO_12_-_QUESTIONÃRIO_DE_DDI_PARA_APLICAÃ‡ÃƒO_DO_GRI.XLSX</t>
  </si>
  <si>
    <t>D:\Backup 12-11-2019\Desktop 22-07-19\GAS BRASILIANO\ok\Edital_PE-015-2018.zip</t>
  </si>
  <si>
    <t>ANEXO_2_-_PLANILHA_DE_PREÃ‡OS_UNITÃRIOS.XLS</t>
  </si>
  <si>
    <t>C:\Users\suelenmm\OneDrive - Grupo Algar\Desktop 22-07-19\GAS BRASILIANO\ok\</t>
  </si>
  <si>
    <t>Ficha da Oportunidade.xlsx</t>
  </si>
  <si>
    <t>D:\Backup 12-11-2019\Desktop 22-07-19\GAS BRASILIANO\ok\Ficha da Oportunidade.xlsx</t>
  </si>
  <si>
    <t>C:\Users\suelenmm\OneDrive - Grupo Algar\Desktop 22-07-19\ITALTEL\AIT000230214 (Economic).zip\ANEXOS CONVITE.zip\Anexo 2 - Especificaciones t‚cnicas y anexos\TEONET - Brasil_V6.zip\</t>
  </si>
  <si>
    <t>ANEXO H - Herramientas de soporte_Detalle_v1.XLSX</t>
  </si>
  <si>
    <t>D:\Backup 12-11-2019\Desktop 22-07-19\ITALTEL\AIT000230214 (Economic).zip</t>
  </si>
  <si>
    <t>C:\Users\suelenmm\OneDrive - Grupo Algar\Desktop 22-07-19\ITALTEL\AIT000230214 (Economic).zip\ANEXOS CONVITE.zip\Anexo 2 - Especificaciones t‚cnicas y anexos\TEONET - Chile_V6.zip\</t>
  </si>
  <si>
    <t>ANEXO H - Herramientas de soporte_Detalle_v2.XLSX</t>
  </si>
  <si>
    <t>C:\Users\suelenmm\OneDrive - Grupo Algar\Desktop 22-07-19\ITALTEL\AIT000230214 (Economic).zip\ANEXOS CONVITE.zip\Anexo 2 - Especificaciones t‚cnicas y anexos\TEONET - Colombia_V6.zip\</t>
  </si>
  <si>
    <t>ANEXO H - Herramientas de soporte_Detalle_v1.xlsx</t>
  </si>
  <si>
    <t>C:\Users\suelenmm\OneDrive - Grupo Algar\Desktop 22-07-19\ITALTEL\AIT000230214 (Economic).zip\ANEXOS CONVITE.zip\Anexo 2 - Especificaciones t‚cnicas y anexos\TEONET - Per£_v6.zip\</t>
  </si>
  <si>
    <t>ANEXO H - Herramientas de soporte_Detalle_v2.xlsx</t>
  </si>
  <si>
    <t>C:\Users\suelenmm\OneDrive - Grupo Algar\Desktop 22-07-19\ITALTEL\AIT000230214 (Economic).zip\ANEXOS CONVITE.zip\Anexo 2 - Especificaciones t‚cnicas y anexos\TEONET -Argentina_V6.zip\</t>
  </si>
  <si>
    <t>C:\Users\suelenmm\OneDrive - Grupo Algar\Desktop 22-07-19\ITALTEL\AIT000230214 (Economic).zip\ANEXOS CONVITE.zip\Anexo 2 - Especificaciones t‚cnicas y anexos\TEONET - Brasil_V6.zip\ANEXO A - Inventario_v4.docx\</t>
  </si>
  <si>
    <t>Hoja_de_c_lculo_de_Microsoft_Excel.xlsx</t>
  </si>
  <si>
    <t>C:\Users\suelenmm\OneDrive - Grupo Algar\Desktop 22-07-19\ITALTEL\AIT000230214 (Economic).zip\ANEXOS CONVITE.zip\Anexo 2 - Especificaciones t‚cnicas y anexos\TEONET - Brasil_V6.zip\ANEXO D - Baremos Servicios variables_v2.docx\</t>
  </si>
  <si>
    <t>C:\Users\suelenmm\OneDrive - Grupo Algar\Desktop 22-07-19\ITALTEL\AIT000230214 (Economic).zip\ANEXOS CONVITE.zip\Anexo 2 - Especificaciones t‚cnicas y anexos\TEONET - Brasil_V6.zip\ANEXO I - Formato de preguntas y respuestas de los licitadores_v1.docx\</t>
  </si>
  <si>
    <t>C:\Users\suelenmm\OneDrive - Grupo Algar\Desktop 22-07-19\ITALTEL\AIT000230214 (Economic).zip\ANEXOS CONVITE.zip\Anexo 2 - Especificaciones t‚cnicas y anexos\TEONET - Brasil_V6.zip\ANEXO J - Criterios Evaluaci¢n T‚cnica_v6.docx\</t>
  </si>
  <si>
    <t>C:\Users\suelenmm\OneDrive - Grupo Algar\Desktop 22-07-19\ITALTEL\AIT000230214 (Economic).zip\ANEXOS CONVITE.zip\Anexo 2 - Especificaciones t‚cnicas y anexos\TEONET - Chile_V6.zip\ANEXO A - Inventario_v3.docx\</t>
  </si>
  <si>
    <t>C:\Users\suelenmm\OneDrive - Grupo Algar\Desktop 22-07-19\ITALTEL\AIT000230214 (Economic).zip\ANEXOS CONVITE.zip\Anexo 2 - Especificaciones t‚cnicas y anexos\TEONET - Chile_V6.zip\ANEXO D - Baremos Servicios variables_v2.docx\</t>
  </si>
  <si>
    <t>C:\Users\suelenmm\OneDrive - Grupo Algar\Desktop 22-07-19\ITALTEL\AIT000230214 (Economic).zip\ANEXOS CONVITE.zip\Anexo 2 - Especificaciones t‚cnicas y anexos\TEONET - Chile_V6.zip\ANEXO I - Formato de preguntas y respuestas de los licitadores_v1.docx\</t>
  </si>
  <si>
    <t>C:\Users\suelenmm\OneDrive - Grupo Algar\Desktop 22-07-19\ITALTEL\AIT000230214 (Economic).zip\ANEXOS CONVITE.zip\Anexo 2 - Especificaciones t‚cnicas y anexos\TEONET - Chile_V6.zip\ANEXO J - Criterios Evaluaci¢n T‚cnica_v6.docx\</t>
  </si>
  <si>
    <t>C:\Users\suelenmm\OneDrive - Grupo Algar\Desktop 22-07-19\ITALTEL\AIT000230214 (Economic).zip\ANEXOS CONVITE.zip\Anexo 2 - Especificaciones t‚cnicas y anexos\TEONET - Colombia_V6.zip\ANEXO A - Inventario_v6.docx\</t>
  </si>
  <si>
    <t>C:\Users\suelenmm\OneDrive - Grupo Algar\Desktop 22-07-19\ITALTEL\AIT000230214 (Economic).zip\ANEXOS CONVITE.zip\Anexo 2 - Especificaciones t‚cnicas y anexos\TEONET - Colombia_V6.zip\ANEXO D - Baremos Servicios variables_v4.docx\</t>
  </si>
  <si>
    <t>C:\Users\suelenmm\OneDrive - Grupo Algar\Desktop 22-07-19\ITALTEL\AIT000230214 (Economic).zip\ANEXOS CONVITE.zip\Anexo 2 - Especificaciones t‚cnicas y anexos\TEONET - Colombia_V6.zip\ANEXO I - Formato de preguntas y respuestas de los licitadores_v1.docx\</t>
  </si>
  <si>
    <t>C:\Users\suelenmm\OneDrive - Grupo Algar\Desktop 22-07-19\ITALTEL\AIT000230214 (Economic).zip\ANEXOS CONVITE.zip\Anexo 2 - Especificaciones t‚cnicas y anexos\TEONET - Colombia_V6.zip\ANEXO J - Criterios Evaluaci¢n T‚cnica_v6.docx\</t>
  </si>
  <si>
    <t>C:\Users\suelenmm\OneDrive - Grupo Algar\Desktop 22-07-19\ITALTEL\AIT000230214 (Economic).zip\ANEXOS CONVITE.zip\Anexo 2 - Especificaciones t‚cnicas y anexos\TEONET - Per£_v6.zip\ANEXO A - Inventario_v4.docx\</t>
  </si>
  <si>
    <t>C:\Users\suelenmm\OneDrive - Grupo Algar\Desktop 22-07-19\ITALTEL\AIT000230214 (Economic).zip\ANEXOS CONVITE.zip\Anexo 2 - Especificaciones t‚cnicas y anexos\TEONET - Per£_v6.zip\ANEXO D - Baremos Servicios variables_v2.docx\</t>
  </si>
  <si>
    <t>C:\Users\suelenmm\OneDrive - Grupo Algar\Desktop 22-07-19\ITALTEL\AIT000230214 (Economic).zip\ANEXOS CONVITE.zip\Anexo 2 - Especificaciones t‚cnicas y anexos\TEONET - Per£_v6.zip\ANEXO I - Formato de preguntas y respuestas de los licitadores_v1.docx\</t>
  </si>
  <si>
    <t>C:\Users\suelenmm\OneDrive - Grupo Algar\Desktop 22-07-19\ITALTEL\AIT000230214 (Economic).zip\ANEXOS CONVITE.zip\Anexo 2 - Especificaciones t‚cnicas y anexos\TEONET - Per£_v6.zip\ANEXO J - Criterios Evaluaci¢n T‚cnica_v6.docx\</t>
  </si>
  <si>
    <t>C:\Users\suelenmm\OneDrive - Grupo Algar\Desktop 22-07-19\ITALTEL\AIT000230214 (Economic).zip\ANEXOS CONVITE.zip\Anexo 2 - Especificaciones t‚cnicas y anexos\TEONET -Argentina_V6.zip\ANEXO A - Inventario_v3.docx\</t>
  </si>
  <si>
    <t>C:\Users\suelenmm\OneDrive - Grupo Algar\Desktop 22-07-19\ITALTEL\AIT000230214 (Economic).zip\ANEXOS CONVITE.zip\Anexo 2 - Especificaciones t‚cnicas y anexos\TEONET -Argentina_V6.zip\ANEXO D - Baremos Servicios variables_v2.docx\</t>
  </si>
  <si>
    <t>C:\Users\suelenmm\OneDrive - Grupo Algar\Desktop 22-07-19\ITALTEL\AIT000230214 (Economic).zip\ANEXOS CONVITE.zip\Anexo 2 - Especificaciones t‚cnicas y anexos\TEONET -Argentina_V6.zip\ANEXO I - Formato de preguntas y respuestas de los licitadores_v1.docx\</t>
  </si>
  <si>
    <t>C:\Users\suelenmm\OneDrive - Grupo Algar\Desktop 22-07-19\ITALTEL\AIT000230214 (Economic).zip\ANEXOS CONVITE.zip\Anexo 2 - Especificaciones t‚cnicas y anexos\TEONET -Argentina_V6.zip\ANEXO J - Criterios Evaluaci¢n T‚cnica_v6.docx\</t>
  </si>
  <si>
    <t>Cópia de BP Preço C015 B015 Desonerada Ajustes Finais.xlsb</t>
  </si>
  <si>
    <t>C:\Users\suelenmm\OneDrive - Grupo Algar\Desktop - 12-11-19\PreVendas - Governo Diogo\IBM\Cópia de BP Preço C015 B015 Desonerada Ajustes Finais.xlsb\</t>
  </si>
  <si>
    <t>C:\Users\suelenmm\OneDrive - Grupo Algar\Desktop 22-07-19\Pendrive 05-03\</t>
  </si>
  <si>
    <t>D:\Backup 12-11-2019\Desktop 22-07-19\Pendrive 05-03\Fluxo_de_Caixa_2010_2011_2012_2013_2014_2015_2016 v1.xlsx</t>
  </si>
  <si>
    <t>C:\Users\suelenmm\OneDrive - Grupo Algar\Desktop 22-07-19\Pendrive 05-03\Backup 01-07\</t>
  </si>
  <si>
    <t>BP de Preços Projetos _Nova Início - V 2015-6-009.xlsb</t>
  </si>
  <si>
    <t>D:\Backup 12-11-2019\Desktop 22-07-19\Pendrive 05-03\Backup 01-07\BP de Preços Projetos _Nova Início - V 2015-6-009.xlsb</t>
  </si>
  <si>
    <t>Fluxo_de_Caixa_2010_2011_2012_2013_2014_2015.xls</t>
  </si>
  <si>
    <t>D:\Backup 12-11-2019\Desktop 22-07-19\Pendrive 05-03\Backup 01-07\Fluxo_de_Caixa_2010_2011_2012_2013_2014_2015.xls</t>
  </si>
  <si>
    <t>C:\Users\suelenmm\OneDrive - Grupo Algar\Desktop 22-07-19\Pendrive 05-03\Backup 01-07\Processos de Mapeamento - Hardware_v1.pptx\</t>
  </si>
  <si>
    <t>D:\Backup 12-11-2019\Desktop 22-07-19\Pendrive 05-03\Backup 01-07\Processos de Mapeamento - Hardware_v1.pptx</t>
  </si>
  <si>
    <t>viagem.xlsx</t>
  </si>
  <si>
    <t>D:\Backup 12-11-2019\Desktop 22-07-19\Pendrive 05-03\Backup 01-07\viagem.xlsx</t>
  </si>
  <si>
    <t>C:\Users\suelenmm\OneDrive - Grupo Algar\Desktop 22-07-19\Pendrive 05-03\Backup 01-07\45233 - RFQ _ A4216_RFQ_29020 - Manutenção RJ_ES_SUL\RES Comissão TIM e Cálculos Jacimara.msg\s95\</t>
  </si>
  <si>
    <t>Simulador ROIC% venda TIM.xlsx</t>
  </si>
  <si>
    <t>D:\Backup 12-11-2019\Desktop 22-07-19\Pendrive 05-03\Backup 01-07\45233 - RFQ _ A4216_RFQ_29020 - Manutenção RJ_ES_SUL\RES Comissão TIM e Cálculos Jacimara.msg</t>
  </si>
  <si>
    <t>C:\Users\suelenmm\OneDrive - Grupo Algar\Desktop 22-07-19\Pendrive 05-03\Backup 01-07\45233 - RFQ _ A4216_RFQ_29020 - Manutenção RJ_ES_SUL\1. Precificação\Antigos\</t>
  </si>
  <si>
    <t>45233 - BP Campo v1.xlsb</t>
  </si>
  <si>
    <t>D:\Backup 12-11-2019\Desktop 22-07-19\Pendrive 05-03\Backup 01-07\45233 - RFQ _ A4216_RFQ_29020 - Manutenção RJ_ES_SUL\1. Precificação\Antigos\45233 - BP Campo v1.xlsb</t>
  </si>
  <si>
    <t>45233 - BP Campo v12 - Alterado Rogerio.xlsb</t>
  </si>
  <si>
    <t>D:\Backup 12-11-2019\Desktop 22-07-19\Pendrive 05-03\Backup 01-07\45233 - RFQ _ A4216_RFQ_29020 - Manutenção RJ_ES_SUL\1. Precificação\Antigos\45233 - BP Campo v12 - Alterado Rogerio.xlsb</t>
  </si>
  <si>
    <t>45233 - BP Campo v12.xlsb</t>
  </si>
  <si>
    <t>D:\Backup 12-11-2019\Desktop 22-07-19\Pendrive 05-03\Backup 01-07\45233 - RFQ _ A4216_RFQ_29020 - Manutenção RJ_ES_SUL\1. Precificação\Antigos\45233 - BP Campo v12.xlsb</t>
  </si>
  <si>
    <t>45233 - BP Campo v2 - + preventiva (2).xlsb</t>
  </si>
  <si>
    <t>D:\Backup 12-11-2019\Desktop 22-07-19\Pendrive 05-03\Backup 01-07\45233 - RFQ _ A4216_RFQ_29020 - Manutenção RJ_ES_SUL\1. Precificação\Antigos\45233 - BP Campo v2 - + preventiva (2).xlsb</t>
  </si>
  <si>
    <t>45233 - BP Campo v2 - + preventiva.xlsb</t>
  </si>
  <si>
    <t>D:\Backup 12-11-2019\Desktop 22-07-19\Pendrive 05-03\Backup 01-07\45233 - RFQ _ A4216_RFQ_29020 - Manutenção RJ_ES_SUL\1. Precificação\Antigos\45233 - BP Campo v2 - + preventiva.xlsb</t>
  </si>
  <si>
    <t>45233 - BP Campo v2 - otimizado (2).xlsb</t>
  </si>
  <si>
    <t>D:\Backup 12-11-2019\Desktop 22-07-19\Pendrive 05-03\Backup 01-07\45233 - RFQ _ A4216_RFQ_29020 - Manutenção RJ_ES_SUL\1. Precificação\Antigos\45233 - BP Campo v2 - otimizado (2).xlsb</t>
  </si>
  <si>
    <t>45233 - BP Campo v2 - otimizado.xlsb</t>
  </si>
  <si>
    <t>D:\Backup 12-11-2019\Desktop 22-07-19\Pendrive 05-03\Backup 01-07\45233 - RFQ _ A4216_RFQ_29020 - Manutenção RJ_ES_SUL\1. Precificação\Antigos\45233 - BP Campo v2 - otimizado.xlsb</t>
  </si>
  <si>
    <t>45233 - BP Campo v3 - + preventiva.xlsb</t>
  </si>
  <si>
    <t>D:\Backup 12-11-2019\Desktop 22-07-19\Pendrive 05-03\Backup 01-07\45233 - RFQ _ A4216_RFQ_29020 - Manutenção RJ_ES_SUL\1. Precificação\Antigos\45233 - BP Campo v3 - + preventiva.xlsb</t>
  </si>
  <si>
    <t>45233 - BP Campo v3 - otimizado (2).xlsb</t>
  </si>
  <si>
    <t>D:\Backup 12-11-2019\Desktop 22-07-19\Pendrive 05-03\Backup 01-07\45233 - RFQ _ A4216_RFQ_29020 - Manutenção RJ_ES_SUL\1. Precificação\Antigos\45233 - BP Campo v3 - otimizado (2).xlsb</t>
  </si>
  <si>
    <t>45233 - BP Campo v3 - otimizado.xlsb</t>
  </si>
  <si>
    <t>D:\Backup 12-11-2019\Desktop 22-07-19\Pendrive 05-03\Backup 01-07\45233 - RFQ _ A4216_RFQ_29020 - Manutenção RJ_ES_SUL\1. Precificação\Antigos\45233 - BP Campo v3 - otimizado.xlsb</t>
  </si>
  <si>
    <t>45233 - BP Campo v4 - + preventiva.xlsb</t>
  </si>
  <si>
    <t>D:\Backup 12-11-2019\Desktop 22-07-19\Pendrive 05-03\Backup 01-07\45233 - RFQ _ A4216_RFQ_29020 - Manutenção RJ_ES_SUL\1. Precificação\Antigos\45233 - BP Campo v4 - + preventiva.xlsb</t>
  </si>
  <si>
    <t>45233 - BP Campo v5 - + preventiva.xlsb</t>
  </si>
  <si>
    <t>D:\Backup 12-11-2019\Desktop 22-07-19\Pendrive 05-03\Backup 01-07\45233 - RFQ _ A4216_RFQ_29020 - Manutenção RJ_ES_SUL\1. Precificação\Antigos\45233 - BP Campo v5 - + preventiva.xlsb</t>
  </si>
  <si>
    <t>45233 - BP Equipamentos v1.xlsb</t>
  </si>
  <si>
    <t>D:\Backup 12-11-2019\Desktop 22-07-19\Pendrive 05-03\Backup 01-07\45233 - RFQ _ A4216_RFQ_29020 - Manutenção RJ_ES_SUL\1. Precificação\Antigos\45233 - BP Equipamentos v1.xlsb</t>
  </si>
  <si>
    <t>45233 - BP Equipamentos v2 TRJ.xlsb</t>
  </si>
  <si>
    <t>D:\Backup 12-11-2019\Desktop 22-07-19\Pendrive 05-03\Backup 01-07\45233 - RFQ _ A4216_RFQ_29020 - Manutenção RJ_ES_SUL\1. Precificação\Antigos\45233 - BP Equipamentos v2 TRJ.xlsb</t>
  </si>
  <si>
    <t>45233 - BP Equipamentos v2 TSL.xlsb</t>
  </si>
  <si>
    <t>D:\Backup 12-11-2019\Desktop 22-07-19\Pendrive 05-03\Backup 01-07\45233 - RFQ _ A4216_RFQ_29020 - Manutenção RJ_ES_SUL\1. Precificação\Antigos\45233 - BP Equipamentos v2 TSL.xlsb</t>
  </si>
  <si>
    <t>BP TIM - revisado 25-04.xlsb</t>
  </si>
  <si>
    <t>D:\Backup 12-11-2019\Desktop 22-07-19\Pendrive 05-03\Backup 01-07\45233 - RFQ _ A4216_RFQ_29020 - Manutenção RJ_ES_SUL\1. Precificação\Antigos\BP TIM - revisado 25-04.xlsb</t>
  </si>
  <si>
    <t>BP TIM - REVISAO - 2.xlsb</t>
  </si>
  <si>
    <t>D:\Backup 12-11-2019\Desktop 22-07-19\Pendrive 05-03\Backup 01-07\45233 - RFQ _ A4216_RFQ_29020 - Manutenção RJ_ES_SUL\1. Precificação\Antigos\BP TIM - REVISAO - 2.xlsb</t>
  </si>
  <si>
    <t>BP TIM - REVISAO - 3.xlsb</t>
  </si>
  <si>
    <t>D:\Backup 12-11-2019\Desktop 22-07-19\Pendrive 05-03\Backup 01-07\45233 - RFQ _ A4216_RFQ_29020 - Manutenção RJ_ES_SUL\1. Precificação\Antigos\BP TIM - REVISAO - 3.xlsb</t>
  </si>
  <si>
    <t>BP TIM - REVISAO - 4.xlsb</t>
  </si>
  <si>
    <t>D:\Backup 12-11-2019\Desktop 22-07-19\Pendrive 05-03\Backup 01-07\45233 - RFQ _ A4216_RFQ_29020 - Manutenção RJ_ES_SUL\1. Precificação\Antigos\BP TIM - REVISAO - 4.xlsb</t>
  </si>
  <si>
    <t>BP TIM - REVISAO - 5.xlsb</t>
  </si>
  <si>
    <t>D:\Backup 12-11-2019\Desktop 22-07-19\Pendrive 05-03\Backup 01-07\45233 - RFQ _ A4216_RFQ_29020 - Manutenção RJ_ES_SUL\1. Precificação\Antigos\BP TIM - REVISAO - 5.xlsb</t>
  </si>
  <si>
    <t>BP TIM - REVISAO - 6.xlsb</t>
  </si>
  <si>
    <t>D:\Backup 12-11-2019\Desktop 22-07-19\Pendrive 05-03\Backup 01-07\45233 - RFQ _ A4216_RFQ_29020 - Manutenção RJ_ES_SUL\1. Precificação\Antigos\BP TIM - REVISAO - 6.xlsb</t>
  </si>
  <si>
    <t>BP TIM - REVISAO.xlsb</t>
  </si>
  <si>
    <t>D:\Backup 12-11-2019\Desktop 22-07-19\Pendrive 05-03\Backup 01-07\45233 - RFQ _ A4216_RFQ_29020 - Manutenção RJ_ES_SUL\1. Precificação\Antigos\BP TIM - REVISAO.xlsb</t>
  </si>
  <si>
    <t>bp tim.xlsb</t>
  </si>
  <si>
    <t>D:\Backup 12-11-2019\Desktop 22-07-19\Pendrive 05-03\Backup 01-07\45233 - RFQ _ A4216_RFQ_29020 - Manutenção RJ_ES_SUL\1. Precificação\Antigos\bp tim.xlsb</t>
  </si>
  <si>
    <t>Cópia de 45233 - BP Equipamentos v1 - pacote 1 a 10 correto.xlsb</t>
  </si>
  <si>
    <t>D:\Backup 12-11-2019\Desktop 22-07-19\Pendrive 05-03\Backup 01-07\45233 - RFQ _ A4216_RFQ_29020 - Manutenção RJ_ES_SUL\1. Precificação\Antigos\Cópia de 45233 - BP Equipamentos v1 - pacote 1 a 10 correto.xlsb</t>
  </si>
  <si>
    <t>Cópia de 45233 - BP Equipamentos v1 - pacote 1 a 10.xlsb</t>
  </si>
  <si>
    <t>D:\Backup 12-11-2019\Desktop 22-07-19\Pendrive 05-03\Backup 01-07\45233 - RFQ _ A4216_RFQ_29020 - Manutenção RJ_ES_SUL\1. Precificação\Antigos\Cópia de 45233 - BP Equipamentos v1 - pacote 1 a 10.xlsb</t>
  </si>
  <si>
    <t>Cópia de 45233 - BP Equipamentos v1 - pacote 1 a 4.xlsb</t>
  </si>
  <si>
    <t>D:\Backup 12-11-2019\Desktop 22-07-19\Pendrive 05-03\Backup 01-07\45233 - RFQ _ A4216_RFQ_29020 - Manutenção RJ_ES_SUL\1. Precificação\Antigos\Cópia de 45233 - BP Equipamentos v1 - pacote 1 a 4.xlsb</t>
  </si>
  <si>
    <t>Cópia de 45233 - BP Equipamentos v1 - pacote 1 correto (2).xlsb</t>
  </si>
  <si>
    <t>D:\Backup 12-11-2019\Desktop 22-07-19\Pendrive 05-03\Backup 01-07\45233 - RFQ _ A4216_RFQ_29020 - Manutenção RJ_ES_SUL\1. Precificação\Antigos\Cópia de 45233 - BP Equipamentos v1 - pacote 1 correto (2).xlsb</t>
  </si>
  <si>
    <t>Cópia de 45233 - BP Equipamentos v1 - pacote 1 correto.xlsb</t>
  </si>
  <si>
    <t>D:\Backup 12-11-2019\Desktop 22-07-19\Pendrive 05-03\Backup 01-07\45233 - RFQ _ A4216_RFQ_29020 - Manutenção RJ_ES_SUL\1. Precificação\Antigos\Cópia de 45233 - BP Equipamentos v1 - pacote 1 correto.xlsb</t>
  </si>
  <si>
    <t>Cópia de 45233 - BP Equipamentos v1 - pacote 1 e 2.xlsb</t>
  </si>
  <si>
    <t>D:\Backup 12-11-2019\Desktop 22-07-19\Pendrive 05-03\Backup 01-07\45233 - RFQ _ A4216_RFQ_29020 - Manutenção RJ_ES_SUL\1. Precificação\Antigos\Cópia de 45233 - BP Equipamentos v1 - pacote 1 e 2.xlsb</t>
  </si>
  <si>
    <t>Cópia de 45233 - BP Equipamentos v1 - pacote 1.xlsb</t>
  </si>
  <si>
    <t>D:\Backup 12-11-2019\Desktop 22-07-19\Pendrive 05-03\Backup 01-07\45233 - RFQ _ A4216_RFQ_29020 - Manutenção RJ_ES_SUL\1. Precificação\Antigos\Cópia de 45233 - BP Equipamentos v1 - pacote 1.xlsb</t>
  </si>
  <si>
    <t>Cópia de 45233 - BP Equipamentos v1 - pacote 2 correto.xlsb</t>
  </si>
  <si>
    <t>D:\Backup 12-11-2019\Desktop 22-07-19\Pendrive 05-03\Backup 01-07\45233 - RFQ _ A4216_RFQ_29020 - Manutenção RJ_ES_SUL\1. Precificação\Antigos\Cópia de 45233 - BP Equipamentos v1 - pacote 2 correto.xlsb</t>
  </si>
  <si>
    <t>Cópia de 45233 - BP Equipamentos v1 - pacote 2.xlsb</t>
  </si>
  <si>
    <t>D:\Backup 12-11-2019\Desktop 22-07-19\Pendrive 05-03\Backup 01-07\45233 - RFQ _ A4216_RFQ_29020 - Manutenção RJ_ES_SUL\1. Precificação\Antigos\Cópia de 45233 - BP Equipamentos v1 - pacote 2.xlsb</t>
  </si>
  <si>
    <t>Cópia de 45233 - BP Equipamentos v1 - pacote 3 correto.xlsb</t>
  </si>
  <si>
    <t>D:\Backup 12-11-2019\Desktop 22-07-19\Pendrive 05-03\Backup 01-07\45233 - RFQ _ A4216_RFQ_29020 - Manutenção RJ_ES_SUL\1. Precificação\Antigos\Cópia de 45233 - BP Equipamentos v1 - pacote 3 correto.xlsb</t>
  </si>
  <si>
    <t>Cópia de 45233 - BP Equipamentos v1 - pacote 5 a 8.xlsb</t>
  </si>
  <si>
    <t>D:\Backup 12-11-2019\Desktop 22-07-19\Pendrive 05-03\Backup 01-07\45233 - RFQ _ A4216_RFQ_29020 - Manutenção RJ_ES_SUL\1. Precificação\Antigos\Cópia de 45233 - BP Equipamentos v1 - pacote 5 a 8.xlsb</t>
  </si>
  <si>
    <t>Cópia de BP TIM - revisado 25-04 v2.xlsb</t>
  </si>
  <si>
    <t>D:\Backup 12-11-2019\Desktop 22-07-19\Pendrive 05-03\Backup 01-07\45233 - RFQ _ A4216_RFQ_29020 - Manutenção RJ_ES_SUL\1. Precificação\Antigos\Cópia de BP TIM - revisado 25-04 v2.xlsb</t>
  </si>
  <si>
    <t>Cópia de BP TIM - revisado 25-04.xlsb</t>
  </si>
  <si>
    <t>D:\Backup 12-11-2019\Desktop 22-07-19\Pendrive 05-03\Backup 01-07\45233 - RFQ _ A4216_RFQ_29020 - Manutenção RJ_ES_SUL\1. Precificação\Antigos\Cópia de BP TIM - revisado 25-04.xlsb</t>
  </si>
  <si>
    <t>Kits.xlsb</t>
  </si>
  <si>
    <t>D:\Backup 12-11-2019\Desktop 22-07-19\Pendrive 05-03\Backup 01-07\45233 - RFQ _ A4216_RFQ_29020 - Manutenção RJ_ES_SUL\1. Precificação\Antigos\Kits.xlsb</t>
  </si>
  <si>
    <t>Map - Precificação MSV 15 &amp; CPRB V. 2015-3-009.xlsb</t>
  </si>
  <si>
    <t>D:\Backup 12-11-2019\Desktop 22-07-19\Pendrive 05-03\Backup 01-07\45233 - RFQ _ A4216_RFQ_29020 - Manutenção RJ_ES_SUL\1. Precificação\Antigos\Map - Precificação MSV 15 &amp; CPRB V. 2015-3-009.xlsb</t>
  </si>
  <si>
    <t>Map - Precificação MSV 15 &amp; CPRB V.2015-2-000 - Cópia.xlsb</t>
  </si>
  <si>
    <t>D:\Backup 12-11-2019\Desktop 22-07-19\Pendrive 05-03\Backup 01-07\45233 - RFQ _ A4216_RFQ_29020 - Manutenção RJ_ES_SUL\1. Precificação\Antigos\Map - Precificação MSV 15 &amp; CPRB V.2015-2-000 - Cópia.xlsb</t>
  </si>
  <si>
    <t>Map - Precificação MSV 15 &amp; CPRB V.2015-2-000.xlsb</t>
  </si>
  <si>
    <t>D:\Backup 12-11-2019\Desktop 22-07-19\Pendrive 05-03\Backup 01-07\45233 - RFQ _ A4216_RFQ_29020 - Manutenção RJ_ES_SUL\1. Precificação\Antigos\Map - Precificação MSV 15 &amp; CPRB V.2015-2-000.xlsb</t>
  </si>
  <si>
    <t>Revisao TIM v3.xlsx</t>
  </si>
  <si>
    <t>D:\Backup 12-11-2019\Desktop 22-07-19\Pendrive 05-03\Backup 01-07\45233 - RFQ _ A4216_RFQ_29020 - Manutenção RJ_ES_SUL\1. Precificação\Antigos\Revisao TIM v3.xlsx</t>
  </si>
  <si>
    <t>C:\Users\suelenmm\OneDrive - Grupo Algar\Desktop 22-07-19\Pendrive 05-03\Backup 01-07\45233 - RFQ _ A4216_RFQ_29020 - Manutenção RJ_ES_SUL\1. Precificação\Antigos\Equipamentos\</t>
  </si>
  <si>
    <t>45233 - BP Equipamentos v1 - pacote 1 a 10 quase final.xlsb</t>
  </si>
  <si>
    <t>D:\Backup 12-11-2019\Desktop 22-07-19\Pendrive 05-03\Backup 01-07\45233 - RFQ _ A4216_RFQ_29020 - Manutenção RJ_ES_SUL\1. Precificação\Antigos\Equipamentos\45233 - BP Equipamentos v1 - pacote 1 a 10 quase final.xlsb</t>
  </si>
  <si>
    <t>Cópia de BP Preço C015 B015 Desonerada Ajustes Finais-DiogoNote.xlsb</t>
  </si>
  <si>
    <t>C:\Users\suelenmm\OneDrive - Grupo Algar\Desktop - 12-11-19\PreVendas - Governo Diogo\IBM\Cópia de BP Preço C015 B015 Desonerada Ajustes Finais-DiogoNote.xlsb\</t>
  </si>
  <si>
    <t>45233 - BP Equipamentos v1 - pacote 1 a 3 final.xlsb</t>
  </si>
  <si>
    <t>D:\Backup 12-11-2019\Desktop 22-07-19\Pendrive 05-03\Backup 01-07\45233 - RFQ _ A4216_RFQ_29020 - Manutenção RJ_ES_SUL\1. Precificação\Antigos\Equipamentos\45233 - BP Equipamentos v1 - pacote 1 a 3 final.xlsb</t>
  </si>
  <si>
    <t>45233 - BP Equipamentos v1 - pacote 10 final.xlsb</t>
  </si>
  <si>
    <t>D:\Backup 12-11-2019\Desktop 22-07-19\Pendrive 05-03\Backup 01-07\45233 - RFQ _ A4216_RFQ_29020 - Manutenção RJ_ES_SUL\1. Precificação\Antigos\Equipamentos\45233 - BP Equipamentos v1 - pacote 10 final.xlsb</t>
  </si>
  <si>
    <t>45233 - BP Equipamentos v1 - pacote 4 a 6 final.xlsb</t>
  </si>
  <si>
    <t>D:\Backup 12-11-2019\Desktop 22-07-19\Pendrive 05-03\Backup 01-07\45233 - RFQ _ A4216_RFQ_29020 - Manutenção RJ_ES_SUL\1. Precificação\Antigos\Equipamentos\45233 - BP Equipamentos v1 - pacote 4 a 6 final.xlsb</t>
  </si>
  <si>
    <t>45233 - BP Equipamentos v1 - pacote 7 a 9 final.xlsb</t>
  </si>
  <si>
    <t>D:\Backup 12-11-2019\Desktop 22-07-19\Pendrive 05-03\Backup 01-07\45233 - RFQ _ A4216_RFQ_29020 - Manutenção RJ_ES_SUL\1. Precificação\Antigos\Equipamentos\45233 - BP Equipamentos v1 - pacote 7 a 9 final.xlsb</t>
  </si>
  <si>
    <t>C:\Users\suelenmm\OneDrive - Grupo Algar\Desktop 22-07-19\Pendrive 05-03\Backup 01-07\45233 - RFQ _ A4216_RFQ_29020 - Manutenção RJ_ES_SUL\1. Precificação\Antigos\v3\</t>
  </si>
  <si>
    <t>45233 - BP Equipamentos v1 (Salvo automaticamente).xlsb</t>
  </si>
  <si>
    <t>D:\Backup 12-11-2019\Desktop 22-07-19\Pendrive 05-03\Backup 01-07\45233 - RFQ _ A4216_RFQ_29020 - Manutenção RJ_ES_SUL\1. Precificação\Antigos\v3\45233 - BP Equipamentos v1 (Salvo automaticamente).xlsb</t>
  </si>
  <si>
    <t>D:\Backup 12-11-2019\Desktop 22-07-19\Pendrive 05-03\Backup 01-07\45233 - RFQ _ A4216_RFQ_29020 - Manutenção RJ_ES_SUL\1. Precificação\Antigos\v3\45233 - BP Equipamentos v1.xlsb</t>
  </si>
  <si>
    <t>BP de Preços Projetos_ Nova Início - V. 2015-5-005.xlsb</t>
  </si>
  <si>
    <t>D:\Backup 12-11-2019\Desktop 22-07-19\Pendrive 05-03\Backup 01-07\45233 - RFQ _ A4216_RFQ_29020 - Manutenção RJ_ES_SUL\1. Precificação\Antigos\v3\BP de Preços Projetos_ Nova Início - V. 2015-5-005.xlsb</t>
  </si>
  <si>
    <t>Logistica equipamentos.xlsx</t>
  </si>
  <si>
    <t>D:\Backup 12-11-2019\Desktop 22-07-19\Pendrive 05-03\Backup 01-07\45233 - RFQ _ A4216_RFQ_29020 - Manutenção RJ_ES_SUL\1. Precificação\Antigos\v3\Logistica equipamentos.xlsx</t>
  </si>
  <si>
    <t>C:\Users\suelenmm\OneDrive - Grupo Algar\Desktop 22-07-19\Pendrive 05-03\Backup 01-07\45233 - RFQ _ A4216_RFQ_29020 - Manutenção RJ_ES_SUL\1. Precificação\v1\</t>
  </si>
  <si>
    <t>45233 - BP Campo v1 - FINAL.xlsb</t>
  </si>
  <si>
    <t>D:\Backup 12-11-2019\Desktop 22-07-19\Pendrive 05-03\Backup 01-07\45233 - RFQ _ A4216_RFQ_29020 - Manutenção RJ_ES_SUL\1. Precificação\v1\45233 - BP Campo v1 - FINAL.xlsb</t>
  </si>
  <si>
    <t>45233 - BP Equipamentos v1 TRJ - FINAL.xlsb</t>
  </si>
  <si>
    <t>D:\Backup 12-11-2019\Desktop 22-07-19\Pendrive 05-03\Backup 01-07\45233 - RFQ _ A4216_RFQ_29020 - Manutenção RJ_ES_SUL\1. Precificação\v1\45233 - BP Equipamentos v1 TRJ - FINAL.xlsb</t>
  </si>
  <si>
    <t>45233 - BP Equipamentos v1 TSL - FINAL.xlsb</t>
  </si>
  <si>
    <t>D:\Backup 12-11-2019\Desktop 22-07-19\Pendrive 05-03\Backup 01-07\45233 - RFQ _ A4216_RFQ_29020 - Manutenção RJ_ES_SUL\1. Precificação\v1\45233 - BP Equipamentos v1 TSL - FINAL.xlsb</t>
  </si>
  <si>
    <t>C:\Users\suelenmm\OneDrive - Grupo Algar\Desktop 22-07-19\Pendrive 05-03\Backup 01-07\45233 - RFQ _ A4216_RFQ_29020 - Manutenção RJ_ES_SUL\1. Precificação\v2\Campo\</t>
  </si>
  <si>
    <t>45233 - BP Campo v6.xlsb</t>
  </si>
  <si>
    <t>D:\Backup 12-11-2019\Desktop 22-07-19\Pendrive 05-03\Backup 01-07\45233 - RFQ _ A4216_RFQ_29020 - Manutenção RJ_ES_SUL\1. Precificação\v2\Campo\45233 - BP Campo v6.xlsb</t>
  </si>
  <si>
    <t>C:\Users\suelenmm\OneDrive - Grupo Algar\Desktop 22-07-19\Pendrive 05-03\Backup 01-07\45233 - RFQ _ A4216_RFQ_29020 - Manutenção RJ_ES_SUL\1. Precificação\v2\Equipamentos\</t>
  </si>
  <si>
    <t>2 - LPU EQUIPAMENTOS - BOM - REV_01 - Memoria de calculo.xlsx</t>
  </si>
  <si>
    <t>D:\Backup 12-11-2019\Desktop 22-07-19\Pendrive 05-03\Backup 01-07\45233 - RFQ _ A4216_RFQ_29020 - Manutenção RJ_ES_SUL\1. Precificação\v2\Equipamentos\2 - LPU EQUIPAMENTOS - BOM - REV_01 - Memoria de calculo.xlsx</t>
  </si>
  <si>
    <t>45233 - BP Equipamentos v2 pacote 1-10 - corretiva.xlsb</t>
  </si>
  <si>
    <t>D:\Backup 12-11-2019\Desktop 22-07-19\Pendrive 05-03\Backup 01-07\45233 - RFQ _ A4216_RFQ_29020 - Manutenção RJ_ES_SUL\1. Precificação\v2\Equipamentos\45233 - BP Equipamentos v2 pacote 1-10 - corretiva.xlsb</t>
  </si>
  <si>
    <t>45233 - BP Equipamentos v2 preventiva.xlsb</t>
  </si>
  <si>
    <t>D:\Backup 12-11-2019\Desktop 22-07-19\Pendrive 05-03\Backup 01-07\45233 - RFQ _ A4216_RFQ_29020 - Manutenção RJ_ES_SUL\1. Precificação\v2\Equipamentos\45233 - BP Equipamentos v2 preventiva.xlsb</t>
  </si>
  <si>
    <t>D:\Backup 12-11-2019\Desktop 22-07-19\Pendrive 05-03\Backup 01-07\45233 - RFQ _ A4216_RFQ_29020 - Manutenção RJ_ES_SUL\1. Precificação\v2\Equipamentos\Logistica equipamentos.xlsx</t>
  </si>
  <si>
    <t>C:\Users\suelenmm\OneDrive - Grupo Algar\Desktop 22-07-19\Pendrive 05-03\Backup 01-07\45233 - RFQ _ A4216_RFQ_29020 - Manutenção RJ_ES_SUL\1. Precificação\v3\</t>
  </si>
  <si>
    <t>BP CAMPO v3.2.xlsb</t>
  </si>
  <si>
    <t>D:\Backup 12-11-2019\Desktop 22-07-19\Pendrive 05-03\Backup 01-07\45233 - RFQ _ A4216_RFQ_29020 - Manutenção RJ_ES_SUL\1. Precificação\v3\BP CAMPO v3.2.xlsb</t>
  </si>
  <si>
    <t>BP EQUIPAMENTOS v3.2.xlsb</t>
  </si>
  <si>
    <t>D:\Backup 12-11-2019\Desktop 22-07-19\Pendrive 05-03\Backup 01-07\45233 - RFQ _ A4216_RFQ_29020 - Manutenção RJ_ES_SUL\1. Precificação\v3\BP EQUIPAMENTOS v3.2.xlsb</t>
  </si>
  <si>
    <t>Logística Equipamentos v3.2.xlsx</t>
  </si>
  <si>
    <t>D:\Backup 12-11-2019\Desktop 22-07-19\Pendrive 05-03\Backup 01-07\45233 - RFQ _ A4216_RFQ_29020 - Manutenção RJ_ES_SUL\1. Precificação\v3\Logística Equipamentos v3.2.xlsx</t>
  </si>
  <si>
    <t>C:\Users\suelenmm\OneDrive - Grupo Algar\Desktop 22-07-19\Pendrive 05-03\Backup 01-07\45233 - RFQ _ A4216_RFQ_29020 - Manutenção RJ_ES_SUL\1. Precificação\v3\Antigos\</t>
  </si>
  <si>
    <t>D:\Backup 12-11-2019\Desktop 22-07-19\Pendrive 05-03\Backup 01-07\45233 - RFQ _ A4216_RFQ_29020 - Manutenção RJ_ES_SUL\1. Precificação\v3\Antigos\45233 - BP Equipamentos v1 (Salvo automaticamente).xlsb</t>
  </si>
  <si>
    <t>BP CAMPO modelo novo - v3.1.xlsb</t>
  </si>
  <si>
    <t>D:\Backup 12-11-2019\Desktop 22-07-19\Pendrive 05-03\Backup 01-07\45233 - RFQ _ A4216_RFQ_29020 - Manutenção RJ_ES_SUL\1. Precificação\v3\Antigos\BP CAMPO modelo novo - v3.1.xlsb</t>
  </si>
  <si>
    <t>BP EQUIPAMENTOS v3.1.xlsb</t>
  </si>
  <si>
    <t>D:\Backup 12-11-2019\Desktop 22-07-19\Pendrive 05-03\Backup 01-07\45233 - RFQ _ A4216_RFQ_29020 - Manutenção RJ_ES_SUL\1. Precificação\v3\Antigos\BP EQUIPAMENTOS v3.1.xlsb</t>
  </si>
  <si>
    <t>D:\Backup 12-11-2019\Desktop 22-07-19\Pendrive 05-03\Backup 01-07\45233 - RFQ _ A4216_RFQ_29020 - Manutenção RJ_ES_SUL\1. Precificação\v3\Antigos\Logistica equipamentos.xlsx</t>
  </si>
  <si>
    <t>Logística Equipamentos v3.1.xlsx</t>
  </si>
  <si>
    <t>D:\Backup 12-11-2019\Desktop 22-07-19\Pendrive 05-03\Backup 01-07\45233 - RFQ _ A4216_RFQ_29020 - Manutenção RJ_ES_SUL\1. Precificação\v3\Antigos\Logística Equipamentos v3.1.xlsx</t>
  </si>
  <si>
    <t>C:\Users\suelenmm\OneDrive - Grupo Algar\Desktop 22-07-19\Pendrive 05-03\Backup 01-07\45233 - RFQ _ A4216_RFQ_29020 - Manutenção RJ_ES_SUL\1. Precificação\v4\</t>
  </si>
  <si>
    <t>BP CAMPO v.3.6.xlsb</t>
  </si>
  <si>
    <t>D:\Backup 12-11-2019\Desktop 22-07-19\Pendrive 05-03\Backup 01-07\45233 - RFQ _ A4216_RFQ_29020 - Manutenção RJ_ES_SUL\1. Precificação\v4\BP CAMPO v.3.6.xlsb</t>
  </si>
  <si>
    <t>BP EQUIPAMENTOS v3.5 - planilha antiga ok.xlsb</t>
  </si>
  <si>
    <t>D:\Backup 12-11-2019\Desktop 22-07-19\Pendrive 05-03\Backup 01-07\45233 - RFQ _ A4216_RFQ_29020 - Manutenção RJ_ES_SUL\1. Precificação\v4\BP EQUIPAMENTOS v3.5 - planilha antiga ok.xlsb</t>
  </si>
  <si>
    <t>C:\Users\suelenmm\OneDrive - Grupo Algar\Desktop 22-07-19\Pendrive 05-03\Backup 01-07\45233 - RFQ _ A4216_RFQ_29020 - Manutenção RJ_ES_SUL\1. Precificação\v4\Antigos\</t>
  </si>
  <si>
    <t>BP CAMPO v.3.4.xlsb</t>
  </si>
  <si>
    <t>D:\Backup 12-11-2019\Desktop 22-07-19\Pendrive 05-03\Backup 01-07\45233 - RFQ _ A4216_RFQ_29020 - Manutenção RJ_ES_SUL\1. Precificação\v4\Antigos\BP CAMPO v.3.4.xlsb</t>
  </si>
  <si>
    <t>BP CAMPO v.3.5.xlsb</t>
  </si>
  <si>
    <t>D:\Backup 12-11-2019\Desktop 22-07-19\Pendrive 05-03\Backup 01-07\45233 - RFQ _ A4216_RFQ_29020 - Manutenção RJ_ES_SUL\1. Precificação\v4\Antigos\BP CAMPO v.3.5.xlsb</t>
  </si>
  <si>
    <t>BP EQUIPAMENTOS v3.4 - não funciona.xlsb</t>
  </si>
  <si>
    <t>D:\Backup 12-11-2019\Desktop 22-07-19\Pendrive 05-03\Backup 01-07\45233 - RFQ _ A4216_RFQ_29020 - Manutenção RJ_ES_SUL\1. Precificação\v4\Antigos\BP EQUIPAMENTOS v3.4 - não funciona.xlsb</t>
  </si>
  <si>
    <t>Cópia de BP CAMPO v3.3.xlsb</t>
  </si>
  <si>
    <t>D:\Backup 12-11-2019\Desktop 22-07-19\Pendrive 05-03\Backup 01-07\45233 - RFQ _ A4216_RFQ_29020 - Manutenção RJ_ES_SUL\1. Precificação\v4\Antigos\Cópia de BP CAMPO v3.3.xlsb</t>
  </si>
  <si>
    <t>C:\Users\suelenmm\OneDrive - Grupo Algar\Desktop 22-07-19\Pendrive 05-03\Backup 01-07\45233 - RFQ _ A4216_RFQ_29020 - Manutenção RJ_ES_SUL\1. Precificação\v4 alternativa\</t>
  </si>
  <si>
    <t>BP CAMPO v.3.7.xlsb</t>
  </si>
  <si>
    <t>D:\Backup 12-11-2019\Desktop 22-07-19\Pendrive 05-03\Backup 01-07\45233 - RFQ _ A4216_RFQ_29020 - Manutenção RJ_ES_SUL\1. Precificação\v4 alternativa\BP CAMPO v.3.7.xlsb</t>
  </si>
  <si>
    <t>D:\Backup 12-11-2019\Desktop 22-07-19\Pendrive 05-03\Backup 01-07\45233 - RFQ _ A4216_RFQ_29020 - Manutenção RJ_ES_SUL\1. Precificação\v4 alternativa\BP EQUIPAMENTOS v3.5 - planilha antiga ok.xlsb</t>
  </si>
  <si>
    <t>C:\Users\suelenmm\OneDrive - Grupo Algar\Desktop 22-07-19\Pendrive 05-03\Backup 01-07\45233 - RFQ _ A4216_RFQ_29020 - Manutenção RJ_ES_SUL\2. Propostas\Antigos\</t>
  </si>
  <si>
    <t>2 - ANEXO II - LPU - LPU de Manutencao Equipamentos REV_01_1.xls</t>
  </si>
  <si>
    <t>D:\Backup 12-11-2019\Desktop 22-07-19\Pendrive 05-03\Backup 01-07\45233 - RFQ _ A4216_RFQ_29020 - Manutenção RJ_ES_SUL\2. Propostas\Antigos\2 - ANEXO II - LPU - LPU de Manutencao Equipamentos REV_01_1.xls</t>
  </si>
  <si>
    <t>2 - ANEXO II - LPU INFRA FM TRJ e TSL - FAT A REV_01.xls</t>
  </si>
  <si>
    <t>D:\Backup 12-11-2019\Desktop 22-07-19\Pendrive 05-03\Backup 01-07\45233 - RFQ _ A4216_RFQ_29020 - Manutenção RJ_ES_SUL\2. Propostas\Antigos\2 - ANEXO II - LPU INFRA FM TRJ e TSL - FAT A REV_01.xls</t>
  </si>
  <si>
    <t>C:\Users\suelenmm\OneDrive - Grupo Algar\Desktop 22-07-19\Pendrive 05-03\Backup 01-07\45233 - RFQ _ A4216_RFQ_29020 - Manutenção RJ_ES_SUL\2. Propostas\v1\</t>
  </si>
  <si>
    <t>2 - ANEXO II - LPU - LPU de Manutencao Equipamentos REV_01.xls</t>
  </si>
  <si>
    <t>D:\Backup 12-11-2019\Desktop 22-07-19\Pendrive 05-03\Backup 01-07\45233 - RFQ _ A4216_RFQ_29020 - Manutenção RJ_ES_SUL\2. Propostas\v1\2 - ANEXO II - LPU - LPU de Manutencao Equipamentos REV_01.xls</t>
  </si>
  <si>
    <t>2 - ANEXO II - LPU INFRA FM TRJ e TSL - FAT A.xls</t>
  </si>
  <si>
    <t>D:\Backup 12-11-2019\Desktop 22-07-19\Pendrive 05-03\Backup 01-07\45233 - RFQ _ A4216_RFQ_29020 - Manutenção RJ_ES_SUL\2. Propostas\v1\2 - ANEXO II - LPU INFRA FM TRJ e TSL - FAT A.xls</t>
  </si>
  <si>
    <t>2 - ANEXO II - LPU INFRA FM TRJ e TSL - FAT B - APENDICE A.xls</t>
  </si>
  <si>
    <t>D:\Backup 12-11-2019\Desktop 22-07-19\Pendrive 05-03\Backup 01-07\45233 - RFQ _ A4216_RFQ_29020 - Manutenção RJ_ES_SUL\2. Propostas\v1\2 - ANEXO II - LPU INFRA FM TRJ e TSL - FAT B - APENDICE A.xls</t>
  </si>
  <si>
    <t>2 - ANEXO II - LPU INFRA FM TRJ e TSL - FAT B - APENDICE B.xls</t>
  </si>
  <si>
    <t>D:\Backup 12-11-2019\Desktop 22-07-19\Pendrive 05-03\Backup 01-07\45233 - RFQ _ A4216_RFQ_29020 - Manutenção RJ_ES_SUL\2. Propostas\v1\2 - ANEXO II - LPU INFRA FM TRJ e TSL - FAT B - APENDICE B.xls</t>
  </si>
  <si>
    <t>Resposta Atendimento Técnico.xlsx</t>
  </si>
  <si>
    <t>D:\Backup 12-11-2019\Desktop 22-07-19\Pendrive 05-03\Backup 01-07\45233 - RFQ _ A4216_RFQ_29020 - Manutenção RJ_ES_SUL\2. Propostas\v1\Resposta Atendimento Técnico.xlsx</t>
  </si>
  <si>
    <t>C:\Users\suelenmm\OneDrive - Grupo Algar\Desktop 22-07-19\Pendrive 05-03\Backup 01-07\45233 - RFQ _ A4216_RFQ_29020 - Manutenção RJ_ES_SUL\2. Propostas\v2\01. v2\Proposta Comercial\</t>
  </si>
  <si>
    <t>2 - ANEXO II - LPU INFRA FM TRJ e TSL - FAT B - APENDICE A REV_01.xls</t>
  </si>
  <si>
    <t>D:\Backup 12-11-2019\Desktop 22-07-19\Pendrive 05-03\Backup 01-07\45233 - RFQ _ A4216_RFQ_29020 - Manutenção RJ_ES_SUL\2. Propostas\v2\01. v2\Proposta Comercial\2 - ANEXO II - LPU INFRA FM TRJ e TSL - FAT B - APENDICE A REV_01.xls</t>
  </si>
  <si>
    <t>2 - ANEXO II - LPU INFRA FM TRJ e TSL - FAT B - APENDICE B REV_01.xls</t>
  </si>
  <si>
    <t>D:\Backup 12-11-2019\Desktop 22-07-19\Pendrive 05-03\Backup 01-07\45233 - RFQ _ A4216_RFQ_29020 - Manutenção RJ_ES_SUL\2. Propostas\v2\01. v2\Proposta Comercial\2 - ANEXO II - LPU INFRA FM TRJ e TSL - FAT B - APENDICE B REV_01.xls</t>
  </si>
  <si>
    <t>2 - LPU EQUIPAMENTOS - BOM - REV_01.xlsx</t>
  </si>
  <si>
    <t>D:\Backup 12-11-2019\Desktop 22-07-19\Pendrive 05-03\Backup 01-07\45233 - RFQ _ A4216_RFQ_29020 - Manutenção RJ_ES_SUL\2. Propostas\v2\01. v2\Proposta Comercial\2 - LPU EQUIPAMENTOS - BOM - REV_01.xlsx</t>
  </si>
  <si>
    <t>2_-_ANEXO_II_-_LPU_INFRA_FM_TRJ_e_TSL_-_FAT_A_REV_02.xls</t>
  </si>
  <si>
    <t>D:\Backup 12-11-2019\Desktop 22-07-19\Pendrive 05-03\Backup 01-07\45233 - RFQ _ A4216_RFQ_29020 - Manutenção RJ_ES_SUL\2. Propostas\v2\01. v2\Proposta Comercial\2_-_ANEXO_II_-_LPU_INFRA_FM_TRJ_e_TSL_-_FAT_A_REV_02.xls</t>
  </si>
  <si>
    <t>C:\Users\suelenmm\OneDrive - Grupo Algar\Desktop 22-07-19\Pendrive 05-03\Backup 01-07\45233 - RFQ _ A4216_RFQ_29020 - Manutenção RJ_ES_SUL\2. Propostas\v2\02. Reenvio v2\d) LPU´s\</t>
  </si>
  <si>
    <t>D:\Backup 12-11-2019\Desktop 22-07-19\Pendrive 05-03\Backup 01-07\45233 - RFQ _ A4216_RFQ_29020 - Manutenção RJ_ES_SUL\2. Propostas\v2\02. Reenvio v2\d) LPU´s\2 - ANEXO II - LPU INFRA FM TRJ e TSL - FAT B - APENDICE A REV_01.xls</t>
  </si>
  <si>
    <t>D:\Backup 12-11-2019\Desktop 22-07-19\Pendrive 05-03\Backup 01-07\45233 - RFQ _ A4216_RFQ_29020 - Manutenção RJ_ES_SUL\2. Propostas\v2\02. Reenvio v2\d) LPU´s\2 - ANEXO II - LPU INFRA FM TRJ e TSL - FAT B - APENDICE B REV_01.xls</t>
  </si>
  <si>
    <t>D:\Backup 12-11-2019\Desktop 22-07-19\Pendrive 05-03\Backup 01-07\45233 - RFQ _ A4216_RFQ_29020 - Manutenção RJ_ES_SUL\2. Propostas\v2\02. Reenvio v2\d) LPU´s\2 - LPU EQUIPAMENTOS - BOM - REV_01.xlsx</t>
  </si>
  <si>
    <t>D:\Backup 12-11-2019\Desktop 22-07-19\Pendrive 05-03\Backup 01-07\45233 - RFQ _ A4216_RFQ_29020 - Manutenção RJ_ES_SUL\2. Propostas\v2\02. Reenvio v2\d) LPU´s\2_-_ANEXO_II_-_LPU_INFRA_FM_TRJ_e_TSL_-_FAT_A_REV_02.xls</t>
  </si>
  <si>
    <t>C:\Users\suelenmm\OneDrive - Grupo Algar\Desktop 22-07-19\Pendrive 05-03\Backup 01-07\45233 - RFQ _ A4216_RFQ_29020 - Manutenção RJ_ES_SUL\2. Propostas\v3\Pacote Econômico\</t>
  </si>
  <si>
    <t>2 - ANEXO II - LPU FMM INFRA FM TIM RJ_SUL - FAT A REV_04.xls</t>
  </si>
  <si>
    <t>D:\Backup 12-11-2019\Desktop 22-07-19\Pendrive 05-03\Backup 01-07\45233 - RFQ _ A4216_RFQ_29020 - Manutenção RJ_ES_SUL\2. Propostas\v3\Pacote Econômico\2 - ANEXO II - LPU FMM INFRA FM TIM RJ_SUL - FAT A REV_04.xls</t>
  </si>
  <si>
    <t>2 - ANEXO II - LPU FMM INFRA FM TIM RJ_SUL - FAT B - APENDICE A REV_04_2.xls</t>
  </si>
  <si>
    <t>D:\Backup 12-11-2019\Desktop 22-07-19\Pendrive 05-03\Backup 01-07\45233 - RFQ _ A4216_RFQ_29020 - Manutenção RJ_ES_SUL\2. Propostas\v3\Pacote Econômico\2 - ANEXO II - LPU FMM INFRA FM TIM RJ_SUL - FAT B - APENDICE A REV_04_2.xls</t>
  </si>
  <si>
    <t>2 - ANEXO II - LPU FMM INFRA FM TIM RJ_SUL- FAT B - APENDICE B REV_04.xls</t>
  </si>
  <si>
    <t>D:\Backup 12-11-2019\Desktop 22-07-19\Pendrive 05-03\Backup 01-07\45233 - RFQ _ A4216_RFQ_29020 - Manutenção RJ_ES_SUL\2. Propostas\v3\Pacote Econômico\2 - ANEXO II - LPU FMM INFRA FM TIM RJ_SUL- FAT B - APENDICE B REV_04.xls</t>
  </si>
  <si>
    <t>2 - LPU FMT - TIM RJ SUL - REV_04.xlsx</t>
  </si>
  <si>
    <t>D:\Backup 12-11-2019\Desktop 22-07-19\Pendrive 05-03\Backup 01-07\45233 - RFQ _ A4216_RFQ_29020 - Manutenção RJ_ES_SUL\2. Propostas\v3\Pacote Econômico\2 - LPU FMT - TIM RJ SUL - REV_04.xlsx</t>
  </si>
  <si>
    <t>C:\Users\suelenmm\OneDrive - Grupo Algar\Desktop 22-07-19\Pendrive 05-03\Backup 01-07\45233 - RFQ _ A4216_RFQ_29020 - Manutenção RJ_ES_SUL\2. Propostas\v3\Pacote Técnico\</t>
  </si>
  <si>
    <t>Resposta Atendimento Tecnico v3.xlsx</t>
  </si>
  <si>
    <t>D:\Backup 12-11-2019\Desktop 22-07-19\Pendrive 05-03\Backup 01-07\45233 - RFQ _ A4216_RFQ_29020 - Manutenção RJ_ES_SUL\2. Propostas\v3\Pacote Técnico\Resposta Atendimento Tecnico v3.xlsx</t>
  </si>
  <si>
    <t>C:\Users\suelenmm\OneDrive - Grupo Algar\Desktop 22-07-19\Pendrive 05-03\Backup 01-07\45233 - RFQ _ A4216_RFQ_29020 - Manutenção RJ_ES_SUL\2. Propostas\v5\Pacote Comercial\</t>
  </si>
  <si>
    <t>2 - ANEXO II - LPU FMM INFRA FM TIM RJ SUL - FAT A REV_05.xls</t>
  </si>
  <si>
    <t>D:\Backup 12-11-2019\Desktop 22-07-19\Pendrive 05-03\Backup 01-07\45233 - RFQ _ A4216_RFQ_29020 - Manutenção RJ_ES_SUL\2. Propostas\v5\Pacote Comercial\2 - ANEXO II - LPU FMM INFRA FM TIM RJ SUL - FAT A REV_05.xls</t>
  </si>
  <si>
    <t>2 - ANEXO II - LPU FMM INFRA FM TIM RJ_SUL - FAT B - APENDICE A REV_05.xls</t>
  </si>
  <si>
    <t>D:\Backup 12-11-2019\Desktop 22-07-19\Pendrive 05-03\Backup 01-07\45233 - RFQ _ A4216_RFQ_29020 - Manutenção RJ_ES_SUL\2. Propostas\v5\Pacote Comercial\2 - ANEXO II - LPU FMM INFRA FM TIM RJ_SUL - FAT B - APENDICE A REV_05.xls</t>
  </si>
  <si>
    <t>2 - ANEXO II - LPU FMM INFRA FM TIM RJ_SUL- FAT B - APENDICE B REV_05.xls</t>
  </si>
  <si>
    <t>D:\Backup 12-11-2019\Desktop 22-07-19\Pendrive 05-03\Backup 01-07\45233 - RFQ _ A4216_RFQ_29020 - Manutenção RJ_ES_SUL\2. Propostas\v5\Pacote Comercial\2 - ANEXO II - LPU FMM INFRA FM TIM RJ_SUL- FAT B - APENDICE B REV_05.xls</t>
  </si>
  <si>
    <t>2 - LPU FMT - TIM RJ SUL - REV_05.xlsx</t>
  </si>
  <si>
    <t>D:\Backup 12-11-2019\Desktop 22-07-19\Pendrive 05-03\Backup 01-07\45233 - RFQ _ A4216_RFQ_29020 - Manutenção RJ_ES_SUL\2. Propostas\v5\Pacote Comercial\2 - LPU FMT - TIM RJ SUL - REV_05.xlsx</t>
  </si>
  <si>
    <t>C:\Users\suelenmm\OneDrive - Grupo Algar\Desktop 22-07-19\Pendrive 05-03\Backup 01-07\45233 - RFQ _ A4216_RFQ_29020 - Manutenção RJ_ES_SUL\2. Propostas\v5\Pacote Técnico\</t>
  </si>
  <si>
    <t>Resposta Atendimento Técnico v5.xlsx</t>
  </si>
  <si>
    <t>D:\Backup 12-11-2019\Desktop 22-07-19\Pendrive 05-03\Backup 01-07\45233 - RFQ _ A4216_RFQ_29020 - Manutenção RJ_ES_SUL\2. Propostas\v5\Pacote Técnico\Resposta Atendimento Técnico v5.xlsx</t>
  </si>
  <si>
    <t>C:\Users\suelenmm\OneDrive - Grupo Algar\Desktop 22-07-19\Pendrive 05-03\Backup 01-07\45233 - RFQ _ A4216_RFQ_29020 - Manutenção RJ_ES_SUL\2. Propostas\v6 - alternativa da v5\Pacote Comercial\</t>
  </si>
  <si>
    <t>2 - ANEXO II - LPU FMM INFRA FM TIM RJ SUL - FAT A REV_06.xls</t>
  </si>
  <si>
    <t>D:\Backup 12-11-2019\Desktop 22-07-19\Pendrive 05-03\Backup 01-07\45233 - RFQ _ A4216_RFQ_29020 - Manutenção RJ_ES_SUL\2. Propostas\v6 - alternativa da v5\Pacote Comercial\2 - ANEXO II - LPU FMM INFRA FM TIM RJ SUL - FAT A REV_06.xls</t>
  </si>
  <si>
    <t>D:\Backup 12-11-2019\Desktop 22-07-19\Pendrive 05-03\Backup 01-07\45233 - RFQ _ A4216_RFQ_29020 - Manutenção RJ_ES_SUL\2. Propostas\v6 - alternativa da v5\Pacote Comercial\</t>
  </si>
  <si>
    <t>2 - ANEXO II - LPU FMM INFRA FM TIM RJ_SUL - FAT B - APENDICE A REV_06.xls</t>
  </si>
  <si>
    <t>D:\Backup 12-11-2019\Desktop 22-07-19\Pendrive 05-03\Backup 01-07\45233 - RFQ _ A4216_RFQ_29020 - Manutenção RJ_ES_SUL\2. Propostas\v6 - alternativa da v5\Pacote Comercial\2 - ANEXO II - LPU FMM INFRA FM TIM RJ_SUL - FAT B - APENDICE A REV_06.xls</t>
  </si>
  <si>
    <t>2 - ANEXO II - LPU FMM INFRA FM TIM RJ_SUL- FAT B - APENDICE B REV_06.xls</t>
  </si>
  <si>
    <t>D:\Backup 12-11-2019\Desktop 22-07-19\Pendrive 05-03\Backup 01-07\45233 - RFQ _ A4216_RFQ_29020 - Manutenção RJ_ES_SUL\2. Propostas\v6 - alternativa da v5\Pacote Comercial\2 - ANEXO II - LPU FMM INFRA FM TIM RJ_SUL- FAT B - APENDICE B REV_06.xls</t>
  </si>
  <si>
    <t>2 - LPU FMT - TIM RJ SUL - REV_06.xlsx</t>
  </si>
  <si>
    <t>D:\Backup 12-11-2019\Desktop 22-07-19\Pendrive 05-03\Backup 01-07\45233 - RFQ _ A4216_RFQ_29020 - Manutenção RJ_ES_SUL\2. Propostas\v6 - alternativa da v5\Pacote Comercial\2 - LPU FMT - TIM RJ SUL - REV_06.xlsx</t>
  </si>
  <si>
    <t>C:\Users\suelenmm\OneDrive - Grupo Algar\Desktop 22-07-19\Pendrive 05-03\Backup 01-07\45233 - RFQ _ A4216_RFQ_29020 - Manutenção RJ_ES_SUL\2. Propostas\v6 - alternativa da v5\Pacote Técnico\</t>
  </si>
  <si>
    <t>Resposta Atendimento Técnico v6.xlsx</t>
  </si>
  <si>
    <t>D:\Backup 12-11-2019\Desktop 22-07-19\Pendrive 05-03\Backup 01-07\45233 - RFQ _ A4216_RFQ_29020 - Manutenção RJ_ES_SUL\2. Propostas\v6 - alternativa da v5\Pacote Técnico\Resposta Atendimento Técnico v6.xlsx</t>
  </si>
  <si>
    <t>C:\Users\suelenmm\OneDrive - Grupo Algar\Desktop 22-07-19\Pendrive 05-03\Backup 01-07\45233 - RFQ _ A4216_RFQ_29020 - Manutenção RJ_ES_SUL\3. Documentos\1. Editais\Doc TIM RJ_SL - 12-06\Especificacao Tecnica FMM.zip\</t>
  </si>
  <si>
    <t>ANEXO VIII LPU FM TRJ e TSL - FAT A_v20150608.xlsx</t>
  </si>
  <si>
    <t>D:\Backup 12-11-2019\Desktop 22-07-19\Pendrive 05-03\Backup 01-07\45233 - RFQ _ A4216_RFQ_29020 - Manutenção RJ_ES_SUL\3. Documentos\1. Editais\Doc TIM RJ_SL - 12-06\Especificacao Tecnica FMM.zip</t>
  </si>
  <si>
    <t>ANEXO VIII LPU FM TRJ e TSL - FAT B - APENDICE A v20150603.xls</t>
  </si>
  <si>
    <t>ANEXO VIII LPU FM TRJ e TSL - FAT B - APENDICE B v20150603.xls</t>
  </si>
  <si>
    <t>ANEXO X - Ficha de Interven‡Æo Corretiva v20150603.xlsx</t>
  </si>
  <si>
    <t>ANEXO XI - Laudo Vistoria Estrutura Vertical v20150603.xlsx</t>
  </si>
  <si>
    <t>ANEXO XII - Programa‡Æo Preventiva v20150603.xls</t>
  </si>
  <si>
    <t>Dados Rede TSL e TRJ v20150608.xlsx</t>
  </si>
  <si>
    <t>Indica‡Æo da infraestrutura para a presta‡Æo do servi‡o TRJ e TSL v20150603.xls</t>
  </si>
  <si>
    <t>Sites Industriais TRJ e TSL v20150608.xlsx</t>
  </si>
  <si>
    <t>C:\Users\suelenmm\OneDrive - Grupo Algar\Desktop 22-07-19\Pendrive 05-03\Backup 01-07\45233 - RFQ _ A4216_RFQ_29020 - Manutenção RJ_ES_SUL\3. Documentos\1. Editais\Doc TIM RJ_SL - 12-06\Especificacao Tecnica FMM.zip\ANEXO IX - Ficha de Manuten‡Æo Preventiv</t>
  </si>
  <si>
    <t>C:\Users\suelenmm\OneDrive - Grupo Algar\Desktop 22-07-19\Pendrive 05-03\Backup 01-07\45233 - RFQ _ A4216_RFQ_29020 - Manutenção RJ_ES_SUL\3. Documentos\1. Editais\Doc TIM RJ_SL - 12-06\Especificacao Tecnica FMT Rev05.zip\</t>
  </si>
  <si>
    <t>Proposta de LPU Rev 4 050515.xlsx</t>
  </si>
  <si>
    <t>D:\Backup 12-11-2019\Desktop 22-07-19\Pendrive 05-03\Backup 01-07\45233 - RFQ _ A4216_RFQ_29020 - Manutenção RJ_ES_SUL\3. Documentos\1. Editais\Doc TIM RJ_SL - 12-06\Especificacao Tecnica FMT Rev05.zip</t>
  </si>
  <si>
    <t>C:\Users\suelenmm\OneDrive - Grupo Algar\Desktop 22-07-19\Pendrive 05-03\Backup 01-07\45233 - RFQ _ A4216_RFQ_29020 - Manutenção RJ_ES_SUL\3. Documentos\1. Editais\Doc TIM RJ_SL - 12-06\Especificacao Tecnica FMT Rev05.zip\ET_NW_GOV_013 - Servi‡os Manut Eqp</t>
  </si>
  <si>
    <t>Package.xls</t>
  </si>
  <si>
    <t>C:\Users\suelenmm\OneDrive - Grupo Algar\Desktop 22-07-19\Pendrive 05-03\Backup 01-07\45233 - RFQ _ A4216_RFQ_29020 - Manutenção RJ_ES_SUL\3. Documentos\1. Editais\Doc TIM RJ_SL - 12-06\Especificacao Tecnica FMT Rev05.zip\ET_NW_GOV_015 - Servi‡os Manut Eqp</t>
  </si>
  <si>
    <t>C:\Users\suelenmm\OneDrive - Grupo Algar\Desktop 22-07-19\Pendrive 05-03\Backup 01-07\45233 - RFQ _ A4216_RFQ_29020 - Manutenção RJ_ES_SUL\3. Documentos\1. Editais\Doc TIM RJ_SL - 12-06\LPUS ATUALIZADAS.zip\</t>
  </si>
  <si>
    <t>D:\Backup 12-11-2019\Desktop 22-07-19\Pendrive 05-03\Backup 01-07\45233 - RFQ _ A4216_RFQ_29020 - Manutenção RJ_ES_SUL\3. Documentos\1. Editais\Doc TIM RJ_SL - 12-06\LPUS ATUALIZADAS.zip</t>
  </si>
  <si>
    <t>D:\Backup 12-11-2019\Desktop 22-07-19\Pendrive 05-03\Backup 01-07\45233 - RFQ _ A4216_RFQ_29020 - Manutenção RJ_ES_SUL\3. Documentos\1. Editais\Doc TIM RJ_SL - 12-06\Especificacao Tecnica FMM\ok - ANEXO IX - Ficha de Manutenção Preventiva v20150603.docx\</t>
  </si>
  <si>
    <t>D:\Backup 12-11-2019\Desktop 22-07-19\Pendrive 05-03\Backup 01-07\45233 - RFQ _ A4216_RFQ_29020 - Manutenção RJ_ES_SUL\3. Documentos\1. Editais\Doc TIM RJ_SL - 12-06\Especificacao Tecnica FMM\ok - ANEXO IX - Ficha de Manutenção Preventiva v20150603.docx</t>
  </si>
  <si>
    <t>D:\Backup 12-11-2019\Desktop 22-07-19\Pendrive 05-03\Backup 01-07\45233 - RFQ _ A4216_RFQ_29020 - Manutenção RJ_ES_SUL\3. Documentos\1. Editais\Doc TIM RJ_SL - 12-06\Especificacao Tecnica FMM\</t>
  </si>
  <si>
    <t>ok - ANEXO VIII LPU FM TRJ e TSL - FAT A_v120150612.xlsx</t>
  </si>
  <si>
    <t>D:\Backup 12-11-2019\Desktop 22-07-19\Pendrive 05-03\Backup 01-07\45233 - RFQ _ A4216_RFQ_29020 - Manutenção RJ_ES_SUL\3. Documentos\1. Editais\Doc TIM RJ_SL - 12-06\Especificacao Tecnica FMM\ok - ANEXO VIII LPU FM TRJ e TSL - FAT A_v120150612.xlsx</t>
  </si>
  <si>
    <t>ok - ANEXO VIII LPU FM TRJ e TSL - FAT A_v20150608.xlsx</t>
  </si>
  <si>
    <t>D:\Backup 12-11-2019\Desktop 22-07-19\Pendrive 05-03\Backup 01-07\45233 - RFQ _ A4216_RFQ_29020 - Manutenção RJ_ES_SUL\3. Documentos\1. Editais\Doc TIM RJ_SL - 12-06\Especificacao Tecnica FMM\ok - ANEXO VIII LPU FM TRJ e TSL - FAT A_v20150608.xlsx</t>
  </si>
  <si>
    <t>ok - ANEXO VIII LPU FM TRJ e TSL - FAT B - APENDICE A v20150603.xls</t>
  </si>
  <si>
    <t>D:\Backup 12-11-2019\Desktop 22-07-19\Pendrive 05-03\Backup 01-07\45233 - RFQ _ A4216_RFQ_29020 - Manutenção RJ_ES_SUL\3. Documentos\1. Editais\Doc TIM RJ_SL - 12-06\Especificacao Tecnica FMM\ok - ANEXO VIII LPU FM TRJ e TSL - FAT B - APENDICE A v20150603.xls</t>
  </si>
  <si>
    <t>ok - ANEXO VIII LPU FM TRJ e TSL - FAT B - APENDICE B v20150603.xls</t>
  </si>
  <si>
    <t>D:\Backup 12-11-2019\Desktop 22-07-19\Pendrive 05-03\Backup 01-07\45233 - RFQ _ A4216_RFQ_29020 - Manutenção RJ_ES_SUL\3. Documentos\1. Editais\Doc TIM RJ_SL - 12-06\Especificacao Tecnica FMM\ok - ANEXO VIII LPU FM TRJ e TSL - FAT B - APENDICE B v20150603.xls</t>
  </si>
  <si>
    <t>ok - ANEXO X - Ficha de Intervenção Corretiva v20150603.xlsx</t>
  </si>
  <si>
    <t>D:\Backup 12-11-2019\Desktop 22-07-19\Pendrive 05-03\Backup 01-07\45233 - RFQ _ A4216_RFQ_29020 - Manutenção RJ_ES_SUL\3. Documentos\1. Editais\Doc TIM RJ_SL - 12-06\Especificacao Tecnica FMM\ok - ANEXO X - Ficha de Intervenção Corretiva v20150603.xlsx</t>
  </si>
  <si>
    <t>ok - ANEXO XI - Laudo Vistoria Estrutura Vertical v20150603.xlsx</t>
  </si>
  <si>
    <t>D:\Backup 12-11-2019\Desktop 22-07-19\Pendrive 05-03\Backup 01-07\45233 - RFQ _ A4216_RFQ_29020 - Manutenção RJ_ES_SUL\3. Documentos\1. Editais\Doc TIM RJ_SL - 12-06\Especificacao Tecnica FMM\ok - ANEXO XI - Laudo Vistoria Estrutura Vertical v20150603.xlsx</t>
  </si>
  <si>
    <t>ok - ANEXO XII - Programação Preventiva v20150603.xls</t>
  </si>
  <si>
    <t>D:\Backup 12-11-2019\Desktop 22-07-19\Pendrive 05-03\Backup 01-07\45233 - RFQ _ A4216_RFQ_29020 - Manutenção RJ_ES_SUL\3. Documentos\1. Editais\Doc TIM RJ_SL - 12-06\Especificacao Tecnica FMM\ok - ANEXO XII - Programação Preventiva v20150603.xls</t>
  </si>
  <si>
    <t>C:\Users\suelenmm\OneDrive - Grupo Algar\Desktop 22-07-19\Pendrive 05-03\Backup 01-07\45233 - RFQ _ A4216_RFQ_29020 - Manutenção RJ_ES_SUL\3. Documentos\1. Editais\Doc TIM RJ_SL - 12-06\Especificacao Tecnica FMM\</t>
  </si>
  <si>
    <t>ok - Dados Rede TSL e TRJ v20150608.xlsx</t>
  </si>
  <si>
    <t>D:\Backup 12-11-2019\Desktop 22-07-19\Pendrive 05-03\Backup 01-07\45233 - RFQ _ A4216_RFQ_29020 - Manutenção RJ_ES_SUL\3. Documentos\1. Editais\Doc TIM RJ_SL - 12-06\Especificacao Tecnica FMM\ok - Dados Rede TSL e TRJ v20150608.xlsx</t>
  </si>
  <si>
    <t>ok - Sites Industriais TRJ e TSL v20150608.xlsx</t>
  </si>
  <si>
    <t>D:\Backup 12-11-2019\Desktop 22-07-19\Pendrive 05-03\Backup 01-07\45233 - RFQ _ A4216_RFQ_29020 - Manutenção RJ_ES_SUL\3. Documentos\1. Editais\Doc TIM RJ_SL - 12-06\Especificacao Tecnica FMM\ok - Sites Industriais TRJ e TSL v20150608.xlsx</t>
  </si>
  <si>
    <t>C:\Users\suelenmm\OneDrive - Grupo Algar\Desktop 22-07-19\Pendrive 05-03\Backup 01-07\45233 - RFQ _ A4216_RFQ_29020 - Manutenção RJ_ES_SUL\3. Documentos\1. Editais\Doc TIM RJ_SL - 12-06\Especificacao Tecnica FMT Rev05\</t>
  </si>
  <si>
    <t>ok - Proposta de LPU Rev 4 050515.xlsx</t>
  </si>
  <si>
    <t>D:\Backup 12-11-2019\Desktop 22-07-19\Pendrive 05-03\Backup 01-07\45233 - RFQ _ A4216_RFQ_29020 - Manutenção RJ_ES_SUL\3. Documentos\1. Editais\Doc TIM RJ_SL - 12-06\Especificacao Tecnica FMT Rev05\ok - Proposta de LPU Rev 4 050515.xlsx</t>
  </si>
  <si>
    <t>D:\Backup 12-11-2019\Desktop 22-07-19\Pendrive 05-03\Backup 01-07\45233 - RFQ _ A4216_RFQ_29020 - Manutenção RJ_ES_SUL\3. Documentos\1. Editais\Doc TIM RJ_SL - 12-06\LPUS ATUALIZADAS\2 - ANEXO II - LPU FMM INFRA FM TIM RJ SUL - FAT A REV_05.xls</t>
  </si>
  <si>
    <t>D:\Backup 12-11-2019\Desktop 22-07-19\Pendrive 05-03\Backup 01-07\45233 - RFQ _ A4216_RFQ_29020 - Manutenção RJ_ES_SUL\3. Documentos\1. Editais\Doc TIM RJ_SL - 12-06\LPUS ATUALIZADAS\2 - ANEXO II - LPU FMM INFRA FM TIM RJ_SUL - FAT B - APENDICE A REV_05.xls</t>
  </si>
  <si>
    <t>D:\Backup 12-11-2019\Desktop 22-07-19\Pendrive 05-03\Backup 01-07\45233 - RFQ _ A4216_RFQ_29020 - Manutenção RJ_ES_SUL\3. Documentos\1. Editais\Doc TIM RJ_SL - 12-06\LPUS ATUALIZADAS\2 - ANEXO II - LPU FMM INFRA FM TIM RJ_SUL- FAT B - APENDICE B REV_05.xls</t>
  </si>
  <si>
    <t>C:\Users\suelenmm\OneDrive - Grupo Algar\Desktop 22-07-19\Pendrive 05-03\Backup 01-07\45233 - RFQ _ A4216_RFQ_29020 - Manutenção RJ_ES_SUL\3. Documentos\1. Editais\Doc TIM RJ_SL - 12-06\LPUS ATUALIZADAS\</t>
  </si>
  <si>
    <t>D:\Backup 12-11-2019\Desktop 22-07-19\Pendrive 05-03\Backup 01-07\45233 - RFQ _ A4216_RFQ_29020 - Manutenção RJ_ES_SUL\3. Documentos\1. Editais\Doc TIM RJ_SL - 12-06\LPUS ATUALIZADAS\2 - LPU FMT - TIM RJ SUL - REV_05.xlsx</t>
  </si>
  <si>
    <t>C:\Users\suelenmm\OneDrive - Grupo Algar\Desktop 22-07-19\Pendrive 05-03\Backup 01-07\45233 - RFQ _ A4216_RFQ_29020 - Manutenção RJ_ES_SUL\3. Documentos\1. Editais\Reabertura de RFQ - 28-05\1 - ANEXO I - Eespecificacoes tecnicas FMT_TRJ_TSUL_Rev 4 050515.z</t>
  </si>
  <si>
    <t>D:\Backup 12-11-2019\Desktop 22-07-19\Pendrive 05-03\Backup 01-07\45233 - RFQ _ A4216_RFQ_29020 - Manutenção RJ_ES_SUL\3. Documentos\1. Editais\Reabertura de RFQ - 28-05\1 - ANEXO I - Eespecificacoes tecnicas FMT_TRJ_TSUL_Rev 4 050515.zip</t>
  </si>
  <si>
    <t>C:\Users\suelenmm\OneDrive - Grupo Algar\Desktop 22-07-19\Pendrive 05-03\Backup 01-07\45233 - RFQ _ A4216_RFQ_29020 - Manutenção RJ_ES_SUL\3. Documentos\1. Editais\Reabertura de RFQ - 28-05\1 - ANEXO I - Especificações Tecnicas FMM (TRJ e TSL) 20150526.zip</t>
  </si>
  <si>
    <t>ANEXO VIII LPU FM TRJ e TSL - FAT A.xlsx</t>
  </si>
  <si>
    <t>D:\Backup 12-11-2019\Desktop 22-07-19\Pendrive 05-03\Backup 01-07\45233 - RFQ _ A4216_RFQ_29020 - Manutenção RJ_ES_SUL\3. Documentos\1. Editais\Reabertura de RFQ - 28-05\1 - ANEXO I - Especificações Tecnicas FMM (TRJ e TSL) 20150526.zip</t>
  </si>
  <si>
    <t>ANEXO VIII LPU FM TRJ e TSL - FAT B - APENDICE A.xls</t>
  </si>
  <si>
    <t>ANEXO VIII LPU FM TRJ e TSL - FAT B - APENDICE B.xls</t>
  </si>
  <si>
    <t>ANEXO X - Ficha de Interven‡Æo Corretiva.xls</t>
  </si>
  <si>
    <t>ANEXO XI - Laudo Vistoria Estrutura Vertical.xls</t>
  </si>
  <si>
    <t>ANEXO XII - Programa‡Æo Preventiva.xls</t>
  </si>
  <si>
    <t>Dados Rede TSL e TRJ.xlsx</t>
  </si>
  <si>
    <t>Indica‡Æo da infraestrutura para a presta‡Æo do servi‡o TRJ e TSL.xls</t>
  </si>
  <si>
    <t>Pr‚dios Industriais TRJ e TSL.xlsx</t>
  </si>
  <si>
    <t>Sites 2015 - TRJ e TSL.xlsx</t>
  </si>
  <si>
    <t>C:\Users\suelenmm\OneDrive - Grupo Algar\Desktop 22-07-19\Pendrive 05-03\Backup 01-07\45233 - RFQ _ A4216_RFQ_29020 - Manutenção RJ_ES_SUL\3. Documentos\1. Editais\Reabertura de RFQ - 28-05\</t>
  </si>
  <si>
    <t>D:\Backup 12-11-2019\Desktop 22-07-19\Pendrive 05-03\Backup 01-07\45233 - RFQ _ A4216_RFQ_29020 - Manutenção RJ_ES_SUL\3. Documentos\1. Editais\Reabertura de RFQ - 28-05\2 - ANEXO II - LPU FMM INFRA FM TIM RJ_SUL - FAT A REV_04.xls</t>
  </si>
  <si>
    <t>D:\Backup 12-11-2019\Desktop 22-07-19\Pendrive 05-03\Backup 01-07\45233 - RFQ _ A4216_RFQ_29020 - Manutenção RJ_ES_SUL\3. Documentos\1. Editais\Reabertura de RFQ - 28-05\2 - ANEXO II - LPU FMM INFRA FM TIM RJ_SUL - FAT B - APENDICE A REV_04_2.xls</t>
  </si>
  <si>
    <t>D:\Backup 12-11-2019\Desktop 22-07-19\Pendrive 05-03\Backup 01-07\45233 - RFQ _ A4216_RFQ_29020 - Manutenção RJ_ES_SUL\3. Documentos\1. Editais\Reabertura de RFQ - 28-05\2 - ANEXO II - LPU FMM INFRA FM TIM RJ_SUL- FAT B - APENDICE B REV_04.xls</t>
  </si>
  <si>
    <t>D:\Backup 12-11-2019\Desktop 22-07-19\Pendrive 05-03\Backup 01-07\45233 - RFQ _ A4216_RFQ_29020 - Manutenção RJ_ES_SUL\3. Documentos\1. Editais\Reabertura de RFQ - 28-05\2 - LPU FMT - TIM RJ SUL - REV_04.xlsx</t>
  </si>
  <si>
    <t>C:\Users\suelenmm\OneDrive - Grupo Algar\Desktop 22-07-19\Pendrive 05-03\Backup 01-07\45233 - RFQ _ A4216_RFQ_29020 - Manutenção RJ_ES_SUL\3. Documentos\1. Editais\Reabertura de RFQ - 28-05\1 - FMM\</t>
  </si>
  <si>
    <t>D:\Backup 12-11-2019\Desktop 22-07-19\Pendrive 05-03\Backup 01-07\45233 - RFQ _ A4216_RFQ_29020 - Manutenção RJ_ES_SUL\3. Documentos\1. Editais\Reabertura de RFQ - 28-05\1 - FMM\ANEXO VIII LPU FM TRJ e TSL - FAT A.xlsx</t>
  </si>
  <si>
    <t>D:\Backup 12-11-2019\Desktop 22-07-19\Pendrive 05-03\Backup 01-07\45233 - RFQ _ A4216_RFQ_29020 - Manutenção RJ_ES_SUL\3. Documentos\1. Editais\Reabertura de RFQ - 28-05\1 - FMM\ANEXO VIII LPU FM TRJ e TSL - FAT B - APENDICE A.xls</t>
  </si>
  <si>
    <t>D:\Backup 12-11-2019\Desktop 22-07-19\Pendrive 05-03\Backup 01-07\45233 - RFQ _ A4216_RFQ_29020 - Manutenção RJ_ES_SUL\3. Documentos\1. Editais\Reabertura de RFQ - 28-05\1 - FMM\ANEXO VIII LPU FM TRJ e TSL - FAT B - APENDICE B.xls</t>
  </si>
  <si>
    <t>ANEXO X - Ficha de Intervenção Corretiva.xls</t>
  </si>
  <si>
    <t>D:\Backup 12-11-2019\Desktop 22-07-19\Pendrive 05-03\Backup 01-07\45233 - RFQ _ A4216_RFQ_29020 - Manutenção RJ_ES_SUL\3. Documentos\1. Editais\Reabertura de RFQ - 28-05\1 - FMM\ANEXO X - Ficha de Intervenção Corretiva.xls</t>
  </si>
  <si>
    <t>D:\Backup 12-11-2019\Desktop 22-07-19\Pendrive 05-03\Backup 01-07\45233 - RFQ _ A4216_RFQ_29020 - Manutenção RJ_ES_SUL\3. Documentos\1. Editais\Reabertura de RFQ - 28-05\1 - FMM\ANEXO XI - Laudo Vistoria Estrutura Vertical.xls</t>
  </si>
  <si>
    <t>ANEXO XII - Programação Preventiva.xls</t>
  </si>
  <si>
    <t>D:\Backup 12-11-2019\Desktop 22-07-19\Pendrive 05-03\Backup 01-07\45233 - RFQ _ A4216_RFQ_29020 - Manutenção RJ_ES_SUL\3. Documentos\1. Editais\Reabertura de RFQ - 28-05\1 - FMM\ANEXO XII - Programação Preventiva.xls</t>
  </si>
  <si>
    <t>Dados Rede TSL e TRJ 1.xlsx</t>
  </si>
  <si>
    <t>D:\Backup 12-11-2019\Desktop 22-07-19\Pendrive 05-03\Backup 01-07\45233 - RFQ _ A4216_RFQ_29020 - Manutenção RJ_ES_SUL\3. Documentos\1. Editais\Reabertura de RFQ - 28-05\1 - FMM\Dados Rede TSL e TRJ 1.xlsx</t>
  </si>
  <si>
    <t>D:\Backup 12-11-2019\Desktop 22-07-19\Pendrive 05-03\Backup 01-07\45233 - RFQ _ A4216_RFQ_29020 - Manutenção RJ_ES_SUL\3. Documentos\1. Editais\Reabertura de RFQ - 28-05\1 - FMM\</t>
  </si>
  <si>
    <t>Indicação da infraestrutura para a prestação do serviço TRJ e TSL.xls</t>
  </si>
  <si>
    <t>D:\Backup 12-11-2019\Desktop 22-07-19\Pendrive 05-03\Backup 01-07\45233 - RFQ _ A4216_RFQ_29020 - Manutenção RJ_ES_SUL\3. Documentos\1. Editais\Reabertura de RFQ - 28-05\1 - FMM\Indicação da infraestrutura para a prestação do serviço TRJ e TSL.xls</t>
  </si>
  <si>
    <t>Prédios Industriais TRJ e TSL.xlsx</t>
  </si>
  <si>
    <t>D:\Backup 12-11-2019\Desktop 22-07-19\Pendrive 05-03\Backup 01-07\45233 - RFQ _ A4216_RFQ_29020 - Manutenção RJ_ES_SUL\3. Documentos\1. Editais\Reabertura de RFQ - 28-05\1 - FMM\Prédios Industriais TRJ e TSL.xlsx</t>
  </si>
  <si>
    <t>D:\Backup 12-11-2019\Desktop 22-07-19\Pendrive 05-03\Backup 01-07\45233 - RFQ _ A4216_RFQ_29020 - Manutenção RJ_ES_SUL\3. Documentos\1. Editais\Reabertura de RFQ - 28-05\1 - FMM\Sites 2015 - TRJ e TSL.xlsx</t>
  </si>
  <si>
    <t>C:\Users\suelenmm\OneDrive - Grupo Algar\Desktop 22-07-19\Pendrive 05-03\Backup 01-07\45233 - RFQ _ A4216_RFQ_29020 - Manutenção RJ_ES_SUL\3. Documentos\1. Editais\Reabertura de RFQ - 28-05\1 - FMT\</t>
  </si>
  <si>
    <t>D:\Backup 12-11-2019\Desktop 22-07-19\Pendrive 05-03\Backup 01-07\45233 - RFQ _ A4216_RFQ_29020 - Manutenção RJ_ES_SUL\3. Documentos\1. Editais\Reabertura de RFQ - 28-05\1 - FMT\Proposta de LPU Rev 4 050515.xlsx</t>
  </si>
  <si>
    <t>C:\Users\suelenmm\OneDrive - Grupo Algar\Desktop 22-07-19\Pendrive 05-03\Backup 01-07\45233 - RFQ _ A4216_RFQ_29020 - Manutenção RJ_ES_SUL\3. Documentos\2. Doc Habilitação\Documentação de habilitação.zip\Documenta‡Æo de habilita‡Æo\</t>
  </si>
  <si>
    <t>2. Balancete - 09-2014.xlsx</t>
  </si>
  <si>
    <t>D:\Backup 12-11-2019\Desktop 22-07-19\Pendrive 05-03\Backup 01-07\45233 - RFQ _ A4216_RFQ_29020 - Manutenção RJ_ES_SUL\3. Documentos\2. Doc Habilitação\Documentação de habilitação.zip</t>
  </si>
  <si>
    <t>C:\Users\suelenmm\OneDrive - Grupo Algar\Desktop 22-07-19\Pendrive 05-03\Backup 01-07\45233 - RFQ _ A4216_RFQ_29020 - Manutenção RJ_ES_SUL\3. Documentos\4. Análises\Re Edital TIM.msg\s122\</t>
  </si>
  <si>
    <t>Ferramentas e equipamentos RV1.xlsx</t>
  </si>
  <si>
    <t>D:\Backup 12-11-2019\Desktop 22-07-19\Pendrive 05-03\Backup 01-07\45233 - RFQ _ A4216_RFQ_29020 - Manutenção RJ_ES_SUL\3. Documentos\4. Análises\Re Edital TIM.msg</t>
  </si>
  <si>
    <t>FERRAMENTAS TÉCNICAS.xlsx</t>
  </si>
  <si>
    <t>C:\Users\suelenmm\OneDrive - Grupo Algar\Desktop 22-07-19\Pendrive 05-03\Backup 01-07\45233 - RFQ _ A4216_RFQ_29020 - Manutenção RJ_ES_SUL\3. Documentos\6. Outros\</t>
  </si>
  <si>
    <t>Logística - 06-03 2 (2).xls</t>
  </si>
  <si>
    <t>D:\Backup 12-11-2019\Desktop 22-07-19\Pendrive 05-03\Backup 01-07\45233 - RFQ _ A4216_RFQ_29020 - Manutenção RJ_ES_SUL\3. Documentos\6. Outros\Logística - 06-03 2 (2).xls</t>
  </si>
  <si>
    <t>Logística - 06-03 2.xls</t>
  </si>
  <si>
    <t>D:\Backup 12-11-2019\Desktop 22-07-19\Pendrive 05-03\Backup 01-07\45233 - RFQ _ A4216_RFQ_29020 - Manutenção RJ_ES_SUL\3. Documentos\6. Outros\Logística - 06-03 2.xls</t>
  </si>
  <si>
    <t>Requisitos Final 2 (Salvo automaticamente) (Salvo automaticamente).xlsx</t>
  </si>
  <si>
    <t>D:\Backup 12-11-2019\Desktop 22-07-19\Pendrive 05-03\Backup 01-07\45233 - RFQ _ A4216_RFQ_29020 - Manutenção RJ_ES_SUL\3. Documentos\6. Outros\Requisitos Final 2 (Salvo automaticamente) (Salvo automaticamente).xlsx</t>
  </si>
  <si>
    <t>C:\Users\suelenmm\OneDrive - Grupo Algar\Desktop 22-07-19\Pendrive 05-03\Backup 01-07\45233 - RFQ _ A4216_RFQ_29020 - Manutenção RJ_ES_SUL\4. Cotações\Cotação TIM - FUTURE PARTE 1.msg\s91\</t>
  </si>
  <si>
    <t>TIM_LPU de Materiais.xlsx</t>
  </si>
  <si>
    <t>D:\Backup 12-11-2019\Desktop 22-07-19\Pendrive 05-03\Backup 01-07\45233 - RFQ _ A4216_RFQ_29020 - Manutenção RJ_ES_SUL\4. Cotações\Cotação TIM - FUTURE PARTE 1.msg</t>
  </si>
  <si>
    <t>C:\Users\suelenmm\OneDrive - Grupo Algar\Desktop 22-07-19\Pendrive 05-03\Backup 01-07\45233 - RFQ _ A4216_RFQ_29020 - Manutenção RJ_ES_SUL\4. Cotações\Cotação TIM - FUTURE PARTE 4.msg\s115\</t>
  </si>
  <si>
    <t>FAT.B (Apendice A).xlsx</t>
  </si>
  <si>
    <t>D:\Backup 12-11-2019\Desktop 22-07-19\Pendrive 05-03\Backup 01-07\45233 - RFQ _ A4216_RFQ_29020 - Manutenção RJ_ES_SUL\4. Cotações\Cotação TIM - FUTURE PARTE 4.msg</t>
  </si>
  <si>
    <t>C:\Users\suelenmm\OneDrive - Grupo Algar\Desktop 22-07-19\Pendrive 05-03\Backup 01-07\45233 - RFQ _ A4216_RFQ_29020 - Manutenção RJ_ES_SUL\4. Cotações\Enc Contatoe.msg\s121\</t>
  </si>
  <si>
    <t>Equipamentos_JDSU.xlsx</t>
  </si>
  <si>
    <t>D:\Backup 12-11-2019\Desktop 22-07-19\Pendrive 05-03\Backup 01-07\45233 - RFQ _ A4216_RFQ_29020 - Manutenção RJ_ES_SUL\4. Cotações\Enc Contatoe.msg</t>
  </si>
  <si>
    <t>C:\Users\suelenmm\OneDrive - Grupo Algar\Desktop 22-07-19\Pendrive 05-03\Backup 01-07\45233 - RFQ _ A4216_RFQ_29020 - Manutenção RJ_ES_SUL\4. Cotações\ENC Equipamentos TIM.msg\s124\</t>
  </si>
  <si>
    <t>Equipamentos TIM.xlsx</t>
  </si>
  <si>
    <t>D:\Backup 12-11-2019\Desktop 22-07-19\Pendrive 05-03\Backup 01-07\45233 - RFQ _ A4216_RFQ_29020 - Manutenção RJ_ES_SUL\4. Cotações\ENC Equipamentos TIM.msg</t>
  </si>
  <si>
    <t>C:\Users\suelenmm\OneDrive - Grupo Algar\Desktop 22-07-19\Pendrive 05-03\Backup 01-07\45233 - RFQ _ A4216_RFQ_29020 - Manutenção RJ_ES_SUL\4. Cotações\RES LPU TIM - ATUAL ELETRICA.msg\s91\</t>
  </si>
  <si>
    <t>tim algar.xlsx</t>
  </si>
  <si>
    <t>D:\Backup 12-11-2019\Desktop 22-07-19\Pendrive 05-03\Backup 01-07\45233 - RFQ _ A4216_RFQ_29020 - Manutenção RJ_ES_SUL\4. Cotações\RES LPU TIM - ATUAL ELETRICA.msg</t>
  </si>
  <si>
    <t>C:\Users\suelenmm\OneDrive - Grupo Algar\Desktop 22-07-19\Pendrive 05-03\Backup 01-07\45233 - RFQ _ A4216_RFQ_29020 - Manutenção RJ_ES_SUL\4. Cotações\RES LPU TIM - FUTURE PARTE 2.msg\s91\</t>
  </si>
  <si>
    <t>TIM_Apendice B.xlsx</t>
  </si>
  <si>
    <t>D:\Backup 12-11-2019\Desktop 22-07-19\Pendrive 05-03\Backup 01-07\45233 - RFQ _ A4216_RFQ_29020 - Manutenção RJ_ES_SUL\4. Cotações\RES LPU TIM - FUTURE PARTE 2.msg</t>
  </si>
  <si>
    <t>C:\Users\suelenmm\OneDrive - Grupo Algar\Desktop 22-07-19\Pendrive 05-03\Backup 01-07\45233 - RFQ _ A4216_RFQ_29020 - Manutenção RJ_ES_SUL\4. Cotações\RES LPU TIM - LOJA ELETRICA PARTE 2.msg\s91\</t>
  </si>
  <si>
    <t>materiais revisada11.xlsx</t>
  </si>
  <si>
    <t>D:\Backup 12-11-2019\Desktop 22-07-19\Pendrive 05-03\Backup 01-07\45233 - RFQ _ A4216_RFQ_29020 - Manutenção RJ_ES_SUL\4. Cotações\RES LPU TIM - LOJA ELETRICA PARTE 2.msg</t>
  </si>
  <si>
    <t>C:\Users\suelenmm\OneDrive - Grupo Algar\Desktop 22-07-19\Pendrive 05-03\Backup 01-07\45233 - RFQ _ A4216_RFQ_29020 - Manutenção RJ_ES_SUL\5. Rascunhos\</t>
  </si>
  <si>
    <t>Capex TIM.xlsx</t>
  </si>
  <si>
    <t>D:\Backup 12-11-2019\Desktop 22-07-19\Pendrive 05-03\Backup 01-07\45233 - RFQ _ A4216_RFQ_29020 - Manutenção RJ_ES_SUL\5. Rascunhos\Capex TIM.xlsx</t>
  </si>
  <si>
    <t>Cópia de CONTRATOS - TODOS - editado2 (1).xlsx</t>
  </si>
  <si>
    <t>D:\Backup 12-11-2019\Desktop 22-07-19\Pendrive 05-03\Backup 01-07\45233 - RFQ _ A4216_RFQ_29020 - Manutenção RJ_ES_SUL\5. Rascunhos\Cópia de CONTRATOS - TODOS - editado2 (1).xlsx</t>
  </si>
  <si>
    <t>Equipamentos TIM original.xlsx</t>
  </si>
  <si>
    <t>D:\Backup 12-11-2019\Desktop 22-07-19\Pendrive 05-03\Backup 01-07\45233 - RFQ _ A4216_RFQ_29020 - Manutenção RJ_ES_SUL\5. Rascunhos\Equipamentos TIM original.xlsx</t>
  </si>
  <si>
    <t>Equipamentos TIM preenchido.xlsx</t>
  </si>
  <si>
    <t>D:\Backup 12-11-2019\Desktop 22-07-19\Pendrive 05-03\Backup 01-07\45233 - RFQ _ A4216_RFQ_29020 - Manutenção RJ_ES_SUL\5. Rascunhos\Equipamentos TIM preenchido.xlsx</t>
  </si>
  <si>
    <t>D:\Backup 12-11-2019\Desktop 22-07-19\Pendrive 05-03\Backup 01-07\45233 - RFQ _ A4216_RFQ_29020 - Manutenção RJ_ES_SUL\5. Rascunhos\Equipamentos TIM.xlsx</t>
  </si>
  <si>
    <t>EQUIPAMENTO_INFRA.xlsx</t>
  </si>
  <si>
    <t>D:\Backup 12-11-2019\Desktop 22-07-19\Pendrive 05-03\Backup 01-07\45233 - RFQ _ A4216_RFQ_29020 - Manutenção RJ_ES_SUL\5. Rascunhos\EQUIPAMENTO_INFRA.xlsx</t>
  </si>
  <si>
    <t>ETD_POP_SHELTER.xlsx</t>
  </si>
  <si>
    <t>D:\Backup 12-11-2019\Desktop 22-07-19\Pendrive 05-03\Backup 01-07\45233 - RFQ _ A4216_RFQ_29020 - Manutenção RJ_ES_SUL\5. Rascunhos\ETD_POP_SHELTER.xlsx</t>
  </si>
  <si>
    <t>FEMTOCEL EQUIPAMENTOS.xlsm</t>
  </si>
  <si>
    <t>D:\Backup 12-11-2019\Desktop 22-07-19\Pendrive 05-03\Backup 01-07\45233 - RFQ _ A4216_RFQ_29020 - Manutenção RJ_ES_SUL\5. Rascunhos\FEMTOCEL EQUIPAMENTOS.xlsm</t>
  </si>
  <si>
    <t>FEMTOCEL.xlsx</t>
  </si>
  <si>
    <t>D:\Backup 12-11-2019\Desktop 22-07-19\Pendrive 05-03\Backup 01-07\45233 - RFQ _ A4216_RFQ_29020 - Manutenção RJ_ES_SUL\5. Rascunhos\FEMTOCEL.xlsx</t>
  </si>
  <si>
    <t>Ferramentas e equipamentos.xlsx</t>
  </si>
  <si>
    <t>D:\Backup 12-11-2019\Desktop 22-07-19\Pendrive 05-03\Backup 01-07\45233 - RFQ _ A4216_RFQ_29020 - Manutenção RJ_ES_SUL\5. Rascunhos\Ferramentas e equipamentos.xlsx</t>
  </si>
  <si>
    <t>Folha TIM.xlsx</t>
  </si>
  <si>
    <t>D:\Backup 12-11-2019\Desktop 22-07-19\Pendrive 05-03\Backup 01-07\45233 - RFQ _ A4216_RFQ_29020 - Manutenção RJ_ES_SUL\5. Rascunhos\Folha TIM.xlsx</t>
  </si>
  <si>
    <t>C:\Users\suelenmm\OneDrive - Grupo Algar\Desktop 22-07-19\Pendrive 05-03\Backup 01-07\45233 - RFQ _ A4216_RFQ_29020 - Manutenção RJ_ES_SUL\5. Rascunhos\Info importante.docx\</t>
  </si>
  <si>
    <t>D:\Backup 12-11-2019\Desktop 22-07-19\Pendrive 05-03\Backup 01-07\45233 - RFQ _ A4216_RFQ_29020 - Manutenção RJ_ES_SUL\5. Rascunhos\Info importante.docx</t>
  </si>
  <si>
    <t>Logística - 06-03.xls</t>
  </si>
  <si>
    <t>D:\Backup 12-11-2019\Desktop 22-07-19\Pendrive 05-03\Backup 01-07\45233 - RFQ _ A4216_RFQ_29020 - Manutenção RJ_ES_SUL\5. Rascunhos\Logística - 06-03.xls</t>
  </si>
  <si>
    <t>Logística1 (Salvo automaticamente).xls</t>
  </si>
  <si>
    <t>D:\Backup 12-11-2019\Desktop 22-07-19\Pendrive 05-03\Backup 01-07\45233 - RFQ _ A4216_RFQ_29020 - Manutenção RJ_ES_SUL\5. Rascunhos\Logística1 (Salvo automaticamente).xls</t>
  </si>
  <si>
    <t>Logística1.xls</t>
  </si>
  <si>
    <t>D:\Backup 12-11-2019\Desktop 22-07-19\Pendrive 05-03\Backup 01-07\45233 - RFQ _ A4216_RFQ_29020 - Manutenção RJ_ES_SUL\5. Rascunhos\Logística1.xls</t>
  </si>
  <si>
    <t>Manut Eqptos Tx e Clientes Corporativos.xls</t>
  </si>
  <si>
    <t>D:\Backup 12-11-2019\Desktop 22-07-19\Pendrive 05-03\Backup 01-07\45233 - RFQ _ A4216_RFQ_29020 - Manutenção RJ_ES_SUL\5. Rascunhos\Manut Eqptos Tx e Clientes Corporativos.xls</t>
  </si>
  <si>
    <t>mapa femtocel.xlsx</t>
  </si>
  <si>
    <t>D:\Backup 12-11-2019\Desktop 22-07-19\Pendrive 05-03\Backup 01-07\45233 - RFQ _ A4216_RFQ_29020 - Manutenção RJ_ES_SUL\5. Rascunhos\mapa femtocel.xlsx</t>
  </si>
  <si>
    <t>Materiais TIM com preços - V2.xlsx</t>
  </si>
  <si>
    <t>D:\Backup 12-11-2019\Desktop 22-07-19\Pendrive 05-03\Backup 01-07\45233 - RFQ _ A4216_RFQ_29020 - Manutenção RJ_ES_SUL\5. Rascunhos\Materiais TIM com preços - V2.xlsx</t>
  </si>
  <si>
    <t>Materiais TIM com preços - V3.xlsx</t>
  </si>
  <si>
    <t>D:\Backup 12-11-2019\Desktop 22-07-19\Pendrive 05-03\Backup 01-07\45233 - RFQ _ A4216_RFQ_29020 - Manutenção RJ_ES_SUL\5. Rascunhos\Materiais TIM com preços - V3.xlsx</t>
  </si>
  <si>
    <t>Materiais TIM com preços.xlsx</t>
  </si>
  <si>
    <t>D:\Backup 12-11-2019\Desktop 22-07-19\Pendrive 05-03\Backup 01-07\45233 - RFQ _ A4216_RFQ_29020 - Manutenção RJ_ES_SUL\5. Rascunhos\Materiais TIM com preços.xlsx</t>
  </si>
  <si>
    <t>MSANs.xlsx</t>
  </si>
  <si>
    <t>D:\Backup 12-11-2019\Desktop 22-07-19\Pendrive 05-03\Backup 01-07\45233 - RFQ _ A4216_RFQ_29020 - Manutenção RJ_ES_SUL\5. Rascunhos\MSANs.xlsx</t>
  </si>
  <si>
    <t>PRAs.xlsx</t>
  </si>
  <si>
    <t>D:\Backup 12-11-2019\Desktop 22-07-19\Pendrive 05-03\Backup 01-07\45233 - RFQ _ A4216_RFQ_29020 - Manutenção RJ_ES_SUL\5. Rascunhos\PRAs.xlsx</t>
  </si>
  <si>
    <t>PREDIOS_ABCDE.xlsx</t>
  </si>
  <si>
    <t>D:\Backup 12-11-2019\Desktop 22-07-19\Pendrive 05-03\Backup 01-07\45233 - RFQ _ A4216_RFQ_29020 - Manutenção RJ_ES_SUL\5. Rascunhos\PREDIOS_ABCDE.xlsx</t>
  </si>
  <si>
    <t>proposta.xlsx</t>
  </si>
  <si>
    <t>D:\Backup 12-11-2019\Desktop 22-07-19\Pendrive 05-03\Backup 01-07\45233 - RFQ _ A4216_RFQ_29020 - Manutenção RJ_ES_SUL\5. Rascunhos\proposta.xlsx</t>
  </si>
  <si>
    <t>Prédios Industriais TRJ e TSL - ABCDE.xlsx</t>
  </si>
  <si>
    <t>D:\Backup 12-11-2019\Desktop 22-07-19\Pendrive 05-03\Backup 01-07\45233 - RFQ _ A4216_RFQ_29020 - Manutenção RJ_ES_SUL\5. Rascunhos\Prédios Industriais TRJ e TSL - ABCDE.xlsx</t>
  </si>
  <si>
    <t>Quadro a seguir prestação do serviço TRJ e TSL.xls</t>
  </si>
  <si>
    <t>D:\Backup 12-11-2019\Desktop 22-07-19\Pendrive 05-03\Backup 01-07\45233 - RFQ _ A4216_RFQ_29020 - Manutenção RJ_ES_SUL\5. Rascunhos\Quadro a seguir prestação do serviço TRJ e TSL.xls</t>
  </si>
  <si>
    <t>Requisitos Final 2 (Salvo automaticamente).xlsx</t>
  </si>
  <si>
    <t>D:\Backup 12-11-2019\Desktop 22-07-19\Pendrive 05-03\Backup 01-07\45233 - RFQ _ A4216_RFQ_29020 - Manutenção RJ_ES_SUL\5. Rascunhos\Requisitos Final 2 (Salvo automaticamente).xlsx</t>
  </si>
  <si>
    <t>Requisitos Final 2.xlsx</t>
  </si>
  <si>
    <t>D:\Backup 12-11-2019\Desktop 22-07-19\Pendrive 05-03\Backup 01-07\45233 - RFQ _ A4216_RFQ_29020 - Manutenção RJ_ES_SUL\5. Rascunhos\Requisitos Final 2.xlsx</t>
  </si>
  <si>
    <t>Requisitos Final.xlsx</t>
  </si>
  <si>
    <t>D:\Backup 12-11-2019\Desktop 22-07-19\Pendrive 05-03\Backup 01-07\45233 - RFQ _ A4216_RFQ_29020 - Manutenção RJ_ES_SUL\5. Rascunhos\Requisitos Final.xlsx</t>
  </si>
  <si>
    <t>Revisao TIM v2.xlsx</t>
  </si>
  <si>
    <t>D:\Backup 12-11-2019\Desktop 22-07-19\Pendrive 05-03\Backup 01-07\45233 - RFQ _ A4216_RFQ_29020 - Manutenção RJ_ES_SUL\5. Rascunhos\Revisao TIM v2.xlsx</t>
  </si>
  <si>
    <t>D:\Backup 12-11-2019\Desktop 22-07-19\Pendrive 05-03\Backup 01-07\45233 - RFQ _ A4216_RFQ_29020 - Manutenção RJ_ES_SUL\5. Rascunhos\Revisao TIM v3.xlsx</t>
  </si>
  <si>
    <t>Revisao TIM.xlsx</t>
  </si>
  <si>
    <t>D:\Backup 12-11-2019\Desktop 22-07-19\Pendrive 05-03\Backup 01-07\45233 - RFQ _ A4216_RFQ_29020 - Manutenção RJ_ES_SUL\5. Rascunhos\Revisao TIM.xlsx</t>
  </si>
  <si>
    <t>SHELTER.xlsx</t>
  </si>
  <si>
    <t>D:\Backup 12-11-2019\Desktop 22-07-19\Pendrive 05-03\Backup 01-07\45233 - RFQ _ A4216_RFQ_29020 - Manutenção RJ_ES_SUL\5. Rascunhos\SHELTER.xlsx</t>
  </si>
  <si>
    <t>Sites 2014 - TRJ e TSL - EQUIPAMENTO+INFRA.xlsx</t>
  </si>
  <si>
    <t>D:\Backup 12-11-2019\Desktop 22-07-19\Pendrive 05-03\Backup 01-07\45233 - RFQ _ A4216_RFQ_29020 - Manutenção RJ_ES_SUL\5. Rascunhos\Sites 2014 - TRJ e TSL - EQUIPAMENTO+INFRA.xlsx</t>
  </si>
  <si>
    <t>SITES ETD POP SHELTER EQUIPAMENTO.xls</t>
  </si>
  <si>
    <t>D:\Backup 12-11-2019\Desktop 22-07-19\Pendrive 05-03\Backup 01-07\45233 - RFQ _ A4216_RFQ_29020 - Manutenção RJ_ES_SUL\5. Rascunhos\SITES ETD POP SHELTER EQUIPAMENTO.xls</t>
  </si>
  <si>
    <t>Tabela Resumo ppt.xlsx</t>
  </si>
  <si>
    <t>D:\Backup 12-11-2019\Desktop 22-07-19\Pendrive 05-03\Backup 01-07\45233 - RFQ _ A4216_RFQ_29020 - Manutenção RJ_ES_SUL\5. Rascunhos\Tabela Resumo ppt.xlsx</t>
  </si>
  <si>
    <t>D:\Backup 12-11-2019\Desktop 22-07-19\Pendrive 05-03\Backup 01-07\45233 - RFQ _ A4216_RFQ_29020 - Manutenção RJ_ES_SUL\5. Rascunhos\45233 - RFQ _ A4216_RFQ_29020 - Manutenção RJ_ES_SUL - REDE\Cópia de CONTRATOS - TODOS - editado2 (1).xlsx</t>
  </si>
  <si>
    <t>D:\Backup 12-11-2019\Desktop 22-07-19\Pendrive 05-03\Backup 01-07\45233 - RFQ _ A4216_RFQ_29020 - Manutenção RJ_ES_SUL\5. Rascunhos\45233 - RFQ _ A4216_RFQ_29020 - Manutenção RJ_ES_SUL - REDE\EQUIPAMENTO_INFRA.xlsx</t>
  </si>
  <si>
    <t>D:\Backup 12-11-2019\Desktop 22-07-19\Pendrive 05-03\Backup 01-07\45233 - RFQ _ A4216_RFQ_29020 - Manutenção RJ_ES_SUL\5. Rascunhos\45233 - RFQ _ A4216_RFQ_29020 - Manutenção RJ_ES_SUL - REDE\ETD_POP_SHELTER.xlsx</t>
  </si>
  <si>
    <t>D:\Backup 12-11-2019\Desktop 22-07-19\Pendrive 05-03\Backup 01-07\45233 - RFQ _ A4216_RFQ_29020 - Manutenção RJ_ES_SUL\5. Rascunhos\45233 - RFQ _ A4216_RFQ_29020 - Manutenção RJ_ES_SUL - REDE\FEMTOCEL EQUIPAMENTOS.xlsm</t>
  </si>
  <si>
    <t>D:\Backup 12-11-2019\Desktop 22-07-19\Pendrive 05-03\Backup 01-07\45233 - RFQ _ A4216_RFQ_29020 - Manutenção RJ_ES_SUL\5. Rascunhos\45233 - RFQ _ A4216_RFQ_29020 - Manutenção RJ_ES_SUL - REDE\FEMTOCEL.xlsx</t>
  </si>
  <si>
    <t>D:\Backup 12-11-2019\Desktop 22-07-19\Pendrive 05-03\Backup 01-07\45233 - RFQ _ A4216_RFQ_29020 - Manutenção RJ_ES_SUL\5. Rascunhos\45233 - RFQ _ A4216_RFQ_29020 - Manutenção RJ_ES_SUL - REDE\Ferramentas e equipamentos.xlsx</t>
  </si>
  <si>
    <t>D:\Backup 12-11-2019\Desktop 22-07-19\Pendrive 05-03\Backup 01-07\45233 - RFQ _ A4216_RFQ_29020 - Manutenção RJ_ES_SUL\5. Rascunhos\45233 - RFQ _ A4216_RFQ_29020 - Manutenção RJ_ES_SUL - REDE\Info importante.docx</t>
  </si>
  <si>
    <t>C:\Users\suelenmm\OneDrive - Grupo Algar\Desktop 22-07-19\Pendrive 05-03\Backup 01-07\45233 - RFQ _ A4216_RFQ_29020 - Manutenção RJ_ES_SUL\5. Rascunhos\45233 - RFQ _ A4216_RFQ_29020 - Manutenção RJ_ES_SUL - REDE\</t>
  </si>
  <si>
    <t>D:\Backup 12-11-2019\Desktop 22-07-19\Pendrive 05-03\Backup 01-07\45233 - RFQ _ A4216_RFQ_29020 - Manutenção RJ_ES_SUL\5. Rascunhos\45233 - RFQ _ A4216_RFQ_29020 - Manutenção RJ_ES_SUL - REDE\Logística - 06-03 2.xls</t>
  </si>
  <si>
    <t>D:\Backup 12-11-2019\Desktop 22-07-19\Pendrive 05-03\Backup 01-07\45233 - RFQ _ A4216_RFQ_29020 - Manutenção RJ_ES_SUL\5. Rascunhos\45233 - RFQ _ A4216_RFQ_29020 - Manutenção RJ_ES_SUL - REDE\Logística - 06-03.xls</t>
  </si>
  <si>
    <t>D:\Backup 12-11-2019\Desktop 22-07-19\Pendrive 05-03\Backup 01-07\45233 - RFQ _ A4216_RFQ_29020 - Manutenção RJ_ES_SUL\5. Rascunhos\45233 - RFQ _ A4216_RFQ_29020 - Manutenção RJ_ES_SUL - REDE\Logística1 (Salvo automaticamente).xls</t>
  </si>
  <si>
    <t>D:\Backup 12-11-2019\Desktop 22-07-19\Pendrive 05-03\Backup 01-07\45233 - RFQ _ A4216_RFQ_29020 - Manutenção RJ_ES_SUL\5. Rascunhos\45233 - RFQ _ A4216_RFQ_29020 - Manutenção RJ_ES_SUL - REDE\Logística1.xls</t>
  </si>
  <si>
    <t>D:\Backup 12-11-2019\Desktop 22-07-19\Pendrive 05-03\Backup 01-07\45233 - RFQ _ A4216_RFQ_29020 - Manutenção RJ_ES_SUL\5. Rascunhos\45233 - RFQ _ A4216_RFQ_29020 - Manutenção RJ_ES_SUL - REDE\Manut Eqptos Tx e Clientes Corporativos.xls</t>
  </si>
  <si>
    <t>D:\Backup 12-11-2019\Desktop 22-07-19\Pendrive 05-03\Backup 01-07\45233 - RFQ _ A4216_RFQ_29020 - Manutenção RJ_ES_SUL\5. Rascunhos\45233 - RFQ _ A4216_RFQ_29020 - Manutenção RJ_ES_SUL - REDE\mapa femtocel.xlsx</t>
  </si>
  <si>
    <t>D:\Backup 12-11-2019\Desktop 22-07-19\Pendrive 05-03\Backup 01-07\45233 - RFQ _ A4216_RFQ_29020 - Manutenção RJ_ES_SUL\5. Rascunhos\45233 - RFQ _ A4216_RFQ_29020 - Manutenção RJ_ES_SUL - REDE\Materiais TIM com preços - V2.xlsx</t>
  </si>
  <si>
    <t>D:\Backup 12-11-2019\Desktop 22-07-19\Pendrive 05-03\Backup 01-07\45233 - RFQ _ A4216_RFQ_29020 - Manutenção RJ_ES_SUL\5. Rascunhos\45233 - RFQ _ A4216_RFQ_29020 - Manutenção RJ_ES_SUL - REDE\Materiais TIM com preços.xlsx</t>
  </si>
  <si>
    <t>D:\Backup 12-11-2019\Desktop 22-07-19\Pendrive 05-03\Backup 01-07\45233 - RFQ _ A4216_RFQ_29020 - Manutenção RJ_ES_SUL\5. Rascunhos\45233 - RFQ _ A4216_RFQ_29020 - Manutenção RJ_ES_SUL - REDE\MSANs.xlsx</t>
  </si>
  <si>
    <t>D:\Backup 12-11-2019\Desktop 22-07-19\Pendrive 05-03\Backup 01-07\45233 - RFQ _ A4216_RFQ_29020 - Manutenção RJ_ES_SUL\5. Rascunhos\45233 - RFQ _ A4216_RFQ_29020 - Manutenção RJ_ES_SUL - REDE\PRAs.xlsx</t>
  </si>
  <si>
    <t>D:\Backup 12-11-2019\Desktop 22-07-19\Pendrive 05-03\Backup 01-07\45233 - RFQ _ A4216_RFQ_29020 - Manutenção RJ_ES_SUL\5. Rascunhos\45233 - RFQ _ A4216_RFQ_29020 - Manutenção RJ_ES_SUL - REDE\PREDIOS_ABCDE.xlsx</t>
  </si>
  <si>
    <t>D:\Backup 12-11-2019\Desktop 22-07-19\Pendrive 05-03\Backup 01-07\45233 - RFQ _ A4216_RFQ_29020 - Manutenção RJ_ES_SUL\5. Rascunhos\45233 - RFQ _ A4216_RFQ_29020 - Manutenção RJ_ES_SUL - REDE\Prédios Industriais TRJ e TSL - ABCDE.xlsx</t>
  </si>
  <si>
    <t>D:\Backup 12-11-2019\Desktop 22-07-19\Pendrive 05-03\Backup 01-07\45233 - RFQ _ A4216_RFQ_29020 - Manutenção RJ_ES_SUL\5. Rascunhos\45233 - RFQ _ A4216_RFQ_29020 - Manutenção RJ_ES_SUL - REDE\Quadro a seguir prestação do serviço TRJ e TSL.xls</t>
  </si>
  <si>
    <t>D:\Backup 12-11-2019\Desktop 22-07-19\Pendrive 05-03\Backup 01-07\45233 - RFQ _ A4216_RFQ_29020 - Manutenção RJ_ES_SUL\5. Rascunhos\45233 - RFQ _ A4216_RFQ_29020 - Manutenção RJ_ES_SUL - REDE\SHELTER.xlsx</t>
  </si>
  <si>
    <t>D:\Backup 12-11-2019\Desktop 22-07-19\Pendrive 05-03\Backup 01-07\45233 - RFQ _ A4216_RFQ_29020 - Manutenção RJ_ES_SUL\5. Rascunhos\45233 - RFQ _ A4216_RFQ_29020 - Manutenção RJ_ES_SUL - REDE\Sites 2014 - TRJ e TSL - EQUIPAMENTO+INFRA.xlsx</t>
  </si>
  <si>
    <t>D:\Backup 12-11-2019\Desktop 22-07-19\Pendrive 05-03\Backup 01-07\45233 - RFQ _ A4216_RFQ_29020 - Manutenção RJ_ES_SUL\5. Rascunhos\45233 - RFQ _ A4216_RFQ_29020 - Manutenção RJ_ES_SUL - REDE\SITES ETD POP SHELTER EQUIPAMENTO.xls</t>
  </si>
  <si>
    <t>C:\Users\suelenmm\OneDrive - Grupo Algar\Desktop 22-07-19\Pendrive 05-03\Backup 01-07\45233 - RFQ _ A4216_RFQ_29020 - Manutenção RJ_ES_SUL\5. Rascunhos\45233 - RFQ _ A4216_RFQ_29020 - Manutenção RJ_ES_SUL - REDE\1. Precificação\</t>
  </si>
  <si>
    <t>D:\Backup 12-11-2019\Desktop 22-07-19\Pendrive 05-03\Backup 01-07\45233 - RFQ _ A4216_RFQ_29020 - Manutenção RJ_ES_SUL\5. Rascunhos\45233 - RFQ _ A4216_RFQ_29020 - Manutenção RJ_ES_SUL - REDE\1. Precificação\45233 - BP Campo v1.xlsb</t>
  </si>
  <si>
    <t>D:\Backup 12-11-2019\Desktop 22-07-19\Pendrive 05-03\Backup 01-07\45233 - RFQ _ A4216_RFQ_29020 - Manutenção RJ_ES_SUL\5. Rascunhos\45233 - RFQ _ A4216_RFQ_29020 - Manutenção RJ_ES_SUL - REDE\1. Precificação\</t>
  </si>
  <si>
    <t>D:\Backup 12-11-2019\Desktop 22-07-19\Pendrive 05-03\Backup 01-07\45233 - RFQ _ A4216_RFQ_29020 - Manutenção RJ_ES_SUL\5. Rascunhos\45233 - RFQ _ A4216_RFQ_29020 - Manutenção RJ_ES_SUL - REDE\1. Precificação\45233 - BP Campo v12 - Alterado Rogerio.xlsb</t>
  </si>
  <si>
    <t>D:\Backup 12-11-2019\Desktop 22-07-19\Pendrive 05-03\Backup 01-07\45233 - RFQ _ A4216_RFQ_29020 - Manutenção RJ_ES_SUL\5. Rascunhos\45233 - RFQ _ A4216_RFQ_29020 - Manutenção RJ_ES_SUL - REDE\1. Precificação\45233 - BP Campo v12.xlsb</t>
  </si>
  <si>
    <t>D:\Backup 12-11-2019\Desktop 22-07-19\Pendrive 05-03\Backup 01-07\45233 - RFQ _ A4216_RFQ_29020 - Manutenção RJ_ES_SUL\5. Rascunhos\45233 - RFQ _ A4216_RFQ_29020 - Manutenção RJ_ES_SUL - REDE\1. Precificação\bp tim.xlsb</t>
  </si>
  <si>
    <t>D:\Backup 12-11-2019\Desktop 22-07-19\Pendrive 05-03\Backup 01-07\45233 - RFQ _ A4216_RFQ_29020 - Manutenção RJ_ES_SUL\5. Rascunhos\45233 - RFQ _ A4216_RFQ_29020 - Manutenção RJ_ES_SUL - REDE\1. Precificação\Kits.xlsb</t>
  </si>
  <si>
    <t>D:\Backup 12-11-2019\Desktop 22-07-19\Pendrive 05-03\Backup 01-07\45233 - RFQ _ A4216_RFQ_29020 - Manutenção RJ_ES_SUL\5. Rascunhos\45233 - RFQ _ A4216_RFQ_29020 - Manutenção RJ_ES_SUL - REDE\1. Precificação\Map - Precificação MSV 15 &amp; CPRB V.2015-2-000.xlsb</t>
  </si>
  <si>
    <t>D:\Backup 12-11-2019\Desktop 22-07-19\Pendrive 05-03\Backup 01-07\45233 - RFQ _ A4216_RFQ_29020 - Manutenção RJ_ES_SUL\5. Rascunhos\45233 - RFQ _ A4216_RFQ_29020 - Manutenção RJ_ES_SUL - REDE\1. Precificação\Antigos\</t>
  </si>
  <si>
    <t>D:\Backup 12-11-2019\Desktop 22-07-19\Pendrive 05-03\Backup 01-07\45233 - RFQ _ A4216_RFQ_29020 - Manutenção RJ_ES_SUL\5. Rascunhos\45233 - RFQ _ A4216_RFQ_29020 - Manutenção RJ_ES_SUL - REDE\1. Precificação\Antigos\45233 - BP Equipamentos v1.xlsb</t>
  </si>
  <si>
    <t>D:\Backup 12-11-2019\Desktop 22-07-19\Pendrive 05-03\Backup 01-07\45233 - RFQ _ A4216_RFQ_29020 - Manutenção RJ_ES_SUL\5. Rascunhos\45233 - RFQ _ A4216_RFQ_29020 - Manutenção RJ_ES_SUL - REDE\1. Precificação\Antigos\bp tim.xlsb</t>
  </si>
  <si>
    <t>D:\Backup 12-11-2019\Desktop 22-07-19\Pendrive 05-03\Backup 01-07\45233 - RFQ _ A4216_RFQ_29020 - Manutenção RJ_ES_SUL\5. Rascunhos\45233 - RFQ _ A4216_RFQ_29020 - Manutenção RJ_ES_SUL - REDE\3. Documentos\1. Editais\edital baixado 04-02\RFQ TIM.zip\</t>
  </si>
  <si>
    <t>2 - ANEXO II - LPU - LPU de Manutencao Equipamentos.xls</t>
  </si>
  <si>
    <t>D:\Backup 12-11-2019\Desktop 22-07-19\Pendrive 05-03\Backup 01-07\45233 - RFQ _ A4216_RFQ_29020 - Manutenção RJ_ES_SUL\5. Rascunhos\45233 - RFQ _ A4216_RFQ_29020 - Manutenção RJ_ES_SUL - REDE\3. Documentos\1. Editais\edital baixado 04-02\RFQ TIM.zip</t>
  </si>
  <si>
    <t xml:space="preserve">D:\Backup 12-11-2019\Desktop 22-07-19\Pendrive 05-03\Backup 01-07\45233 - RFQ _ A4216_RFQ_29020 - Manutenção RJ_ES_SUL\5. Rascunhos\45233 - RFQ _ A4216_RFQ_29020 - Manutenção RJ_ES_SUL - REDE\3. Documentos\1. Editais\edital baixado 04-02\RFQ TIM.zip\ANEXO </t>
  </si>
  <si>
    <t>ANEXO VIII LSU FM TRJ e TSL - FAT A.xlsx</t>
  </si>
  <si>
    <t>ANEXO VIII LSU FM TRJ e TSL - FAT B - APENDICE A.xls</t>
  </si>
  <si>
    <t>ANEXO VIII LSU FM TRJ e TSL - FAT B - APENDICE B.xls</t>
  </si>
  <si>
    <t>Sites 2014 - TRJ e TSL.xlsx</t>
  </si>
  <si>
    <t>Lista de Servi‡os.xlsx</t>
  </si>
  <si>
    <t>D:\Backup 12-11-2019\Desktop 22-07-19\Pendrive 05-03\Backup 01-07\45233 - RFQ _ A4216_RFQ_29020 - Manutenção RJ_ES_SUL\5. Rascunhos\45233 - RFQ _ A4216_RFQ_29020 - Manutenção RJ_ES_SUL - REDE\3. Documentos\2. Doc Habilitação\Documentação de habilitação.zip</t>
  </si>
  <si>
    <t>C:\Users\suelenmm\OneDrive - Grupo Algar\Desktop 22-07-19\Pendrive 05-03\Backup 01-07\45233 - RFQ _ A4216_RFQ_29020 - Manutenção RJ_ES_SUL\5. Rascunhos\45233 - RFQ _ A4216_RFQ_29020 - Manutenção RJ_ES_SUL - REDE\3. Documentos\4. Análises\Re Edital TIM.msg\</t>
  </si>
  <si>
    <t>D:\Backup 12-11-2019\Desktop 22-07-19\Pendrive 05-03\Backup 01-07\45233 - RFQ _ A4216_RFQ_29020 - Manutenção RJ_ES_SUL\5. Rascunhos\45233 - RFQ _ A4216_RFQ_29020 - Manutenção RJ_ES_SUL - REDE\3. Documentos\4. Análises\Re Edital TIM.msg</t>
  </si>
  <si>
    <t>D:\Backup 12-11-2019\Desktop 22-07-19\Pendrive 05-03\Backup 01-07\45233 - RFQ _ A4216_RFQ_29020 - Manutenção RJ_ES_SUL\5. Rascunhos\45233 - RFQ _ A4216_RFQ_29020 - Manutenção RJ_ES_SUL - REDE\3. Documentos\6. Outros\Requisitos Final 2.xlsx</t>
  </si>
  <si>
    <t>D:\Backup 12-11-2019\Desktop 22-07-19\Pendrive 05-03\Backup 01-07\45233 - RFQ _ A4216_RFQ_29020 - Manutenção RJ_ES_SUL\5. Rascunhos\45233 - RFQ _ A4216_RFQ_29020 - Manutenção RJ_ES_SUL - REDE\3. Documentos\6. Outros\Requisitos Final.xlsx</t>
  </si>
  <si>
    <t>C:\Users\suelenmm\OneDrive - Grupo Algar\Desktop 22-07-19\Pendrive 05-03\Backup 01-07\45233 - RFQ _ A4216_RFQ_29020 - Manutenção RJ_ES_SUL\5. Rascunhos\45233 - RFQ _ A4216_RFQ_29020 - Manutenção RJ_ES_SUL - REDE\4. Cotações\Cotação TIM - FUTURE PARTE 1.msg</t>
  </si>
  <si>
    <t>D:\Backup 12-11-2019\Desktop 22-07-19\Pendrive 05-03\Backup 01-07\45233 - RFQ _ A4216_RFQ_29020 - Manutenção RJ_ES_SUL\5. Rascunhos\45233 - RFQ _ A4216_RFQ_29020 - Manutenção RJ_ES_SUL - REDE\4. Cotações\Cotação TIM - FUTURE PARTE 1.msg</t>
  </si>
  <si>
    <t>C:\Users\suelenmm\OneDrive - Grupo Algar\Desktop 22-07-19\Pendrive 05-03\Backup 01-07\45233 - RFQ _ A4216_RFQ_29020 - Manutenção RJ_ES_SUL\5. Rascunhos\45233 - RFQ _ A4216_RFQ_29020 - Manutenção RJ_ES_SUL - REDE\4. Cotações\RES LPU TIM - ATUAL ELETRICA.msg</t>
  </si>
  <si>
    <t>D:\Backup 12-11-2019\Desktop 22-07-19\Pendrive 05-03\Backup 01-07\45233 - RFQ _ A4216_RFQ_29020 - Manutenção RJ_ES_SUL\5. Rascunhos\45233 - RFQ _ A4216_RFQ_29020 - Manutenção RJ_ES_SUL - REDE\4. Cotações\RES LPU TIM - ATUAL ELETRICA.msg</t>
  </si>
  <si>
    <t>C:\Users\suelenmm\OneDrive - Grupo Algar\Desktop 22-07-19\Pendrive 05-03\Backup 01-07\45233 - RFQ _ A4216_RFQ_29020 - Manutenção RJ_ES_SUL\5. Rascunhos\45233 - RFQ _ A4216_RFQ_29020 - Manutenção RJ_ES_SUL - REDE\4. Cotações\RES LPU TIM - FUTURE PARTE 2.msg</t>
  </si>
  <si>
    <t>D:\Backup 12-11-2019\Desktop 22-07-19\Pendrive 05-03\Backup 01-07\45233 - RFQ _ A4216_RFQ_29020 - Manutenção RJ_ES_SUL\5. Rascunhos\45233 - RFQ _ A4216_RFQ_29020 - Manutenção RJ_ES_SUL - REDE\4. Cotações\RES LPU TIM - FUTURE PARTE 2.msg</t>
  </si>
  <si>
    <t>D:\Backup 12-11-2019\Desktop 22-07-19\Pendrive 05-03\Backup 01-07\45233 - RFQ _ A4216_RFQ_29020 - Manutenção RJ_ES_SUL\5. Rascunhos\45233 - RFQ _ A4216_RFQ_29020 - Manutenção RJ_ES_SUL - REDE\4. Cotações\RES LPU TIM - LOJA ELETRICA PARTE 2.msg</t>
  </si>
  <si>
    <t>C:\Users\suelenmm\OneDrive - Grupo Algar\Desktop 22-07-19\Pendrive 05-03\Backup 01-07\45233 - RFQ _ A4216_RFQ_29020 - Manutenção RJ_ES_SUL\6. Envio\v1\RESPOSTA DE QUALIFICAÇÃO 1.zip\RESPOSTA DE QUALIFICA€ÇO 1\</t>
  </si>
  <si>
    <t>D:\Backup 12-11-2019\Desktop 22-07-19\Pendrive 05-03\Backup 01-07\45233 - RFQ _ A4216_RFQ_29020 - Manutenção RJ_ES_SUL\6. Envio\v1\RESPOSTA DE QUALIFICAÇÃO 1.zip</t>
  </si>
  <si>
    <t>C:\Users\suelenmm\OneDrive - Grupo Algar\Desktop 22-07-19\Pendrive 05-03\Backup 01-07\45233 - RFQ _ A4216_RFQ_29020 - Manutenção RJ_ES_SUL\6. Envio\v1\RESPOSTA ECONÔMICA.zip\RESPOSTA ECONâMICA\</t>
  </si>
  <si>
    <t>D:\Backup 12-11-2019\Desktop 22-07-19\Pendrive 05-03\Backup 01-07\45233 - RFQ _ A4216_RFQ_29020 - Manutenção RJ_ES_SUL\6. Envio\v1\RESPOSTA ECONÔMICA.zip</t>
  </si>
  <si>
    <t>C:\Users\suelenmm\OneDrive - Grupo Algar\Desktop 22-07-19\Pendrive 05-03\Backup 01-07\45233 - RFQ _ A4216_RFQ_29020 - Manutenção RJ_ES_SUL\6. Envio\v1\RESPOSTA TÉCNICA.zip\RESPOSTA TCNICA\</t>
  </si>
  <si>
    <t>Resposta Atendimento T‚cnico.xlsx</t>
  </si>
  <si>
    <t>D:\Backup 12-11-2019\Desktop 22-07-19\Pendrive 05-03\Backup 01-07\45233 - RFQ _ A4216_RFQ_29020 - Manutenção RJ_ES_SUL\6. Envio\v1\RESPOSTA TÉCNICA.zip</t>
  </si>
  <si>
    <t>C:\Users\suelenmm\OneDrive - Grupo Algar\Desktop 22-07-19\Pendrive 05-03\Backup 01-07\45233 - RFQ _ A4216_RFQ_29020 - Manutenção RJ_ES_SUL\6. Envio\v1\RESPOSTA DE QUALIFICAÇÃO 1\</t>
  </si>
  <si>
    <t>D:\Backup 12-11-2019\Desktop 22-07-19\Pendrive 05-03\Backup 01-07\45233 - RFQ _ A4216_RFQ_29020 - Manutenção RJ_ES_SUL\6. Envio\v1\RESPOSTA DE QUALIFICAÇÃO 1\2. Balancete - 09-2014.xlsx</t>
  </si>
  <si>
    <t>C:\Users\suelenmm\OneDrive - Grupo Algar\Desktop 22-07-19\Pendrive 05-03\Backup 01-07\45233 - RFQ _ A4216_RFQ_29020 - Manutenção RJ_ES_SUL\6. Envio\v1\RESPOSTA ECONÔMICA\</t>
  </si>
  <si>
    <t>D:\Backup 12-11-2019\Desktop 22-07-19\Pendrive 05-03\Backup 01-07\45233 - RFQ _ A4216_RFQ_29020 - Manutenção RJ_ES_SUL\6. Envio\v1\RESPOSTA ECONÔMICA\2 - ANEXO II - LPU - LPU de Manutencao Equipamentos REV_01.xls</t>
  </si>
  <si>
    <t>D:\Backup 12-11-2019\Desktop 22-07-19\Pendrive 05-03\Backup 01-07\45233 - RFQ _ A4216_RFQ_29020 - Manutenção RJ_ES_SUL\6. Envio\v1\RESPOSTA ECONÔMICA\2 - ANEXO II - LPU INFRA FM TRJ e TSL - FAT A.xls</t>
  </si>
  <si>
    <t>D:\Backup 12-11-2019\Desktop 22-07-19\Pendrive 05-03\Backup 01-07\45233 - RFQ _ A4216_RFQ_29020 - Manutenção RJ_ES_SUL\6. Envio\v1\RESPOSTA ECONÔMICA\2 - ANEXO II - LPU INFRA FM TRJ e TSL - FAT B - APENDICE A.xls</t>
  </si>
  <si>
    <t>D:\Backup 12-11-2019\Desktop 22-07-19\Pendrive 05-03\Backup 01-07\45233 - RFQ _ A4216_RFQ_29020 - Manutenção RJ_ES_SUL\6. Envio\v1\RESPOSTA ECONÔMICA\2 - ANEXO II - LPU INFRA FM TRJ e TSL - FAT B - APENDICE B.xls</t>
  </si>
  <si>
    <t>C:\Users\suelenmm\OneDrive - Grupo Algar\Desktop 22-07-19\Pendrive 05-03\Backup 01-07\45233 - RFQ _ A4216_RFQ_29020 - Manutenção RJ_ES_SUL\6. Envio\v1\RESPOSTA TÉCNICA\</t>
  </si>
  <si>
    <t>D:\Backup 12-11-2019\Desktop 22-07-19\Pendrive 05-03\Backup 01-07\45233 - RFQ _ A4216_RFQ_29020 - Manutenção RJ_ES_SUL\6. Envio\v1\RESPOSTA TÉCNICA\Resposta Atendimento Técnico.xlsx</t>
  </si>
  <si>
    <t>C:\Users\suelenmm\OneDrive - Grupo Algar\Desktop 22-07-19\Pendrive 05-03\Backup 01-07\45233 - RFQ _ A4216_RFQ_29020 - Manutenção RJ_ES_SUL\6. Envio\v2\1º envio v2\Proposta Comercial - v2 - 28_04.zip\Proposta Comercial\</t>
  </si>
  <si>
    <t>D:\Backup 12-11-2019\Desktop 22-07-19\Pendrive 05-03\Backup 01-07\45233 - RFQ _ A4216_RFQ_29020 - Manutenção RJ_ES_SUL\6. Envio\v2\1º envio v2\Proposta Comercial - v2 - 28_04.zip</t>
  </si>
  <si>
    <t>C:\Users\suelenmm\OneDrive - Grupo Algar\Desktop 22-07-19\Pendrive 05-03\Backup 01-07\45233 - RFQ _ A4216_RFQ_29020 - Manutenção RJ_ES_SUL\6. Envio\v2\2º envio v2\d) LPU´s.zip\d) LPUïs\</t>
  </si>
  <si>
    <t>D:\Backup 12-11-2019\Desktop 22-07-19\Pendrive 05-03\Backup 01-07\45233 - RFQ _ A4216_RFQ_29020 - Manutenção RJ_ES_SUL\6. Envio\v2\2º envio v2\d) LPU´s.zip</t>
  </si>
  <si>
    <t>C:\Users\suelenmm\OneDrive - Grupo Algar\Desktop 22-07-19\Pendrive 05-03\Backup 01-07\45233 - RFQ _ A4216_RFQ_29020 - Manutenção RJ_ES_SUL\6. Envio\v2\2º envio v2\d) LPU´s\</t>
  </si>
  <si>
    <t>D:\Backup 12-11-2019\Desktop 22-07-19\Pendrive 05-03\Backup 01-07\45233 - RFQ _ A4216_RFQ_29020 - Manutenção RJ_ES_SUL\6. Envio\v2\2º envio v2\d) LPU´s\2 - ANEXO II - LPU INFRA FM TRJ e TSL - FAT B - APENDICE A REV_01.xls</t>
  </si>
  <si>
    <t>D:\Backup 12-11-2019\Desktop 22-07-19\Pendrive 05-03\Backup 01-07\45233 - RFQ _ A4216_RFQ_29020 - Manutenção RJ_ES_SUL\6. Envio\v2\2º envio v2\d) LPU´s\2 - ANEXO II - LPU INFRA FM TRJ e TSL - FAT B - APENDICE B REV_01.xls</t>
  </si>
  <si>
    <t>D:\Backup 12-11-2019\Desktop 22-07-19\Pendrive 05-03\Backup 01-07\45233 - RFQ _ A4216_RFQ_29020 - Manutenção RJ_ES_SUL\6. Envio\v2\2º envio v2\d) LPU´s\2 - LPU EQUIPAMENTOS - BOM - REV_01.xlsx</t>
  </si>
  <si>
    <t>D:\Backup 12-11-2019\Desktop 22-07-19\Pendrive 05-03\Backup 01-07\45233 - RFQ _ A4216_RFQ_29020 - Manutenção RJ_ES_SUL\6. Envio\v2\2º envio v2\d) LPU´s\2_-_ANEXO_II_-_LPU_INFRA_FM_TRJ_e_TSL_-_FAT_A_REV_02.xls</t>
  </si>
  <si>
    <t>C:\Users\suelenmm\OneDrive - Grupo Algar\Desktop 22-07-19\Pendrive 05-03\Backup 01-07\45233 - RFQ _ A4216_RFQ_29020 - Manutenção RJ_ES_SUL\6. Envio\v2\Luciano\</t>
  </si>
  <si>
    <t>Retificando Resposta Atendimento Técnico.xlsx</t>
  </si>
  <si>
    <t>D:\Backup 12-11-2019\Desktop 22-07-19\Pendrive 05-03\Backup 01-07\45233 - RFQ _ A4216_RFQ_29020 - Manutenção RJ_ES_SUL\6. Envio\v2\Luciano\Retificando Resposta Atendimento Técnico.xlsx</t>
  </si>
  <si>
    <t>C:\Users\suelenmm\OneDrive - Grupo Algar\Desktop 22-07-19\Pendrive 05-03\Backup 01-07\45233 - RFQ _ A4216_RFQ_29020 - Manutenção RJ_ES_SUL\6. Envio\v3\Pacote Comercial v5.zip\Pacote Comercial\</t>
  </si>
  <si>
    <t>D:\Backup 12-11-2019\Desktop 22-07-19\Pendrive 05-03\Backup 01-07\45233 - RFQ _ A4216_RFQ_29020 - Manutenção RJ_ES_SUL\6. Envio\v3\Pacote Comercial v5.zip</t>
  </si>
  <si>
    <t>C:\Users\suelenmm\OneDrive - Grupo Algar\Desktop 22-07-19\Pendrive 05-03\Backup 01-07\45233 - RFQ _ A4216_RFQ_29020 - Manutenção RJ_ES_SUL\6. Envio\v3\Pacote Técnico v5.zip\Pacote T‚cnico\</t>
  </si>
  <si>
    <t>Resposta Atendimento T‚cnico v5.xlsx</t>
  </si>
  <si>
    <t>D:\Backup 12-11-2019\Desktop 22-07-19\Pendrive 05-03\Backup 01-07\45233 - RFQ _ A4216_RFQ_29020 - Manutenção RJ_ES_SUL\6. Envio\v3\Pacote Técnico v5.zip</t>
  </si>
  <si>
    <t>C:\Users\suelenmm\OneDrive - Grupo Algar\Desktop 22-07-19\Pendrive 05-03\Backup 01-07\45233 - RFQ _ A4216_RFQ_29020 - Manutenção RJ_ES_SUL\6. Envio\v4\Pacote Comercial v6 - alternativa da v5.zip\Pacote Comercial\</t>
  </si>
  <si>
    <t>D:\Backup 12-11-2019\Desktop 22-07-19\Pendrive 05-03\Backup 01-07\45233 - RFQ _ A4216_RFQ_29020 - Manutenção RJ_ES_SUL\6. Envio\v4\Pacote Comercial v6 - alternativa da v5.zip</t>
  </si>
  <si>
    <t>C:\Users\suelenmm\OneDrive - Grupo Algar\Desktop 22-07-19\Pendrive 05-03\Backup 01-07\45233 - RFQ _ A4216_RFQ_29020 - Manutenção RJ_ES_SUL\6. Envio\v4\Pacote Técnico v6 - alternativa da v5.zip\Pacote T‚cnico\</t>
  </si>
  <si>
    <t>Resposta Atendimento T‚cnico v6.xlsx</t>
  </si>
  <si>
    <t>D:\Backup 12-11-2019\Desktop 22-07-19\Pendrive 05-03\Backup 01-07\45233 - RFQ _ A4216_RFQ_29020 - Manutenção RJ_ES_SUL\6. Envio\v4\Pacote Técnico v6 - alternativa da v5.zip</t>
  </si>
  <si>
    <t>C:\Users\suelenmm\OneDrive - Grupo Algar\Desktop 22-07-19\Pendrive 05-03\Backup 01-07\45233 - RFQ _ A4216_RFQ_29020 - Manutenção RJ_ES_SUL\Info Huawei\Fwd ContratoTIM.msg\s88\CONTRATO TIM.rar\CONTRATO 2010-2013\</t>
  </si>
  <si>
    <t>ANEXO IX â€“ Ficha de ManutenÃ§Ã£o Preventiva PeriÃ³dica - Modelo Laudo Estrutura Vertical.doc.xls</t>
  </si>
  <si>
    <t>D:\Backup 12-11-2019\Desktop 22-07-19\Pendrive 05-03\Backup 01-07\45233 - RFQ _ A4216_RFQ_29020 - Manutenção RJ_ES_SUL\Info Huawei\Fwd ContratoTIM.msg</t>
  </si>
  <si>
    <t>ANEXO VIII - C - ManutenÃ§ao de Equipamentos.xlsx</t>
  </si>
  <si>
    <t>Anexo X - FICHA DE INTERVENÃ‡ÃƒO CORRETIVA.xls</t>
  </si>
  <si>
    <t>Anexo XI - PROGRAMA DE MANUTENÃ‡ÃƒO PREVENTIVA.xls</t>
  </si>
  <si>
    <t>ANEXO XIII - Lista de municÃ­pios ISS TIM ATUARÃ.xls</t>
  </si>
  <si>
    <t>C:\Users\suelenmm\OneDrive - Grupo Algar\Desktop 22-07-19\Pendrive 05-03\Backup 01-07\45233 - RFQ _ A4216_RFQ_29020 - Manutenção RJ_ES_SUL\Info Huawei\Fwd Fatura A e B de Julho-2014.msg\s89\</t>
  </si>
  <si>
    <t>Relatório Gerencial Julho-2104 Fatura A e Fatura B do RJ e ES.xlsx</t>
  </si>
  <si>
    <t>D:\Backup 12-11-2019\Desktop 22-07-19\Pendrive 05-03\Backup 01-07\45233 - RFQ _ A4216_RFQ_29020 - Manutenção RJ_ES_SUL\Info Huawei\Fwd Fatura A e B de Julho-2014.msg</t>
  </si>
  <si>
    <t>C:\Users\suelenmm\OneDrive - Grupo Algar\Desktop 22-07-19\Pendrive 05-03\Backup 01-07\45233 - RFQ _ A4216_RFQ_29020 - Manutenção RJ_ES_SUL\Info Huawei\Fwd LPU projeto TIM.msg\s89\</t>
  </si>
  <si>
    <t>(TIM) ANEXO VIII LPU Manutenção de Campo_May 15 2014 - Huawei.xlsx</t>
  </si>
  <si>
    <t>D:\Backup 12-11-2019\Desktop 22-07-19\Pendrive 05-03\Backup 01-07\45233 - RFQ _ A4216_RFQ_29020 - Manutenção RJ_ES_SUL\Info Huawei\Fwd LPU projeto TIM.msg</t>
  </si>
  <si>
    <t>ANEXO VIII - B - Manuten ao de Infraestrutura_ 2014 06 02.xlsx</t>
  </si>
  <si>
    <t>ANEXO VIII - C - Manuten ao de Equipamentos_ 2014 06 02.xlsx</t>
  </si>
  <si>
    <t>C:\Users\suelenmm\OneDrive - Grupo Algar\Desktop 22-07-19\Pendrive 05-03\Backup 01-07\45233 - RFQ _ A4216_RFQ_29020 - Manutenção RJ_ES_SUL\Info Huawei\Fwd Projeto TIM.msg\s89\</t>
  </si>
  <si>
    <t>Informações do Projeto TIM -TRJ e TSL 16-04-2014.xlsx</t>
  </si>
  <si>
    <t>D:\Backup 12-11-2019\Desktop 22-07-19\Pendrive 05-03\Backup 01-07\45233 - RFQ _ A4216_RFQ_29020 - Manutenção RJ_ES_SUL\Info Huawei\Fwd Projeto TIM.msg</t>
  </si>
  <si>
    <t>C:\Users\suelenmm\OneDrive - Grupo Algar\Desktop 22-07-19\Pendrive 05-03\Backup 01-07\70208 - RFQ _ A4216_RFQ_29095 - Manutenção TCO_TNE_TNO\</t>
  </si>
  <si>
    <t>Logística 29-06.xlsx</t>
  </si>
  <si>
    <t>D:\Backup 12-11-2019\Desktop 22-07-19\Pendrive 05-03\Backup 01-07\70208 - RFQ _ A4216_RFQ_29095 - Manutenção TCO_TNE_TNO\Logística 29-06.xlsx</t>
  </si>
  <si>
    <t>D:\Backup 12-11-2019\Desktop 22-07-19\Pendrive 05-03\Backup 01-07\70208 - RFQ _ A4216_RFQ_29095 - Manutenção TCO_TNE_TNO\PRAs.xlsx</t>
  </si>
  <si>
    <t>Relatório PoM - 201505 - Nordeste.xlsx</t>
  </si>
  <si>
    <t>D:\Backup 12-11-2019\Desktop 22-07-19\Pendrive 05-03\Backup 01-07\70208 - RFQ _ A4216_RFQ_29095 - Manutenção TCO_TNE_TNO\Relatório PoM - 201505 - Nordeste.xlsx</t>
  </si>
  <si>
    <t>Reunião 18-06 - Renato TIM.xlsx</t>
  </si>
  <si>
    <t>D:\Backup 12-11-2019\Desktop 22-07-19\Pendrive 05-03\Backup 01-07\70208 - RFQ _ A4216_RFQ_29095 - Manutenção TCO_TNE_TNO\Reunião 18-06 - Renato TIM.xlsx</t>
  </si>
  <si>
    <t>Sites de Acesso Ativos_TCO TNE TNO REV_01.xlsx</t>
  </si>
  <si>
    <t>D:\Backup 12-11-2019\Desktop 22-07-19\Pendrive 05-03\Backup 01-07\70208 - RFQ _ A4216_RFQ_29095 - Manutenção TCO_TNE_TNO\Sites de Acesso Ativos_TCO TNE TNO REV_01.xlsx</t>
  </si>
  <si>
    <t>C:\Users\suelenmm\OneDrive - Grupo Algar\Desktop 22-07-19\Pendrive 05-03\Backup 01-07\70208 - RFQ _ A4216_RFQ_29095 - Manutenção TCO_TNE_TNO\Envio\PACOTE COMERCIAL.zip\PACOTE COMERCIAL\</t>
  </si>
  <si>
    <t>2 - ANEXO II - LPU FMM INFRA FM TIM CO_NO_NE - FAT A REV_05.xls</t>
  </si>
  <si>
    <t>D:\Backup 12-11-2019\Desktop 22-07-19\Pendrive 05-03\Backup 01-07\70208 - RFQ _ A4216_RFQ_29095 - Manutenção TCO_TNE_TNO\Envio\PACOTE COMERCIAL.zip</t>
  </si>
  <si>
    <t>2 - ANEXO II - LPU FMM INFRA FM TIM CO_NO_NE - FAT B - APENDICE A REV_05.xls</t>
  </si>
  <si>
    <t>2 - ANEXO II - LPU FMM INFRA FM TIM CO_NO_NE - FAT B - APENDICE B REV_05.xls</t>
  </si>
  <si>
    <t>2 - ANEXO II - LPU FMT - TIM CO - REV_01.xlsx</t>
  </si>
  <si>
    <t>C:\Users\suelenmm\OneDrive - Grupo Algar\Desktop - 12-11-19\PreVendas - Governo Diogo\ICMBIO\</t>
  </si>
  <si>
    <t>Rampa.xlsx</t>
  </si>
  <si>
    <t>C:\Users\suelenmm\OneDrive - Grupo Algar\Desktop 22-07-19\Pendrive 05-03\Backup 01-07\70208 - RFQ _ A4216_RFQ_29095 - Manutenção TCO_TNE_TNO\Envio\PACOTE TÉCNICO.zip\PACOTE TCNICO\</t>
  </si>
  <si>
    <t>Resposta Atendimento T‚cnico v1.xlsx</t>
  </si>
  <si>
    <t>D:\Backup 12-11-2019\Desktop 22-07-19\Pendrive 05-03\Backup 01-07\70208 - RFQ _ A4216_RFQ_29095 - Manutenção TCO_TNE_TNO\Envio\PACOTE TÉCNICO.zip</t>
  </si>
  <si>
    <t>C:\Users\suelenmm\OneDrive - Grupo Algar\Desktop 22-07-19\Pendrive 05-03\Backup 01-07\70208 - RFQ _ A4216_RFQ_29095 - Manutenção TCO_TNE_TNO\Envio\PACOTE COMERCIAL\</t>
  </si>
  <si>
    <t>D:\Backup 12-11-2019\Desktop 22-07-19\Pendrive 05-03\Backup 01-07\70208 - RFQ _ A4216_RFQ_29095 - Manutenção TCO_TNE_TNO\Envio\PACOTE COMERCIAL\2 - ANEXO II - LPU FMM INFRA FM TIM CO_NO_NE - FAT A REV_05.xls</t>
  </si>
  <si>
    <t>D:\Backup 12-11-2019\Desktop 22-07-19\Pendrive 05-03\Backup 01-07\70208 - RFQ _ A4216_RFQ_29095 - Manutenção TCO_TNE_TNO\Envio\PACOTE COMERCIAL\2 - ANEXO II - LPU FMM INFRA FM TIM CO_NO_NE - FAT B - APENDICE A REV_05.xls</t>
  </si>
  <si>
    <t>D:\Backup 12-11-2019\Desktop 22-07-19\Pendrive 05-03\Backup 01-07\70208 - RFQ _ A4216_RFQ_29095 - Manutenção TCO_TNE_TNO\Envio\PACOTE COMERCIAL\2 - ANEXO II - LPU FMM INFRA FM TIM CO_NO_NE - FAT B - APENDICE B REV_05.xls</t>
  </si>
  <si>
    <t>D:\Backup 12-11-2019\Desktop 22-07-19\Pendrive 05-03\Backup 01-07\70208 - RFQ _ A4216_RFQ_29095 - Manutenção TCO_TNE_TNO\Envio\PACOTE COMERCIAL\2 - ANEXO II - LPU FMT - TIM CO - REV_01.xlsx</t>
  </si>
  <si>
    <t>C:\Users\suelenmm\OneDrive - Grupo Algar\Desktop 22-07-19\Pendrive 05-03\Backup 01-07\70208 - RFQ _ A4216_RFQ_29095 - Manutenção TCO_TNE_TNO\Envio\PACOTE TÉCNICO\</t>
  </si>
  <si>
    <t>Resposta Atendimento Técnico v1.xlsx</t>
  </si>
  <si>
    <t>D:\Backup 12-11-2019\Desktop 22-07-19\Pendrive 05-03\Backup 01-07\70208 - RFQ _ A4216_RFQ_29095 - Manutenção TCO_TNE_TNO\Envio\PACOTE TÉCNICO\Resposta Atendimento Técnico v1.xlsx</t>
  </si>
  <si>
    <t>C:\Users\suelenmm\OneDrive - Grupo Algar\Desktop 22-07-19\Pendrive 05-03\Backup 01-07\70208 - RFQ _ A4216_RFQ_29095 - Manutenção TCO_TNE_TNO\ok - Doc TIM CO_NE_NO - 19-06\ok - Pacote Comercial\ok - 2 - ANEXO II - LPUs.zip\</t>
  </si>
  <si>
    <t>D:\Backup 12-11-2019\Desktop 22-07-19\Pendrive 05-03\Backup 01-07\70208 - RFQ _ A4216_RFQ_29095 - Manutenção TCO_TNE_TNO\ok - Doc TIM CO_NE_NO - 19-06\ok - Pacote Comercial\ok - 2 - ANEXO II - LPUs.zip</t>
  </si>
  <si>
    <t>D:\Backup 12-11-2019\Desktop 22-07-19\Pendrive 05-03\Backup 01-07\70208 - RFQ _ A4216_RFQ_29095 - Manutenção TCO_TNE_TNO\ok - Doc TIM CO_NE_NO - 19-06\ok - Pacote Comercial\ok - 2 - ANEXO II - LPUs\2 - ANEXO II - LPU FMT - TIM CO - REV_01.xlsx</t>
  </si>
  <si>
    <t>C:\Users\suelenmm\OneDrive - Grupo Algar\Desktop 22-07-19\Pendrive 05-03\Backup 01-07\70208 - RFQ _ A4216_RFQ_29095 - Manutenção TCO_TNE_TNO\ok - Doc TIM CO_NE_NO - 19-06\ok - Pacote Tecnico\ok - Especificacao Tecnica FMT Rev 5 050515.zip\</t>
  </si>
  <si>
    <t>D:\Backup 12-11-2019\Desktop 22-07-19\Pendrive 05-03\Backup 01-07\70208 - RFQ _ A4216_RFQ_29095 - Manutenção TCO_TNE_TNO\ok - Doc TIM CO_NE_NO - 19-06\ok - Pacote Tecnico\ok - Especificacao Tecnica FMT Rev 5 050515.zip</t>
  </si>
  <si>
    <t>C:\Users\suelenmm\OneDrive - Grupo Algar\Desktop 22-07-19\Pendrive 05-03\Backup 01-07\70208 - RFQ _ A4216_RFQ_29095 - Manutenção TCO_TNE_TNO\ok - Doc TIM CO_NE_NO - 19-06\ok - Pacote Tecnico\ok - Especificacao Tecnica FMT Rev 5 050515.zip\ANEXO VI -Especif</t>
  </si>
  <si>
    <t>ANEXO VIII LPU FM TCO TNO e TNE - FAT A_v20150608.xlsx</t>
  </si>
  <si>
    <t>ANEXO VIII LPU FM TCO TNO e TNE - FAT B - APENDICE A.xls</t>
  </si>
  <si>
    <t>ANEXO VIII LPU FM TCO TNO e TNE - FAT B - APENDICE B.xls</t>
  </si>
  <si>
    <t>Dados Rede TCO TNO e TNE v20150608.xlsx</t>
  </si>
  <si>
    <t>Indica‡Æo da infraestrutura para a presta‡Æo do servi‡o TCO TNO e TNE v20150525.xlsx</t>
  </si>
  <si>
    <t>Sites Industriais TCO TNO e TNE_v20150525.xlsx</t>
  </si>
  <si>
    <t>C:\Users\suelenmm\OneDrive - Grupo Algar\Desktop 22-07-19\Pendrive 05-03\Backup 01-07\70208 - RFQ _ A4216_RFQ_29095 - Manutenção TCO_TNE_TNO\ok - Doc TIM CO_NE_NO - 19-06\ok - Pacote Tecnico\ok - Especificacao Tecnica FMT Rev 5 050515.zip\ET_NW_GOV_013 - S</t>
  </si>
  <si>
    <t>C:\Users\suelenmm\OneDrive - Grupo Algar\Desktop 22-07-19\Pendrive 05-03\Backup 01-07\70208 - RFQ _ A4216_RFQ_29095 - Manutenção TCO_TNE_TNO\ok - Doc TIM CO_NE_NO - 19-06\ok - Pacote Tecnico\ok - Especificacao Tecnica FMT Rev 5 050515.zip\ET_NW_GOV_015 - S</t>
  </si>
  <si>
    <t>D:\Backup 12-11-2019\Desktop - 12-11-19\188270_v3 - PAN FINAL.xlsb</t>
  </si>
  <si>
    <t>C:\Users\suelenmm\OneDrive - Grupo Algar\Desktop 22-07-19\Pendrive 05-03\Backup 01-07\70208 - RFQ _ A4216_RFQ_29095 - Manutenção TCO_TNE_TNO\ok - Doc TIM CO_NE_NO - 19-06\ok - Pacote Tecnico\ok - Especificacoes Tecnicas de FMM Rev. 06.zip\</t>
  </si>
  <si>
    <t>D:\Backup 12-11-2019\Desktop 22-07-19\Pendrive 05-03\Backup 01-07\70208 - RFQ _ A4216_RFQ_29095 - Manutenção TCO_TNE_TNO\ok - Doc TIM CO_NE_NO - 19-06\ok - Pacote Tecnico\ok - Especificacoes Tecnicas de FMM Rev. 06.zip</t>
  </si>
  <si>
    <t>ANEXO X - Ficha de Interven‡Æo Corretiva.xlsx</t>
  </si>
  <si>
    <t>ANEXO XI - Laudo Vistoria Estrutura Vertical.xlsx</t>
  </si>
  <si>
    <t xml:space="preserve">C:\Users\suelenmm\OneDrive - Grupo Algar\Desktop 22-07-19\Pendrive 05-03\Backup 01-07\70208 - RFQ _ A4216_RFQ_29095 - Manutenção TCO_TNE_TNO\ok - Doc TIM CO_NE_NO - 19-06\ok - Pacote Tecnico\ok - Especificacoes Tecnicas de FMM Rev. 06.zip\ANEXO IX - Ficha </t>
  </si>
  <si>
    <t>D:\Backup 12-11-2019\Desktop - 12-11-19\188270_v3 - Plan Precificacao C017 B017 Last Call r4 17_10_2019_r3 - suelen.xlsb</t>
  </si>
  <si>
    <t>D:\Backup 12-11-2019\Desktop - 12-11-19\199274_IBM_v5_Bodyshop_MULTI_(C017_B0171 - rev5 - BP COM CARGOS ATUALIZADOS.xlsb</t>
  </si>
  <si>
    <t>D:\Backup 12-11-2019\Desktop 22-07-19\Pendrive 05-03\Backup 01-07\70208 - RFQ _ A4216_RFQ_29095 - Manutenção TCO_TNE_TNO\ok - Doc TIM CO_NE_NO - 19-06\ok - Pacote Tecnico\ok - Especificacao Tecnica FMT Rev 5 050515\</t>
  </si>
  <si>
    <t>D:\Backup 12-11-2019\Desktop 22-07-19\Pendrive 05-03\Backup 01-07\70208 - RFQ _ A4216_RFQ_29095 - Manutenção TCO_TNE_TNO\ok - Doc TIM CO_NE_NO - 19-06\ok - Pacote Tecnico\ok - Especificacao Tecnica FMT Rev 5 050515\ok - Proposta de LPU Rev 4 050515.xlsx</t>
  </si>
  <si>
    <t>D:\Backup 12-11-2019\Desktop - 12-11-19\214371 - Plan Precificacao C017 B017.xlsb</t>
  </si>
  <si>
    <t>D:\Backup 12-11-2019\Desktop 22-07-19\Pendrive 05-03\Backup 01-07\70208 - RFQ _ A4216_RFQ_29095 - Manutenção TCO_TNE_TNO\ok - Doc TIM CO_NE_NO - 19-06\ok - Pacote Tecnico\ok - Especificacoes Tecnicas de FMM Rev. 06\</t>
  </si>
  <si>
    <t>ok - ANEXO XII - Programação Preventiva.xls</t>
  </si>
  <si>
    <t>D:\Backup 12-11-2019\Desktop 22-07-19\Pendrive 05-03\Backup 01-07\70208 - RFQ _ A4216_RFQ_29095 - Manutenção TCO_TNE_TNO\ok - Doc TIM CO_NE_NO - 19-06\ok - Pacote Tecnico\ok - Especificacoes Tecnicas de FMM Rev. 06\ok - ANEXO XII - Programação Preventiva.xls</t>
  </si>
  <si>
    <t>ok - Dados Rede TCO TNO e TNE v20150608.xlsx</t>
  </si>
  <si>
    <t>D:\Backup 12-11-2019\Desktop 22-07-19\Pendrive 05-03\Backup 01-07\70208 - RFQ _ A4216_RFQ_29095 - Manutenção TCO_TNE_TNO\ok - Doc TIM CO_NE_NO - 19-06\ok - Pacote Tecnico\ok - Especificacoes Tecnicas de FMM Rev. 06\ok - Dados Rede TCO TNO e TNE v20150608.xlsx</t>
  </si>
  <si>
    <t>D:\Backup 12-11-2019\Desktop - 12-11-19\Apresentacao - Business Performance_Renault v1.0 - Ata.pptx</t>
  </si>
  <si>
    <t>C:\Users\suelenmm\OneDrive - Grupo Algar\Desktop 22-07-19\Pendrive 05-03\Backup 01-07\Reembolso\</t>
  </si>
  <si>
    <t>7 - Formulário - Protocolo Relatório de Despesas Capgemini.xls</t>
  </si>
  <si>
    <t>D:\Backup 12-11-2019\Desktop 22-07-19\Pendrive 05-03\Backup 01-07\Reembolso\7 - Formulário - Protocolo Relatório de Despesas Capgemini.xls</t>
  </si>
  <si>
    <t>D:\Backup 12-11-2019\Desktop - 12-11-19\Apresentacao - Business Performance_Renault v1.0 - Ata.zip</t>
  </si>
  <si>
    <t>D:\Backup 12-11-2019\Desktop - 12-11-19\Apresentacao - Business Performance_Renault v1.0 - Suelen.pptx</t>
  </si>
  <si>
    <t>C:\Users\suelenmm\OneDrive - Grupo Algar\Desktop 22-07-19\Pendrive 05-03\Mary Kay\Silvania\</t>
  </si>
  <si>
    <t>D:\Backup 12-11-2019\Desktop 22-07-19\Pendrive 05-03\Mary Kay\Silvania\Mary Kay - Silvania v2.xlsx</t>
  </si>
  <si>
    <t>D:\Backup 12-11-2019\Desktop 22-07-19\Pendrive 05-03\Mary Kay\Silvania\Mary Kay - Silvania.xlsx</t>
  </si>
  <si>
    <t>C:\Users\suelenmm\OneDrive - Grupo Algar\Desktop 22-07-19\Pendrive 05-03\Mary Kay\Suélen\</t>
  </si>
  <si>
    <t>D:\Backup 12-11-2019\Desktop 22-07-19\Pendrive 05-03\Mary Kay\Suélen\Mary Kay - Nomes.xlsx</t>
  </si>
  <si>
    <t>D:\Backup 12-11-2019\Desktop 22-07-19\Pendrive 05-03\Mary Kay\Suélen\Tarefas.xlsx</t>
  </si>
  <si>
    <t>D:\Backup 12-11-2019\Desktop - 12-11-19\Apresentacao - Business Performance_Renault v1.0 - Suelen.zip</t>
  </si>
  <si>
    <t>D:\Backup 12-11-2019\Desktop - 12-11-19\Base Fusion.xlsx</t>
  </si>
  <si>
    <t>C:\Users\suelenmm\OneDrive - Grupo Algar\Desktop 22-07-19\Pendrive 05-03\Mary Kay\Suélen\Cartão\</t>
  </si>
  <si>
    <t>D:\Backup 12-11-2019\Desktop 22-07-19\Pendrive 05-03\Mary Kay\Suélen\Cartão\cartao.xlsx</t>
  </si>
  <si>
    <t>C:\Users\suelenmm\OneDrive - Grupo Algar\Desktop 22-07-19\Pendrive 05-03\Mary Kay\Suélen\Consórcio\</t>
  </si>
  <si>
    <t>1AFA047F.tmp</t>
  </si>
  <si>
    <t>D:\Backup 12-11-2019\Desktop 22-07-19\Pendrive 05-03\Mary Kay\Suélen\Consórcio\1AFA047F.tmp</t>
  </si>
  <si>
    <t>D:\Backup 12-11-2019\Desktop 22-07-19\Pendrive 05-03\Mary Kay\Suélen\Consórcio\Consorcio.xlsx</t>
  </si>
  <si>
    <t>D:\Backup 12-11-2019\Desktop - 12-11-19\BP Preço C017 B017-Renault Latam LOT5 (insite) v1.7 - 26%MC (fechamento pós BAFO) - Suelen.xlsb</t>
  </si>
  <si>
    <t>C:\Users\suelenmm\OneDrive - Grupo Algar\Desktop - 12-11-19\PreVendas - Governo Diogo\ICMBIO\Preço.xlsb\</t>
  </si>
  <si>
    <t>D:\Backup 12-11-2019\Desktop - 12-11-19\Capilaridade Field Service GAT v2.xlsx</t>
  </si>
  <si>
    <t>D:\Backup 12-11-2019\Desktop - 12-11-19\Catalogo de produtos.xlsx</t>
  </si>
  <si>
    <t>C:\Users\suelenmm\OneDrive - Grupo Algar\Desktop 22-07-19\Pendrive 05-03\Mary Kay\Suélen\Pedidos\</t>
  </si>
  <si>
    <t>67DB0308.tmp</t>
  </si>
  <si>
    <t>D:\Backup 12-11-2019\Desktop 22-07-19\Pendrive 05-03\Mary Kay\Suélen\Pedidos\67DB0308.tmp</t>
  </si>
  <si>
    <t>6D30D65F.tmp</t>
  </si>
  <si>
    <t>D:\Backup 12-11-2019\Desktop 22-07-19\Pendrive 05-03\Mary Kay\Suélen\Pedidos\6D30D65F.tmp</t>
  </si>
  <si>
    <t>ED93CB3A.tmp</t>
  </si>
  <si>
    <t>D:\Backup 12-11-2019\Desktop 22-07-19\Pendrive 05-03\Mary Kay\Suélen\Pedidos\ED93CB3A.tmp</t>
  </si>
  <si>
    <t>D:\Backup 12-11-2019\Desktop - 12-11-19\Cópia de Cópia de 188270_v3 - PAN FINAL - 30_10_2019 rMaluf.xlsb</t>
  </si>
  <si>
    <t>D:\Backup 12-11-2019\Desktop 22-07-19\Pendrive 05-03\Mary Kay\Suélen\Pedidos\Mary Kay - Suélen.xlsx</t>
  </si>
  <si>
    <t>D:\Backup 12-11-2019\Desktop - 12-11-19\Cópia de Dimensionamento_SD (Semana).xlsx</t>
  </si>
  <si>
    <t>D:\Backup 12-11-2019\Desktop - 12-11-19\Defesa Tecnica Renault v2.5.pptx</t>
  </si>
  <si>
    <t>D:\Backup 12-11-2019\Desktop - 12-11-19\Demandas - 11-10.xlsx</t>
  </si>
  <si>
    <t>D:\Backup 12-11-2019\Desktop - 12-11-19\Demandas 02-09-19.xlsx</t>
  </si>
  <si>
    <t>D:\Backup 12-11-2019\Desktop - 12-11-19\Demandas.xlsx</t>
  </si>
  <si>
    <t>C:\Users\suelenmm\OneDrive - Grupo Algar\Desktop - 12-11-19\PreVendas - Governo Diogo\INCRA\</t>
  </si>
  <si>
    <t>D:\Backup 12-11-2019\Desktop - 12-11-19\ErlangXL97.xla</t>
  </si>
  <si>
    <t>D:\Backup 12-11-2019\Desktop - 12-11-19\Formulário Solicitações Cancelamento de Férias Fora do Portal.xls</t>
  </si>
  <si>
    <t>D:\Backup 12-11-2019\Desktop - 12-11-19\Hierarquia_Pesquisa de Clima_GAT - Suélen.xlsx</t>
  </si>
  <si>
    <t>D:\Backup 12-11-2019\Desktop - 12-11-19\Mapa GAT 06-11-2019.xlsx</t>
  </si>
  <si>
    <t>D:\Backup 12-11-2019\Desktop - 12-11-19\objetivos.xlsx</t>
  </si>
  <si>
    <t>D:\Backup 12-11-2019\Desktop - 12-11-19\Oportunidades por data criação - bu approval - SEM NO GO E DUPLICADAS.xlsx</t>
  </si>
  <si>
    <t>D:\Backup 12-11-2019\Desktop - 12-11-19\Pensão e Produtos detamatologista.xlsx</t>
  </si>
  <si>
    <t>D:\Backup 12-11-2019\Desktop - 12-11-19\Plan Precificacao C017 B017_v12082018 V2.xlsb</t>
  </si>
  <si>
    <t>D:\Backup 12-11-2019\Desktop - 12-11-19\Plan Precificacao C017 B017_v12082018 v3.xlsb</t>
  </si>
  <si>
    <t>D:\Backup 12-11-2019\Desktop - 12-11-19\Plan Precificacao C017 B017_v12082018 v4.xlsb</t>
  </si>
  <si>
    <t>D:\Backup 12-11-2019\Desktop - 12-11-19\Plan Precificacao C017 B017_v12082018 v5.xlsb</t>
  </si>
  <si>
    <t>D:\Backup 12-11-2019\Desktop - 12-11-19\Plan Precificacao C017 B017_v12082018 v6.xlsb</t>
  </si>
  <si>
    <t>D:\Backup 12-11-2019\Desktop - 12-11-19\Propostas Pendentes Comitê de Business.xlsx</t>
  </si>
  <si>
    <t>D:\Backup 12-11-2019\Desktop - 12-11-19\Quantidade Técnicos x Cidade - SCC.xlsx</t>
  </si>
  <si>
    <t>C:\Users\suelenmm\OneDrive - Grupo Algar\Desktop 22-07-19\Pendrive 05-03\Procedimentos Atuais\</t>
  </si>
  <si>
    <t>Controle de terceiros.xlsx</t>
  </si>
  <si>
    <t>D:\Backup 12-11-2019\Desktop 22-07-19\Pendrive 05-03\Procedimentos Atuais\Controle de terceiros.xlsx</t>
  </si>
  <si>
    <t>D:\Backup 12-11-2019\Desktop - 12-11-19\Soluções 30-10-2019.pptx</t>
  </si>
  <si>
    <t>MATRIZ DE PRECIFICACAO - Algar Tech - abr14.xlsx</t>
  </si>
  <si>
    <t>D:\Backup 12-11-2019\Desktop 22-07-19\Pendrive 05-03\Procedimentos Atuais\MATRIZ DE PRECIFICACAO - Algar Tech - abr14.xlsx</t>
  </si>
  <si>
    <t>D:\Backup 12-11-2019\Desktop - 12-11-19\teste de planilha (Latam - Insite) - 26% MC v1.2 (fechamento) - Suelen.xlsx</t>
  </si>
  <si>
    <t>MATRIZ DE TRIBUTACAO - Algar Tech - DEZ14.xlsx</t>
  </si>
  <si>
    <t>D:\Backup 12-11-2019\Desktop 22-07-19\Pendrive 05-03\Procedimentos Atuais\MATRIZ DE TRIBUTACAO - Algar Tech - DEZ14.xlsx</t>
  </si>
  <si>
    <t>D:\Backup 12-11-2019\Desktop - 12-11-19\Vale - Apresentacao - Business Performance_ VF3 18_10_2019.pptx</t>
  </si>
  <si>
    <t>MATRIZ TRIBUTACAO - Algar Tec - Synos - Engeset -------2014.xlsx</t>
  </si>
  <si>
    <t>D:\Backup 12-11-2019\Desktop 22-07-19\Pendrive 05-03\Procedimentos Atuais\MATRIZ TRIBUTACAO - Algar Tec - Synos - Engeset -------2014.xlsx</t>
  </si>
  <si>
    <t>D:\Backup 12-11-2019\Desktop - 12-11-19\Vale - Apresentacao - Business Performance_ VF3 18_10_2019.zip</t>
  </si>
  <si>
    <t>Relação Filiais Algar Tech.xls</t>
  </si>
  <si>
    <t>D:\Backup 12-11-2019\Desktop 22-07-19\Pendrive 05-03\Procedimentos Atuais\Relação Filiais Algar Tech.xls</t>
  </si>
  <si>
    <t>C:\Users\suelenmm\OneDrive - Grupo Algar\Desktop 22-07-19\Pendrive 05-03\Procedimentos Atuais\Backup\Caixas\</t>
  </si>
  <si>
    <t>ANEXO 1A - ANALISE ECONÔMICA FINANCEIRA DETALHADA.xls</t>
  </si>
  <si>
    <t>D:\Backup 12-11-2019\Desktop 22-07-19\Pendrive 05-03\Procedimentos Atuais\Backup\Caixas\ANEXO 1A - ANALISE ECONÔMICA FINANCEIRA DETALHADA.xls</t>
  </si>
  <si>
    <t>ANEXO 2A - ANÁLISE ECONÔMICA FINANCEIRA SIMPLIFICADA - rev 28_08_13.xls</t>
  </si>
  <si>
    <t>D:\Backup 12-11-2019\Desktop 22-07-19\Pendrive 05-03\Procedimentos Atuais\Backup\Caixas\ANEXO 2A - ANÁLISE ECONÔMICA FINANCEIRA SIMPLIFICADA - rev 28_08_13.xls</t>
  </si>
  <si>
    <t>REVENDA PADRÃO COMSTOR.xls</t>
  </si>
  <si>
    <t>D:\Backup 12-11-2019\Desktop 22-07-19\Pendrive 05-03\Procedimentos Atuais\Backup\Caixas\REVENDA PADRÃO COMSTOR.xls</t>
  </si>
  <si>
    <t>C:\Users\suelenmm\OneDrive - Grupo Algar\Desktop 22-07-19\Pendrive 05-03\Procedimentos Atuais\Backup\Caixas\Diversos\</t>
  </si>
  <si>
    <t>ANEXO 1B - ANALISE ECONÔMICA FINANCEIRA DETALHADA - 60 MESES.xls</t>
  </si>
  <si>
    <t>D:\Backup 12-11-2019\Desktop 22-07-19\Pendrive 05-03\Procedimentos Atuais\Backup\Caixas\Diversos\ANEXO 1B - ANALISE ECONÔMICA FINANCEIRA DETALHADA - 60 MESES.xls</t>
  </si>
  <si>
    <t>ANEXO 2B - ANÁLISE ECONÔMICA FINANCEIRA SIMPLIFICADA CONST REDES.xls</t>
  </si>
  <si>
    <t>D:\Backup 12-11-2019\Desktop 22-07-19\Pendrive 05-03\Procedimentos Atuais\Backup\Caixas\Diversos\ANEXO 2B - ANÁLISE ECONÔMICA FINANCEIRA SIMPLIFICADA CONST REDES.xls</t>
  </si>
  <si>
    <t>C:\Users\suelenmm\OneDrive - Grupo Algar\Desktop - 12-11-19\Download\</t>
  </si>
  <si>
    <t>18e139cde2de4372825902960e6dad43.xls</t>
  </si>
  <si>
    <t>D:\Backup 12-11-2019\Desktop - 12-11-19\Download\18e139cde2de4372825902960e6dad43.xls</t>
  </si>
  <si>
    <t>2zrevcce.24l.csv</t>
  </si>
  <si>
    <t>D:\Backup 12-11-2019\Desktop - 12-11-19\Download\2zrevcce.24l.csv</t>
  </si>
  <si>
    <t>2zrevcce.24l.csv:Zone.Identifier</t>
  </si>
  <si>
    <t>D:\Backup 12-11-2019\Desktop - 12-11-19\Download\2zrevcce.24l.csv:Zone.Identifier</t>
  </si>
  <si>
    <t>5duox23l.zkt (1).csv</t>
  </si>
  <si>
    <t>D:\Backup 12-11-2019\Desktop - 12-11-19\Download\5duox23l.zkt (1).csv</t>
  </si>
  <si>
    <t>5duox23l.zkt (1).csv:Zone.Identifier</t>
  </si>
  <si>
    <t>D:\Backup 12-11-2019\Desktop - 12-11-19\Download\5duox23l.zkt (1).csv:Zone.Identifier</t>
  </si>
  <si>
    <t>5duox23l.zkt.csv</t>
  </si>
  <si>
    <t>D:\Backup 12-11-2019\Desktop - 12-11-19\Download\5duox23l.zkt.csv</t>
  </si>
  <si>
    <t>5duox23l.zkt.csv:Zone.Identifier</t>
  </si>
  <si>
    <t>D:\Backup 12-11-2019\Desktop - 12-11-19\Download\5duox23l.zkt.csv:Zone.Identifier</t>
  </si>
  <si>
    <t>77bc503d1f12420b9b06152f04ab7304.csv</t>
  </si>
  <si>
    <t>D:\Backup 12-11-2019\Desktop - 12-11-19\Download\77bc503d1f12420b9b06152f04ab7304.csv</t>
  </si>
  <si>
    <t>77bc503d1f12420b9b06152f04ab7304.csv:Zone.Identifier</t>
  </si>
  <si>
    <t>D:\Backup 12-11-2019\Desktop - 12-11-19\Download\77bc503d1f12420b9b06152f04ab7304.csv:Zone.Identifier</t>
  </si>
  <si>
    <t>a4ojcwdi.3qd.csv</t>
  </si>
  <si>
    <t>D:\Backup 12-11-2019\Desktop - 12-11-19\Download\a4ojcwdi.3qd.csv</t>
  </si>
  <si>
    <t>a4ojcwdi.3qd.csv:Zone.Identifier</t>
  </si>
  <si>
    <t>D:\Backup 12-11-2019\Desktop - 12-11-19\Download\a4ojcwdi.3qd.csv:Zone.Identifier</t>
  </si>
  <si>
    <t>C:\Users\suelenmm\OneDrive - Grupo Algar\Desktop 22-07-19\Pendrive 05-03\Procedimentos Atuais\Diversos\Backup modelo fluxo de caixa\</t>
  </si>
  <si>
    <t>ANEXO 1A - ANALISE ECONÔMICA FINANCEIRA DETALHADA - Manoel.xls</t>
  </si>
  <si>
    <t>D:\Backup 12-11-2019\Desktop 22-07-19\Pendrive 05-03\Procedimentos Atuais\Diversos\Backup modelo fluxo de caixa\ANEXO 1A - ANALISE ECONÔMICA FINANCEIRA DETALHADA - Manoel.xls</t>
  </si>
  <si>
    <t>C:\Users\suelenmm\OneDrive - Grupo Algar\Desktop 22-07-19\Pendrive 05-03\Procedimentos Atuais\LPU\</t>
  </si>
  <si>
    <t>ANEXO 6A - LPU - TX - Rev 27_06_12.xls</t>
  </si>
  <si>
    <t>D:\Backup 12-11-2019\Desktop 22-07-19\Pendrive 05-03\Procedimentos Atuais\LPU\ANEXO 6A - LPU - TX - Rev 27_06_12.xls</t>
  </si>
  <si>
    <t>ANEXO 6B - LPU - CABEAMENTO ESTRUTURADO - Rev 28_08_12.xls</t>
  </si>
  <si>
    <t>D:\Backup 12-11-2019\Desktop 22-07-19\Pendrive 05-03\Procedimentos Atuais\LPU\ANEXO 6B - LPU - CABEAMENTO ESTRUTURADO - Rev 28_08_12.xls</t>
  </si>
  <si>
    <t>ANEXO 6C.1 - LPU - CONSTRUÇÃO DE REDES METÁLICAS E ÓPTICAS.xls</t>
  </si>
  <si>
    <t>D:\Backup 12-11-2019\Desktop 22-07-19\Pendrive 05-03\Procedimentos Atuais\LPU\ANEXO 6C.1 - LPU - CONSTRUÇÃO DE REDES METÁLICAS E ÓPTICAS.xls</t>
  </si>
  <si>
    <t>ANEXO 6D - LPU - REDE EXTERNA EXPANSÃO.xlsx</t>
  </si>
  <si>
    <t>D:\Backup 12-11-2019\Desktop 22-07-19\Pendrive 05-03\Procedimentos Atuais\LPU\ANEXO 6D - LPU - REDE EXTERNA EXPANSÃO.xlsx</t>
  </si>
  <si>
    <t>ANEXO 6E - LPU - CSI.xlsx</t>
  </si>
  <si>
    <t>D:\Backup 12-11-2019\Desktop 22-07-19\Pendrive 05-03\Procedimentos Atuais\LPU\ANEXO 6E - LPU - CSI.xlsx</t>
  </si>
  <si>
    <t>C:\Users\suelenmm\OneDrive - Grupo Algar\Desktop 22-07-19\Pendrive 05-03\Procedimentos Atuais\Modelo de fluxo de caixa\</t>
  </si>
  <si>
    <t>D:\Backup 12-11-2019\Desktop 22-07-19\Pendrive 05-03\Procedimentos Atuais\Modelo de fluxo de caixa\ANEXO 1A - ANALISE ECONÔMICA FINANCEIRA DETALHADA.xls</t>
  </si>
  <si>
    <t>D:\Backup 12-11-2019\Desktop 22-07-19\Pendrive 05-03\Procedimentos Atuais\Modelo de fluxo de caixa\ANEXO 2A - ANÁLISE ECONÔMICA FINANCEIRA SIMPLIFICADA - rev 28_08_13.xls</t>
  </si>
  <si>
    <t>Map - Sistema de Precificação Novo Portifolio 2014-12-022.xlsb</t>
  </si>
  <si>
    <t>D:\Backup 12-11-2019\Desktop 22-07-19\Pendrive 05-03\Procedimentos Atuais\Modelo de fluxo de caixa\Map - Sistema de Precificação Novo Portifolio 2014-12-022.xlsb</t>
  </si>
  <si>
    <t>D:\Backup 12-11-2019\Desktop 22-07-19\Pendrive 05-03\Procedimentos Atuais\Modelo de fluxo de caixa\REVENDA PADRÃO COMSTOR.xls</t>
  </si>
  <si>
    <t>C:\Users\suelenmm\OneDrive - Grupo Algar\Desktop 22-07-19\Pendrive 05-03\Procedimentos Atuais\Modelo de fluxo de caixa\Diversos\</t>
  </si>
  <si>
    <t>D:\Backup 12-11-2019\Desktop 22-07-19\Pendrive 05-03\Procedimentos Atuais\Modelo de fluxo de caixa\Diversos\ANEXO 1B - ANALISE ECONÔMICA FINANCEIRA DETALHADA - 60 MESES.xls</t>
  </si>
  <si>
    <t>D:\Backup 12-11-2019\Desktop 22-07-19\Pendrive 05-03\Procedimentos Atuais\Modelo de fluxo de caixa\Diversos\ANEXO 2B - ANÁLISE ECONÔMICA FINANCEIRA SIMPLIFICADA CONST REDES.xls</t>
  </si>
  <si>
    <t>C:\Users\suelenmm\OneDrive - Grupo Algar\Desktop 22-07-19\Pendrive 05-03\Procedimentos Atuais\Premissas\</t>
  </si>
  <si>
    <t>ANEXO 5 - PREMISSAS CPV - Novembro2013.xlsx</t>
  </si>
  <si>
    <t>D:\Backup 12-11-2019\Desktop 22-07-19\Pendrive 05-03\Procedimentos Atuais\Premissas\ANEXO 5 - PREMISSAS CPV - Novembro2013.xlsx</t>
  </si>
  <si>
    <t>C:\Users\suelenmm\OneDrive - Grupo Algar\Desktop 22-07-19\Pendrive 05-03\Procedimentos Atuais\REVENDA\</t>
  </si>
  <si>
    <t>ANEXO 1A - ANALISE ECONÔMICA FINANCEIRA DETALHADA (LIMPA).xls</t>
  </si>
  <si>
    <t>D:\Backup 12-11-2019\Desktop 22-07-19\Pendrive 05-03\Procedimentos Atuais\REVENDA\ANEXO 1A - ANALISE ECONÔMICA FINANCEIRA DETALHADA (LIMPA).xls</t>
  </si>
  <si>
    <t>ANEXO 1A - ANALISE ECONÔMICA FINANCEIRA DETALHADA (LIMPA2).xls</t>
  </si>
  <si>
    <t>D:\Backup 12-11-2019\Desktop 22-07-19\Pendrive 05-03\Procedimentos Atuais\REVENDA\ANEXO 1A - ANALISE ECONÔMICA FINANCEIRA DETALHADA (LIMPA2).xls</t>
  </si>
  <si>
    <t>ANEXO 1A - ANALISE ECONÔMICA FINANCEIRA DETALHADA (LIMPA3).xls</t>
  </si>
  <si>
    <t>D:\Backup 12-11-2019\Desktop 22-07-19\Pendrive 05-03\Procedimentos Atuais\REVENDA\ANEXO 1A - ANALISE ECONÔMICA FINANCEIRA DETALHADA (LIMPA3).xls</t>
  </si>
  <si>
    <t>C:\Users\suelenmm\OneDrive - Grupo Algar\Desktop 22-07-19\Pendrive 05-03\Procedimentos Atuais\REVENDA\PADRAO\</t>
  </si>
  <si>
    <t>REVENDA PADRÃO.xls</t>
  </si>
  <si>
    <t>D:\Backup 12-11-2019\Desktop 22-07-19\Pendrive 05-03\Procedimentos Atuais\REVENDA\PADRAO\REVENDA PADRÃO.xls</t>
  </si>
  <si>
    <t>BP 01.xlsb</t>
  </si>
  <si>
    <t>ca60c31a3ac14c10b930efc1c8a52755.xls</t>
  </si>
  <si>
    <t>D:\Backup 12-11-2019\Desktop - 12-11-19\Download\ca60c31a3ac14c10b930efc1c8a52755.xls</t>
  </si>
  <si>
    <t>C:\Users\suelenmm\OneDrive - Grupo Algar\Desktop - 12-11-19\Download\DE ACORDO MARGEM - 141417 - WEG - RFP Service Desk (1).msg\s420\141417 Weg Apresentacao.pptx\</t>
  </si>
  <si>
    <t>D:\Backup 12-11-2019\Desktop - 12-11-19\Download\DE ACORDO MARGEM - 141417 - WEG - RFP Service Desk (1).msg</t>
  </si>
  <si>
    <t>C:\Users\suelenmm\OneDrive - Grupo Algar\Desktop - 12-11-19\Download\DE ACORDO MARGEM - 141417 - WEG - RFP Service Desk (2).msg\s420\141417 Weg Apresentacao.pptx\</t>
  </si>
  <si>
    <t>D:\Backup 12-11-2019\Desktop - 12-11-19\Download\DE ACORDO MARGEM - 141417 - WEG - RFP Service Desk (2).msg</t>
  </si>
  <si>
    <t>C:\Users\suelenmm\OneDrive - Grupo Algar\Desktop - 12-11-19\Download\DE ACORDO MARGEM - 141417 - WEG - RFP Service Desk.msg\s420\141417 Weg Apresentacao.pptx\</t>
  </si>
  <si>
    <t>D:\Backup 12-11-2019\Desktop - 12-11-19\Download\DE ACORDO MARGEM - 141417 - WEG - RFP Service Desk.msg</t>
  </si>
  <si>
    <t>em4yqxpj.hyp.csv</t>
  </si>
  <si>
    <t>D:\Backup 12-11-2019\Desktop - 12-11-19\Download\em4yqxpj.hyp.csv</t>
  </si>
  <si>
    <t>em4yqxpj.hyp.csv:Zone.Identifier</t>
  </si>
  <si>
    <t>D:\Backup 12-11-2019\Desktop - 12-11-19\Download\em4yqxpj.hyp.csv:Zone.Identifier</t>
  </si>
  <si>
    <t>Formulario_Ferias_Irregulares_-_Algar_Tech (1).xls</t>
  </si>
  <si>
    <t>D:\Backup 12-11-2019\Desktop - 12-11-19\Download\Formulario_Ferias_Irregulares_-_Algar_Tech (1).xls</t>
  </si>
  <si>
    <t>10.200.62.17</t>
  </si>
  <si>
    <t>/o=exchangelabs/ou=exchange administrative group (fydibohf23spdlt)/cn=recipients/cn=0bafe1ed27024338be4e911e19871cd1-william rob;/o=exchangelabs/ou=exchange administrative group (fydibohf23spdlt)/cn=recipients/cn=3a012bf056ef4500b23c2ae377fc3536-laura agost;/o=exchangelabs/ou=exchange administrative group (fydibohf23spdlt)/cn=recipients/cn=651324bc204a42f6bbcdf62273ebdc5c-aluisio ant;/o=exchangelabs/ou=exchange administrative group (fydibohf23spdlt)/cn=recipients/cn=userdc05fc7c;</t>
  </si>
  <si>
    <t>ENC: Levantamento de Dados - Service Desk/Field</t>
  </si>
  <si>
    <t>Levamentamento_Dados_SD-ISD.xlsx</t>
  </si>
  <si>
    <t>/o=exchangelabs/ou=exchange administrative group (fydibohf23spdlt)/cn=recipients/cn=0bafe1ed27024338be4e911e19871cd1-william rob,/o=exchangelabs/ou=exchange administrative group (fydibohf23spdlt)/cn=recipients/cn=3a012bf056ef4500b23c2ae377fc3536-laura agost,/o=exchangelabs/ou=exchange administrative group (fydibohf23spdlt)/cn=recipients/cn=651324bc204a42f6bbcdf62273ebdc5c-aluisio ant,/o=exchangelabs/ou=exchange administrative group (fydibohf23spdlt)/cn=recipients/cn=userdc05fc7c</t>
  </si>
  <si>
    <t>Formulario_Ferias_Irregulares_-_Algar_Tech (2).xls</t>
  </si>
  <si>
    <t>D:\Backup 12-11-2019\Desktop - 12-11-19\Download\Formulario_Ferias_Irregulares_-_Algar_Tech (2).xls</t>
  </si>
  <si>
    <t>D:\Backup 12-11-2019\Desktop - 12-11-19\Download\Formulario_Ferias_Irregulares_-_Algar_Tech.xls</t>
  </si>
  <si>
    <t>gbxawqoe.3fv (1).csv</t>
  </si>
  <si>
    <t>D:\Backup 12-11-2019\Desktop - 12-11-19\Download\gbxawqoe.3fv (1).csv</t>
  </si>
  <si>
    <t>gbxawqoe.3fv (1).csv:Zone.Identifier</t>
  </si>
  <si>
    <t>D:\Backup 12-11-2019\Desktop - 12-11-19\Download\gbxawqoe.3fv (1).csv:Zone.Identifier</t>
  </si>
  <si>
    <t>gbxawqoe.3fv.csv</t>
  </si>
  <si>
    <t>D:\Backup 12-11-2019\Desktop - 12-11-19\Download\gbxawqoe.3fv.csv</t>
  </si>
  <si>
    <t>gbxawqoe.3fv.csv:Zone.Identifier</t>
  </si>
  <si>
    <t>D:\Backup 12-11-2019\Desktop - 12-11-19\Download\gbxawqoe.3fv.csv:Zone.Identifier</t>
  </si>
  <si>
    <t>ggdmlw55.tyi.csv</t>
  </si>
  <si>
    <t>D:\Backup 12-11-2019\Desktop - 12-11-19\Download\ggdmlw55.tyi.csv</t>
  </si>
  <si>
    <t>ggdmlw55.tyi.csv:Zone.Identifier</t>
  </si>
  <si>
    <t>D:\Backup 12-11-2019\Desktop - 12-11-19\Download\ggdmlw55.tyi.csv:Zone.Identifier</t>
  </si>
  <si>
    <t>D:\Backup 12-11-2019\Desktop - 12-11-19\Download\Mapa GAT 06-11-2019.xlsx</t>
  </si>
  <si>
    <t>D:\Backup 12-11-2019\Desktop - 12-11-19\Download\Meta e Real 3º Tri v2 - Inclusao PV na base.xlsx</t>
  </si>
  <si>
    <t>ok24zv04.05a (1).csv</t>
  </si>
  <si>
    <t>D:\Backup 12-11-2019\Desktop - 12-11-19\Download\ok24zv04.05a (1).csv</t>
  </si>
  <si>
    <t>ok24zv04.05a (1).csv:Zone.Identifier</t>
  </si>
  <si>
    <t>D:\Backup 12-11-2019\Desktop - 12-11-19\Download\ok24zv04.05a (1).csv:Zone.Identifier</t>
  </si>
  <si>
    <t>ok24zv04.05a.csv</t>
  </si>
  <si>
    <t>D:\Backup 12-11-2019\Desktop - 12-11-19\Download\ok24zv04.05a.csv</t>
  </si>
  <si>
    <t>ok24zv04.05a.csv:Zone.Identifier</t>
  </si>
  <si>
    <t>D:\Backup 12-11-2019\Desktop - 12-11-19\Download\ok24zv04.05a.csv:Zone.Identifier</t>
  </si>
  <si>
    <t>Oportunidades por data criação - bu approval - COM NO GO.xlsx</t>
  </si>
  <si>
    <t>D:\Backup 12-11-2019\Desktop - 12-11-19\Download\Oportunidades por data criação - bu approval - COM NO GO.xlsx</t>
  </si>
  <si>
    <t>D:\Backup 12-11-2019\Desktop - 12-11-19\Download\Oportunidades por data criação - bu approval - SEM NO GO E DUPLICADAS.xlsx</t>
  </si>
  <si>
    <t>D:\Backup 12-11-2019\Desktop - 12-11-19\Download\Oportunidades por data criação - bu approval.xlsx</t>
  </si>
  <si>
    <t>Oportunidades por data criação - detalhado - emissão proposta (1).xlsx</t>
  </si>
  <si>
    <t>D:\Backup 12-11-2019\Desktop - 12-11-19\Download\Oportunidades por data criação - detalhado - emissão proposta (1).xlsx</t>
  </si>
  <si>
    <t>Oportunidades por data criação - detalhado - emissão proposta (2).xlsx</t>
  </si>
  <si>
    <t>D:\Backup 12-11-2019\Desktop - 12-11-19\Download\Oportunidades por data criação - detalhado - emissão proposta (2).xlsx</t>
  </si>
  <si>
    <t>Oportunidades por data criação - detalhado - emissão proposta.xlsx</t>
  </si>
  <si>
    <t>D:\Backup 12-11-2019\Desktop - 12-11-19\Download\Oportunidades por data criação - detalhado - emissão proposta.xlsx</t>
  </si>
  <si>
    <t>Pipeline Detalhado emissão proposta (1).xlsx</t>
  </si>
  <si>
    <t>D:\Backup 12-11-2019\Desktop - 12-11-19\Download\Pipeline Detalhado emissão proposta (1).xlsx</t>
  </si>
  <si>
    <t>Pipeline Detalhado emissão proposta (2).xlsx</t>
  </si>
  <si>
    <t>D:\Backup 12-11-2019\Desktop - 12-11-19\Download\Pipeline Detalhado emissão proposta (2).xlsx</t>
  </si>
  <si>
    <t>D:\Backup 12-11-2019\Desktop - 12-11-19\Download\Pipeline Detalhado emissão proposta.xlsx</t>
  </si>
  <si>
    <t>PosicaoHistorico_3044719.xls</t>
  </si>
  <si>
    <t>D:\Backup 12-11-2019\Desktop - 12-11-19\Download\PosicaoHistorico_3044719.xls</t>
  </si>
  <si>
    <t>Vendas Detalhado com CAPEX_OPEX.xlsx</t>
  </si>
  <si>
    <t>D:\Backup 12-11-2019\Desktop - 12-11-19\Download\Vendas Detalhado com CAPEX_OPEX.xlsx</t>
  </si>
  <si>
    <t>D:\Backup 12-11-2019\Desktop - 12-11-19\Download\Vendas Detalhado.xlsx</t>
  </si>
  <si>
    <t>vkauqcop.0fm (1).csv</t>
  </si>
  <si>
    <t>D:\Backup 12-11-2019\Desktop - 12-11-19\Download\vkauqcop.0fm (1).csv</t>
  </si>
  <si>
    <t>vkauqcop.0fm (1).csv:Zone.Identifier</t>
  </si>
  <si>
    <t>D:\Backup 12-11-2019\Desktop - 12-11-19\Download\vkauqcop.0fm (1).csv:Zone.Identifier</t>
  </si>
  <si>
    <t>vkauqcop.0fm.csv</t>
  </si>
  <si>
    <t>D:\Backup 12-11-2019\Desktop - 12-11-19\Download\vkauqcop.0fm.csv</t>
  </si>
  <si>
    <t>vkauqcop.0fm.csv:Zone.Identifier</t>
  </si>
  <si>
    <t>D:\Backup 12-11-2019\Desktop - 12-11-19\Download\vkauqcop.0fm.csv:Zone.Identifier</t>
  </si>
  <si>
    <t>xjissdhr.3xm (1).csv</t>
  </si>
  <si>
    <t>D:\Backup 12-11-2019\Desktop - 12-11-19\Download\xjissdhr.3xm (1).csv</t>
  </si>
  <si>
    <t>xjissdhr.3xm (1).csv:Zone.Identifier</t>
  </si>
  <si>
    <t>D:\Backup 12-11-2019\Desktop - 12-11-19\Download\xjissdhr.3xm (1).csv:Zone.Identifier</t>
  </si>
  <si>
    <t>xjissdhr.3xm.csv</t>
  </si>
  <si>
    <t>D:\Backup 12-11-2019\Desktop - 12-11-19\Download\xjissdhr.3xm.csv</t>
  </si>
  <si>
    <t>xjissdhr.3xm.csv:Zone.Identifier</t>
  </si>
  <si>
    <t>D:\Backup 12-11-2019\Desktop - 12-11-19\Download\xjissdhr.3xm.csv:Zone.Identifier</t>
  </si>
  <si>
    <t>xq0riycp.55q.csv</t>
  </si>
  <si>
    <t>D:\Backup 12-11-2019\Desktop - 12-11-19\Download\xq0riycp.55q.csv</t>
  </si>
  <si>
    <t>xq0riycp.55q.csv:Zone.Identifier</t>
  </si>
  <si>
    <t>D:\Backup 12-11-2019\Desktop - 12-11-19\Download\xq0riycp.55q.csv:Zone.Identifier</t>
  </si>
  <si>
    <t>xxxx - BP Preço C015 B014- 4equipe +1 vistoriador v2.xlsb</t>
  </si>
  <si>
    <t>D:\Backup 12-11-2019\Desktop - 12-11-19\Download\xxxx - BP Preço C015 B014- 4equipe +1 vistoriador v2.xlsb</t>
  </si>
  <si>
    <t>C:\Users\suelenmm\OneDrive - Grupo Algar\Desktop - 12-11-19\Download\xxxx - BP Preço C015 B014- 4equipe +1 vistoriador v2.xlsb\</t>
  </si>
  <si>
    <t>C:\Users\suelenmm\OneDrive - Grupo Algar\Desktop - 12-11-19\Download\Meus Arquivos Recebidos\144783-DesenhoProjeto_TIM_Final(1).pptx\</t>
  </si>
  <si>
    <t>D:\Backup 12-11-2019\Desktop - 12-11-19\Download\Meus Arquivos Recebidos\144783-DesenhoProjeto_TIM_Final(1).pptx</t>
  </si>
  <si>
    <t>C:\Users\suelenmm\OneDrive - Grupo Algar\Desktop - 12-11-19\Download\Meus Arquivos Recebidos\</t>
  </si>
  <si>
    <t>BP C011 B012 Deson - Petrobras - Suporte-Melhorias Fabrica.xlsb</t>
  </si>
  <si>
    <t>D:\Backup 12-11-2019\Desktop - 12-11-19\Download\Meus Arquivos Recebidos\BP C011 B012 Deson - Petrobras - Suporte-Melhorias Fabrica.xlsb</t>
  </si>
  <si>
    <t>C:\Users\suelenmm\OneDrive - Grupo Algar\Desktop - 12-11-19\Download\Meus Arquivos Recebidos\BP C011 B012 Deson - Petrobras - Suporte-Melhorias Fabrica.xlsb\</t>
  </si>
  <si>
    <t>BP ITI.xlsb</t>
  </si>
  <si>
    <t>D:\Backup 12-11-2019\Desktop - 12-11-19\Download\Meus Arquivos Recebidos\BP ITI.xlsb</t>
  </si>
  <si>
    <t>C:\Users\suelenmm\OneDrive - Grupo Algar\Desktop - 12-11-19\Download\Meus Arquivos Recebidos\BP ITI.xlsb\</t>
  </si>
  <si>
    <t>BP-GEFCO-FINAL.xlsb</t>
  </si>
  <si>
    <t>D:\Backup 12-11-2019\Desktop - 12-11-19\Download\Meus Arquivos Recebidos\BP-GEFCO-FINAL.xlsb</t>
  </si>
  <si>
    <t>C:\Users\suelenmm\OneDrive - Grupo Algar\Desktop - 12-11-19\Download\Meus Arquivos Recebidos\BP-GEFCO-FINAL.xlsb\</t>
  </si>
  <si>
    <t>CAPEX EVOLUÇÃO DE VENDAS.xlsx</t>
  </si>
  <si>
    <t>D:\Backup 12-11-2019\Desktop - 12-11-19\Download\Meus Arquivos Recebidos\CAPEX EVOLUÇÃO DE VENDAS.xlsx</t>
  </si>
  <si>
    <t>Comissão Força de Vendas - 3º Tri - 2018 - OFICIAL - Fabiano - CORRETO.xlsb</t>
  </si>
  <si>
    <t>D:\Backup 12-11-2019\Desktop - 12-11-19\Download\Meus Arquivos Recebidos\Comissão Força de Vendas - 3º Tri - 2018 - OFICIAL - Fabiano - CORRETO.xlsb</t>
  </si>
  <si>
    <t>consolidado.xlsb</t>
  </si>
  <si>
    <t>D:\Backup 12-11-2019\Desktop - 12-11-19\Download\Meus Arquivos Recebidos\consolidado.xlsb</t>
  </si>
  <si>
    <t>C:\Users\suelenmm\OneDrive - Grupo Algar\Desktop - 12-11-19\Download\Meus Arquivos Recebidos\consolidado.xlsb\</t>
  </si>
  <si>
    <t>CV Moderno - Modelo .xlsx</t>
  </si>
  <si>
    <t>D:\Backup 12-11-2019\Desktop - 12-11-19\Download\Meus Arquivos Recebidos\CV Moderno - Modelo .xlsx</t>
  </si>
  <si>
    <t>Cópia de Anexo 2 – QQP_v4.xlsx</t>
  </si>
  <si>
    <t>D:\Backup 12-11-2019\Desktop - 12-11-19\Download\Meus Arquivos Recebidos\Cópia de Anexo 2 – QQP_v4.xlsx</t>
  </si>
  <si>
    <t>Distribuição vs Comparativo_v2.xlsx</t>
  </si>
  <si>
    <t>D:\Backup 12-11-2019\Desktop - 12-11-19\Download\Meus Arquivos Recebidos\Distribuição vs Comparativo_v2.xlsx</t>
  </si>
  <si>
    <t>D:\Backup 12-11-2019\Desktop - 12-11-19\Download\Meus Arquivos Recebidos\Field.xlsb</t>
  </si>
  <si>
    <t>C:\Users\suelenmm\OneDrive - Grupo Algar\Desktop - 12-11-19\Download\Meus Arquivos Recebidos\Field.xlsb\</t>
  </si>
  <si>
    <t>D:\Backup 12-11-2019\Desktop - 12-11-19\Download\Meus Arquivos Recebidos\FLEXFIELDS - Códigos de Contabilização OEBS - Algar Tech .xlsx</t>
  </si>
  <si>
    <t>Forecast de Receita Oficial_2019(1).xlsx</t>
  </si>
  <si>
    <t>D:\Backup 12-11-2019\Desktop - 12-11-19\Download\Meus Arquivos Recebidos\Forecast de Receita Oficial_2019(1).xlsx</t>
  </si>
  <si>
    <t>D:\Backup 12-11-2019\Desktop - 12-11-19\Download\Meus Arquivos Recebidos\Forecast de Receita Oficial_2019.xlsx</t>
  </si>
  <si>
    <t>LPU_DataCenter_Comercial_V2.xlsm</t>
  </si>
  <si>
    <t>D:\Backup 12-11-2019\Desktop - 12-11-19\Download\Meus Arquivos Recebidos\LPU_DataCenter_Comercial_V2.xlsm</t>
  </si>
  <si>
    <t>LPU_DataCenter_Comercial_V6_Julho-2018.xlsm</t>
  </si>
  <si>
    <t>D:\Backup 12-11-2019\Desktop - 12-11-19\Download\Meus Arquivos Recebidos\LPU_DataCenter_Comercial_V6_Julho-2018.xlsm</t>
  </si>
  <si>
    <t>D:\Backup 12-11-2019\Desktop - 12-11-19\Download\Meus Arquivos Recebidos\LPU_DataCenter_Comercial_V8_Maio-2019.xlsm</t>
  </si>
  <si>
    <t>PlanilhaPreco_Base.xlsb</t>
  </si>
  <si>
    <t>D:\Backup 12-11-2019\Desktop - 12-11-19\Download\Meus Arquivos Recebidos\PlanilhaPreco_Base.xlsb</t>
  </si>
  <si>
    <t>C:\Users\suelenmm\OneDrive - Grupo Algar\Desktop - 12-11-19\Download\Meus Arquivos Recebidos\PlanilhaPreco_Base.xlsb\</t>
  </si>
  <si>
    <t>D:\Backup 12-11-2019\Desktop - 12-11-19\Download\Meus Arquivos Recebidos\pricing.xlsx</t>
  </si>
  <si>
    <t>D:\Backup 12-11-2019\Desktop - 12-11-19\Download\Meus Arquivos Recebidos\Prudential - BP ISD - Versão Novembro 2019.xlsb</t>
  </si>
  <si>
    <t>C:\Users\suelenmm\OneDrive - Grupo Algar\Desktop - 12-11-19\Download\Meus Arquivos Recebidos\Prudential - BP ISD - Versão Novembro 2019.xlsb\</t>
  </si>
  <si>
    <t>D:\Backup 12-11-2019\Desktop - 12-11-19\Download\Meus Arquivos Recebidos\pth_1.xlsx</t>
  </si>
  <si>
    <t>PTH_GAT_CML.xlsx</t>
  </si>
  <si>
    <t>D:\Backup 12-11-2019\Desktop - 12-11-19\Download\Meus Arquivos Recebidos\PTH_GAT_CML.xlsx</t>
  </si>
  <si>
    <t>STH - Analista de Negócios PL.xlsx</t>
  </si>
  <si>
    <t>D:\Backup 12-11-2019\Desktop - 12-11-19\Download\Meus Arquivos Recebidos\STH - Analista de Negócios PL.xlsx</t>
  </si>
  <si>
    <t>D:\Backup 12-11-2019\Desktop - 12-11-19\Download\Meus Arquivos Recebidos\Template_Proposta_Transacional.xls</t>
  </si>
  <si>
    <t>D:\Backup 12-11-2019\Desktop - 12-11-19\PreVendas - Governo Diogo\cotacao funarte.xlsx</t>
  </si>
  <si>
    <t>D:\Backup 12-11-2019\Desktop - 12-11-19\PreVendas - Governo Diogo\Cálculo de Comissões.xlsx</t>
  </si>
  <si>
    <t>D:\Backup 12-11-2019\Desktop - 12-11-19\PreVendas - Governo Diogo\Sylvio.xlsb</t>
  </si>
  <si>
    <t>D:\Backup 12-11-2019\Desktop - 12-11-19\PreVendas - Governo Diogo\ABDI\cotação Envio.xlsx</t>
  </si>
  <si>
    <t>D:\Backup 12-11-2019\Desktop - 12-11-19\PreVendas - Governo Diogo\ABDI\cotação.xlsx</t>
  </si>
  <si>
    <t>D:\Backup 12-11-2019\Desktop - 12-11-19\PreVendas - Governo Diogo\adasa\previa preço.xlsx</t>
  </si>
  <si>
    <t>D:\Backup 12-11-2019\Desktop - 12-11-19\PreVendas - Governo Diogo\ALESP\Preco.xlsb</t>
  </si>
  <si>
    <t>D:\Backup 12-11-2019\Desktop - 12-11-19\PreVendas - Governo Diogo\Alphaville\Per Call Reset Senha.xlsb</t>
  </si>
  <si>
    <t>D:\Backup 12-11-2019\Desktop - 12-11-19\PreVendas - Governo Diogo\AMAGGI\Bilíngue compartilhado.xlsb</t>
  </si>
  <si>
    <t>D:\Backup 12-11-2019\Desktop - 12-11-19\PreVendas - Governo Diogo\AMAGGI\Bilíngue Dedicado.xlsb</t>
  </si>
  <si>
    <t>D:\Backup 12-11-2019\Desktop - 12-11-19\PreVendas - Governo Diogo\AMAGGI\Field.xlsb</t>
  </si>
  <si>
    <t>D:\Backup 12-11-2019\Desktop - 12-11-19\PreVendas - Governo Diogo\AMAGGI\NOC.xlsb</t>
  </si>
  <si>
    <t>D:\Backup 12-11-2019\Desktop - 12-11-19\PreVendas - Governo Diogo\AMAGGI\PS.xlsb</t>
  </si>
  <si>
    <t>C:\Users\suelenmm\OneDrive - Grupo Algar\Desktop - 12-11-19\PreVendas - Governo Diogo\AMAGGI\Revisão 1\</t>
  </si>
  <si>
    <t>D:\Backup 12-11-2019\Desktop - 12-11-19\PreVendas - Governo Diogo\AMAGGI\Revisão 1\Field.xlsb</t>
  </si>
  <si>
    <t>C:\Users\suelenmm\OneDrive - Grupo Algar\Desktop - 12-11-19\PreVendas - Governo Diogo\AMAGGI\Revisão 1\Field.xlsb\</t>
  </si>
  <si>
    <t>C:\Users\suelenmm\OneDrive - Grupo Algar\Desktop - 12-11-19\PreVendas - Governo Diogo\AMAGGI\Revisão 1\Revisão 1.zip\</t>
  </si>
  <si>
    <t>D:\Backup 12-11-2019\Desktop - 12-11-19\PreVendas - Governo Diogo\AMAGGI\Revisão 1\Revisão 1.zip</t>
  </si>
  <si>
    <t>11/13/2019 08:41:30</t>
  </si>
  <si>
    <t>SD.xlsb</t>
  </si>
  <si>
    <t>C:\Users\suelenmm\OneDrive - Grupo Algar\Desktop - 12-11-19\PreVendas - Governo Diogo\AMAGGI\Revisão 1\Revisão 1.zip\Field.xlsb\</t>
  </si>
  <si>
    <t>C:\Users\suelenmm\OneDrive - Grupo Algar\Desktop - 12-11-19\PreVendas - Governo Diogo\AMAGGI\Revisão 1\Revisão 1.zip\SD.xlsb\</t>
  </si>
  <si>
    <t>D:\Backup 12-11-2019\Desktop - 12-11-19\PreVendas - Governo Diogo\AMAGGI\Revisão 1\SD.xlsb</t>
  </si>
  <si>
    <t>C:\Users\suelenmm\OneDrive - Grupo Algar\Desktop - 12-11-19\PreVendas - Governo Diogo\AMAGGI\Revisão 1\SD.xlsb\</t>
  </si>
  <si>
    <t>C:\Users\suelenmm\OneDrive - Grupo Algar\Desktop - 12-11-19\PreVendas - Governo Diogo\AMAGGI\Revisão 2\</t>
  </si>
  <si>
    <t>D:\Backup 12-11-2019\Desktop - 12-11-19\PreVendas - Governo Diogo\AMAGGI\Revisão 2\Field.xlsb</t>
  </si>
  <si>
    <t>C:\Users\suelenmm\OneDrive - Grupo Algar\Desktop - 12-11-19\PreVendas - Governo Diogo\AMAGGI\Revisão 2\Field.xlsb\</t>
  </si>
  <si>
    <t>SD N1.xlsb</t>
  </si>
  <si>
    <t>D:\Backup 12-11-2019\Desktop - 12-11-19\PreVendas - Governo Diogo\AMAGGI\Revisão 2\SD N1.xlsb</t>
  </si>
  <si>
    <t>C:\Users\suelenmm\OneDrive - Grupo Algar\Desktop - 12-11-19\PreVendas - Governo Diogo\AMAGGI\Revisão 2\SD N1.xlsb\</t>
  </si>
  <si>
    <t>C:\Users\suelenmm\OneDrive - Grupo Algar\Desktop - 12-11-19\PreVendas - Governo Diogo\ANA\Cotação Infra\</t>
  </si>
  <si>
    <t>Proposta de Indicadores.xlsx</t>
  </si>
  <si>
    <t>D:\Backup 12-11-2019\Desktop - 12-11-19\PreVendas - Governo Diogo\ANA\Cotação Infra\Proposta de Indicadores.xlsx</t>
  </si>
  <si>
    <t>C:\Users\suelenmm\OneDrive - Grupo Algar\Desktop - 12-11-19\PreVendas - Governo Diogo\ANA\Service-desk Publicado\</t>
  </si>
  <si>
    <t>D:\Backup 12-11-2019\Desktop - 12-11-19\PreVendas - Governo Diogo\ANA\Service-desk Publicado\Planilha de Preço - Serviços Gerenciados.xlsb</t>
  </si>
  <si>
    <t>Preço Desonerado.xlsb</t>
  </si>
  <si>
    <t>D:\Backup 12-11-2019\Desktop - 12-11-19\PreVendas - Governo Diogo\ANA\Service-desk Publicado\Preço Desonerado.xlsb</t>
  </si>
  <si>
    <t>D:\Backup 12-11-2019\Desktop - 12-11-19\PreVendas - Governo Diogo\ANA\Service-desk Publicado\Volumetria.xlsx</t>
  </si>
  <si>
    <t>D:\Backup 12-11-2019\Desktop - 12-11-19\PreVendas - Governo Diogo\ANAC\Estrutura e preço PS.xlsx</t>
  </si>
  <si>
    <t>C:\Users\suelenmm\OneDrive - Grupo Algar\Desktop - 12-11-19\PreVendas - Governo Diogo\ANAC\2017\cotação\</t>
  </si>
  <si>
    <t>D:\Backup 12-11-2019\Desktop - 12-11-19\PreVendas - Governo Diogo\ANAC\2017\cotação\Cotação.xlsx</t>
  </si>
  <si>
    <t>D:\Backup 12-11-2019\Desktop - 12-11-19\PreVendas - Governo Diogo\ANATEL\Cenário 1.xlsb</t>
  </si>
  <si>
    <t>D:\Backup 12-11-2019\Desktop - 12-11-19\PreVendas - Governo Diogo\ANATEL\Cenário 2.xlsb</t>
  </si>
  <si>
    <t>C:\Users\suelenmm\OneDrive - Grupo Algar\Desktop - 12-11-19\PreVendas - Governo Diogo\ANATEL\2017\Infra\Cotação\</t>
  </si>
  <si>
    <t>Cotação Infra.xlsx</t>
  </si>
  <si>
    <t>D:\Backup 12-11-2019\Desktop - 12-11-19\PreVendas - Governo Diogo\ANATEL\2017\Infra\Cotação\Cotação Infra.xlsx</t>
  </si>
  <si>
    <t>C:\Users\suelenmm\OneDrive - Grupo Algar\Desktop - 12-11-19\PreVendas - Governo Diogo\ANCINE\ANEEL\</t>
  </si>
  <si>
    <t>D:\Backup 12-11-2019\Desktop - 12-11-19\PreVendas - Governo Diogo\ANCINE\ANEEL\Desenho.xlsx</t>
  </si>
  <si>
    <t>Preço Consolidado.xlsb</t>
  </si>
  <si>
    <t>D:\Backup 12-11-2019\Desktop - 12-11-19\PreVendas - Governo Diogo\ANCINE\ANEEL\Preço Consolidado.xlsb</t>
  </si>
  <si>
    <t>Preço Migração + Treinamento.xlsb</t>
  </si>
  <si>
    <t>D:\Backup 12-11-2019\Desktop - 12-11-19\PreVendas - Governo Diogo\ANCINE\ANEEL\Preço Migração + Treinamento.xlsb</t>
  </si>
  <si>
    <t>Preço Operação.xlsb</t>
  </si>
  <si>
    <t>D:\Backup 12-11-2019\Desktop - 12-11-19\PreVendas - Governo Diogo\ANCINE\ANEEL\Preço Operação.xlsb</t>
  </si>
  <si>
    <t>C:\Users\suelenmm\OneDrive - Grupo Algar\Desktop - 12-11-19\PreVendas - Governo Diogo\ANCINE\ANEEL\2015\</t>
  </si>
  <si>
    <t>D:\Backup 12-11-2019\Desktop - 12-11-19\PreVendas - Governo Diogo\ANCINE\ANEEL\2015\Cotação.xlsx</t>
  </si>
  <si>
    <t>C:\Users\suelenmm\OneDrive - Grupo Algar\Desktop - 12-11-19\PreVendas - Governo Diogo\ANCINE\ANEEL\2018\SD\</t>
  </si>
  <si>
    <t>Pricing.xlsx</t>
  </si>
  <si>
    <t>D:\Backup 12-11-2019\Desktop - 12-11-19\PreVendas - Governo Diogo\ANCINE\ANEEL\2018\SD\Pricing.xlsx</t>
  </si>
  <si>
    <t>C:\Users\suelenmm\OneDrive - Grupo Algar\Desktop - 12-11-19\PreVendas - Governo Diogo\ANP\2018\Infraestrutura\Cotação\</t>
  </si>
  <si>
    <t>D:\Backup 12-11-2019\Desktop - 12-11-19\PreVendas - Governo Diogo\ANP\2018\Infraestrutura\Cotação\Cotação.xlsx</t>
  </si>
  <si>
    <t>D:\Backup 12-11-2019\Desktop - 12-11-19\PreVendas - Governo Diogo\ANS\Cotação.xlsx</t>
  </si>
  <si>
    <t>D:\Backup 12-11-2019\Desktop - 12-11-19\PreVendas - Governo Diogo\ANTT\Funcionalidades-Ferramenta-CA.xlsx</t>
  </si>
  <si>
    <t>D:\Backup 12-11-2019\Desktop - 12-11-19\PreVendas - Governo Diogo\ANS\2016\Cotação 07-2016\Cotação.xlsx</t>
  </si>
  <si>
    <t>C:\Users\suelenmm\OneDrive - Grupo Algar\Desktop - 12-11-19\PreVendas - Governo Diogo\ANVISA\2016\SD\</t>
  </si>
  <si>
    <t>COTAÇÃO Planilha de Preços - ANVISA SD.xlsm</t>
  </si>
  <si>
    <t>D:\Backup 12-11-2019\Desktop - 12-11-19\PreVendas - Governo Diogo\ANVISA\2016\SD\COTAÇÃO Planilha de Preços - ANVISA SD.xlsm</t>
  </si>
  <si>
    <t>C:\Users\suelenmm\OneDrive - Grupo Algar\Desktop - 12-11-19\PreVendas - Governo Diogo\ANVISA\2017\</t>
  </si>
  <si>
    <t>Cotação N1.xlsb</t>
  </si>
  <si>
    <t>D:\Backup 12-11-2019\Desktop - 12-11-19\PreVendas - Governo Diogo\ANVISA\2017\Cotação N1.xlsb</t>
  </si>
  <si>
    <t>C:\Users\suelenmm\OneDrive - Grupo Algar\Desktop - 12-11-19\PreVendas - Governo Diogo\ANVISA\2017\Cotação N1.xlsb\</t>
  </si>
  <si>
    <t>Cotação N2.xlsb</t>
  </si>
  <si>
    <t>D:\Backup 12-11-2019\Desktop - 12-11-19\PreVendas - Governo Diogo\ANVISA\2017\Cotação N2.xlsb</t>
  </si>
  <si>
    <t>C:\Users\suelenmm\OneDrive - Grupo Algar\Desktop - 12-11-19\PreVendas - Governo Diogo\ANVISA\2017\Cotação N2.xlsb\</t>
  </si>
  <si>
    <t>D:\Backup 12-11-2019\Desktop - 12-11-19\PreVendas - Governo Diogo\ANVISA\2017\Resumo.xlsx</t>
  </si>
  <si>
    <t>C:\Users\suelenmm\OneDrive - Grupo Algar\Desktop - 12-11-19\PreVendas - Governo Diogo\ANVISA\2017\Edital Publicado\</t>
  </si>
  <si>
    <t>D:\Backup 12-11-2019\Desktop - 12-11-19\PreVendas - Governo Diogo\ANVISA\2017\Edital Publicado\BP Preço C010 B011 Desonerada.xlsb</t>
  </si>
  <si>
    <t>C:\Users\suelenmm\OneDrive - Grupo Algar\Desktop - 12-11-19\PreVendas - Governo Diogo\ANVISA\2017\Edital Publicado\BP Preço C010 B011 Desonerada.xlsb\</t>
  </si>
  <si>
    <t>C:\Users\suelenmm\OneDrive - Grupo Algar\Desktop - 12-11-19\PreVendas - Governo Diogo\ANVISA\Cotação\</t>
  </si>
  <si>
    <t>Cotação.xlsb</t>
  </si>
  <si>
    <t>D:\Backup 12-11-2019\Desktop - 12-11-19\PreVendas - Governo Diogo\ANVISA\Cotação\Cotação.xlsb</t>
  </si>
  <si>
    <t>Racional UST Cotação.xlsx</t>
  </si>
  <si>
    <t>D:\Backup 12-11-2019\Desktop - 12-11-19\PreVendas - Governo Diogo\ANVISA\Cotação\Racional UST Cotação.xlsx</t>
  </si>
  <si>
    <t>C:\Users\suelenmm\OneDrive - Grupo Algar\Desktop - 12-11-19\PreVendas - Governo Diogo\Arquivo Nacional\Cotação\</t>
  </si>
  <si>
    <t>D:\Backup 12-11-2019\Desktop - 12-11-19\PreVendas - Governo Diogo\Arquivo Nacional\Cotação\Cotação.xlsx</t>
  </si>
  <si>
    <t>D:\Backup 12-11-2019\Desktop - 12-11-19\PreVendas - Governo Diogo\BACEN\Preco.xlsb</t>
  </si>
  <si>
    <t>C:\Users\suelenmm\OneDrive - Grupo Algar\Desktop - 12-11-19\PreVendas - Governo Diogo\BBTS\BBTS TV\</t>
  </si>
  <si>
    <t>D:\Backup 12-11-2019\Desktop - 12-11-19\PreVendas - Governo Diogo\BBTS\BBTS TV\Pricing.xlsx</t>
  </si>
  <si>
    <t>C:\Users\suelenmm\OneDrive - Grupo Algar\Desktop - 12-11-19\PreVendas - Governo Diogo\BDMG\Final\</t>
  </si>
  <si>
    <t>Cotação BDMG.xlsb</t>
  </si>
  <si>
    <t>D:\Backup 12-11-2019\Desktop - 12-11-19\PreVendas - Governo Diogo\BDMG\Final\Cotação BDMG.xlsb</t>
  </si>
  <si>
    <t>D:\Backup 12-11-2019\Desktop - 12-11-19\PreVendas - Governo Diogo\BDMG\Final\dimensionamento Monitoramento.xlsx</t>
  </si>
  <si>
    <t>D:\Backup 12-11-2019\Desktop - 12-11-19\PreVendas - Governo Diogo\BNB\Map - Sistema de Precificação Novo Portifolio.xlsb</t>
  </si>
  <si>
    <t>D:\Backup 12-11-2019\Desktop - 12-11-19\PreVendas - Governo Diogo\BNB\Simulação - Valdeira.xlsx</t>
  </si>
  <si>
    <t>D:\Backup 12-11-2019\Desktop - 12-11-19\PreVendas - Governo Diogo\BNB\Simulação.xlsx</t>
  </si>
  <si>
    <t>C:\Users\suelenmm\OneDrive - Grupo Algar\Desktop - 12-11-19\PreVendas - Governo Diogo\BNB\2015\</t>
  </si>
  <si>
    <t>Análise Macro BNB 2015.xlsx</t>
  </si>
  <si>
    <t>D:\Backup 12-11-2019\Desktop - 12-11-19\PreVendas - Governo Diogo\BNB\2015\Análise Macro BNB 2015.xlsx</t>
  </si>
  <si>
    <t>Cópia de Map - Precificação MSV 15 &amp; CPRB V (Recuperado).xlsb</t>
  </si>
  <si>
    <t>D:\Backup 12-11-2019\Desktop - 12-11-19\PreVendas - Governo Diogo\BNB\2015\Cópia de Map - Precificação MSV 15 &amp; CPRB V (Recuperado).xlsb</t>
  </si>
  <si>
    <t>Cópia de Map - Precificação MSV 15 &amp; CPRB V.2015-2-000.xlsb</t>
  </si>
  <si>
    <t>D:\Backup 12-11-2019\Desktop - 12-11-19\PreVendas - Governo Diogo\BNB\2015\Cópia de Map - Precificação MSV 15 &amp; CPRB V.2015-2-000.xlsb</t>
  </si>
  <si>
    <t>C:\Users\suelenmm\OneDrive - Grupo Algar\Desktop - 12-11-19\PreVendas - Governo Diogo\BNB\2018\SD\Cotação\</t>
  </si>
  <si>
    <t>D:\Backup 12-11-2019\Desktop - 12-11-19\PreVendas - Governo Diogo\BNB\2018\SD\Cotação\Cotação.xlsx</t>
  </si>
  <si>
    <t>D:\Backup 12-11-2019\Desktop - 12-11-19\PreVendas - Governo Diogo\BNB\2018\SD\Cotação\Pricing.xlsb</t>
  </si>
  <si>
    <t>C:\Users\suelenmm\OneDrive - Grupo Algar\Desktop - 12-11-19\PreVendas - Governo Diogo\BNB\2018\SD\Cotação\Pricing.xlsb\</t>
  </si>
  <si>
    <t>C:\Users\suelenmm\OneDrive - Grupo Algar\Desktop - 12-11-19\PreVendas - Governo Diogo\BNB PS\Edital Publicado\Preificacao\</t>
  </si>
  <si>
    <t>BP Viagens.xlsb</t>
  </si>
  <si>
    <t>D:\Backup 12-11-2019\Desktop - 12-11-19\PreVendas - Governo Diogo\BNB PS\Edital Publicado\Preificacao\BP Viagens.xlsb</t>
  </si>
  <si>
    <t>Preco Servico.xlsb</t>
  </si>
  <si>
    <t>D:\Backup 12-11-2019\Desktop - 12-11-19\PreVendas - Governo Diogo\BNB PS\Edital Publicado\Preificacao\Preco Servico.xlsb</t>
  </si>
  <si>
    <t>C:\Users\suelenmm\OneDrive - Grupo Algar\Desktop - 12-11-19\PreVendas - Governo Diogo\BNB PS\Edital Republicado\</t>
  </si>
  <si>
    <t>Cargos_Banco_Nordeste.xls</t>
  </si>
  <si>
    <t>D:\Backup 12-11-2019\Desktop - 12-11-19\PreVendas - Governo Diogo\BNB PS\Edital Republicado\Cargos_Banco_Nordeste.xls</t>
  </si>
  <si>
    <t>Escala Preposto.xlsx</t>
  </si>
  <si>
    <t>D:\Backup 12-11-2019\Desktop - 12-11-19\PreVendas - Governo Diogo\BNB PS\Edital Republicado\Escala Preposto.xlsx</t>
  </si>
  <si>
    <t>Pricing Cheio.xlsb</t>
  </si>
  <si>
    <t>D:\Backup 12-11-2019\Desktop - 12-11-19\PreVendas - Governo Diogo\BNB PS\Edital Republicado\Pricing Cheio.xlsb</t>
  </si>
  <si>
    <t>C:\Users\suelenmm\OneDrive - Grupo Algar\Desktop - 12-11-19\PreVendas - Governo Diogo\Infraero\</t>
  </si>
  <si>
    <t>Anexo_VII_Plan_Custos.xls</t>
  </si>
  <si>
    <t>Pricing Ganho Monitoramento.xlsb</t>
  </si>
  <si>
    <t>D:\Backup 12-11-2019\Desktop - 12-11-19\PreVendas - Governo Diogo\BNB PS\Edital Republicado\Pricing Ganho Monitoramento.xlsb</t>
  </si>
  <si>
    <t>D:\Backup 12-11-2019\Desktop - 12-11-19\PreVendas - Governo Diogo\BNDES\Planilha de Preço por ítem(REVISADO).xlsx</t>
  </si>
  <si>
    <t>D:\Backup 12-11-2019\Desktop - 12-11-19\PreVendas - Governo Diogo\BNDES\Planilha de Preço por ítem.xlsx</t>
  </si>
  <si>
    <t>C:\Users\suelenmm\OneDrive - Grupo Algar\Desktop - 12-11-19\PreVendas - Governo Diogo\BRB\Apresentação\</t>
  </si>
  <si>
    <t>D:\Backup 12-11-2019\Desktop - 12-11-19\PreVendas - Governo Diogo\BRB\Apresentação\Impacto X Urgência.xlsx</t>
  </si>
  <si>
    <t>C:\Users\suelenmm\OneDrive - Grupo Algar\Desktop - 12-11-19\PreVendas - Governo Diogo\BRB_\Apresentação\</t>
  </si>
  <si>
    <t>D:\Backup 12-11-2019\Desktop - 12-11-19\PreVendas - Governo Diogo\BRB_\Apresentação\Impacto X Urgência.xlsx</t>
  </si>
  <si>
    <t>D:\Backup 12-11-2019\Desktop - 12-11-19\PreVendas - Governo Diogo\CADE\BP Item 1.xlsb</t>
  </si>
  <si>
    <t>D:\Backup 12-11-2019\Desktop - 12-11-19\PreVendas - Governo Diogo\CADE\BP Item 2.xlsb</t>
  </si>
  <si>
    <t>D:\Backup 12-11-2019\Desktop - 12-11-19\PreVendas - Governo Diogo\CADE\BP Item 4.xlsb</t>
  </si>
  <si>
    <t>D:\Backup 12-11-2019\Desktop - 12-11-19\PreVendas - Governo Diogo\CADE\Cotação.xlsx</t>
  </si>
  <si>
    <t>C:\Users\suelenmm\OneDrive - Grupo Algar\Desktop - 12-11-19\PreVendas - Governo Diogo\Caixa\2016\Republicado\</t>
  </si>
  <si>
    <t>Análise.xlsx</t>
  </si>
  <si>
    <t>D:\Backup 12-11-2019\Desktop - 12-11-19\PreVendas - Governo Diogo\Caixa\2016\Republicado\Análise.xlsx</t>
  </si>
  <si>
    <t>BP - BASE.xlsb</t>
  </si>
  <si>
    <t>D:\Backup 12-11-2019\Desktop - 12-11-19\PreVendas - Governo Diogo\Caixa\2016\Republicado\BP - BASE.xlsb</t>
  </si>
  <si>
    <t>C:\Users\suelenmm\OneDrive - Grupo Algar\Desktop - 12-11-19\PreVendas - Governo Diogo\Caixa\2016\Republicado\BP - BASE.xlsb\</t>
  </si>
  <si>
    <t>BP 1.0.xlsb</t>
  </si>
  <si>
    <t>D:\Backup 12-11-2019\Desktop - 12-11-19\PreVendas - Governo Diogo\Caixa\2016\Republicado\BP 1.0.xlsb</t>
  </si>
  <si>
    <t>C:\Users\suelenmm\OneDrive - Grupo Algar\Desktop - 12-11-19\PreVendas - Governo Diogo\Caixa\2016\Republicado\BP 1.0.xlsb\</t>
  </si>
  <si>
    <t>BP 1.1.xlsb</t>
  </si>
  <si>
    <t>D:\Backup 12-11-2019\Desktop - 12-11-19\PreVendas - Governo Diogo\Caixa\2016\Republicado\BP 1.1.xlsb</t>
  </si>
  <si>
    <t>C:\Users\suelenmm\OneDrive - Grupo Algar\Desktop - 12-11-19\PreVendas - Governo Diogo\Caixa\2016\Republicado\BP 1.1.xlsb\</t>
  </si>
  <si>
    <t>Precificação+Adoção.xlsm</t>
  </si>
  <si>
    <t>BP 1.2.xlsb</t>
  </si>
  <si>
    <t>D:\Backup 12-11-2019\Desktop - 12-11-19\PreVendas - Governo Diogo\Caixa\2016\Republicado\BP 1.2.xlsb</t>
  </si>
  <si>
    <t>C:\Users\suelenmm\OneDrive - Grupo Algar\Desktop - 12-11-19\PreVendas - Governo Diogo\Caixa\2016\Republicado\BP 1.2.xlsb\</t>
  </si>
  <si>
    <t>BP 1.3.xlsb</t>
  </si>
  <si>
    <t>D:\Backup 12-11-2019\Desktop - 12-11-19\PreVendas - Governo Diogo\Caixa\2016\Republicado\BP 1.3.xlsb</t>
  </si>
  <si>
    <t>C:\Users\suelenmm\OneDrive - Grupo Algar\Desktop - 12-11-19\PreVendas - Governo Diogo\Caixa\2016\Republicado\BP 1.3.xlsb\</t>
  </si>
  <si>
    <t>BP 1.4.xlsb</t>
  </si>
  <si>
    <t>D:\Backup 12-11-2019\Desktop - 12-11-19\PreVendas - Governo Diogo\Caixa\2016\Republicado\BP 1.4.xlsb</t>
  </si>
  <si>
    <t>C:\Users\suelenmm\OneDrive - Grupo Algar\Desktop - 12-11-19\PreVendas - Governo Diogo\Caixa\2016\Republicado\BP 1.4.xlsb\</t>
  </si>
  <si>
    <t>BP 1.5.xlsb</t>
  </si>
  <si>
    <t>D:\Backup 12-11-2019\Desktop - 12-11-19\PreVendas - Governo Diogo\Caixa\2016\Republicado\BP 1.5.xlsb</t>
  </si>
  <si>
    <t>C:\Users\suelenmm\OneDrive - Grupo Algar\Desktop - 12-11-19\PreVendas - Governo Diogo\Caixa\2016\Republicado\BP 1.5.xlsb\</t>
  </si>
  <si>
    <t>BP 1.6.xlsb</t>
  </si>
  <si>
    <t>D:\Backup 12-11-2019\Desktop - 12-11-19\PreVendas - Governo Diogo\Caixa\2016\Republicado\BP 1.6.xlsb</t>
  </si>
  <si>
    <t>C:\Users\suelenmm\OneDrive - Grupo Algar\Desktop - 12-11-19\PreVendas - Governo Diogo\Caixa\2016\Republicado\BP 1.6.xlsb\</t>
  </si>
  <si>
    <t>BP 1.7.xlsb</t>
  </si>
  <si>
    <t>D:\Backup 12-11-2019\Desktop - 12-11-19\PreVendas - Governo Diogo\Caixa\2016\Republicado\BP 1.7.xlsb</t>
  </si>
  <si>
    <t>C:\Users\suelenmm\OneDrive - Grupo Algar\Desktop - 12-11-19\PreVendas - Governo Diogo\Caixa\2016\Republicado\BP 1.7.xlsb\</t>
  </si>
  <si>
    <t>BP 2.0.xlsb</t>
  </si>
  <si>
    <t>D:\Backup 12-11-2019\Desktop - 12-11-19\PreVendas - Governo Diogo\Caixa\2016\Republicado\BP 2.0.xlsb</t>
  </si>
  <si>
    <t>C:\Users\suelenmm\OneDrive - Grupo Algar\Desktop - 12-11-19\PreVendas - Governo Diogo\Caixa\2016\Republicado\BP 2.0.xlsb\</t>
  </si>
  <si>
    <t>BP 2.1.xlsb</t>
  </si>
  <si>
    <t>D:\Backup 12-11-2019\Desktop - 12-11-19\PreVendas - Governo Diogo\Caixa\2016\Republicado\BP 2.1.xlsb</t>
  </si>
  <si>
    <t>C:\Users\suelenmm\OneDrive - Grupo Algar\Desktop - 12-11-19\PreVendas - Governo Diogo\Caixa\2016\Republicado\BP 2.1.xlsb\</t>
  </si>
  <si>
    <t>BP 2.2.xlsb</t>
  </si>
  <si>
    <t>D:\Backup 12-11-2019\Desktop - 12-11-19\PreVendas - Governo Diogo\Caixa\2016\Republicado\BP 2.2.xlsb</t>
  </si>
  <si>
    <t>C:\Users\suelenmm\OneDrive - Grupo Algar\Desktop - 12-11-19\PreVendas - Governo Diogo\Caixa\2016\Republicado\BP 2.2.xlsb\</t>
  </si>
  <si>
    <t>BP 2.3.xlsb</t>
  </si>
  <si>
    <t>D:\Backup 12-11-2019\Desktop - 12-11-19\PreVendas - Governo Diogo\Caixa\2016\Republicado\BP 2.3.xlsb</t>
  </si>
  <si>
    <t>C:\Users\suelenmm\OneDrive - Grupo Algar\Desktop - 12-11-19\PreVendas - Governo Diogo\Caixa\2016\Republicado\BP 2.3.xlsb\</t>
  </si>
  <si>
    <t>BP FLEX.xlsb</t>
  </si>
  <si>
    <t>D:\Backup 12-11-2019\Desktop - 12-11-19\PreVendas - Governo Diogo\Caixa\2016\Republicado\BP FLEX.xlsb</t>
  </si>
  <si>
    <t>C:\Users\suelenmm\OneDrive - Grupo Algar\Desktop - 12-11-19\PreVendas - Governo Diogo\Caixa\2016\Republicado\BP FLEX.xlsb\</t>
  </si>
  <si>
    <t>Intraday Real Caixa.xlsx</t>
  </si>
  <si>
    <t>D:\Backup 12-11-2019\Desktop - 12-11-19\PreVendas - Governo Diogo\Caixa\2016\Republicado\Intraday Real Caixa.xlsx</t>
  </si>
  <si>
    <t>C:\Users\suelenmm\OneDrive - Grupo Algar\Desktop - 12-11-19\PreVendas - Governo Diogo\Caixa\2016\SD Negócio - CERATI\</t>
  </si>
  <si>
    <t>Cópia de BP Preço C004 B006.xlsb</t>
  </si>
  <si>
    <t>D:\Backup 12-11-2019\Desktop - 12-11-19\PreVendas - Governo Diogo\Caixa\2016\SD Negócio - CERATI\Cópia de BP Preço C004 B006.xlsb</t>
  </si>
  <si>
    <t>C:\Users\suelenmm\OneDrive - Grupo Algar\Desktop - 12-11-19\PreVendas - Governo Diogo\Caixa\2016\SD Negócio - CERATI\Cópia de BP Preço C004 B006.xlsb\</t>
  </si>
  <si>
    <t>Hist¢rico de Demandas do màs.xlsm</t>
  </si>
  <si>
    <t>D:\Backup 12-11-2019\Desktop - 12-11-19\PreVendas - Governo Diogo\Caixa\2016\SD Negócio - CERATI\Hist¢rico de Demandas do màs.xlsm</t>
  </si>
  <si>
    <t>Insumos SITE.xlsx</t>
  </si>
  <si>
    <t>D:\Backup 12-11-2019\Desktop - 12-11-19\PreVendas - Governo Diogo\Caixa\2016\SD Negócio - CERATI\Insumos SITE.xlsx</t>
  </si>
  <si>
    <t>Republicado.xlsb</t>
  </si>
  <si>
    <t>D:\Backup 12-11-2019\Desktop - 12-11-19\PreVendas - Governo Diogo\Caixa\2016\SD Negócio - CERATI\Republicado.xlsb</t>
  </si>
  <si>
    <t>C:\Users\suelenmm\OneDrive - Grupo Algar\Desktop - 12-11-19\PreVendas - Governo Diogo\Caixa\2016\SD Negócio - CERATI\Republicado.xlsb\</t>
  </si>
  <si>
    <t>Resumo de Informação.xlsx</t>
  </si>
  <si>
    <t>D:\Backup 12-11-2019\Desktop - 12-11-19\PreVendas - Governo Diogo\Caixa\2016\SD Negócio - CERATI\Resumo de Informação.xlsx</t>
  </si>
  <si>
    <t>C:\Users\suelenmm\OneDrive - Grupo Algar\Desktop - 12-11-19\PreVendas - Governo Diogo\Caixa\2016\SD Remoto\</t>
  </si>
  <si>
    <t>Estudos.xlsx</t>
  </si>
  <si>
    <t>D:\Backup 12-11-2019\Desktop - 12-11-19\PreVendas - Governo Diogo\Caixa\2016\SD Remoto\Estudos.xlsx</t>
  </si>
  <si>
    <t>Intraday Padrão SG.xlsx</t>
  </si>
  <si>
    <t>D:\Backup 12-11-2019\Desktop - 12-11-19\PreVendas - Governo Diogo\Caixa\2016\SD Remoto\Intraday Padrão SG.xlsx</t>
  </si>
  <si>
    <t>Pre desenho.xlsx</t>
  </si>
  <si>
    <t>D:\Backup 12-11-2019\Desktop - 12-11-19\PreVendas - Governo Diogo\Caixa\2016\SD Remoto\Pre desenho.xlsx</t>
  </si>
  <si>
    <t>C:\Users\suelenmm\OneDrive - Grupo Algar\Desktop - 12-11-19\PreVendas - Governo Diogo\Caixa Seguros\BP`s\</t>
  </si>
  <si>
    <t>MC28_SEM_PBM.xlsb</t>
  </si>
  <si>
    <t>D:\Backup 12-11-2019\Desktop - 12-11-19\PreVendas - Governo Diogo\Caixa Seguros\BP`s\MC28_SEM_PBM.xlsb</t>
  </si>
  <si>
    <t>C:\Users\suelenmm\OneDrive - Grupo Algar\Desktop - 12-11-19\PreVendas - Governo Diogo\Caixa Seguros\RFP SD + HaaS 2019\</t>
  </si>
  <si>
    <t>bid_export.xlsx</t>
  </si>
  <si>
    <t>D:\Backup 12-11-2019\Desktop - 12-11-19\PreVendas - Governo Diogo\Caixa Seguros\RFP SD + HaaS 2019\bid_export.xlsx</t>
  </si>
  <si>
    <t>D:\Backup 12-11-2019\Desktop - 12-11-19\PreVendas - Governo Diogo\Caixa Seguros\RFP SD + HaaS 2019\BP.xlsb</t>
  </si>
  <si>
    <t>C:\Users\suelenmm\OneDrive - Grupo Algar\Desktop - 12-11-19\PreVendas - Governo Diogo\Caixa Seguros\RFP SD + HaaS 2019\BP.xlsb\</t>
  </si>
  <si>
    <t>C:\Users\suelenmm\OneDrive - Grupo Algar\Desktop - 12-11-19\PreVendas - Governo Diogo\INPI\</t>
  </si>
  <si>
    <t>C:\Users\suelenmm\OneDrive - Grupo Algar\Desktop - 12-11-19\PreVendas - Governo Diogo\CAPES\2016\red hat\</t>
  </si>
  <si>
    <t>Consultor.xlsb</t>
  </si>
  <si>
    <t>D:\Backup 12-11-2019\Desktop - 12-11-19\PreVendas - Governo Diogo\CAPES\2016\red hat\Consultor.xlsb</t>
  </si>
  <si>
    <t>BP Preço C010 B009.xlsb</t>
  </si>
  <si>
    <t>C:\Users\suelenmm\OneDrive - Grupo Algar\Desktop - 12-11-19\PreVendas - Governo Diogo\INPI\BP Preço C010 B009.xlsb\</t>
  </si>
  <si>
    <t>C:\Users\suelenmm\OneDrive - Grupo Algar\Desktop - 12-11-19\PreVendas - Governo Diogo\CAPES\2017\Consulta Pública\Novo SD 09-17\</t>
  </si>
  <si>
    <t>D:\Backup 12-11-2019\Desktop - 12-11-19\PreVendas - Governo Diogo\CAPES\2017\Consulta Pública\Novo SD 09-17\Cotação.xlsb</t>
  </si>
  <si>
    <t>C:\Users\suelenmm\OneDrive - Grupo Algar\Desktop - 12-11-19\PreVendas - Governo Diogo\CAPES\2017\Consulta Pública\Novo SD 09-17\Cotação.xlsb\</t>
  </si>
  <si>
    <t>C:\Users\suelenmm\OneDrive - Grupo Algar\Desktop - 12-11-19\PreVendas - Governo Diogo\CAPES\2018\Cotação\</t>
  </si>
  <si>
    <t>D:\Backup 12-11-2019\Desktop - 12-11-19\PreVendas - Governo Diogo\CAPES\2018\Cotação\Cotação.xlsx</t>
  </si>
  <si>
    <t>C:\Users\suelenmm\OneDrive - Grupo Algar\Desktop - 12-11-19\PreVendas - Governo Diogo\CAPES\2018\Infra\</t>
  </si>
  <si>
    <t>BP CAPES GIAT 2018.xlsb</t>
  </si>
  <si>
    <t>D:\Backup 12-11-2019\Desktop - 12-11-19\PreVendas - Governo Diogo\CAPES\2018\Infra\BP CAPES GIAT 2018.xlsb</t>
  </si>
  <si>
    <t>C:\Users\suelenmm\OneDrive - Grupo Algar\Desktop - 12-11-19\PreVendas - Governo Diogo\CAPES\2018\Infra\BP CAPES GIAT 2018.xlsb\</t>
  </si>
  <si>
    <t>C:\Users\suelenmm\OneDrive - Grupo Algar\Desktop - 12-11-19\PreVendas - Governo Diogo\IPEA\</t>
  </si>
  <si>
    <t>D:\Backup 12-11-2019\Desktop - 12-11-19\PreVendas - Governo Diogo\CAPES\2018\Infra\pricing.xlsx</t>
  </si>
  <si>
    <t>C:\Users\suelenmm\OneDrive - Grupo Algar\Desktop - 12-11-19\PreVendas - Governo Diogo\CAPES\Infraestrutura\Comitês\Change CAPES - Sustentação de Infra V2.ppt\s2\</t>
  </si>
  <si>
    <t>Microsoft Excel 97 - 2004 Worksheet.xls</t>
  </si>
  <si>
    <t>D:\Backup 12-11-2019\Desktop - 12-11-19\PreVendas - Governo Diogo\CAPES\Infraestrutura\Comitês\Change CAPES - Sustentação de Infra V2.ppt</t>
  </si>
  <si>
    <t>C:\Users\suelenmm\OneDrive - Grupo Algar\Desktop - 12-11-19\PreVendas - Governo Diogo\CAPES\Infraestrutura\Comitês\Change CAPES - Sustentação de Infra.ppt\s2\</t>
  </si>
  <si>
    <t>D:\Backup 12-11-2019\Desktop - 12-11-19\PreVendas - Governo Diogo\CAPES\Infraestrutura\Comitês\Change CAPES - Sustentação de Infra.ppt</t>
  </si>
  <si>
    <t>Racional V2.xlsx</t>
  </si>
  <si>
    <t>C:\Users\suelenmm\OneDrive - Grupo Algar\Desktop - 12-11-19\PreVendas - Governo Diogo\CAPES\Infraestrutura\IN-02\</t>
  </si>
  <si>
    <t>IN-02 FULL.xlsx</t>
  </si>
  <si>
    <t>D:\Backup 12-11-2019\Desktop - 12-11-19\PreVendas - Governo Diogo\CAPES\Infraestrutura\IN-02\IN-02 FULL.xlsx</t>
  </si>
  <si>
    <t>Jardini.xls</t>
  </si>
  <si>
    <t>D:\Backup 12-11-2019\Desktop - 12-11-19\PreVendas - Governo Diogo\CAPES\Infraestrutura\IN-02\Jardini.xls</t>
  </si>
  <si>
    <t>Jardini.xlsx</t>
  </si>
  <si>
    <t>D:\Backup 12-11-2019\Desktop - 12-11-19\PreVendas - Governo Diogo\CAPES\Infraestrutura\IN-02\Jardini.xlsx</t>
  </si>
  <si>
    <t>Planilhas da IN02.xlsx</t>
  </si>
  <si>
    <t>D:\Backup 12-11-2019\Desktop - 12-11-19\PreVendas - Governo Diogo\CAPES\Infraestrutura\IN-02\Planilhas da IN02.xlsx</t>
  </si>
  <si>
    <t>C:\Users\suelenmm\OneDrive - Grupo Algar\Desktop - 12-11-19\PreVendas - Governo Diogo\CAPES\Infraestrutura\Precificação\</t>
  </si>
  <si>
    <t>Atualizada.xlsb</t>
  </si>
  <si>
    <t>D:\Backup 12-11-2019\Desktop - 12-11-19\PreVendas - Governo Diogo\CAPES\Infraestrutura\Precificação\Atualizada.xlsb</t>
  </si>
  <si>
    <t>D:\Backup 12-11-2019\Desktop - 12-11-19\PreVendas - Governo Diogo\CAPES\Infraestrutura\Precificação\Cargos e Salários.xlsx</t>
  </si>
  <si>
    <t>Com Change V2.xlsb</t>
  </si>
  <si>
    <t>D:\Backup 12-11-2019\Desktop - 12-11-19\PreVendas - Governo Diogo\CAPES\Infraestrutura\Precificação\Com Change V2.xlsb</t>
  </si>
  <si>
    <t>Cotação V2.xlsx</t>
  </si>
  <si>
    <t>Com Change V3.xlsb</t>
  </si>
  <si>
    <t>D:\Backup 12-11-2019\Desktop - 12-11-19\PreVendas - Governo Diogo\CAPES\Infraestrutura\Precificação\Com Change V3.xlsb</t>
  </si>
  <si>
    <t>Com Change V4.xlsb</t>
  </si>
  <si>
    <t>D:\Backup 12-11-2019\Desktop - 12-11-19\PreVendas - Governo Diogo\CAPES\Infraestrutura\Precificação\Com Change V4.xlsb</t>
  </si>
  <si>
    <t>Com Change.xlsb</t>
  </si>
  <si>
    <t>D:\Backup 12-11-2019\Desktop - 12-11-19\PreVendas - Governo Diogo\CAPES\Infraestrutura\Precificação\Com Change.xlsb</t>
  </si>
  <si>
    <t>D:\Backup 12-11-2019\Desktop - 12-11-19\PreVendas - Governo Diogo\CAPES\Infraestrutura\Precificação\Desenho.xlsx</t>
  </si>
  <si>
    <t>D:\Backup 12-11-2019\Desktop - 12-11-19\PreVendas - Governo Diogo\CAPES\Infraestrutura\Precificação\Precificação com Adoção.xlsb</t>
  </si>
  <si>
    <t>C:\Users\suelenmm\OneDrive - Grupo Algar\Desktop - 12-11-19\PreVendas - Governo Diogo\CAPES\Infraestrutura\Pregão\</t>
  </si>
  <si>
    <t>Posicionamento.xlsx</t>
  </si>
  <si>
    <t>D:\Backup 12-11-2019\Desktop - 12-11-19\PreVendas - Governo Diogo\CAPES\Infraestrutura\Pregão\Posicionamento.xlsx</t>
  </si>
  <si>
    <t>C:\Users\suelenmm\OneDrive - Grupo Algar\Desktop - 12-11-19\PreVendas - Governo Diogo\CAPES\Infraestrutura\Repactuação\</t>
  </si>
  <si>
    <t>D:\Backup 12-11-2019\Desktop - 12-11-19\PreVendas - Governo Diogo\CAPES\Infraestrutura\Repactuação\Planilhas da IN02.xlsx</t>
  </si>
  <si>
    <t>C:\Users\suelenmm\OneDrive - Grupo Algar\Desktop - 12-11-19\PreVendas - Governo Diogo\CAPES\NOVO\Servicedesk\</t>
  </si>
  <si>
    <t>Estabilização Complementar.xlsb</t>
  </si>
  <si>
    <t>D:\Backup 12-11-2019\Desktop - 12-11-19\PreVendas - Governo Diogo\CAPES\NOVO\Servicedesk\Estabilização Complementar.xlsb</t>
  </si>
  <si>
    <t>Estabilização Regular.xlsb</t>
  </si>
  <si>
    <t>D:\Backup 12-11-2019\Desktop - 12-11-19\PreVendas - Governo Diogo\CAPES\NOVO\Servicedesk\Estabilização Regular.xlsb</t>
  </si>
  <si>
    <t>C:\Users\suelenmm\OneDrive - Grupo Algar\Desktop - 12-11-19\PreVendas - Governo Diogo\CAPES\NOVO\Servicedesk\Publicado\Comitê de Soluções - CAPES SD.pptx\</t>
  </si>
  <si>
    <t>D:\Backup 12-11-2019\Desktop - 12-11-19\PreVendas - Governo Diogo\CAPES\NOVO\Servicedesk\Publicado\Comitê de Soluções - CAPES SD.pptx</t>
  </si>
  <si>
    <t>C:\Users\suelenmm\OneDrive - Grupo Algar\Desktop - 12-11-19\PreVendas - Governo Diogo\CAPES\NOVO\Servicedesk\Publicado\</t>
  </si>
  <si>
    <t>dimensionamento.xlsx</t>
  </si>
  <si>
    <t>D:\Backup 12-11-2019\Desktop - 12-11-19\PreVendas - Governo Diogo\CAPES\NOVO\Servicedesk\Publicado\dimensionamento.xlsx</t>
  </si>
  <si>
    <t>Equipe de Suporte.xlsb</t>
  </si>
  <si>
    <t>D:\Backup 12-11-2019\Desktop - 12-11-19\PreVendas - Governo Diogo\CAPES\NOVO\Servicedesk\Publicado\Equipe de Suporte.xlsb</t>
  </si>
  <si>
    <t>D:\Backup 12-11-2019\Desktop - 12-11-19\PreVendas - Governo Diogo\CAPES\NOVO\Servicedesk\Publicado\Estabilização Complementar.xlsb</t>
  </si>
  <si>
    <t>D:\Backup 12-11-2019\Desktop - 12-11-19\PreVendas - Governo Diogo\CAPES\NOVO\Servicedesk\Publicado\Estabilização Regular.xlsb</t>
  </si>
  <si>
    <t>PCP - Cenários e Premissas - CAPES.xlsx</t>
  </si>
  <si>
    <t>D:\Backup 12-11-2019\Desktop - 12-11-19\PreVendas - Governo Diogo\CAPES\NOVO\Servicedesk\Publicado\PCP - Cenários e Premissas - CAPES.xlsx</t>
  </si>
  <si>
    <t>Perfis Profissionais.xlsx</t>
  </si>
  <si>
    <t>D:\Backup 12-11-2019\Desktop - 12-11-19\PreVendas - Governo Diogo\CAPES\NOVO\Servicedesk\Publicado\Perfis Profissionais.xlsx</t>
  </si>
  <si>
    <t>C:\Users\suelenmm\OneDrive - Grupo Algar\Desktop - 12-11-19\PreVendas - Governo Diogo\CEB\2017\Infra\Cotação\</t>
  </si>
  <si>
    <t>Cotaçãoxlsb.xlsb</t>
  </si>
  <si>
    <t>D:\Backup 12-11-2019\Desktop - 12-11-19\PreVendas - Governo Diogo\CEB\2017\Infra\Cotação\Cotaçãoxlsb.xlsb</t>
  </si>
  <si>
    <t>C:\Users\suelenmm\OneDrive - Grupo Algar\Desktop - 12-11-19\PreVendas - Governo Diogo\CEB\2017\Infra\Cotação\Cotaçãoxlsb.xlsb\</t>
  </si>
  <si>
    <t>C:\Users\suelenmm\OneDrive - Grupo Algar\Desktop - 12-11-19\PreVendas - Governo Diogo\CEB\2017\Infra\Publicado\</t>
  </si>
  <si>
    <t>Preço Infra - MC20.xlsb</t>
  </si>
  <si>
    <t>D:\Backup 12-11-2019\Desktop - 12-11-19\PreVendas - Governo Diogo\CEB\2017\Infra\Publicado\Preço Infra - MC20.xlsb</t>
  </si>
  <si>
    <t>C:\Users\suelenmm\OneDrive - Grupo Algar\Desktop - 12-11-19\PreVendas - Governo Diogo\CEB\2017\Infra\Publicado\Preço Infra - MC20.xlsb\</t>
  </si>
  <si>
    <t>Preço Infra.xlsb</t>
  </si>
  <si>
    <t>D:\Backup 12-11-2019\Desktop - 12-11-19\PreVendas - Governo Diogo\CEB\2017\Infra\Publicado\Preço Infra.xlsb</t>
  </si>
  <si>
    <t>C:\Users\suelenmm\OneDrive - Grupo Algar\Desktop - 12-11-19\PreVendas - Governo Diogo\CEB\2017\Infra\Publicado\Preço Infra.xlsb\</t>
  </si>
  <si>
    <t>Preço Projetos - MC20.xlsb</t>
  </si>
  <si>
    <t>D:\Backup 12-11-2019\Desktop - 12-11-19\PreVendas - Governo Diogo\CEB\2017\Infra\Publicado\Preço Projetos - MC20.xlsb</t>
  </si>
  <si>
    <t>C:\Users\suelenmm\OneDrive - Grupo Algar\Desktop - 12-11-19\PreVendas - Governo Diogo\CEB\2017\Infra\Publicado\Preço Projetos - MC20.xlsb\</t>
  </si>
  <si>
    <t>Preço Projetos.xlsb</t>
  </si>
  <si>
    <t>D:\Backup 12-11-2019\Desktop - 12-11-19\PreVendas - Governo Diogo\CEB\2017\Infra\Publicado\Preço Projetos.xlsb</t>
  </si>
  <si>
    <t>C:\Users\suelenmm\OneDrive - Grupo Algar\Desktop - 12-11-19\PreVendas - Governo Diogo\CEB\2017\Infra\Publicado\Preço Projetos.xlsb\</t>
  </si>
  <si>
    <t>Proposta - MC20.xlsx</t>
  </si>
  <si>
    <t>D:\Backup 12-11-2019\Desktop - 12-11-19\PreVendas - Governo Diogo\CEB\2017\Infra\Publicado\Proposta - MC20.xlsx</t>
  </si>
  <si>
    <t>Proposta.xlsx</t>
  </si>
  <si>
    <t>D:\Backup 12-11-2019\Desktop - 12-11-19\PreVendas - Governo Diogo\CEB\2017\Infra\Publicado\Proposta.xlsx</t>
  </si>
  <si>
    <t>C:\Users\suelenmm\OneDrive - Grupo Algar\Desktop - 12-11-19\PreVendas - Governo Diogo\CEB\Adesão\</t>
  </si>
  <si>
    <t>adoção.xlsx</t>
  </si>
  <si>
    <t>D:\Backup 12-11-2019\Desktop - 12-11-19\PreVendas - Governo Diogo\CEB\Adesão\adoção.xlsx</t>
  </si>
  <si>
    <t>Catálogo Revisado.xlsx</t>
  </si>
  <si>
    <t>D:\Backup 12-11-2019\Desktop - 12-11-19\PreVendas - Governo Diogo\CEB\Adesão\Catálogo Revisado.xlsx</t>
  </si>
  <si>
    <t>D:\Backup 12-11-2019\Desktop - 12-11-19\PreVendas - Governo Diogo\CEB\Adesão\Precificação com Adoção.xlsb</t>
  </si>
  <si>
    <t>C:\Users\suelenmm\OneDrive - Grupo Algar\Desktop - 12-11-19\PreVendas - Governo Diogo\CEB\Adesão\Comitês\Change - CEB Sustentação de Infraestrutura.ppt\s2\</t>
  </si>
  <si>
    <t>D:\Backup 12-11-2019\Desktop - 12-11-19\PreVendas - Governo Diogo\CEB\Adesão\Comitês\Change - CEB Sustentação de Infraestrutura.ppt</t>
  </si>
  <si>
    <t>C:\Users\suelenmm\OneDrive - Grupo Algar\Desktop - 12-11-19\PreVendas - Governo Diogo\CEB\Pregão\</t>
  </si>
  <si>
    <t>D:\Backup 12-11-2019\Desktop - 12-11-19\PreVendas - Governo Diogo\CEB\Pregão\dimensionamento Monitoramento.xlsx</t>
  </si>
  <si>
    <t>Planilha da Proposta.xlsx</t>
  </si>
  <si>
    <t>D:\Backup 12-11-2019\Desktop - 12-11-19\PreVendas - Governo Diogo\CEB\Pregão\Planilha da Proposta.xlsx</t>
  </si>
  <si>
    <t>Precificação com Adoção ano 2.xlsb</t>
  </si>
  <si>
    <t>D:\Backup 12-11-2019\Desktop - 12-11-19\PreVendas - Governo Diogo\CEB\Pregão\Precificação com Adoção ano 2.xlsb</t>
  </si>
  <si>
    <t>D:\Backup 12-11-2019\Desktop - 12-11-19\PreVendas - Governo Diogo\CEB\Pregão\Precificação com Adoção.xlsb</t>
  </si>
  <si>
    <t>D:\Backup 12-11-2019\Desktop - 12-11-19\PreVendas - Governo Diogo\CENTRUS\Cópia de Planilha de Preço - Serviços Gerenciados.xlsb</t>
  </si>
  <si>
    <t>D:\Backup 12-11-2019\Desktop - 12-11-19\PreVendas - Governo Diogo\CEPEL\BP1 6 Suporte Jr.xlsb</t>
  </si>
  <si>
    <t>D:\Backup 12-11-2019\Desktop - 12-11-19\PreVendas - Governo Diogo\CGU\Atividade Scripts.xlsb</t>
  </si>
  <si>
    <t>D:\Backup 12-11-2019\Desktop - 12-11-19\PreVendas - Governo Diogo\CGU\Atividades de Redes.xlsb</t>
  </si>
  <si>
    <t>C:\Users\suelenmm\OneDrive - Grupo Algar\Desktop - 12-11-19\PreVendas - Governo Diogo\CGU\2016\Infra\</t>
  </si>
  <si>
    <t>D:\Backup 12-11-2019\Desktop - 12-11-19\PreVendas - Governo Diogo\CGU\2016\Infra\cotação.xlsx</t>
  </si>
  <si>
    <t>C:\Users\suelenmm\OneDrive - Grupo Algar\Desktop - 12-11-19\PreVendas - Governo Diogo\CGU\2017\Cotação\</t>
  </si>
  <si>
    <t>Cotação 1.xlsx</t>
  </si>
  <si>
    <t>D:\Backup 12-11-2019\Desktop - 12-11-19\PreVendas - Governo Diogo\CGU\2017\Cotação\Cotação 1.xlsx</t>
  </si>
  <si>
    <t>C:\Users\suelenmm\OneDrive - Grupo Algar\Desktop - 12-11-19\PreVendas - Governo Diogo\CGU\2017\Cotação\Infra\</t>
  </si>
  <si>
    <t>Monitoramento 27-06.xlsx</t>
  </si>
  <si>
    <t>D:\Backup 12-11-2019\Desktop - 12-11-19\PreVendas - Governo Diogo\CGU\2017\Cotação\Infra\Monitoramento 27-06.xlsx</t>
  </si>
  <si>
    <t>C:\Users\suelenmm\OneDrive - Grupo Algar\Desktop - 12-11-19\PreVendas - Governo Diogo\CGU\2017\Edital\Infra\</t>
  </si>
  <si>
    <t>D:\Backup 12-11-2019\Desktop - 12-11-19\PreVendas - Governo Diogo\CGU\2017\Edital\Infra\BP Preço C010 B011 Desonerada.xlsb</t>
  </si>
  <si>
    <t>C:\Users\suelenmm\OneDrive - Grupo Algar\Desktop - 12-11-19\PreVendas - Governo Diogo\CGU\2017\Edital\Infra\BP Preço C010 B011 Desonerada.xlsb\</t>
  </si>
  <si>
    <t>CGU Revisado Operação-Novembro.xlsb</t>
  </si>
  <si>
    <t>D:\Backup 12-11-2019\Desktop - 12-11-19\PreVendas - Governo Diogo\CGU\2017\Edital\Infra\CGU Revisado Operação-Novembro.xlsb</t>
  </si>
  <si>
    <t>C:\Users\suelenmm\OneDrive - Grupo Algar\Desktop - 12-11-19\PreVendas - Governo Diogo\CGU\2017\Edital\Infra\CGU Revisado Operação-Novembro.xlsb\</t>
  </si>
  <si>
    <t>CGU Revisado Operação.xlsb</t>
  </si>
  <si>
    <t>D:\Backup 12-11-2019\Desktop - 12-11-19\PreVendas - Governo Diogo\CGU\2017\Edital\Infra\CGU Revisado Operação.xlsb</t>
  </si>
  <si>
    <t>C:\Users\suelenmm\OneDrive - Grupo Algar\Desktop - 12-11-19\PreVendas - Governo Diogo\CGU\2017\Edital\Infra\CGU Revisado Operação.xlsb\</t>
  </si>
  <si>
    <t>C:\Users\suelenmm\OneDrive - Grupo Algar\Desktop - 12-11-19\PreVendas - Governo Diogo\CGU\2017\Edital\SD\</t>
  </si>
  <si>
    <t>BP Preço C010 B010.xlsb</t>
  </si>
  <si>
    <t>D:\Backup 12-11-2019\Desktop - 12-11-19\PreVendas - Governo Diogo\CGU\2017\Edital\SD\BP Preço C010 B010.xlsb</t>
  </si>
  <si>
    <t>C:\Users\suelenmm\OneDrive - Grupo Algar\Desktop - 12-11-19\PreVendas - Governo Diogo\CGU\2017\Edital\SD\BP Preço C010 B010.xlsb\</t>
  </si>
  <si>
    <t>D:\Backup 12-11-2019\Desktop - 12-11-19\PreVendas - Governo Diogo\CGU\2017\Edital\SD\Cenário 1.xlsb</t>
  </si>
  <si>
    <t>C:\Users\suelenmm\OneDrive - Grupo Algar\Desktop - 12-11-19\PreVendas - Governo Diogo\CGU\2017\Edital\SD\Cenário 1.xlsb\</t>
  </si>
  <si>
    <t>D:\Backup 12-11-2019\Desktop - 12-11-19\PreVendas - Governo Diogo\CGU\2017\Edital\SD\Cenário 2.xlsb</t>
  </si>
  <si>
    <t>C:\Users\suelenmm\OneDrive - Grupo Algar\Desktop - 12-11-19\PreVendas - Governo Diogo\CGU\2017\Edital\SD\Cenário 2.xlsb\</t>
  </si>
  <si>
    <t>Cenário 3.xlsb</t>
  </si>
  <si>
    <t>D:\Backup 12-11-2019\Desktop - 12-11-19\PreVendas - Governo Diogo\CGU\2017\Edital\SD\Cenário 3.xlsb</t>
  </si>
  <si>
    <t>C:\Users\suelenmm\OneDrive - Grupo Algar\Desktop - 12-11-19\PreVendas - Governo Diogo\CGU\2017\Edital\SD\Cenário 3.xlsb\</t>
  </si>
  <si>
    <t>Compartilhado 10.xlsb</t>
  </si>
  <si>
    <t>D:\Backup 12-11-2019\Desktop - 12-11-19\PreVendas - Governo Diogo\CGU\2017\Edital\SD\Compartilhado 10.xlsb</t>
  </si>
  <si>
    <t>C:\Users\suelenmm\OneDrive - Grupo Algar\Desktop - 12-11-19\PreVendas - Governo Diogo\CGU\2017\Edital\SD\Compartilhado 10.xlsb\</t>
  </si>
  <si>
    <t>Compartilhado 16.xlsb</t>
  </si>
  <si>
    <t>D:\Backup 12-11-2019\Desktop - 12-11-19\PreVendas - Governo Diogo\CGU\2017\Edital\SD\Compartilhado 16.xlsb</t>
  </si>
  <si>
    <t>C:\Users\suelenmm\OneDrive - Grupo Algar\Desktop - 12-11-19\PreVendas - Governo Diogo\CGU\2017\Edital\SD\Compartilhado 16.xlsb\</t>
  </si>
  <si>
    <t>Compartilhado 23.xlsb</t>
  </si>
  <si>
    <t>D:\Backup 12-11-2019\Desktop - 12-11-19\PreVendas - Governo Diogo\CGU\2017\Edital\SD\Compartilhado 23.xlsb</t>
  </si>
  <si>
    <t>C:\Users\suelenmm\OneDrive - Grupo Algar\Desktop - 12-11-19\PreVendas - Governo Diogo\CGU\2017\Edital\SD\Compartilhado 23.xlsb\</t>
  </si>
  <si>
    <t>Custo Torre Onerado.xlsb</t>
  </si>
  <si>
    <t>D:\Backup 12-11-2019\Desktop - 12-11-19\PreVendas - Governo Diogo\CGU\2017\Edital\SD\Custo Torre Onerado.xlsb</t>
  </si>
  <si>
    <t>C:\Users\suelenmm\OneDrive - Grupo Algar\Desktop - 12-11-19\PreVendas - Governo Diogo\CGU\2017\Edital\SD\Custo Torre Onerado.xlsb\</t>
  </si>
  <si>
    <t>Custo Torre VPL Ano 1 50%.xlsb</t>
  </si>
  <si>
    <t>D:\Backup 12-11-2019\Desktop - 12-11-19\PreVendas - Governo Diogo\CGU\2017\Edital\SD\Custo Torre VPL Ano 1 50%.xlsb</t>
  </si>
  <si>
    <t>C:\Users\suelenmm\OneDrive - Grupo Algar\Desktop - 12-11-19\PreVendas - Governo Diogo\CGU\2017\Edital\SD\Custo Torre VPL Ano 1 50%.xlsb\</t>
  </si>
  <si>
    <t>Custo Torre VPL Ano 1.xlsb</t>
  </si>
  <si>
    <t>D:\Backup 12-11-2019\Desktop - 12-11-19\PreVendas - Governo Diogo\CGU\2017\Edital\SD\Custo Torre VPL Ano 1.xlsb</t>
  </si>
  <si>
    <t>C:\Users\suelenmm\OneDrive - Grupo Algar\Desktop - 12-11-19\PreVendas - Governo Diogo\CGU\2017\Edital\SD\Custo Torre VPL Ano 1.xlsb\</t>
  </si>
  <si>
    <t>Custo Torre.xlsb</t>
  </si>
  <si>
    <t>D:\Backup 12-11-2019\Desktop - 12-11-19\PreVendas - Governo Diogo\CGU\2017\Edital\SD\Custo Torre.xlsb</t>
  </si>
  <si>
    <t>C:\Users\suelenmm\OneDrive - Grupo Algar\Desktop - 12-11-19\PreVendas - Governo Diogo\CGU\2017\Edital\SD\Custo Torre.xlsb\</t>
  </si>
  <si>
    <t>C:\Users\suelenmm\OneDrive - Grupo Algar\Desktop - 12-11-19\PreVendas - Governo Diogo\CGU\2018\SD\Cotação\</t>
  </si>
  <si>
    <t>D:\Backup 12-11-2019\Desktop - 12-11-19\PreVendas - Governo Diogo\CGU\2018\SD\Cotação\Cotação.xlsx</t>
  </si>
  <si>
    <t>C:\Users\suelenmm\OneDrive - Grupo Algar\Desktop - 12-11-19\PreVendas - Governo Diogo\CGU\2018\SD\Publicado\</t>
  </si>
  <si>
    <t>Pricing CGU.xlsx</t>
  </si>
  <si>
    <t>D:\Backup 12-11-2019\Desktop - 12-11-19\PreVendas - Governo Diogo\CGU\2018\SD\Publicado\Pricing CGU.xlsx</t>
  </si>
  <si>
    <t>C:\Users\suelenmm\OneDrive - Grupo Algar\Desktop - 12-11-19\PreVendas - Governo Diogo\CGU\2019\</t>
  </si>
  <si>
    <t>D:\Backup 12-11-2019\Desktop - 12-11-19\PreVendas - Governo Diogo\CGU\2019\cotação.xlsx</t>
  </si>
  <si>
    <t>C:\Users\suelenmm\OneDrive - Grupo Algar\Desktop - 12-11-19\PreVendas - Governo Diogo\CGU\Supressao\</t>
  </si>
  <si>
    <t>suporte local.xlsb</t>
  </si>
  <si>
    <t>D:\Backup 12-11-2019\Desktop - 12-11-19\PreVendas - Governo Diogo\CGU\Supressao\suporte local.xlsb</t>
  </si>
  <si>
    <t>D:\Backup 12-11-2019\Desktop - 12-11-19\PreVendas - Governo Diogo\CHS Sorocaba\Cotacao.xlsb</t>
  </si>
  <si>
    <t>D:\Backup 12-11-2019\Desktop - 12-11-19\PreVendas - Governo Diogo\Cidadão Digital\BP_Matheus.xlsb</t>
  </si>
  <si>
    <t>D:\Backup 12-11-2019\Desktop - 12-11-19\PreVendas - Governo Diogo\Cidadão Digital\Indicadores BP.xlsx</t>
  </si>
  <si>
    <t>D:\Backup 12-11-2019\Desktop - 12-11-19\PreVendas - Governo Diogo\CJF\Pontos Relevantes.xlsx</t>
  </si>
  <si>
    <t>C:\Users\suelenmm\OneDrive - Grupo Algar\Desktop - 12-11-19\PreVendas - Governo Diogo\CJF\2014\Infraestrutura\</t>
  </si>
  <si>
    <t>C&amp;R.xlsx</t>
  </si>
  <si>
    <t>D:\Backup 12-11-2019\Desktop - 12-11-19\PreVendas - Governo Diogo\CJF\2014\Infraestrutura\C&amp;R.xlsx</t>
  </si>
  <si>
    <t>CJF Estudos Preliminares.xlsx</t>
  </si>
  <si>
    <t>D:\Backup 12-11-2019\Desktop - 12-11-19\PreVendas - Governo Diogo\CJF\2014\Infraestrutura\CJF Estudos Preliminares.xlsx</t>
  </si>
  <si>
    <t>CJF Final.xlsx</t>
  </si>
  <si>
    <t>D:\Backup 12-11-2019\Desktop - 12-11-19\PreVendas - Governo Diogo\CJF\2014\Infraestrutura\CJF Final.xlsx</t>
  </si>
  <si>
    <t>Curva de OPEX.xlsx</t>
  </si>
  <si>
    <t>D:\Backup 12-11-2019\Desktop - 12-11-19\PreVendas - Governo Diogo\CJF\2014\Infraestrutura\Curva de OPEX.xlsx</t>
  </si>
  <si>
    <t>Estratificação da Adoção.xlsx</t>
  </si>
  <si>
    <t>D:\Backup 12-11-2019\Desktop - 12-11-19\PreVendas - Governo Diogo\CJF\2014\Infraestrutura\Estratificação da Adoção.xlsx</t>
  </si>
  <si>
    <t>Lote 1.xlsb</t>
  </si>
  <si>
    <t>D:\Backup 12-11-2019\Desktop - 12-11-19\PreVendas - Governo Diogo\CJF\2014\Infraestrutura\Lote 1.xlsb</t>
  </si>
  <si>
    <t>Lote 2.xlsb</t>
  </si>
  <si>
    <t>D:\Backup 12-11-2019\Desktop - 12-11-19\PreVendas - Governo Diogo\CJF\2014\Infraestrutura\Lote 2.xlsb</t>
  </si>
  <si>
    <t>C:\Users\suelenmm\OneDrive - Grupo Algar\Desktop - 12-11-19\PreVendas - Governo Diogo\ITAIPU\</t>
  </si>
  <si>
    <t>C:\Users\suelenmm\OneDrive - Grupo Algar\Desktop - 12-11-19\PreVendas - Governo Diogo\ITAIPU\Preço.xlsb\</t>
  </si>
  <si>
    <t>Lote 3.xlsb</t>
  </si>
  <si>
    <t>D:\Backup 12-11-2019\Desktop - 12-11-19\PreVendas - Governo Diogo\CJF\2014\Infraestrutura\Lote 3.xlsb</t>
  </si>
  <si>
    <t>C:\Users\suelenmm\OneDrive - Grupo Algar\Desktop - 12-11-19\PreVendas - Governo Diogo\CJF\2014\Segurança\</t>
  </si>
  <si>
    <t>Item 1.xlsb</t>
  </si>
  <si>
    <t>D:\Backup 12-11-2019\Desktop - 12-11-19\PreVendas - Governo Diogo\CJF\2014\Segurança\Item 1.xlsb</t>
  </si>
  <si>
    <t>C:\Users\suelenmm\OneDrive - Grupo Algar\Desktop - 12-11-19\PreVendas - Governo Diogo\CJF\2016\SD\Pré Publicação\05-2016\</t>
  </si>
  <si>
    <t>D:\Backup 12-11-2019\Desktop - 12-11-19\PreVendas - Governo Diogo\CJF\2016\SD\Pré Publicação\05-2016\Cotação.xlsx</t>
  </si>
  <si>
    <t>C:\Users\suelenmm\OneDrive - Grupo Algar\Desktop - 12-11-19\PreVendas - Governo Diogo\CJF\2016\SD\Publicado\</t>
  </si>
  <si>
    <t>D:\Backup 12-11-2019\Desktop - 12-11-19\PreVendas - Governo Diogo\CJF\2016\SD\Publicado\BP.xlsb</t>
  </si>
  <si>
    <t>C:\Users\suelenmm\OneDrive - Grupo Algar\Desktop - 12-11-19\PreVendas - Governo Diogo\CJF\2016\SD\Publicado\BP.xlsb\</t>
  </si>
  <si>
    <t>C:\Users\suelenmm\OneDrive - Grupo Algar\Desktop - 12-11-19\PreVendas - Governo Diogo\CJF\2016\SD\Publicado\Republicado\</t>
  </si>
  <si>
    <t>D:\Backup 12-11-2019\Desktop - 12-11-19\PreVendas - Governo Diogo\CJF\2016\SD\Publicado\Republicado\BP.xlsb</t>
  </si>
  <si>
    <t>C:\Users\suelenmm\OneDrive - Grupo Algar\Desktop - 12-11-19\PreVendas - Governo Diogo\CJF\2016\SD\Publicado\Republicado\BP.xlsb\</t>
  </si>
  <si>
    <t>Insumos.xlsx</t>
  </si>
  <si>
    <t>D:\Backup 12-11-2019\Desktop - 12-11-19\PreVendas - Governo Diogo\CJF\2016\SD\Publicado\Republicado\Insumos.xlsx</t>
  </si>
  <si>
    <t>C:\Users\suelenmm\OneDrive - Grupo Algar\Desktop - 12-11-19\PreVendas - Governo Diogo\CJF\2019\Infra\Cotação\</t>
  </si>
  <si>
    <t>Pricing 04-04.xlsx</t>
  </si>
  <si>
    <t>D:\Backup 12-11-2019\Desktop - 12-11-19\PreVendas - Governo Diogo\CJF\2019\Infra\Cotação\Pricing 04-04.xlsx</t>
  </si>
  <si>
    <t>D:\Backup 12-11-2019\Desktop - 12-11-19\PreVendas - Governo Diogo\CMOC\Recorrente.xlsb</t>
  </si>
  <si>
    <t>D:\Backup 12-11-2019\Desktop - 12-11-19\PreVendas - Governo Diogo\CMOC\SETUP.xlsb</t>
  </si>
  <si>
    <t>D:\Backup 12-11-2019\Desktop - 12-11-19\PreVendas - Governo Diogo\CNEN RJ\BP.xlsb</t>
  </si>
  <si>
    <t>C:\Users\suelenmm\OneDrive - Grupo Algar\Desktop - 12-11-19\PreVendas - Governo Diogo\CNJ\2015\Infra\</t>
  </si>
  <si>
    <t>Cópia de BP de Preços Projetos _Nova Início - V 2015-6-009.xlsb</t>
  </si>
  <si>
    <t>D:\Backup 12-11-2019\Desktop - 12-11-19\PreVendas - Governo Diogo\CNJ\2015\Infra\Cópia de BP de Preços Projetos _Nova Início - V 2015-6-009.xlsb</t>
  </si>
  <si>
    <t>C:\Users\suelenmm\OneDrive - Grupo Algar\Desktop - 12-11-19\PreVendas - Governo Diogo\CNJ\2015\Infra\republicado\</t>
  </si>
  <si>
    <t>D:\Backup 12-11-2019\Desktop - 12-11-19\PreVendas - Governo Diogo\CNJ\2015\Infra\republicado\Cópia de BP de Preços Projetos _Nova Início - V 2015-6-009.xlsb</t>
  </si>
  <si>
    <t>D:\Backup 12-11-2019\Desktop - 12-11-19\PreVendas - Governo Diogo\CNJ\2015\Infra\republicado\Desenho.xlsx</t>
  </si>
  <si>
    <t>IN-02-Diogo_note.xls</t>
  </si>
  <si>
    <t>D:\Backup 12-11-2019\Desktop - 12-11-19\PreVendas - Governo Diogo\CNJ\2015\Infra\republicado\IN-02-Diogo_note.xls</t>
  </si>
  <si>
    <t>IN-02.xls</t>
  </si>
  <si>
    <t>D:\Backup 12-11-2019\Desktop - 12-11-19\PreVendas - Governo Diogo\CNJ\2015\Infra\republicado\IN-02.xls</t>
  </si>
  <si>
    <t>C:\Users\suelenmm\OneDrive - Grupo Algar\Desktop - 12-11-19\PreVendas - Governo Diogo\CNJ\2017\SD\</t>
  </si>
  <si>
    <t>D:\Backup 12-11-2019\Desktop - 12-11-19\PreVendas - Governo Diogo\CNJ\2017\SD\BP Preço C010 B009.xlsb</t>
  </si>
  <si>
    <t>C:\Users\suelenmm\OneDrive - Grupo Algar\Desktop - 12-11-19\PreVendas - Governo Diogo\CNJ\2017\SD\BP Preço C010 B009.xlsb\</t>
  </si>
  <si>
    <t>desonerado.xlsb</t>
  </si>
  <si>
    <t>D:\Backup 12-11-2019\Desktop - 12-11-19\PreVendas - Governo Diogo\CNJ\2017\SD\desonerado.xlsb</t>
  </si>
  <si>
    <t>C:\Users\suelenmm\OneDrive - Grupo Algar\Desktop - 12-11-19\PreVendas - Governo Diogo\CNJ\2017\SD\desonerado.xlsb\</t>
  </si>
  <si>
    <t>IN02 - GERAL.xlsx</t>
  </si>
  <si>
    <t>D:\Backup 12-11-2019\Desktop - 12-11-19\PreVendas - Governo Diogo\CNJ\2017\SD\IN02 - GERAL.xlsx</t>
  </si>
  <si>
    <t>Pasta de trabalho1.xlsx</t>
  </si>
  <si>
    <t>D:\Backup 12-11-2019\Desktop - 12-11-19\PreVendas - Governo Diogo\CNJ\2017\SD\Pasta de trabalho1.xlsx</t>
  </si>
  <si>
    <t>C:\Users\suelenmm\OneDrive - Grupo Algar\Desktop - 12-11-19\PreVendas - Governo Diogo\CNJ\2017\SD\Republicado\</t>
  </si>
  <si>
    <t>144406 - 2017 - CNJ SD - Novembro.xlsb</t>
  </si>
  <si>
    <t>D:\Backup 12-11-2019\Desktop - 12-11-19\PreVendas - Governo Diogo\CNJ\2017\SD\Republicado\144406 - 2017 - CNJ SD - Novembro.xlsb</t>
  </si>
  <si>
    <t>C:\Users\suelenmm\OneDrive - Grupo Algar\Desktop - 12-11-19\PreVendas - Governo Diogo\CNJ\2017\SD\Republicado\144406 - 2017 - CNJ SD - Novembro.xlsb\</t>
  </si>
  <si>
    <t>C:\Users\suelenmm\OneDrive - Grupo Algar\Desktop - 12-11-19\PreVendas - Governo Diogo\CNJ\2017\SD\Republicado\CNJ_-_Pregão_Eletrônico_nº_22%2f2017_-_Edital_e_esclarecimentos.zip\</t>
  </si>
  <si>
    <t>Planilha_de_Formacao_de_Precos_TIC_v2.xls</t>
  </si>
  <si>
    <t>D:\Backup 12-11-2019\Desktop - 12-11-19\PreVendas - Governo Diogo\CNJ\2017\SD\Republicado\CNJ_-_Pregão_Eletrônico_nº_22%2f2017_-_Edital_e_esclarecimentos.zip</t>
  </si>
  <si>
    <t>Cópia de BP Preço C010 B011 Desonerada.xlsb</t>
  </si>
  <si>
    <t>D:\Backup 12-11-2019\Desktop - 12-11-19\PreVendas - Governo Diogo\CNJ\2017\SD\Republicado\Cópia de BP Preço C010 B011 Desonerada.xlsb</t>
  </si>
  <si>
    <t>C:\Users\suelenmm\OneDrive - Grupo Algar\Desktop - 12-11-19\PreVendas - Governo Diogo\CNJ\2017\SD\Republicado\Cópia de BP Preço C010 B011 Desonerada.xlsb\</t>
  </si>
  <si>
    <t>C:\Users\suelenmm\OneDrive - Grupo Algar\Desktop - 12-11-19\PreVendas - Governo Diogo\CNJ\2017\SD\Republicado\CNJ_-_Pregão_Eletrônico_nº_22%2f2017_-_Edital_e_esclarecimentos\</t>
  </si>
  <si>
    <t>D:\Backup 12-11-2019\Desktop - 12-11-19\PreVendas - Governo Diogo\CNJ\2017\SD\Republicado\CNJ_-_Pregão_Eletrônico_nº_22%2f2017_-_Edital_e_esclarecimentos\Planilha_de_Formacao_de_Precos_TIC_v2.xls</t>
  </si>
  <si>
    <t>Planilha_de_Formacao_de_Precos_TIC_v3.xls</t>
  </si>
  <si>
    <t>D:\Backup 12-11-2019\Desktop - 12-11-19\PreVendas - Governo Diogo\CNJ\2017\SD\Republicado\CNJ_-_Pregão_Eletrônico_nº_22%2f2017_-_Edital_e_esclarecimentos\Planilha_de_Formacao_de_Precos_TIC_v3.xls</t>
  </si>
  <si>
    <t>C:\Users\suelenmm\OneDrive - Grupo Algar\Desktop - 12-11-19\PreVendas - Governo Diogo\CNJ\2019\Emergencial Segurança\</t>
  </si>
  <si>
    <t>BP de Preço.xlsb</t>
  </si>
  <si>
    <t>D:\Backup 12-11-2019\Desktop - 12-11-19\PreVendas - Governo Diogo\CNJ\2019\Emergencial Segurança\BP de Preço.xlsb</t>
  </si>
  <si>
    <t>C:\Users\suelenmm\OneDrive - Grupo Algar\Desktop - 12-11-19\PreVendas - Governo Diogo\CNJ\2019\Emergencial Segurança\BP de Preço.xlsb\</t>
  </si>
  <si>
    <t>NC 2329-17 Anexo III - Planilha de Preços.xls</t>
  </si>
  <si>
    <t>C:\Users\suelenmm\OneDrive - Grupo Algar\Desktop - 12-11-19\PreVendas - Governo Diogo\CNJ\2019\INFRA ADITIVO\</t>
  </si>
  <si>
    <t>BP Aditivo CNJ Sobreaviso.xlsb</t>
  </si>
  <si>
    <t>D:\Backup 12-11-2019\Desktop - 12-11-19\PreVendas - Governo Diogo\CNJ\2019\INFRA ADITIVO\BP Aditivo CNJ Sobreaviso.xlsb</t>
  </si>
  <si>
    <t>C:\Users\suelenmm\OneDrive - Grupo Algar\Desktop - 12-11-19\PreVendas - Governo Diogo\CNJ\2019\INFRA ADITIVO\BP Aditivo CNJ Sobreaviso.xlsb\</t>
  </si>
  <si>
    <t>BP de Preço Recuperado.xlsb</t>
  </si>
  <si>
    <t>D:\Backup 12-11-2019\Desktop - 12-11-19\PreVendas - Governo Diogo\CNJ\2019\INFRA ADITIVO\BP de Preço Recuperado.xlsb</t>
  </si>
  <si>
    <t>C:\Users\suelenmm\OneDrive - Grupo Algar\Desktop - 12-11-19\PreVendas - Governo Diogo\CNJ\2019\INFRA ADITIVO\BP de Preço Recuperado.xlsb\</t>
  </si>
  <si>
    <t>D:\Backup 12-11-2019\Desktop - 12-11-19\PreVendas - Governo Diogo\CNJ\2019\INFRA ADITIVO\BP de Preço.xlsb</t>
  </si>
  <si>
    <t>C:\Users\suelenmm\OneDrive - Grupo Algar\Desktop - 12-11-19\PreVendas - Governo Diogo\CNJ\2019\INFRA ADITIVO\BP de Preço.xlsb\</t>
  </si>
  <si>
    <t>D:\Backup 12-11-2019\Desktop - 12-11-19\PreVendas - Governo Diogo\CNJ\2019\INFRA ADITIVO\IN-02.xls</t>
  </si>
  <si>
    <t>C:\Users\suelenmm\OneDrive - Grupo Algar\Desktop - 12-11-19\PreVendas - Governo Diogo\CNJ\2019\Monitoramento\</t>
  </si>
  <si>
    <t>BP CNJ NOC.xlsb</t>
  </si>
  <si>
    <t>D:\Backup 12-11-2019\Desktop - 12-11-19\PreVendas - Governo Diogo\CNJ\2019\Monitoramento\BP CNJ NOC.xlsb</t>
  </si>
  <si>
    <t>C:\Users\suelenmm\OneDrive - Grupo Algar\Desktop - 12-11-19\PreVendas - Governo Diogo\CNJ\2019\Monitoramento\BP CNJ NOC.xlsb\</t>
  </si>
  <si>
    <t>Dimensionamento NOC - CNJ.xlsx</t>
  </si>
  <si>
    <t>D:\Backup 12-11-2019\Desktop - 12-11-19\PreVendas - Governo Diogo\CNJ\2019\Monitoramento\Dimensionamento NOC - CNJ.xlsx</t>
  </si>
  <si>
    <t>C:\Users\suelenmm\OneDrive - Grupo Algar\Desktop - 12-11-19\PreVendas - Governo Diogo\CNJ\2019\Monitoramento\Cotação\</t>
  </si>
  <si>
    <t>Cópia de BP Preço C012 B013 Desonerada.xlsb</t>
  </si>
  <si>
    <t>D:\Backup 12-11-2019\Desktop - 12-11-19\PreVendas - Governo Diogo\CNJ\2019\Monitoramento\Cotação\Cópia de BP Preço C012 B013 Desonerada.xlsb</t>
  </si>
  <si>
    <t>C:\Users\suelenmm\OneDrive - Grupo Algar\Desktop - 12-11-19\PreVendas - Governo Diogo\CNJ\2019\Monitoramento\Cotação\Cópia de BP Preço C012 B013 Desonerada.xlsb\</t>
  </si>
  <si>
    <t>C:\Users\suelenmm\OneDrive - Grupo Algar\Desktop - 12-11-19\PreVendas - Governo Diogo\CNJ\2019\Repactuação INFRA\</t>
  </si>
  <si>
    <t>BP Repactuação Consolidado.xlsb</t>
  </si>
  <si>
    <t>D:\Backup 12-11-2019\Desktop - 12-11-19\PreVendas - Governo Diogo\CNJ\2019\Repactuação INFRA\BP Repactuação Consolidado.xlsb</t>
  </si>
  <si>
    <t>C:\Users\suelenmm\OneDrive - Grupo Algar\Desktop - 12-11-19\PreVendas - Governo Diogo\CNJ\2019\Repactuação INFRA\BP Repactuação Consolidado.xlsb\</t>
  </si>
  <si>
    <t>C:\Users\suelenmm\OneDrive - Grupo Algar\Desktop - 12-11-19\PreVendas - Governo Diogo\CNJ\2019\SD Aditivo\</t>
  </si>
  <si>
    <t>Aditivo 6x1150.xlsb</t>
  </si>
  <si>
    <t>D:\Backup 12-11-2019\Desktop - 12-11-19\PreVendas - Governo Diogo\CNJ\2019\SD Aditivo\Aditivo 6x1150.xlsb</t>
  </si>
  <si>
    <t>C:\Users\suelenmm\OneDrive - Grupo Algar\Desktop - 12-11-19\PreVendas - Governo Diogo\CNJ\2019\SD Aditivo\Aditivo 6x1150.xlsb\</t>
  </si>
  <si>
    <t>C:\Users\suelenmm\OneDrive - Grupo Algar\Desktop - 12-11-19\PreVendas - Governo Diogo\CNJ\Pre-Publicação\</t>
  </si>
  <si>
    <t>BP.xlsm</t>
  </si>
  <si>
    <t>D:\Backup 12-11-2019\Desktop - 12-11-19\PreVendas - Governo Diogo\CNJ\Pre-Publicação\BP.xlsm</t>
  </si>
  <si>
    <t>C:\Users\suelenmm\OneDrive - Grupo Algar\Desktop - 12-11-19\PreVendas - Governo Diogo\CNJ\Publicado\</t>
  </si>
  <si>
    <t>D:\Backup 12-11-2019\Desktop - 12-11-19\PreVendas - Governo Diogo\CNJ\Publicado\Planilha de Preço - Serviços Gerenciados.xlsb</t>
  </si>
  <si>
    <t>D:\Backup 12-11-2019\Desktop - 12-11-19\PreVendas - Governo Diogo\CNJ\Publicado\Premissas.xlsx</t>
  </si>
  <si>
    <t>D:\Backup 12-11-2019\Desktop - 12-11-19\PreVendas - Governo Diogo\CNMP\Racional.xlsx</t>
  </si>
  <si>
    <t>D:\Backup 12-11-2019\Desktop - 12-11-19\PreVendas - Governo Diogo\CNPq\CNPq.1.zip</t>
  </si>
  <si>
    <t>C:\Users\suelenmm\OneDrive - Grupo Algar\Desktop - 12-11-19\PreVendas - Governo Diogo\CNPq\2016\</t>
  </si>
  <si>
    <t>D:\Backup 12-11-2019\Desktop - 12-11-19\PreVendas - Governo Diogo\CNPq\2016\Desenho.xlsx</t>
  </si>
  <si>
    <t>LOTE 1 - IN02.xlsx</t>
  </si>
  <si>
    <t>D:\Backup 12-11-2019\Desktop - 12-11-19\PreVendas - Governo Diogo\CNPq\2016\LOTE 1 - IN02.xlsx</t>
  </si>
  <si>
    <t>LOTE 2 - IN02.xlsx</t>
  </si>
  <si>
    <t>D:\Backup 12-11-2019\Desktop - 12-11-19\PreVendas - Governo Diogo\CNPq\2016\LOTE 2 - IN02.xlsx</t>
  </si>
  <si>
    <t>LOTE 3 - IN02.xlsx</t>
  </si>
  <si>
    <t>D:\Backup 12-11-2019\Desktop - 12-11-19\PreVendas - Governo Diogo\CNPq\2016\LOTE 3 - IN02.xlsx</t>
  </si>
  <si>
    <t>Lote I.xlsb</t>
  </si>
  <si>
    <t>D:\Backup 12-11-2019\Desktop - 12-11-19\PreVendas - Governo Diogo\CNPq\2016\Lote I.xlsb</t>
  </si>
  <si>
    <t>Lote II.xlsb</t>
  </si>
  <si>
    <t>D:\Backup 12-11-2019\Desktop - 12-11-19\PreVendas - Governo Diogo\CNPq\2016\Lote II.xlsb</t>
  </si>
  <si>
    <t>C:\Users\suelenmm\OneDrive - Grupo Algar\Desktop - 12-11-19\PreVendas - Governo Diogo\CNPq\2018\</t>
  </si>
  <si>
    <t>1. DESENHO_SOLUÇÃO_SG_TI_V10.3.xlsx</t>
  </si>
  <si>
    <t>D:\Backup 12-11-2019\Desktop - 12-11-19\PreVendas - Governo Diogo\CNPq\2018\1. DESENHO_SOLUÇÃO_SG_TI_V10.3.xlsx</t>
  </si>
  <si>
    <t>bckp.xlsx</t>
  </si>
  <si>
    <t>D:\Backup 12-11-2019\Desktop - 12-11-19\PreVendas - Governo Diogo\CNPq\2018\bckp.xlsx</t>
  </si>
  <si>
    <t>BP CNPq - BROADCOM.xlsb</t>
  </si>
  <si>
    <t>D:\Backup 12-11-2019\Desktop - 12-11-19\PreVendas - Governo Diogo\CNPq\2018\BP CNPq - BROADCOM.xlsb</t>
  </si>
  <si>
    <t>C:\Users\suelenmm\OneDrive - Grupo Algar\Desktop - 12-11-19\PreVendas - Governo Diogo\CNPq\2018\BP CNPq - BROADCOM.xlsb\</t>
  </si>
  <si>
    <t>BP CNPq.xlsb</t>
  </si>
  <si>
    <t>D:\Backup 12-11-2019\Desktop - 12-11-19\PreVendas - Governo Diogo\CNPq\2018\BP CNPq.xlsb</t>
  </si>
  <si>
    <t>C:\Users\suelenmm\OneDrive - Grupo Algar\Desktop - 12-11-19\PreVendas - Governo Diogo\CNPq\2018\BP CNPq.xlsb\</t>
  </si>
  <si>
    <t>CNPq - GIAT SD.xlsx</t>
  </si>
  <si>
    <t>D:\Backup 12-11-2019\Desktop - 12-11-19\PreVendas - Governo Diogo\CNPq\2018\CNPq - GIAT SD.xlsx</t>
  </si>
  <si>
    <t>Dimensionamento NOC_2018 v1.0.xlsx</t>
  </si>
  <si>
    <t>D:\Backup 12-11-2019\Desktop - 12-11-19\PreVendas - Governo Diogo\CNPq\2018\Dimensionamento NOC_2018 v1.0.xlsx</t>
  </si>
  <si>
    <t>FINAL CNPq - GIAT SD.xlsx</t>
  </si>
  <si>
    <t>D:\Backup 12-11-2019\Desktop - 12-11-19\PreVendas - Governo Diogo\CNPq\2018\FINAL CNPq - GIAT SD.xlsx</t>
  </si>
  <si>
    <t>C:\Users\suelenmm\OneDrive - Grupo Algar\Desktop - 12-11-19\PreVendas - Governo Diogo\CNPq\2019\Análise CNPJ Infra\</t>
  </si>
  <si>
    <t>Impactos.xlsx</t>
  </si>
  <si>
    <t>D:\Backup 12-11-2019\Desktop - 12-11-19\PreVendas - Governo Diogo\CNPq\2019\Análise CNPJ Infra\Impactos.xlsx</t>
  </si>
  <si>
    <t>C:\Users\suelenmm\OneDrive - Grupo Algar\Desktop - 12-11-19\PreVendas - Governo Diogo\CNPq\CNPq.1\</t>
  </si>
  <si>
    <t>Formulário de Proposta Comercial - Lote 4.xls</t>
  </si>
  <si>
    <t>D:\Backup 12-11-2019\Desktop - 12-11-19\PreVendas - Governo Diogo\CNPq\CNPq.1\Formulário de Proposta Comercial - Lote 4.xls</t>
  </si>
  <si>
    <t>C:\Users\suelenmm\OneDrive - Grupo Algar\Desktop - 12-11-19\PreVendas - Governo Diogo\CNPq\CNPq.1 2\</t>
  </si>
  <si>
    <t>D:\Backup 12-11-2019\Desktop - 12-11-19\PreVendas - Governo Diogo\CNPq\CNPq.1 2\2.1 - ADMINISTRADOR DE BANCO DE DADOS.xlsx</t>
  </si>
  <si>
    <t>D:\Backup 12-11-2019\Desktop - 12-11-19\PreVendas - Governo Diogo\CNPq\CNPq.1 2\2.2 - ANALISTA DE MIDLEWARE.xlsx</t>
  </si>
  <si>
    <t>D:\Backup 12-11-2019\Desktop - 12-11-19\PreVendas - Governo Diogo\CNPq\CNPq.1 2\2.3 - ANALISTA DE INTERNET_WEB.xlsx</t>
  </si>
  <si>
    <t>2.4 - ANALISTA DE MENSAGERIA E COLABORAÇÃO.xlsx</t>
  </si>
  <si>
    <t>D:\Backup 12-11-2019\Desktop - 12-11-19\PreVendas - Governo Diogo\CNPq\CNPq.1 2\2.4 - ANALISTA DE MENSAGERIA E COLABORAÇÃO.xlsx</t>
  </si>
  <si>
    <t>D:\Backup 12-11-2019\Desktop - 12-11-19\PreVendas - Governo Diogo\CNPq\CNPq.1 2\Formulário de Proposta Comercial - Lote 4.xls</t>
  </si>
  <si>
    <t>C:\Users\suelenmm\OneDrive - Grupo Algar\Desktop - 12-11-19\PreVendas - Governo Diogo\CODEVASF\2019\Republicado\</t>
  </si>
  <si>
    <t>Cálculos USTs.xlsx</t>
  </si>
  <si>
    <t>D:\Backup 12-11-2019\Desktop - 12-11-19\PreVendas - Governo Diogo\CODEVASF\2019\Republicado\Cálculos USTs.xlsx</t>
  </si>
  <si>
    <t>D:\Backup 12-11-2019\Desktop - 12-11-19\PreVendas - Governo Diogo\CODEVASF\2019\Republicado\Plan Precificacao C017 B017.xlsb</t>
  </si>
  <si>
    <t>C:\Users\suelenmm\OneDrive - Grupo Algar\Desktop - 12-11-19\PreVendas - Governo Diogo\CODEVASF\2019\Republicado\Plan Precificacao C017 B017.xlsb\</t>
  </si>
  <si>
    <t>C:\Users\suelenmm\OneDrive - Grupo Algar\Desktop - 12-11-19\PreVendas - Governo Diogo\ITAÚ\</t>
  </si>
  <si>
    <t>SIZING + Resumo.xlsx</t>
  </si>
  <si>
    <t>D:\Backup 12-11-2019\Desktop - 12-11-19\PreVendas - Governo Diogo\CODEVASF\2019\Republicado\Preço.xlsb</t>
  </si>
  <si>
    <t>C:\Users\suelenmm\OneDrive - Grupo Algar\Desktop - 12-11-19\PreVendas - Governo Diogo\CODEVASF\2019\Republicado\Preço.xlsb\</t>
  </si>
  <si>
    <t>C:\Users\suelenmm\OneDrive - Grupo Algar\Desktop - 12-11-19\PreVendas - Governo Diogo\Compucenter\Rollout Bodyshop\</t>
  </si>
  <si>
    <t>Computacenter - Bodyshop - Rollout.xlsb</t>
  </si>
  <si>
    <t>D:\Backup 12-11-2019\Desktop - 12-11-19\PreVendas - Governo Diogo\Compucenter\Rollout Bodyshop\Computacenter - Bodyshop - Rollout.xlsb</t>
  </si>
  <si>
    <t>C:\Users\suelenmm\OneDrive - Grupo Algar\Desktop - 12-11-19\PreVendas - Governo Diogo\Compucenter\Rollout Bodyshop\Computacenter - Bodyshop - Rollout.xlsb\</t>
  </si>
  <si>
    <t>D:\Backup 12-11-2019\Desktop - 12-11-19\PreVendas - Governo Diogo\CPFL\BP Central Algar.xlsb</t>
  </si>
  <si>
    <t>D:\Backup 12-11-2019\Desktop - 12-11-19\PreVendas - Governo Diogo\CPFL\BP Preço C010 B011 Desonerada.xlsb</t>
  </si>
  <si>
    <t>D:\Backup 12-11-2019\Desktop - 12-11-19\PreVendas - Governo Diogo\CPFL\Duvidas_Respostas_CPFL.XLSX</t>
  </si>
  <si>
    <t>D:\Backup 12-11-2019\Desktop - 12-11-19\PreVendas - Governo Diogo\CPFL\Sizing.xlsx</t>
  </si>
  <si>
    <t>D:\Backup 12-11-2019\Desktop - 12-11-19\PreVendas - Governo Diogo\CPFL\TI Operação - Base .xlsx</t>
  </si>
  <si>
    <t>C:\Users\suelenmm\OneDrive - Grupo Algar\Desktop - 12-11-19\PreVendas - Governo Diogo\CPFL\Revisão 3\</t>
  </si>
  <si>
    <t>CPFL Cenário 02_v4_BP Preço C010 B011 Desonerada.xlsb</t>
  </si>
  <si>
    <t>D:\Backup 12-11-2019\Desktop - 12-11-19\PreVendas - Governo Diogo\CPFL\Revisão 3\CPFL Cenário 02_v4_BP Preço C010 B011 Desonerada.xlsb</t>
  </si>
  <si>
    <t>C:\Users\suelenmm\OneDrive - Grupo Algar\Desktop - 12-11-19\PreVendas - Governo Diogo\CPFL\Revisão 3\CPFL Cenário 02_v4_BP Preço C010 B011 Desonerada.xlsb\</t>
  </si>
  <si>
    <t>CPFL Cenário 02_v4_REV3.xlsb</t>
  </si>
  <si>
    <t>D:\Backup 12-11-2019\Desktop - 12-11-19\PreVendas - Governo Diogo\CPFL\Revisão 3\CPFL Cenário 02_v4_REV3.xlsb</t>
  </si>
  <si>
    <t>C:\Users\suelenmm\OneDrive - Grupo Algar\Desktop - 12-11-19\PreVendas - Governo Diogo\CPFL\Revisão 3\CPFL Cenário 02_v4_REV3.xlsb\</t>
  </si>
  <si>
    <t>D:\Backup 12-11-2019\Desktop - 12-11-19\PreVendas - Governo Diogo\CPRM\Racionais.xlsx</t>
  </si>
  <si>
    <t>D:\Backup 12-11-2019\Desktop - 12-11-19\PreVendas - Governo Diogo\CREA-SP\BP_Final_36_Meses.xlsb</t>
  </si>
  <si>
    <t>C:\Users\suelenmm\OneDrive - Grupo Algar\Desktop - 12-11-19\PreVendas - Governo Diogo\Cyrella\BS Field\</t>
  </si>
  <si>
    <t>Cyrella BS FS.xlsb</t>
  </si>
  <si>
    <t>D:\Backup 12-11-2019\Desktop - 12-11-19\PreVendas - Governo Diogo\Cyrella\BS Field\Cyrella BS FS.xlsb</t>
  </si>
  <si>
    <t>C:\Users\suelenmm\OneDrive - Grupo Algar\Desktop - 12-11-19\PreVendas - Governo Diogo\Cyrella\BS Field\Cyrella BS FS.xlsb\</t>
  </si>
  <si>
    <t>D:\Backup 12-11-2019\Desktop - 12-11-19\PreVendas - Governo Diogo\Câmara\Cópia de Planilha de Preço - Serviços Gerenciados.xlsb</t>
  </si>
  <si>
    <t>D:\Backup 12-11-2019\Desktop - 12-11-19\PreVendas - Governo Diogo\Câmara\Pasta1.xlsx</t>
  </si>
  <si>
    <t>D:\Backup 12-11-2019\Desktop - 12-11-19\PreVendas - Governo Diogo\Câmara\Planilha de Preço - Serviços Gerenciados.xlsb</t>
  </si>
  <si>
    <t>D:\Backup 12-11-2019\Desktop - 12-11-19\PreVendas - Governo Diogo\Câmara\Preço - Serviços Gerenciados COM PBM Aux. Alim..xlsb</t>
  </si>
  <si>
    <t>D:\Backup 12-11-2019\Desktop - 12-11-19\PreVendas - Governo Diogo\Câmara\Preço - Serviços Gerenciados COM PBM.xlsb</t>
  </si>
  <si>
    <t>D:\Backup 12-11-2019\Desktop - 12-11-19\PreVendas - Governo Diogo\Câmara\Preço - Serviços Gerenciados SEM PBM.xlsb</t>
  </si>
  <si>
    <t>C:\Users\suelenmm\OneDrive - Grupo Algar\Desktop - 12-11-19\PreVendas - Governo Diogo\Câmara\Atualizado\</t>
  </si>
  <si>
    <t>ABERTO - Planilha de Preço - Serviços Gerenciados V2.xlsb</t>
  </si>
  <si>
    <t>D:\Backup 12-11-2019\Desktop - 12-11-19\PreVendas - Governo Diogo\Câmara\Atualizado\ABERTO - Planilha de Preço - Serviços Gerenciados V2.xlsb</t>
  </si>
  <si>
    <t>ABERTO - SEM MENOR E INSS.xlsb</t>
  </si>
  <si>
    <t>D:\Backup 12-11-2019\Desktop - 12-11-19\PreVendas - Governo Diogo\Câmara\Atualizado\ABERTO - SEM MENOR E INSS.xlsb</t>
  </si>
  <si>
    <t>custos câmara.xlsx</t>
  </si>
  <si>
    <t>D:\Backup 12-11-2019\Desktop - 12-11-19\PreVendas - Governo Diogo\Câmara\Atualizado\custos câmara.xlsx</t>
  </si>
  <si>
    <t>Planilha de Preço - Serviços Gerenciados V2.xlsb</t>
  </si>
  <si>
    <t>D:\Backup 12-11-2019\Desktop - 12-11-19\PreVendas - Governo Diogo\Câmara\Atualizado\Planilha de Preço - Serviços Gerenciados V2.xlsb</t>
  </si>
  <si>
    <t>C:\Users\suelenmm\OneDrive - Grupo Algar\Desktop - 12-11-19\PreVendas - Governo Diogo\Câmara\Cervello SaaS\</t>
  </si>
  <si>
    <t>1.2 Parametrização.xlsb</t>
  </si>
  <si>
    <t>D:\Backup 12-11-2019\Desktop - 12-11-19\PreVendas - Governo Diogo\Câmara\Cervello SaaS\1.2 Parametrização.xlsb</t>
  </si>
  <si>
    <t>1.3 1.4 1.5 Treinamentos.xlsb</t>
  </si>
  <si>
    <t>D:\Backup 12-11-2019\Desktop - 12-11-19\PreVendas - Governo Diogo\Câmara\Cervello SaaS\1.3 1.4 1.5 Treinamentos.xlsb</t>
  </si>
  <si>
    <t>D:\Backup 12-11-2019\Desktop - 12-11-19\PreVendas - Governo Diogo\Câmara\Cervello SaaS\Consolidado.xlsx</t>
  </si>
  <si>
    <t>Licenças.xlsb</t>
  </si>
  <si>
    <t>D:\Backup 12-11-2019\Desktop - 12-11-19\PreVendas - Governo Diogo\Câmara\Cervello SaaS\Licenças.xlsb</t>
  </si>
  <si>
    <t>C:\Users\suelenmm\OneDrive - Grupo Algar\Desktop - 12-11-19\PreVendas - Governo Diogo\Câmara\Igor\</t>
  </si>
  <si>
    <t>D:\Backup 12-11-2019\Desktop - 12-11-19\PreVendas - Governo Diogo\Câmara\Igor\Cópia de Planilha de Preço - Serviços Gerenciados.xlsb</t>
  </si>
  <si>
    <t>DRE.xlsx</t>
  </si>
  <si>
    <t>D:\Backup 12-11-2019\Desktop - 12-11-19\PreVendas - Governo Diogo\Câmara\Igor\DRE.xlsx</t>
  </si>
  <si>
    <t>Matriz Favorabilidade.xlsx</t>
  </si>
  <si>
    <t>D:\Backup 12-11-2019\Desktop - 12-11-19\PreVendas - Governo Diogo\Câmara\Igor\Matriz Favorabilidade.xlsx</t>
  </si>
  <si>
    <t>D:\Backup 12-11-2019\Desktop - 12-11-19\PreVendas - Governo Diogo\Câmara Legislativa\BP.xlsb</t>
  </si>
  <si>
    <t>C:\Users\suelenmm\OneDrive - Grupo Algar\Desktop - 12-11-19\PreVendas - Governo Diogo\Datasus\2013\</t>
  </si>
  <si>
    <t>Catálogo.xlsx</t>
  </si>
  <si>
    <t>D:\Backup 12-11-2019\Desktop - 12-11-19\PreVendas - Governo Diogo\Datasus\2013\Catálogo.xlsx</t>
  </si>
  <si>
    <t>Dimensionamento Produtividade.xlsx</t>
  </si>
  <si>
    <t>D:\Backup 12-11-2019\Desktop - 12-11-19\PreVendas - Governo Diogo\Datasus\2013\Dimensionamento Produtividade.xlsx</t>
  </si>
  <si>
    <t>Preço.xlsm</t>
  </si>
  <si>
    <t>D:\Backup 12-11-2019\Desktop - 12-11-19\PreVendas - Governo Diogo\Datasus\2013\Preço.xlsm</t>
  </si>
  <si>
    <t>C:\Users\suelenmm\OneDrive - Grupo Algar\Desktop - 12-11-19\PreVendas - Governo Diogo\Datasus\2017\SD\</t>
  </si>
  <si>
    <t>D:\Backup 12-11-2019\Desktop - 12-11-19\PreVendas - Governo Diogo\Datasus\2017\SD\Auxiliar.xlsx</t>
  </si>
  <si>
    <t>D:\Backup 12-11-2019\Desktop - 12-11-19\PreVendas - Governo Diogo\Datasus\2017\SD\BP Preço C009 B009.xlsb</t>
  </si>
  <si>
    <t>C:\Users\suelenmm\OneDrive - Grupo Algar\Desktop - 12-11-19\PreVendas - Governo Diogo\Datasus\2017\SD\BP Preço C009 B009.xlsb\</t>
  </si>
  <si>
    <t>C:\Users\suelenmm\OneDrive - Grupo Algar\Desktop - 12-11-19\PreVendas - Governo Diogo\Datasus\Assessoria\Pré Publicação\Documentos Enviados\</t>
  </si>
  <si>
    <t>Catálogo Macro.xlsx</t>
  </si>
  <si>
    <t>D:\Backup 12-11-2019\Desktop - 12-11-19\PreVendas - Governo Diogo\Datasus\Assessoria\Pré Publicação\Documentos Enviados\Catálogo Macro.xlsx</t>
  </si>
  <si>
    <t>C:\Users\suelenmm\OneDrive - Grupo Algar\Desktop - 12-11-19\PreVendas - Governo Diogo\Datasus\Cotação\</t>
  </si>
  <si>
    <t>Cotação 2018.xlsx</t>
  </si>
  <si>
    <t>D:\Backup 12-11-2019\Desktop - 12-11-19\PreVendas - Governo Diogo\Datasus\Cotação\Cotação 2018.xlsx</t>
  </si>
  <si>
    <t>Desenho Cotação.xlsx</t>
  </si>
  <si>
    <t>D:\Backup 12-11-2019\Desktop - 12-11-19\PreVendas - Governo Diogo\Datasus\Cotação\Desenho Cotação.xlsx</t>
  </si>
  <si>
    <t>D:\Backup 12-11-2019\Desktop - 12-11-19\PreVendas - Governo Diogo\DETRAN SP\Cotação.xlsx</t>
  </si>
  <si>
    <t>C:\Users\suelenmm\OneDrive - Grupo Algar\Desktop - 12-11-19\PreVendas - Governo Diogo\DNIT\2019\Cotação\</t>
  </si>
  <si>
    <t>D:\Backup 12-11-2019\Desktop - 12-11-19\PreVendas - Governo Diogo\DNIT\2019\Cotação\Cotação.xlsx</t>
  </si>
  <si>
    <t>D:\Backup 12-11-2019\Desktop - 12-11-19\PreVendas - Governo Diogo\Documentação de Apoio\Cargos e Salários.xlsx</t>
  </si>
  <si>
    <t>D:\Backup 12-11-2019\Desktop - 12-11-19\PreVendas - Governo Diogo\Documentação de Apoio\Departamental - set11.xlsx</t>
  </si>
  <si>
    <t>D:\Backup 12-11-2019\Desktop - 12-11-19\PreVendas - Governo Diogo\Documentação de Apoio\dimensionamento Monitoramento.xlsx</t>
  </si>
  <si>
    <t>D:\Backup 12-11-2019\Desktop - 12-11-19\PreVendas - Governo Diogo\Documentação de Apoio\Impacto X Urgência.xlsx</t>
  </si>
  <si>
    <t>D:\Backup 12-11-2019\Desktop - 12-11-19\PreVendas - Governo Diogo\Documentação de Apoio\IN-02.xlsx</t>
  </si>
  <si>
    <t>D:\Backup 12-11-2019\Desktop - 12-11-19\PreVendas - Governo Diogo\Documentação de Apoio\Intradiario DIOGO.xls</t>
  </si>
  <si>
    <t>D:\Backup 12-11-2019\Desktop - 12-11-19\PreVendas - Governo Diogo\Documentação de Apoio\Planilha de Custos - Resumo e IN-02.xlsx</t>
  </si>
  <si>
    <t>D:\Backup 12-11-2019\Desktop - 12-11-19\PreVendas - Governo Diogo\Documentação de Apoio\Precificação com Adoção.xlsb</t>
  </si>
  <si>
    <t>D:\Backup 12-11-2019\Desktop - 12-11-19\PreVendas - Governo Diogo\Documentação de Apoio\Proposta de Resumo Executivo_v2.xlsx</t>
  </si>
  <si>
    <t>D:\Backup 12-11-2019\Desktop - 12-11-19\PreVendas - Governo Diogo\Documentação de Apoio\Simulação REAJUSTE.xlsx</t>
  </si>
  <si>
    <t>D:\Backup 12-11-2019\Desktop - 12-11-19\PreVendas - Governo Diogo\Documentação de Apoio\Sist. Precificação TI - BPO - BSA.xlsb</t>
  </si>
  <si>
    <t>C:\Users\suelenmm\OneDrive - Grupo Algar\Desktop - 12-11-19\PreVendas - Governo Diogo\Documentação de Apoio\Apoio a TR\</t>
  </si>
  <si>
    <t>SLA Infra.xlsx</t>
  </si>
  <si>
    <t>D:\Backup 12-11-2019\Desktop - 12-11-19\PreVendas - Governo Diogo\Documentação de Apoio\Apoio a TR\SLA Infra.xlsx</t>
  </si>
  <si>
    <t>D:\Backup 12-11-2019\Desktop - 12-11-19\PreVendas - Governo Diogo\DPDF\BP Preço C009 B009.xlsb</t>
  </si>
  <si>
    <t>D:\Backup 12-11-2019\Desktop - 12-11-19\PreVendas - Governo Diogo\DPDF\Desenho.xlsx</t>
  </si>
  <si>
    <t>D:\Backup 12-11-2019\Desktop - 12-11-19\PreVendas - Governo Diogo\DPDF\Preço Final.xlsb</t>
  </si>
  <si>
    <t>D:\Backup 12-11-2019\Desktop - 12-11-19\PreVendas - Governo Diogo\DPF\Anexo 1 - Detalhe das macro-atividades.xlsx</t>
  </si>
  <si>
    <t>C:\Users\suelenmm\OneDrive - Grupo Algar\Desktop - 12-11-19\PreVendas - Governo Diogo\DPF\2015\</t>
  </si>
  <si>
    <t>D:\Backup 12-11-2019\Desktop - 12-11-19\PreVendas - Governo Diogo\DPF\2015\Desenho.xlsx</t>
  </si>
  <si>
    <t>C:\Users\suelenmm\OneDrive - Grupo Algar\Desktop - 12-11-19\PreVendas - Governo Diogo\DPF\2015\INC\</t>
  </si>
  <si>
    <t>D:\Backup 12-11-2019\Desktop - 12-11-19\PreVendas - Governo Diogo\DPF\2015\INC\PS.xlsb</t>
  </si>
  <si>
    <t>D:\Backup 12-11-2019\Desktop - 12-11-19\PreVendas - Governo Diogo\DPF\2015\INC\SD.xlsb</t>
  </si>
  <si>
    <t>C:\Users\suelenmm\OneDrive - Grupo Algar\Desktop - 12-11-19\PreVendas - Governo Diogo\DPF\2015\Publicado Suporte e Infra\Republicado\</t>
  </si>
  <si>
    <t>BP CA 2017.xlsb</t>
  </si>
  <si>
    <t>D:\Backup 12-11-2019\Desktop - 12-11-19\PreVendas - Governo Diogo\DPF\2015\Publicado Suporte e Infra\Republicado\BP CA 2017.xlsb</t>
  </si>
  <si>
    <t>BP Cenário Aprovado.xlsb</t>
  </si>
  <si>
    <t>D:\Backup 12-11-2019\Desktop - 12-11-19\PreVendas - Governo Diogo\DPF\2015\Publicado Suporte e Infra\Republicado\BP Cenário Aprovado.xlsb</t>
  </si>
  <si>
    <t>BP Change 18-01-2016.xlsb</t>
  </si>
  <si>
    <t>D:\Backup 12-11-2019\Desktop - 12-11-19\PreVendas - Governo Diogo\DPF\2015\Publicado Suporte e Infra\Republicado\BP Change 18-01-2016.xlsb</t>
  </si>
  <si>
    <t>BP Change 22-12-2015.xlsb</t>
  </si>
  <si>
    <t>D:\Backup 12-11-2019\Desktop - 12-11-19\PreVendas - Governo Diogo\DPF\2015\Publicado Suporte e Infra\Republicado\BP Change 22-12-2015.xlsb</t>
  </si>
  <si>
    <t>BP Change CA Completa 36 meses.xlsb</t>
  </si>
  <si>
    <t>D:\Backup 12-11-2019\Desktop - 12-11-19\PreVendas - Governo Diogo\DPF\2015\Publicado Suporte e Infra\Republicado\BP Change CA Completa 36 meses.xlsb</t>
  </si>
  <si>
    <t>BP Change Implantação CA 2016 - 1,2MM.xlsb</t>
  </si>
  <si>
    <t>D:\Backup 12-11-2019\Desktop - 12-11-19\PreVendas - Governo Diogo\DPF\2015\Publicado Suporte e Infra\Republicado\BP Change Implantação CA 2016 - 1,2MM.xlsb</t>
  </si>
  <si>
    <t>BP Change Implantação CA 2016 - 744K.xlsb</t>
  </si>
  <si>
    <t>D:\Backup 12-11-2019\Desktop - 12-11-19\PreVendas - Governo Diogo\DPF\2015\Publicado Suporte e Infra\Republicado\BP Change Implantação CA 2016 - 744K.xlsb</t>
  </si>
  <si>
    <t>BP Change Implantação CA 2016 656k.xlsb</t>
  </si>
  <si>
    <t>D:\Backup 12-11-2019\Desktop - 12-11-19\PreVendas - Governo Diogo\DPF\2015\Publicado Suporte e Infra\Republicado\BP Change Implantação CA 2016 656k.xlsb</t>
  </si>
  <si>
    <t>BP Change Implantação CA 2016.xlsb</t>
  </si>
  <si>
    <t>D:\Backup 12-11-2019\Desktop - 12-11-19\PreVendas - Governo Diogo\DPF\2015\Publicado Suporte e Infra\Republicado\BP Change Implantação CA 2016.xlsb</t>
  </si>
  <si>
    <t>BP Change Pessoas.xlsb</t>
  </si>
  <si>
    <t>D:\Backup 12-11-2019\Desktop - 12-11-19\PreVendas - Governo Diogo\DPF\2015\Publicado Suporte e Infra\Republicado\BP Change Pessoas.xlsb</t>
  </si>
  <si>
    <t>Diferença link.xlsx</t>
  </si>
  <si>
    <t>D:\Backup 12-11-2019\Desktop - 12-11-19\PreVendas - Governo Diogo\DPF\2015\Publicado Suporte e Infra\Republicado\Diferença link.xlsx</t>
  </si>
  <si>
    <t>D:\Backup 12-11-2019\Desktop - 12-11-19\PreVendas - Governo Diogo\DPF\2015\Publicado Suporte e Infra\Republicado\IN-02.xls</t>
  </si>
  <si>
    <t>C:\Users\suelenmm\OneDrive - Grupo Algar\Desktop - 12-11-19\PreVendas - Governo Diogo\DPF\2015\SRDPF SP\</t>
  </si>
  <si>
    <t>D:\Backup 12-11-2019\Desktop - 12-11-19\PreVendas - Governo Diogo\DPF\2015\SRDPF SP\BP.xlsb</t>
  </si>
  <si>
    <t>C:\Users\suelenmm\OneDrive - Grupo Algar\Desktop - 12-11-19\PreVendas - Governo Diogo\DPF\2016\EP\</t>
  </si>
  <si>
    <t>BP-EP.xlsb</t>
  </si>
  <si>
    <t>D:\Backup 12-11-2019\Desktop - 12-11-19\PreVendas - Governo Diogo\DPF\2016\EP\BP-EP.xlsb</t>
  </si>
  <si>
    <t>C:\Users\suelenmm\OneDrive - Grupo Algar\Desktop - 12-11-19\PreVendas - Governo Diogo\DPF\2017\Field + N3 Unidades\</t>
  </si>
  <si>
    <t>D:\Backup 12-11-2019\Desktop - 12-11-19\PreVendas - Governo Diogo\DPF\2017\Field + N3 Unidades\Consolidado.xlsx</t>
  </si>
  <si>
    <t>Suporte Jr.xlsb</t>
  </si>
  <si>
    <t>D:\Backup 12-11-2019\Desktop - 12-11-19\PreVendas - Governo Diogo\DPF\2017\Field + N3 Unidades\Suporte Jr.xlsb</t>
  </si>
  <si>
    <t>C:\Users\suelenmm\OneDrive - Grupo Algar\Desktop - 12-11-19\PreVendas - Governo Diogo\DPF\2017\Field + N3 Unidades\Suporte Jr.xlsb\</t>
  </si>
  <si>
    <t>C:\Users\suelenmm\OneDrive - Grupo Algar\Desktop - 12-11-19\PreVendas - Governo Diogo\DPF\2017\Field + N3 Unidades\SRSE\</t>
  </si>
  <si>
    <t>N2.xlsb</t>
  </si>
  <si>
    <t>D:\Backup 12-11-2019\Desktop - 12-11-19\PreVendas - Governo Diogo\DPF\2017\Field + N3 Unidades\SRSE\N2.xlsb</t>
  </si>
  <si>
    <t>C:\Users\suelenmm\OneDrive - Grupo Algar\Desktop - 12-11-19\PreVendas - Governo Diogo\DPF\2017\Field + N3 Unidades\SRSE\N2.xlsb\</t>
  </si>
  <si>
    <t>N3.xlsb</t>
  </si>
  <si>
    <t>D:\Backup 12-11-2019\Desktop - 12-11-19\PreVendas - Governo Diogo\DPF\2017\Field + N3 Unidades\SRSE\N3.xlsb</t>
  </si>
  <si>
    <t>C:\Users\suelenmm\OneDrive - Grupo Algar\Desktop - 12-11-19\PreVendas - Governo Diogo\DPF\2017\Field + N3 Unidades\SRSE\N3.xlsb\</t>
  </si>
  <si>
    <t>D:\Backup 12-11-2019\Desktop - 12-11-19\PreVendas - Governo Diogo\DPF\2017\Field + N3 Unidades\SRSE\Cenário 2\N2.xlsb</t>
  </si>
  <si>
    <t>D:\Backup 12-11-2019\Desktop - 12-11-19\PreVendas - Governo Diogo\DPF\2017\Field + N3 Unidades\SRSE\Cenário 2\N3.xlsb</t>
  </si>
  <si>
    <t>C:\Users\suelenmm\OneDrive - Grupo Algar\Desktop - 12-11-19\PreVendas - Governo Diogo\DPF\2018\EP\</t>
  </si>
  <si>
    <t>VPL zero.xlsb</t>
  </si>
  <si>
    <t>D:\Backup 12-11-2019\Desktop - 12-11-19\PreVendas - Governo Diogo\DPF\2018\EP\VPL zero.xlsb</t>
  </si>
  <si>
    <t>C:\Users\suelenmm\OneDrive - Grupo Algar\Desktop - 12-11-19\PreVendas - Governo Diogo\DPF\2018\EP\VPL zero.xlsb\</t>
  </si>
  <si>
    <t>C:\Users\suelenmm\OneDrive - Grupo Algar\Desktop - 12-11-19\PreVendas - Governo Diogo\DPF\2018\EP\Cotação\</t>
  </si>
  <si>
    <t>D:\Backup 12-11-2019\Desktop - 12-11-19\PreVendas - Governo Diogo\DPF\2018\EP\Cotação\Racional.xlsx</t>
  </si>
  <si>
    <t>C:\Users\suelenmm\OneDrive - Grupo Algar\Desktop - 12-11-19\PreVendas - Governo Diogo\DPF\2018\Suporte RJ\</t>
  </si>
  <si>
    <t>Habilitação.xlsx</t>
  </si>
  <si>
    <t>D:\Backup 12-11-2019\Desktop - 12-11-19\PreVendas - Governo Diogo\DPF\2018\Suporte RJ\Habilitação.xlsx</t>
  </si>
  <si>
    <t>C:\Users\suelenmm\OneDrive - Grupo Algar\Desktop - 12-11-19\PreVendas - Governo Diogo\DPF\2019\aditivo\</t>
  </si>
  <si>
    <t>Levantamento_aditivo_pf.xlsx</t>
  </si>
  <si>
    <t>D:\Backup 12-11-2019\Desktop - 12-11-19\PreVendas - Governo Diogo\DPF\2019\aditivo\Levantamento_aditivo_pf.xlsx</t>
  </si>
  <si>
    <t>racional.xlsx</t>
  </si>
  <si>
    <t>D:\Backup 12-11-2019\Desktop - 12-11-19\PreVendas - Governo Diogo\DPF\2019\aditivo\racional.xlsx</t>
  </si>
  <si>
    <t>C:\Users\suelenmm\OneDrive - Grupo Algar\Desktop - 12-11-19\PreVendas - Governo Diogo\DPF\Repactuação\Lote 4\Lote 4.zip\Lote 4\5,49%\</t>
  </si>
  <si>
    <t>2 - Lote 4 - ConsolidaaÌâˆ†o dos preaÌos.xls</t>
  </si>
  <si>
    <t>D:\Backup 12-11-2019\Desktop - 12-11-19\PreVendas - Governo Diogo\DPF\Repactuação\Lote 4\Lote 4.zip</t>
  </si>
  <si>
    <t>2.1 - Lote 4 - Assistente de Gerente de Projetos.xlsx</t>
  </si>
  <si>
    <t>2.2 - Lote 4 - Gerente de Projetos Pleno.xlsx</t>
  </si>
  <si>
    <t>2.3 - Lote 4 - Coordenador de Projetos.xlsx</t>
  </si>
  <si>
    <t>C:\Users\suelenmm\OneDrive - Grupo Algar\Desktop - 12-11-19\PreVendas - Governo Diogo\DPF\Repactuação\Lote 4\Lote 4.zip\Lote 4\7%\</t>
  </si>
  <si>
    <t>C:\Users\suelenmm\OneDrive - Grupo Algar\Desktop - 12-11-19\PreVendas - Governo Diogo\DPF\Repactuação\Lote 4\Lote 4.zip\Lote 4\Original\</t>
  </si>
  <si>
    <t>C:\Users\suelenmm\OneDrive - Grupo Algar\Desktop - 12-11-19\PreVendas - Governo Diogo\DPF\Repactuação\Lote 4\5,49%\</t>
  </si>
  <si>
    <t>2 - Lote 4 - Consolidaá∆o dos preáos.xls</t>
  </si>
  <si>
    <t>D:\Backup 12-11-2019\Desktop - 12-11-19\PreVendas - Governo Diogo\DPF\Repactuação\Lote 4\5,49%\2 - Lote 4 - Consolidaá∆o dos preáos.xls</t>
  </si>
  <si>
    <t>D:\Backup 12-11-2019\Desktop - 12-11-19\PreVendas - Governo Diogo\DPF\Repactuação\Lote 4\5,49%\2.1 - Lote 4 - Assistente de Gerente de Projetos.xlsx</t>
  </si>
  <si>
    <t>D:\Backup 12-11-2019\Desktop - 12-11-19\PreVendas - Governo Diogo\DPF\Repactuação\Lote 4\5,49%\2.2 - Lote 4 - Gerente de Projetos Pleno.xlsx</t>
  </si>
  <si>
    <t>C:\Users\suelenmm\OneDrive - Grupo Algar\Desktop - 12-11-19\PreVendas - Governo Diogo\DPF\Repactuação\Lote 4\7%\</t>
  </si>
  <si>
    <t>D:\Backup 12-11-2019\Desktop - 12-11-19\PreVendas - Governo Diogo\DPF\Repactuação\Lote 4\7%\2 - Lote 4 - Consolidaá∆o dos preáos.xls</t>
  </si>
  <si>
    <t>D:\Backup 12-11-2019\Desktop - 12-11-19\PreVendas - Governo Diogo\DPF\Repactuação\Lote 4\7%\2.1 - Lote 4 - Assistente de Gerente de Projetos.xlsx</t>
  </si>
  <si>
    <t>D:\Backup 12-11-2019\Desktop - 12-11-19\PreVendas - Governo Diogo\DPF\Repactuação\Lote 4\7%\2.2 - Lote 4 - Gerente de Projetos Pleno.xlsx</t>
  </si>
  <si>
    <t>D:\Backup 12-11-2019\Desktop - 12-11-19\PreVendas - Governo Diogo\DPF\Repactuação\Lote 4\7%\2.3 - Lote 4 - Coordenador de Projetos.xlsx</t>
  </si>
  <si>
    <t>C:\Users\suelenmm\OneDrive - Grupo Algar\Desktop - 12-11-19\PreVendas - Governo Diogo\DPF\Repactuação\Lote 4\Original\</t>
  </si>
  <si>
    <t>D:\Backup 12-11-2019\Desktop - 12-11-19\PreVendas - Governo Diogo\DPF\Repactuação\Lote 4\Original\2 - Lote 4 - Consolidaá∆o dos preáos.xls</t>
  </si>
  <si>
    <t>D:\Backup 12-11-2019\Desktop - 12-11-19\PreVendas - Governo Diogo\DPF\Repactuação\Lote 4\Original\2.1 - Lote 4 - Assistente de Gerente de Projetos.xlsx</t>
  </si>
  <si>
    <t>D:\Backup 12-11-2019\Desktop - 12-11-19\PreVendas - Governo Diogo\DPF\Repactuação\Lote 4\Original\2.2 - Lote 4 - Gerente de Projetos Pleno.xlsx</t>
  </si>
  <si>
    <t>D:\Backup 12-11-2019\Desktop - 12-11-19\PreVendas - Governo Diogo\DPF\Repactuação\Lote 4\Original\2.3 - Lote 4 - Coordenador de Projetos.xlsx</t>
  </si>
  <si>
    <t>D:\Backup 12-11-2019\Desktop - 12-11-19\PreVendas - Governo Diogo\DPRF\cotação.xlsx</t>
  </si>
  <si>
    <t>C:\Users\suelenmm\OneDrive - Grupo Algar\Desktop - 12-11-19\PreVendas - Governo Diogo\DPRF\2017\</t>
  </si>
  <si>
    <t>RFQ.xlsx</t>
  </si>
  <si>
    <t>D:\Backup 12-11-2019\Desktop - 12-11-19\PreVendas - Governo Diogo\DPRF\2017\RFQ.xlsx</t>
  </si>
  <si>
    <t>C:\Users\suelenmm\OneDrive - Grupo Algar\Desktop - 12-11-19\PreVendas - Governo Diogo\DPRF\2017\INFRA + SD\DPRF\</t>
  </si>
  <si>
    <t>Pricing (CAPEX) Com reajuste.xlsb</t>
  </si>
  <si>
    <t>D:\Backup 12-11-2019\Desktop - 12-11-19\PreVendas - Governo Diogo\DPRF\2017\INFRA + SD\DPRF\Pricing (CAPEX) Com reajuste.xlsb</t>
  </si>
  <si>
    <t>C:\Users\suelenmm\OneDrive - Grupo Algar\Desktop - 12-11-19\PreVendas - Governo Diogo\DPRF\2017\INFRA + SD\DPRF\Pricing (CAPEX) Com reajuste.xlsb\</t>
  </si>
  <si>
    <t>Pricing (CAPEX).xlsb</t>
  </si>
  <si>
    <t>D:\Backup 12-11-2019\Desktop - 12-11-19\PreVendas - Governo Diogo\DPRF\2017\INFRA + SD\DPRF\Pricing (CAPEX).xlsb</t>
  </si>
  <si>
    <t>C:\Users\suelenmm\OneDrive - Grupo Algar\Desktop - 12-11-19\PreVendas - Governo Diogo\DPRF\2017\INFRA + SD\DPRF\Pricing (CAPEX).xlsb\</t>
  </si>
  <si>
    <t>D:\Backup 12-11-2019\Desktop - 12-11-19\PreVendas - Governo Diogo\DPRF\2017\INFRA + SD\DPRF\Pricing.xlsb</t>
  </si>
  <si>
    <t>C:\Users\suelenmm\OneDrive - Grupo Algar\Desktop - 12-11-19\PreVendas - Governo Diogo\DPRF\2017\INFRA + SD\DPRF\Pricing.xlsb\</t>
  </si>
  <si>
    <t>C:\Users\suelenmm\OneDrive - Grupo Algar\Desktop - 12-11-19\PreVendas - Governo Diogo\DPRF\2017\INFRA + SD\DPRF\PROPOSTA CIMCORP\</t>
  </si>
  <si>
    <t>CUSTOS DE MÃO DE OBRA.xlsx</t>
  </si>
  <si>
    <t>D:\Backup 12-11-2019\Desktop - 12-11-19\PreVendas - Governo Diogo\DPRF\2017\INFRA + SD\DPRF\PROPOSTA CIMCORP\CUSTOS DE MÃO DE OBRA.xlsx</t>
  </si>
  <si>
    <t>D:\Backup 12-11-2019\Desktop - 12-11-19\PreVendas - Governo Diogo\DPRF\2017\RFQ Sede\RFQ.xlsx</t>
  </si>
  <si>
    <t>C:\Users\suelenmm\OneDrive - Grupo Algar\Desktop - 12-11-19\PreVendas - Governo Diogo\DPRF\2018\</t>
  </si>
  <si>
    <t>Cotação Envio.xlsx</t>
  </si>
  <si>
    <t>D:\Backup 12-11-2019\Desktop - 12-11-19\PreVendas - Governo Diogo\DPRF\2018\Cotação Envio.xlsx</t>
  </si>
  <si>
    <t>D:\Backup 12-11-2019\Desktop - 12-11-19\PreVendas - Governo Diogo\DPRF\2018\Cotação.xlsx</t>
  </si>
  <si>
    <t>CotaçãoNovo.xlsx</t>
  </si>
  <si>
    <t>D:\Backup 12-11-2019\Desktop - 12-11-19\PreVendas - Governo Diogo\DPRF\2018\CotaçãoNovo.xlsx</t>
  </si>
  <si>
    <t>F255E300</t>
  </si>
  <si>
    <t>D:\Backup 12-11-2019\Desktop - 12-11-19\PreVendas - Governo Diogo\DPRF\2018\F255E300</t>
  </si>
  <si>
    <t>D:\Backup 12-11-2019\Desktop - 12-11-19\PreVendas - Governo Diogo\DPU-RN\Impantação DPE.xlsx</t>
  </si>
  <si>
    <t>D:\Backup 12-11-2019\Desktop - 12-11-19\PreVendas - Governo Diogo\DPU-RN\Preço (6hs) (Cheio).xlsb</t>
  </si>
  <si>
    <t>D:\Backup 12-11-2019\Desktop - 12-11-19\PreVendas - Governo Diogo\DPU-RN\Preço (6hs).xlsb</t>
  </si>
  <si>
    <t>D:\Backup 12-11-2019\Desktop - 12-11-19\PreVendas - Governo Diogo\DPU-RN\Preço.xlsb</t>
  </si>
  <si>
    <t>D:\Backup 12-11-2019\Desktop - 12-11-19\PreVendas - Governo Diogo\DPU-RN\Simulação.xlsx</t>
  </si>
  <si>
    <t>D:\Backup 12-11-2019\Desktop - 12-11-19\PreVendas - Governo Diogo\Drogaria Araújo\COTAÇÃO.xlsb</t>
  </si>
  <si>
    <t>C:\Users\suelenmm\OneDrive - Grupo Algar\Desktop - 12-11-19\PreVendas - Governo Diogo\EBC\2014\</t>
  </si>
  <si>
    <t>cotacao.xlsb</t>
  </si>
  <si>
    <t>D:\Backup 12-11-2019\Desktop - 12-11-19\PreVendas - Governo Diogo\EBC\2014\cotacao.xlsb</t>
  </si>
  <si>
    <t>monitoramento.xlsb</t>
  </si>
  <si>
    <t>D:\Backup 12-11-2019\Desktop - 12-11-19\PreVendas - Governo Diogo\EBC\2014\monitoramento.xlsb</t>
  </si>
  <si>
    <t>D:\Backup 12-11-2019\Desktop - 12-11-19\PreVendas - Governo Diogo\EBC\2014\SD.xlsb</t>
  </si>
  <si>
    <t>C:\Users\suelenmm\OneDrive - Grupo Algar\Desktop - 12-11-19\PreVendas - Governo Diogo\EBC\2016\Novo TR\EBC\</t>
  </si>
  <si>
    <t>Fatores de Complexidades.xlsx</t>
  </si>
  <si>
    <t>D:\Backup 12-11-2019\Desktop - 12-11-19\PreVendas - Governo Diogo\EBC\2016\Novo TR\EBC\Fatores de Complexidades.xlsx</t>
  </si>
  <si>
    <t>Modelo INFRA.xlsx</t>
  </si>
  <si>
    <t>D:\Backup 12-11-2019\Desktop - 12-11-19\PreVendas - Governo Diogo\EBC\2016\Novo TR\EBC\Modelo INFRA.xlsx</t>
  </si>
  <si>
    <t>C:\Users\suelenmm\OneDrive - Grupo Algar\Desktop - 12-11-19\PreVendas - Governo Diogo\EBC\2016\Novo TR\EBC\Sustentação de Infraestrutura\</t>
  </si>
  <si>
    <t>D:\Backup 12-11-2019\Desktop - 12-11-19\PreVendas - Governo Diogo\EBC\2016\Novo TR\EBC\Sustentação de Infraestrutura\Fatores de Complexidades.xlsx</t>
  </si>
  <si>
    <t>Perfis Básicos.xlsx</t>
  </si>
  <si>
    <t>D:\Backup 12-11-2019\Desktop - 12-11-19\PreVendas - Governo Diogo\EBC\2016\Novo TR\EBC\Sustentação de Infraestrutura\Perfis Básicos.xlsx</t>
  </si>
  <si>
    <t>D:\Backup 12-11-2019\Desktop - 12-11-19\PreVendas - Governo Diogo\EBSERH\Pasta de trabalho2.xlsx</t>
  </si>
  <si>
    <t>D:\Backup 12-11-2019\Desktop - 12-11-19\PreVendas - Governo Diogo\ect\Brasília.xlsm</t>
  </si>
  <si>
    <t>Proposta Comercial.xlsx</t>
  </si>
  <si>
    <t>D:\Backup 12-11-2019\Desktop - 12-11-19\PreVendas - Governo Diogo\ect\Precificação + Adoção.xlsm</t>
  </si>
  <si>
    <t>C:\Users\suelenmm\OneDrive - Grupo Algar\Desktop - 12-11-19\PreVendas - Governo Diogo\ITI\</t>
  </si>
  <si>
    <t>C:\Users\suelenmm\OneDrive - Grupo Algar\Desktop - 12-11-19\PreVendas - Governo Diogo\ITI\BP ITI.xlsb\</t>
  </si>
  <si>
    <t>C:\Users\suelenmm\OneDrive - Grupo Algar\Desktop - 12-11-19\PreVendas - Governo Diogo\ect\ECT MG\DESCRICAO TECNICA\</t>
  </si>
  <si>
    <t>Apendice_1_Relaá∆o de marcas e modelos dos equipamentos.xls</t>
  </si>
  <si>
    <t>D:\Backup 12-11-2019\Desktop - 12-11-19\PreVendas - Governo Diogo\ect\ECT MG\DESCRICAO TECNICA\Apendice_1_Relaá∆o de marcas e modelos dos equipamentos.xls</t>
  </si>
  <si>
    <t>C:\Users\suelenmm\OneDrive - Grupo Algar\Desktop - 12-11-19\PreVendas - Governo Diogo\ect\ECT MG\DESCRICAO TECNICA\DESCRICAO TECNICA.zip\</t>
  </si>
  <si>
    <t>Apendice_1_Rela‡Æo de marcas e modelos dos equipamentos.xls</t>
  </si>
  <si>
    <t>D:\Backup 12-11-2019\Desktop - 12-11-19\PreVendas - Governo Diogo\ect\ECT MG\DESCRICAO TECNICA\DESCRICAO TECNICA.zip</t>
  </si>
  <si>
    <t>D:\Backup 12-11-2019\Desktop - 12-11-19\PreVendas - Governo Diogo\Eletrobrás\Estudo.xlsx</t>
  </si>
  <si>
    <t>D:\Backup 12-11-2019\Desktop - 12-11-19\PreVendas - Governo Diogo\Eletronorte\BP1.xlsb</t>
  </si>
  <si>
    <t>D:\Backup 12-11-2019\Desktop - 12-11-19\PreVendas - Governo Diogo\Eletronorte\Precificação com Adoção.xlsb</t>
  </si>
  <si>
    <t>D:\Backup 12-11-2019\Desktop - 12-11-19\PreVendas - Governo Diogo\Eletronorte\Racional de Manutenção.xlsx</t>
  </si>
  <si>
    <t>C:\Users\suelenmm\OneDrive - Grupo Algar\Desktop - 12-11-19\PreVendas - Governo Diogo\Eletronorte\Eletrobrás\</t>
  </si>
  <si>
    <t>Design Thinking - Propostas de Soluções.xlsx</t>
  </si>
  <si>
    <t>D:\Backup 12-11-2019\Desktop - 12-11-19\PreVendas - Governo Diogo\Eletronorte\Eletrobrás\Design Thinking - Propostas de Soluções.xlsx</t>
  </si>
  <si>
    <t>C:\Users\suelenmm\OneDrive - Grupo Algar\Desktop - 12-11-19\PreVendas - Governo Diogo\Eletronorte\Suporte 2015\</t>
  </si>
  <si>
    <t>D:\Backup 12-11-2019\Desktop - 12-11-19\PreVendas - Governo Diogo\Eletronorte\Suporte 2015\Precificação.xlsb</t>
  </si>
  <si>
    <t>Preço por item.xlsx</t>
  </si>
  <si>
    <t>D:\Backup 12-11-2019\Desktop - 12-11-19\PreVendas - Governo Diogo\Eletronorte\Suporte 2015\Preço por item.xlsx</t>
  </si>
  <si>
    <t>racional Peças.xlsx</t>
  </si>
  <si>
    <t>D:\Backup 12-11-2019\Desktop - 12-11-19\PreVendas - Governo Diogo\Eletronorte\Suporte 2015\racional Peças.xlsx</t>
  </si>
  <si>
    <t>C:\Users\suelenmm\OneDrive - Grupo Algar\Desktop - 12-11-19\PreVendas - Governo Diogo\lexmark\</t>
  </si>
  <si>
    <t>Pricing.xlsm</t>
  </si>
  <si>
    <t>ISD Linha - Componentização dos Custos_V1.1.xlsx</t>
  </si>
  <si>
    <t>D:\Backup 12-11-2019\Desktop - 12-11-19\PreVendas - Governo Diogo\EMBRATUR\Precificação.xlsb</t>
  </si>
  <si>
    <t>D:\Backup 12-11-2019\Desktop - 12-11-19\PreVendas - Governo Diogo\Exercito\Cotação.xlsx</t>
  </si>
  <si>
    <t>D:\Backup 12-11-2019\Desktop - 12-11-19\PreVendas - Governo Diogo\FAPESP\BP (Com SA assistente N1).xlsb</t>
  </si>
  <si>
    <t>D:\Backup 12-11-2019\Desktop - 12-11-19\PreVendas - Governo Diogo\FAPESP\BP (Com SA SEM N1).xlsb</t>
  </si>
  <si>
    <t>D:\Backup 12-11-2019\Desktop - 12-11-19\PreVendas - Governo Diogo\FAPESP\BP (Com SA).xlsb</t>
  </si>
  <si>
    <t>D:\Backup 12-11-2019\Desktop - 12-11-19\PreVendas - Governo Diogo\FAPESP\BP (Sem SA assistente N1 Metade HE).xlsb</t>
  </si>
  <si>
    <t>D:\Backup 12-11-2019\Desktop - 12-11-19\PreVendas - Governo Diogo\FAPESP\BP (Sem SA assistente N1).xlsb</t>
  </si>
  <si>
    <t>D:\Backup 12-11-2019\Desktop - 12-11-19\PreVendas - Governo Diogo\FAPESP\BP (SEM SA SEM N1).xlsb</t>
  </si>
  <si>
    <t>D:\Backup 12-11-2019\Desktop - 12-11-19\PreVendas - Governo Diogo\FAPESP\BP (SEM SA).xlsb</t>
  </si>
  <si>
    <t>D:\Backup 12-11-2019\Desktop - 12-11-19\PreVendas - Governo Diogo\FAPESP\Desenho.xlsx</t>
  </si>
  <si>
    <t>D:\Backup 12-11-2019\Desktop - 12-11-19\PreVendas - Governo Diogo\FAPESP\Planilha de Preços COM SOBREAVISO.xlsx</t>
  </si>
  <si>
    <t>D:\Backup 12-11-2019\Desktop - 12-11-19\PreVendas - Governo Diogo\FAPESP\Planilha de Preços SEM SOBREAVISO Metade HE.xlsx</t>
  </si>
  <si>
    <t>D:\Backup 12-11-2019\Desktop - 12-11-19\PreVendas - Governo Diogo\FAPESP\Planilha de Preços SEM SOBREAVISO.xlsx</t>
  </si>
  <si>
    <t>D:\Backup 12-11-2019\Desktop - 12-11-19\PreVendas - Governo Diogo\FNDE\Cenários e Premissas.xlsx</t>
  </si>
  <si>
    <t>D:\Backup 12-11-2019\Desktop - 12-11-19\PreVendas - Governo Diogo\FNDE\Premissas.xlsx</t>
  </si>
  <si>
    <t>D:\Backup 12-11-2019\Desktop - 12-11-19\PreVendas - Governo Diogo\FNDE\Preço Fixo 60 meses.xlsb</t>
  </si>
  <si>
    <t>D:\Backup 12-11-2019\Desktop - 12-11-19\PreVendas - Governo Diogo\FNDE\Preço Fixo.xlsb</t>
  </si>
  <si>
    <t>D:\Backup 12-11-2019\Desktop - 12-11-19\PreVendas - Governo Diogo\FNDE\UST sob Demanda.xlsb</t>
  </si>
  <si>
    <t>C:\Users\suelenmm\OneDrive - Grupo Algar\Desktop - 12-11-19\PreVendas - Governo Diogo\FNDE\2016\Adesão Ata\</t>
  </si>
  <si>
    <t>Cópia de BP Preço C002 B004 _Encargos.xlsb</t>
  </si>
  <si>
    <t>D:\Backup 12-11-2019\Desktop - 12-11-19\PreVendas - Governo Diogo\FNDE\2016\Adesão Ata\Cópia de BP Preço C002 B004 _Encargos.xlsb</t>
  </si>
  <si>
    <t>D:\Backup 12-11-2019\Desktop - 12-11-19\PreVendas - Governo Diogo\FNDE\2016\Adesão Ata\DRE.xlsx</t>
  </si>
  <si>
    <t>FNDE - Adesão ATA TSE - Final.xlsb</t>
  </si>
  <si>
    <t>D:\Backup 12-11-2019\Desktop - 12-11-19\PreVendas - Governo Diogo\FNDE\2016\Adesão Ata\FNDE - Adesão ATA TSE - Final.xlsb</t>
  </si>
  <si>
    <t>C:\Users\suelenmm\OneDrive - Grupo Algar\Desktop - 12-11-19\PreVendas - Governo Diogo\FNDE\2017\Cotação\</t>
  </si>
  <si>
    <t>D:\Backup 12-11-2019\Desktop - 12-11-19\PreVendas - Governo Diogo\FNDE\2017\Cotação\Cotação.xlsb</t>
  </si>
  <si>
    <t>C:\Users\suelenmm\OneDrive - Grupo Algar\Desktop - 12-11-19\PreVendas - Governo Diogo\FNDE\2017\Cotação\Cotação.xlsb\</t>
  </si>
  <si>
    <t>C:\Users\suelenmm\OneDrive - Grupo Algar\Desktop - 12-11-19\PreVendas - Governo Diogo\FNDE\2018\Assessoria Sistemas\</t>
  </si>
  <si>
    <t>BP Preço.xlsb</t>
  </si>
  <si>
    <t>D:\Backup 12-11-2019\Desktop - 12-11-19\PreVendas - Governo Diogo\FNDE\2018\Assessoria Sistemas\BP Preço.xlsb</t>
  </si>
  <si>
    <t>C:\Users\suelenmm\OneDrive - Grupo Algar\Desktop - 12-11-19\PreVendas - Governo Diogo\FNDE\2018\Assessoria Sistemas\BP Preço.xlsb\</t>
  </si>
  <si>
    <t>catálogo.xlsx</t>
  </si>
  <si>
    <t>D:\Backup 12-11-2019\Desktop - 12-11-19\PreVendas - Governo Diogo\FNDE\2018\Assessoria Sistemas\catálogo.xlsx</t>
  </si>
  <si>
    <t>C:\Users\suelenmm\OneDrive - Grupo Algar\Desktop - 12-11-19\PreVendas - Governo Diogo\FNDE\2018\Cotação\</t>
  </si>
  <si>
    <t>Para Envio.xlsx</t>
  </si>
  <si>
    <t>D:\Backup 12-11-2019\Desktop - 12-11-19\PreVendas - Governo Diogo\FNDE\2018\Cotação\Para Envio.xlsx</t>
  </si>
  <si>
    <t>D:\Backup 12-11-2019\Desktop - 12-11-19\PreVendas - Governo Diogo\FNDE\2018\Cotação\Racional.xlsx</t>
  </si>
  <si>
    <t>C:\Users\suelenmm\OneDrive - Grupo Algar\Desktop - 12-11-19\PreVendas - Governo Diogo\FNDE\2018\SD\Cotação\</t>
  </si>
  <si>
    <t>D:\Backup 12-11-2019\Desktop - 12-11-19\PreVendas - Governo Diogo\FNDE\2018\SD\Cotação\Pasta1.xlsx</t>
  </si>
  <si>
    <t>C:\Users\suelenmm\OneDrive - Grupo Algar\Desktop - 12-11-19\PreVendas - Governo Diogo\FNDE\2018\SD\Edital\</t>
  </si>
  <si>
    <t>D:\Backup 12-11-2019\Desktop - 12-11-19\PreVendas - Governo Diogo\FNDE\2018\SD\Edital\BP.xlsb</t>
  </si>
  <si>
    <t>C:\Users\suelenmm\OneDrive - Grupo Algar\Desktop - 12-11-19\PreVendas - Governo Diogo\FNDE\2018\SD\Edital\BP.xlsb\</t>
  </si>
  <si>
    <t>FNDE.xlsx</t>
  </si>
  <si>
    <t>D:\Backup 12-11-2019\Desktop - 12-11-19\PreVendas - Governo Diogo\FNDE\2018\SD\Edital\FNDE.xlsx</t>
  </si>
  <si>
    <t>C:\Users\suelenmm\OneDrive - Grupo Algar\Desktop - 12-11-19\PreVendas - Governo Diogo\FNDE\Infraestrutura\</t>
  </si>
  <si>
    <t>Analise de Riscos.xlsx</t>
  </si>
  <si>
    <t>D:\Backup 12-11-2019\Desktop - 12-11-19\PreVendas - Governo Diogo\FNDE\Infraestrutura\Analise de Riscos.xlsx</t>
  </si>
  <si>
    <t>D:\Backup 12-11-2019\Desktop - 12-11-19\PreVendas - Governo Diogo\FNDE\Infraestrutura\Matriz Favorabilidade.xlsx</t>
  </si>
  <si>
    <t>D:\Backup 12-11-2019\Desktop - 12-11-19\PreVendas - Governo Diogo\FUNAI\Preço.xlsb</t>
  </si>
  <si>
    <t>C:\Users\suelenmm\OneDrive - Grupo Algar\Desktop - 12-11-19\PreVendas - Governo Diogo\FUNASA\31.2011\Edital dia 21\</t>
  </si>
  <si>
    <t>Atividades Edital.xlsx</t>
  </si>
  <si>
    <t>D:\Backup 12-11-2019\Desktop - 12-11-19\PreVendas - Governo Diogo\FUNASA\31.2011\Edital dia 21\Atividades Edital.xlsx</t>
  </si>
  <si>
    <t>Cargos e Salários FUNASA.xlsx</t>
  </si>
  <si>
    <t>D:\Backup 12-11-2019\Desktop - 12-11-19\PreVendas - Governo Diogo\FUNASA\31.2011\Edital dia 21\Cargos e Salários FUNASA.xlsx</t>
  </si>
  <si>
    <t>Estratégias e Preços.xlsx</t>
  </si>
  <si>
    <t>D:\Backup 12-11-2019\Desktop - 12-11-19\PreVendas - Governo Diogo\FUNASA\31.2011\Edital dia 21\Estratégias e Preços.xlsx</t>
  </si>
  <si>
    <t>Lote II - SEM PPR 5% LOTE 1 GANHO.xlsb</t>
  </si>
  <si>
    <t>D:\Backup 12-11-2019\Desktop - 12-11-19\PreVendas - Governo Diogo\FUNASA\31.2011\Edital dia 21\Lote II - SEM PPR 5% LOTE 1 GANHO.xlsb</t>
  </si>
  <si>
    <t>Lote II - SEM PPR 5%.xlsb</t>
  </si>
  <si>
    <t>D:\Backup 12-11-2019\Desktop - 12-11-19\PreVendas - Governo Diogo\FUNASA\31.2011\Edital dia 21\Lote II - SEM PPR 5%.xlsb</t>
  </si>
  <si>
    <t>Níveis de Serviço.xlsx</t>
  </si>
  <si>
    <t>D:\Backup 12-11-2019\Desktop - 12-11-19\PreVendas - Governo Diogo\FUNASA\31.2011\Edital dia 21\Níveis de Serviço.xlsx</t>
  </si>
  <si>
    <t>Planilha de Custos - IN-02 LoteII.xlsx</t>
  </si>
  <si>
    <t>D:\Backup 12-11-2019\Desktop - 12-11-19\PreVendas - Governo Diogo\FUNASA\31.2011\Edital dia 21\Planilha de Custos - IN-02 LoteII.xlsx</t>
  </si>
  <si>
    <t>C:\Users\suelenmm\OneDrive - Grupo Algar\Desktop - 12-11-19\PreVendas - Governo Diogo\FUNASA\31.2011\Edital dia 21\Planilha de Custos - IN-02 LoteII.xlsx.zip\</t>
  </si>
  <si>
    <t>D:\Backup 12-11-2019\Desktop - 12-11-19\PreVendas - Governo Diogo\FUNASA\31.2011\Edital dia 21\Planilha de Custos - IN-02 LoteII.xlsx.zip</t>
  </si>
  <si>
    <t>Planilha de Custos - Resumo e IN-02 Lote 1.xlsx</t>
  </si>
  <si>
    <t>D:\Backup 12-11-2019\Desktop - 12-11-19\PreVendas - Governo Diogo\FUNASA\31.2011\Edital dia 21\Planilha de Custos - Resumo e IN-02 Lote 1.xlsx</t>
  </si>
  <si>
    <t>D:\Backup 12-11-2019\Desktop - 12-11-19\PreVendas - Governo Diogo\FUNASA\31.2011\Edital dia 21\Planilha de Custos - Resumo e IN-02.xlsx</t>
  </si>
  <si>
    <t>Service-Desk Com Licenças - SEM PPR.xlsb</t>
  </si>
  <si>
    <t>D:\Backup 12-11-2019\Desktop - 12-11-19\PreVendas - Governo Diogo\FUNASA\31.2011\Edital dia 21\Service-Desk Com Licenças - SEM PPR.xlsb</t>
  </si>
  <si>
    <t>C:\Users\suelenmm\OneDrive - Grupo Algar\Desktop - 12-11-19\PreVendas - Governo Diogo\FUNASA\FUNASA 30.2012\</t>
  </si>
  <si>
    <t>D:\Backup 12-11-2019\Desktop - 12-11-19\PreVendas - Governo Diogo\FUNASA\FUNASA 30.2012\Precificação com Adoção.xlsb</t>
  </si>
  <si>
    <t>C:\Users\suelenmm\OneDrive - Grupo Algar\Desktop - 12-11-19\PreVendas - Governo Diogo\FUNASA\SD Nacional\</t>
  </si>
  <si>
    <t>D:\Backup 12-11-2019\Desktop - 12-11-19\PreVendas - Governo Diogo\FUNASA\SD Nacional\BP1.xlsb</t>
  </si>
  <si>
    <t>C:\Users\suelenmm\OneDrive - Grupo Algar\Desktop - 12-11-19\PreVendas - Governo Diogo\FUNASA\SD Nacional\Comitê_Soluções.pptx\</t>
  </si>
  <si>
    <t>D:\Backup 12-11-2019\Desktop - 12-11-19\PreVendas - Governo Diogo\FUNASA\SD Nacional\Comitê_Soluções.pptx</t>
  </si>
  <si>
    <t>Planilha de Custos.xlsx</t>
  </si>
  <si>
    <t>D:\Backup 12-11-2019\Desktop - 12-11-19\PreVendas - Governo Diogo\FUNASA\SD Nacional\Planilha de Custos.xlsx</t>
  </si>
  <si>
    <t>racionais.xlsx</t>
  </si>
  <si>
    <t>D:\Backup 12-11-2019\Desktop - 12-11-19\PreVendas - Governo Diogo\FUNASA\SD Nacional\racionais.xlsx</t>
  </si>
  <si>
    <t>C:\Users\suelenmm\OneDrive - Grupo Algar\Desktop - 12-11-19\PreVendas - Governo Diogo\FUNASA\SD Nacional\2017\COTAÇÃO\</t>
  </si>
  <si>
    <t>Cópia de BP Preço C011 B012 Desonerada.xlsb</t>
  </si>
  <si>
    <t>D:\Backup 12-11-2019\Desktop - 12-11-19\PreVendas - Governo Diogo\FUNASA\SD Nacional\2017\COTAÇÃO\Cópia de BP Preço C011 B012 Desonerada.xlsb</t>
  </si>
  <si>
    <t>C:\Users\suelenmm\OneDrive - Grupo Algar\Desktop - 12-11-19\PreVendas - Governo Diogo\FUNASA\SD Nacional\2017\COTAÇÃO\Cópia de BP Preço C011 B012 Desonerada.xlsb\</t>
  </si>
  <si>
    <t>D:\Backup 12-11-2019\Desktop - 12-11-19\PreVendas - Governo Diogo\FUNDACENTRO\COTAÇÃO.xlsb</t>
  </si>
  <si>
    <t>C:\Users\suelenmm\OneDrive - Grupo Algar\Desktop - 12-11-19\PreVendas - Governo Diogo\FUNDACENTRO\Sustentação 2015\</t>
  </si>
  <si>
    <t>BP Atualizado após pregão.xlsb</t>
  </si>
  <si>
    <t>D:\Backup 12-11-2019\Desktop - 12-11-19\PreVendas - Governo Diogo\FUNDACENTRO\Sustentação 2015\BP Atualizado após pregão.xlsb</t>
  </si>
  <si>
    <t>Custo da Implantação.xls</t>
  </si>
  <si>
    <t>D:\Backup 12-11-2019\Desktop - 12-11-19\PreVendas - Governo Diogo\FUNDACENTRO\Sustentação 2015\Custo da Implantação.xls</t>
  </si>
  <si>
    <t>C:\Users\suelenmm\OneDrive - Grupo Algar\Desktop - 12-11-19\PreVendas - Governo Diogo\FUNDACENTRO\Sustentação 2015\Documentação para TAP.zip\DocumentacÌ§aÌƒo para TAP\</t>
  </si>
  <si>
    <t>BP Atualizado.xlsb</t>
  </si>
  <si>
    <t>D:\Backup 12-11-2019\Desktop - 12-11-19\PreVendas - Governo Diogo\FUNDACENTRO\Sustentação 2015\Documentação para TAP.zip</t>
  </si>
  <si>
    <t>Custo da ImplantacÌ§aÌƒo.xls</t>
  </si>
  <si>
    <t>Planilhas IN02.xlsx</t>
  </si>
  <si>
    <t>Planilhas IN.xlsx</t>
  </si>
  <si>
    <t>D:\Backup 12-11-2019\Desktop - 12-11-19\PreVendas - Governo Diogo\FUNDACENTRO\Sustentação 2015\Planilhas IN.xlsx</t>
  </si>
  <si>
    <t>Precificação MSV 15 &amp; CPRB.xlsb</t>
  </si>
  <si>
    <t>D:\Backup 12-11-2019\Desktop - 12-11-19\PreVendas - Governo Diogo\FUNDACENTRO\Sustentação 2015\Precificação MSV 15 &amp; CPRB.xlsb</t>
  </si>
  <si>
    <t>C:\Users\suelenmm\OneDrive - Grupo Algar\Desktop - 12-11-19\PreVendas - Governo Diogo\FUNDACENTRO\Sustentação 2015\Documentação para TAP\</t>
  </si>
  <si>
    <t>D:\Backup 12-11-2019\Desktop - 12-11-19\PreVendas - Governo Diogo\FUNDACENTRO\Sustentação 2015\Documentação para TAP\BP Atualizado.xlsb</t>
  </si>
  <si>
    <t>D:\Backup 12-11-2019\Desktop - 12-11-19\PreVendas - Governo Diogo\FUNDACENTRO\Sustentação 2015\Documentação para TAP\Custo da Implantação.xls</t>
  </si>
  <si>
    <t>D:\Backup 12-11-2019\Desktop - 12-11-19\PreVendas - Governo Diogo\FUNDACENTRO\Sustentação 2015\Documentação para TAP\Planilhas IN02.xlsx</t>
  </si>
  <si>
    <t>C:\Users\suelenmm\OneDrive - Grupo Algar\Desktop - 12-11-19\PreVendas - Governo Diogo\FUNDACENTRO\Sustentação 2015\Revisão\</t>
  </si>
  <si>
    <t>BP_Revisado.xlsb</t>
  </si>
  <si>
    <t>D:\Backup 12-11-2019\Desktop - 12-11-19\PreVendas - Governo Diogo\FUNDACENTRO\Sustentação 2015\Revisão\BP_Revisado.xlsb</t>
  </si>
  <si>
    <t>D:\Backup 12-11-2019\Desktop - 12-11-19\PreVendas - Governo Diogo\Fundação Renova\Anexo 2 – QQP.XLSX</t>
  </si>
  <si>
    <t>D:\Backup 12-11-2019\Desktop - 12-11-19\PreVendas - Governo Diogo\Fundação Renova\Anexo 3 - QDD_Fundação.xlsx</t>
  </si>
  <si>
    <t>C:\Users\suelenmm\OneDrive - Grupo Algar\Desktop - 12-11-19\PreVendas - Governo Diogo\Fundação Renova\Pricing\</t>
  </si>
  <si>
    <t>Anexo 2 – QQP.xlsx</t>
  </si>
  <si>
    <t>D:\Backup 12-11-2019\Desktop - 12-11-19\PreVendas - Governo Diogo\Fundação Renova\Pricing\Anexo 2 – QQP.xlsx</t>
  </si>
  <si>
    <t>D:\Backup 12-11-2019\Desktop - 12-11-19\PreVendas - Governo Diogo\Fundação Renova\Pricing\consolidado.xlsb</t>
  </si>
  <si>
    <t>C:\Users\suelenmm\OneDrive - Grupo Algar\Desktop - 12-11-19\PreVendas - Governo Diogo\Fundação Renova\Pricing\consolidado.xlsb\</t>
  </si>
  <si>
    <t>Field Com Carro.xlsb</t>
  </si>
  <si>
    <t>D:\Backup 12-11-2019\Desktop - 12-11-19\PreVendas - Governo Diogo\Fundação Renova\Pricing\Field Com Carro.xlsb</t>
  </si>
  <si>
    <t>C:\Users\suelenmm\OneDrive - Grupo Algar\Desktop - 12-11-19\PreVendas - Governo Diogo\Fundação Renova\Pricing\Field Com Carro.xlsb\</t>
  </si>
  <si>
    <t>Field HORA EXTRA.xlsb</t>
  </si>
  <si>
    <t>D:\Backup 12-11-2019\Desktop - 12-11-19\PreVendas - Governo Diogo\Fundação Renova\Pricing\Field HORA EXTRA.xlsb</t>
  </si>
  <si>
    <t>C:\Users\suelenmm\OneDrive - Grupo Algar\Desktop - 12-11-19\PreVendas - Governo Diogo\Fundação Renova\Pricing\Field HORA EXTRA.xlsb\</t>
  </si>
  <si>
    <t>Field Sem Carro.xlsb</t>
  </si>
  <si>
    <t>D:\Backup 12-11-2019\Desktop - 12-11-19\PreVendas - Governo Diogo\Fundação Renova\Pricing\Field Sem Carro.xlsb</t>
  </si>
  <si>
    <t>C:\Users\suelenmm\OneDrive - Grupo Algar\Desktop - 12-11-19\PreVendas - Governo Diogo\Fundação Renova\Pricing\Field Sem Carro.xlsb\</t>
  </si>
  <si>
    <t>Preço Service-desk.xlsb</t>
  </si>
  <si>
    <t>D:\Backup 12-11-2019\Desktop - 12-11-19\PreVendas - Governo Diogo\Fundação Renova\Pricing\Preço Service-desk.xlsb</t>
  </si>
  <si>
    <t>C:\Users\suelenmm\OneDrive - Grupo Algar\Desktop - 12-11-19\PreVendas - Governo Diogo\Fundação Renova\Pricing\Preço Service-desk.xlsb\</t>
  </si>
  <si>
    <t>C:\Users\suelenmm\OneDrive - Grupo Algar\Desktop - 12-11-19\PreVendas - Governo Diogo\Fundação Renova\Pricing\Revisão\</t>
  </si>
  <si>
    <t>D:\Backup 12-11-2019\Desktop - 12-11-19\PreVendas - Governo Diogo\Fundação Renova\Pricing\Revisão\Cópia de Anexo 2 – QQP_v4.xlsx</t>
  </si>
  <si>
    <t>C:\Users\suelenmm\OneDrive - Grupo Algar\Desktop - 12-11-19\PreVendas - Governo Diogo\Fundação Renova\Pricing\Revisão\Cenário Carlos Maurício\</t>
  </si>
  <si>
    <t>D:\Backup 12-11-2019\Desktop - 12-11-19\PreVendas - Governo Diogo\Fundação Renova\Pricing\Revisão\Cenário Carlos Maurício\Field.xlsb</t>
  </si>
  <si>
    <t>C:\Users\suelenmm\OneDrive - Grupo Algar\Desktop - 12-11-19\PreVendas - Governo Diogo\Fundação Renova\Pricing\Revisão\Cenário Carlos Maurício\Field.xlsb\</t>
  </si>
  <si>
    <t>QQP.xlsx</t>
  </si>
  <si>
    <t>D:\Backup 12-11-2019\Desktop - 12-11-19\PreVendas - Governo Diogo\Fundação Renova\Pricing\Revisão\Cenário Carlos Maurício\QQP.xlsx</t>
  </si>
  <si>
    <t>C:\Users\suelenmm\OneDrive - Grupo Algar\Desktop - 12-11-19\PreVendas - Governo Diogo\Fundação Renova\Proposta\</t>
  </si>
  <si>
    <t>IN02.xlsx</t>
  </si>
  <si>
    <t>D:\Backup 12-11-2019\Desktop - 12-11-19\PreVendas - Governo Diogo\Fundação Renova\Proposta\IN02.xlsx</t>
  </si>
  <si>
    <t>C:\Users\suelenmm\OneDrive - Grupo Algar\Desktop - 12-11-19\PreVendas - Governo Diogo\Fundação Renova\Proposta\Para Envio\</t>
  </si>
  <si>
    <t>BDI V3.xls</t>
  </si>
  <si>
    <t>D:\Backup 12-11-2019\Desktop - 12-11-19\PreVendas - Governo Diogo\Fundação Renova\Proposta\Para Envio\BDI V3.xls</t>
  </si>
  <si>
    <t>QQP V3.xlsx</t>
  </si>
  <si>
    <t>D:\Backup 12-11-2019\Desktop - 12-11-19\PreVendas - Governo Diogo\Fundação Renova\Proposta\Para Envio\QQP V3.xlsx</t>
  </si>
  <si>
    <t>D:\Backup 12-11-2019\Desktop - 12-11-19\PreVendas - Governo Diogo\FURNAS\Dimensionamento.xlsx</t>
  </si>
  <si>
    <t>D:\Backup 12-11-2019\Desktop - 12-11-19\PreVendas - Governo Diogo\FURNAS\Preço.xlsb</t>
  </si>
  <si>
    <t>C:\Users\suelenmm\OneDrive - Grupo Algar\Desktop - 12-11-19\PreVendas - Governo Diogo\FURNAS\FIELD TI\</t>
  </si>
  <si>
    <t>Racional de calculo.xlsx</t>
  </si>
  <si>
    <t>D:\Backup 12-11-2019\Desktop - 12-11-19\PreVendas - Governo Diogo\FURNAS\FIELD TI\Racional de calculo.xlsx</t>
  </si>
  <si>
    <t>D:\Backup 12-11-2019\Desktop - 12-11-19\PreVendas - Governo Diogo\GEFCO\Equipe Sinergia.xlsb</t>
  </si>
  <si>
    <t>D:\Backup 12-11-2019\Desktop - 12-11-19\PreVendas - Governo Diogo\GEFCO\Pricing.xlsb</t>
  </si>
  <si>
    <t>D:\Backup 12-11-2019\Desktop - 12-11-19\PreVendas - Governo Diogo\GEFCO\SD 24x5 - 24 meses.xlsb</t>
  </si>
  <si>
    <t>D:\Backup 12-11-2019\Desktop - 12-11-19\PreVendas - Governo Diogo\GEFCO\SD 24x5 - 36 meses.xlsb</t>
  </si>
  <si>
    <t>D:\Backup 12-11-2019\Desktop - 12-11-19\PreVendas - Governo Diogo\GEFCO\SD 24x6 - 24 meses.xlsb</t>
  </si>
  <si>
    <t>D:\Backup 12-11-2019\Desktop - 12-11-19\PreVendas - Governo Diogo\GEFCO\SD 24x6 - 36 meses.xlsb</t>
  </si>
  <si>
    <t>D:\Backup 12-11-2019\Desktop - 12-11-19\PreVendas - Governo Diogo\GEFCO\Sizing.xlsx</t>
  </si>
  <si>
    <t>C:\Users\suelenmm\OneDrive - Grupo Algar\Desktop - 12-11-19\PreVendas - Governo Diogo\GEFCO\Processos\</t>
  </si>
  <si>
    <t>BP GEFCO Processos V1.xlsb</t>
  </si>
  <si>
    <t>D:\Backup 12-11-2019\Desktop - 12-11-19\PreVendas - Governo Diogo\GEFCO\Processos\BP GEFCO Processos V1.xlsb</t>
  </si>
  <si>
    <t>C:\Users\suelenmm\OneDrive - Grupo Algar\Desktop - 12-11-19\PreVendas - Governo Diogo\GEFCO\Processos\BP GEFCO Processos V1.xlsb\</t>
  </si>
  <si>
    <t>BP GEFCO Processos V2.xlsb</t>
  </si>
  <si>
    <t>D:\Backup 12-11-2019\Desktop - 12-11-19\PreVendas - Governo Diogo\GEFCO\Processos\BP GEFCO Processos V2.xlsb</t>
  </si>
  <si>
    <t>C:\Users\suelenmm\OneDrive - Grupo Algar\Desktop - 12-11-19\PreVendas - Governo Diogo\GEFCO\Processos\BP GEFCO Processos V2.xlsb\</t>
  </si>
  <si>
    <t>C:\Users\suelenmm\OneDrive - Grupo Algar\Desktop - 12-11-19\PreVendas - Governo Diogo\GEFCO\Proposta Ferista\</t>
  </si>
  <si>
    <t>D:\Backup 12-11-2019\Desktop - 12-11-19\PreVendas - Governo Diogo\GEFCO\Proposta Ferista\Pricing.xlsx</t>
  </si>
  <si>
    <t>C:\Users\suelenmm\OneDrive - Grupo Algar\Desktop - 12-11-19\PreVendas - Governo Diogo\GEFCO\Revisão Sinergia\</t>
  </si>
  <si>
    <t>D:\Backup 12-11-2019\Desktop - 12-11-19\PreVendas - Governo Diogo\GEFCO\Revisão Sinergia\1. DESENHO_SOLUÇÃO_SG_TI_V10.3.xlsx</t>
  </si>
  <si>
    <t>D:\Backup 12-11-2019\Desktop - 12-11-19\PreVendas - Governo Diogo\GEFCO\Revisão Sinergia\Equipe Sinergia.xlsb</t>
  </si>
  <si>
    <t>C:\Users\suelenmm\OneDrive - Grupo Algar\Desktop - 12-11-19\PreVendas - Governo Diogo\GEFCO\Revisão Sinergia\Equipe Sinergia.xlsb\</t>
  </si>
  <si>
    <t>D:\Backup 12-11-2019\Desktop - 12-11-19\PreVendas - Governo Diogo\GEFCO\Revisão Sinergia\SD 24x5 - 24 meses.xlsb</t>
  </si>
  <si>
    <t>D:\Backup 12-11-2019\Desktop - 12-11-19\PreVendas - Governo Diogo\GEFCO\Revisão Sinergia\SD 24x5 - 36 meses.xlsb</t>
  </si>
  <si>
    <t>D:\Backup 12-11-2019\Desktop - 12-11-19\PreVendas - Governo Diogo\GEFCO\Revisão Sinergia\SD 24x6 - 24 meses.xlsb</t>
  </si>
  <si>
    <t>D:\Backup 12-11-2019\Desktop - 12-11-19\PreVendas - Governo Diogo\GEFCO\Revisão Sinergia\SD 24x6 - 36 meses.xlsb</t>
  </si>
  <si>
    <t>D:\Backup 12-11-2019\Desktop - 12-11-19\PreVendas - Governo Diogo\GEFCO\Revisão Sinergia\Sizing.xlsx</t>
  </si>
  <si>
    <t>C:\Users\suelenmm\OneDrive - Grupo Algar\Desktop - 12-11-19\PreVendas - Governo Diogo\GEFCO\Revisão Sinergia\Cenário Final\</t>
  </si>
  <si>
    <t>D:\Backup 12-11-2019\Desktop - 12-11-19\PreVendas - Governo Diogo\GEFCO\Revisão Sinergia\Cenário Final\BP-GEFCO-FINAL.xlsb</t>
  </si>
  <si>
    <t>C:\Users\suelenmm\OneDrive - Grupo Algar\Desktop - 12-11-19\PreVendas - Governo Diogo\GEFCO\Revisão Sinergia\Cenário Final\BP-GEFCO-FINAL.xlsb\</t>
  </si>
  <si>
    <t>D:\Backup 12-11-2019\Desktop - 12-11-19\PreVendas - Governo Diogo\GEFCO\Revisão Sinergia\Cenário Final\Sizing.xlsx</t>
  </si>
  <si>
    <t>C:\Users\suelenmm\OneDrive - Grupo Algar\Desktop - 12-11-19\PreVendas - Governo Diogo\GEFCO\Revisão Sinergia\Cenário LATAM\</t>
  </si>
  <si>
    <t>D:\Backup 12-11-2019\Desktop - 12-11-19\PreVendas - Governo Diogo\GEFCO\Revisão Sinergia\Cenário LATAM\1. DESENHO_SOLUÇÃO_SG_TI_V10.3.xlsx</t>
  </si>
  <si>
    <t>D:\Backup 12-11-2019\Desktop - 12-11-19\PreVendas - Governo Diogo\GEFCO\Revisão Sinergia\Cenário LATAM\Equipe Sinergia.xlsb</t>
  </si>
  <si>
    <t>D:\Backup 12-11-2019\Desktop - 12-11-19\PreVendas - Governo Diogo\GEFCO\Revisão Sinergia\Cenário LATAM\SD 24x5 - 24 meses.xlsb</t>
  </si>
  <si>
    <t>D:\Backup 12-11-2019\Desktop - 12-11-19\PreVendas - Governo Diogo\GEFCO\Revisão Sinergia\Cenário LATAM\SD 24x5 - 36 meses.xlsb</t>
  </si>
  <si>
    <t>D:\Backup 12-11-2019\Desktop - 12-11-19\PreVendas - Governo Diogo\GEFCO\Revisão Sinergia\Cenário LATAM\SD 24x6 - 24 meses.xlsb</t>
  </si>
  <si>
    <t>D:\Backup 12-11-2019\Desktop - 12-11-19\PreVendas - Governo Diogo\GEFCO\Revisão Sinergia\Cenário LATAM\SD 24x6 - 36 meses.xlsb</t>
  </si>
  <si>
    <t>D:\Backup 12-11-2019\Desktop - 12-11-19\PreVendas - Governo Diogo\GEFCO\Revisão Sinergia\Cenário LATAM\Sizing.xlsx</t>
  </si>
  <si>
    <t>D:\Backup 12-11-2019\Desktop - 12-11-19\PreVendas - Governo Diogo\GEFCO\Revisão Sinergia\Novos Cenários\Sizing.xlsx</t>
  </si>
  <si>
    <t>D:\Backup 12-11-2019\Desktop - 12-11-19\PreVendas - Governo Diogo\GEFCO\Revisão Sinergia\Novos Cenários - SEM SUPERVISOR\Sizing.xlsx</t>
  </si>
  <si>
    <t>D:\Backup 12-11-2019\Desktop - 12-11-19\PreVendas - Governo Diogo\GEFCO\Revisão Sinergia\Sem Field\Sizing.xlsx</t>
  </si>
  <si>
    <t>D:\Backup 12-11-2019\Desktop - 12-11-19\PreVendas - Governo Diogo\Grupo Petrópolis\Questionamentos Consolidados.xlsx</t>
  </si>
  <si>
    <t>D:\Backup 12-11-2019\Desktop - 12-11-19\PreVendas - Governo Diogo\Grupo Petrópolis\RFQ (ANEXO A).xlsx</t>
  </si>
  <si>
    <t>D:\Backup 12-11-2019\Desktop - 12-11-19\PreVendas - Governo Diogo\Grupo Petrópolis\Tecnologias das Revendas (ANEXO B).xlsx</t>
  </si>
  <si>
    <t>D:\Backup 12-11-2019\Desktop - 12-11-19\PreVendas - Governo Diogo\IBAMA\Desenho_Especialistas.xlsb</t>
  </si>
  <si>
    <t>D:\Backup 12-11-2019\Desktop - 12-11-19\PreVendas - Governo Diogo\IBAMA\Precificação com Adoção.xlsb</t>
  </si>
  <si>
    <t>D:\Backup 12-11-2019\Desktop - 12-11-19\PreVendas - Governo Diogo\IBAMA\Preço_Ajustado.xlsb</t>
  </si>
  <si>
    <t>C:\Users\suelenmm\OneDrive - Grupo Algar\Desktop - 12-11-19\PreVendas - Governo Diogo\IBAMA\Comitês\PMO Governança - Solicitação de Mudança - IBAMA - Sustentação Oracle.ppt\s2\</t>
  </si>
  <si>
    <t>D:\Backup 12-11-2019\Desktop - 12-11-19\PreVendas - Governo Diogo\IBAMA\Comitês\PMO Governança - Solicitação de Mudança - IBAMA - Sustentação Oracle.ppt</t>
  </si>
  <si>
    <t>11/13/2019 08:42:29</t>
  </si>
  <si>
    <t>D:\Backup 12-11-2019\Desktop - 12-11-19\PreVendas - Governo Diogo\IBM\Cópia de BP Preço C015 B015 Desonerada Ajustes Finais-DiogoNote.xlsb</t>
  </si>
  <si>
    <t>D:\Backup 12-11-2019\Desktop - 12-11-19\PreVendas - Governo Diogo\IBM\Cópia de BP Preço C015 B015 Desonerada Ajustes Finais.xlsb</t>
  </si>
  <si>
    <t>D:\Backup 12-11-2019\Desktop - 12-11-19\PreVendas - Governo Diogo\IBM\Pricing.xlsb</t>
  </si>
  <si>
    <t>D:\Backup 12-11-2019\Desktop - 12-11-19\PreVendas - Governo Diogo\IBM\Recursologia_Volumetria_Revisadas.xlsx</t>
  </si>
  <si>
    <t>D:\Backup 12-11-2019\Desktop - 12-11-19\PreVendas - Governo Diogo\ICMBIO\Preço.xlsb</t>
  </si>
  <si>
    <t>D:\Backup 12-11-2019\Desktop - 12-11-19\PreVendas - Governo Diogo\ICMBIO\Rampa.xlsx</t>
  </si>
  <si>
    <t>D:\Backup 12-11-2019\Desktop - 12-11-19\PreVendas - Governo Diogo\INCRA\BP 01.xlsb</t>
  </si>
  <si>
    <t>D:\Backup 12-11-2019\Desktop - 12-11-19\PreVendas - Governo Diogo\INCRA\Estudo.xlsx</t>
  </si>
  <si>
    <t>C:\Users\suelenmm\OneDrive - Grupo Algar\Desktop - 12-11-19\PreVendas - Governo Diogo\INEP\2016\SD + Infra Cotação\Arquivo Comprimido.zip\</t>
  </si>
  <si>
    <t>CatalogoDeServicos_infra-novo.xlsx</t>
  </si>
  <si>
    <t>D:\Backup 12-11-2019\Desktop - 12-11-19\PreVendas - Governo Diogo\INEP\2016\SD + Infra Cotação\Arquivo Comprimido.zip</t>
  </si>
  <si>
    <t>PrecÌ§o CotacÌ§aÌƒo.xlsx</t>
  </si>
  <si>
    <t>C:\Users\suelenmm\OneDrive - Grupo Algar\Desktop - 12-11-19\PreVendas - Governo Diogo\INEP\2016\SD + Infra Cotação\</t>
  </si>
  <si>
    <t>D:\Backup 12-11-2019\Desktop - 12-11-19\PreVendas - Governo Diogo\INEP\2016\SD + Infra Cotação\CatalogoDeServicos_infra-novo.xlsx</t>
  </si>
  <si>
    <t>Preço Cotação.xlsx</t>
  </si>
  <si>
    <t>D:\Backup 12-11-2019\Desktop - 12-11-19\PreVendas - Governo Diogo\INEP\2016\SD + Infra Cotação\Preço Cotação.xlsx</t>
  </si>
  <si>
    <t>D:\Backup 12-11-2019\Desktop - 12-11-19\PreVendas - Governo Diogo\Infraero\Anexo_VII_Plan_Custos.xls</t>
  </si>
  <si>
    <t>D:\Backup 12-11-2019\Desktop - 12-11-19\PreVendas - Governo Diogo\Infraero\Precificação+Adoção.xlsm</t>
  </si>
  <si>
    <t>C:\Users\suelenmm\OneDrive - Grupo Algar\Desktop - 12-11-19\PreVendas - Governo Diogo\Infraero\INFRAESTRUTURA\</t>
  </si>
  <si>
    <t>Anexo_IX_Or%e7_Estimado.xls</t>
  </si>
  <si>
    <t>D:\Backup 12-11-2019\Desktop - 12-11-19\PreVendas - Governo Diogo\Infraero\INFRAESTRUTURA\Anexo_IX_Or%e7_Estimado.xls</t>
  </si>
  <si>
    <t>Anexo_VIII_Planilha_Custos.xls</t>
  </si>
  <si>
    <t>D:\Backup 12-11-2019\Desktop - 12-11-19\PreVendas - Governo Diogo\Infraero\INFRAESTRUTURA\Anexo_VIII_Planilha_Custos.xls</t>
  </si>
  <si>
    <t>Anexo_V_TR_Ficha_Av_Desemp.xls</t>
  </si>
  <si>
    <t>D:\Backup 12-11-2019\Desktop - 12-11-19\PreVendas - Governo Diogo\Infraero\INFRAESTRUTURA\Anexo_V_TR_Ficha_Av_Desemp.xls</t>
  </si>
  <si>
    <t>C:\Users\suelenmm\OneDrive - Grupo Algar\Desktop - 12-11-19\PreVendas - Governo Diogo\INMETRO\2015\</t>
  </si>
  <si>
    <t>PRODUÇÃO ASSISTIDA_ ANO BASE 2015_NOVO BP PREÇO - V 2015-10-01.xlsb</t>
  </si>
  <si>
    <t>D:\Backup 12-11-2019\Desktop - 12-11-19\PreVendas - Governo Diogo\INMETRO\2015\PRODUÇÃO ASSISTIDA_ ANO BASE 2015_NOVO BP PREÇO - V 2015-10-01.xlsb</t>
  </si>
  <si>
    <t>C:\Users\suelenmm\OneDrive - Grupo Algar\Desktop - 12-11-19\PreVendas - Governo Diogo\INMETRO\Pregão 020-2011\</t>
  </si>
  <si>
    <t>Modelo de planilha de custos.xlsx</t>
  </si>
  <si>
    <t>D:\Backup 12-11-2019\Desktop - 12-11-19\PreVendas - Governo Diogo\INMETRO\Pregão 020-2011\Modelo de planilha de custos.xlsx</t>
  </si>
  <si>
    <t>D:\Backup 12-11-2019\Desktop - 12-11-19\PreVendas - Governo Diogo\INPI\BP Preço C010 B009.xlsb</t>
  </si>
  <si>
    <t>D:\Backup 12-11-2019\Desktop - 12-11-19\PreVendas - Governo Diogo\INPI\Desenho.xlsx</t>
  </si>
  <si>
    <t>D:\Backup 12-11-2019\Desktop - 12-11-19\PreVendas - Governo Diogo\IPEA\Cotação V2.xlsx</t>
  </si>
  <si>
    <t>D:\Backup 12-11-2019\Desktop - 12-11-19\PreVendas - Governo Diogo\IPEA\Cotação.xlsx</t>
  </si>
  <si>
    <t>D:\Backup 12-11-2019\Desktop - 12-11-19\PreVendas - Governo Diogo\IPEA\Racional V2.xlsx</t>
  </si>
  <si>
    <t>D:\Backup 12-11-2019\Desktop - 12-11-19\PreVendas - Governo Diogo\IPEA\Racional.xlsx</t>
  </si>
  <si>
    <t>C:\Users\suelenmm\OneDrive - Grupo Algar\Desktop - 12-11-19\PreVendas - Governo Diogo\IPHAN\Preço\</t>
  </si>
  <si>
    <t>componentes IPHAN.xlsx</t>
  </si>
  <si>
    <t>D:\Backup 12-11-2019\Desktop - 12-11-19\PreVendas - Governo Diogo\IPHAN\Preço\componentes IPHAN.xlsx</t>
  </si>
  <si>
    <t>D:\Backup 12-11-2019\Desktop - 12-11-19\PreVendas - Governo Diogo\IPHAN\Preço\Preço.xlsb</t>
  </si>
  <si>
    <t>D:\Backup 12-11-2019\Desktop - 12-11-19\PreVendas - Governo Diogo\ITAIPU\NC 2329-17 Anexo III - Planilha de Preços.xls</t>
  </si>
  <si>
    <t>D:\Backup 12-11-2019\Desktop - 12-11-19\PreVendas - Governo Diogo\ITAIPU\Preço.xlsb</t>
  </si>
  <si>
    <t>D:\Backup 12-11-2019\Desktop - 12-11-19\PreVendas - Governo Diogo\ITAÚ\Proposta Comercial.xlsx</t>
  </si>
  <si>
    <t>D:\Backup 12-11-2019\Desktop - 12-11-19\PreVendas - Governo Diogo\ITAÚ\SIZING + Resumo.xlsx</t>
  </si>
  <si>
    <t>D:\Backup 12-11-2019\Desktop - 12-11-19\PreVendas - Governo Diogo\ITI\BP ITI.xlsb</t>
  </si>
  <si>
    <t>D:\Backup 12-11-2019\Desktop - 12-11-19\PreVendas - Governo Diogo\lexmark\ISD Linha - Componentização dos Custos_V1.1.xlsx</t>
  </si>
  <si>
    <t>D:\Backup 12-11-2019\Desktop - 12-11-19\PreVendas - Governo Diogo\lexmark\Pricing.xlsm</t>
  </si>
  <si>
    <t>C:\Users\suelenmm\OneDrive - Grupo Algar\Desktop - 12-11-19\PreVendas - Governo Diogo\MCTi\</t>
  </si>
  <si>
    <t>D:\Backup 12-11-2019\Desktop - 12-11-19\PreVendas - Governo Diogo\MCTi\Análise.xlsx</t>
  </si>
  <si>
    <t>Cenário_Protocolado.xlsb</t>
  </si>
  <si>
    <t>D:\Backup 12-11-2019\Desktop - 12-11-19\PreVendas - Governo Diogo\MCTi\Cenário_Protocolado.xlsb</t>
  </si>
  <si>
    <t>Cenário_Real.xlsb</t>
  </si>
  <si>
    <t>D:\Backup 12-11-2019\Desktop - 12-11-19\PreVendas - Governo Diogo\MCTi\Cenário_Real.xlsb</t>
  </si>
  <si>
    <t>Componentes.xlsx</t>
  </si>
  <si>
    <t>D:\Backup 12-11-2019\Desktop - 12-11-19\PreVendas - Governo Diogo\MCTi\Componentes.xlsx</t>
  </si>
  <si>
    <t>curva de receita.xlsx</t>
  </si>
  <si>
    <t>D:\Backup 12-11-2019\Desktop - 12-11-19\PreVendas - Governo Diogo\MCTi\curva de receita.xlsx</t>
  </si>
  <si>
    <t>Cópia de CATALOGO DE TAREFAS MCTI-V8.xlsx</t>
  </si>
  <si>
    <t>D:\Backup 12-11-2019\Desktop - 12-11-19\PreVendas - Governo Diogo\MCTi\Cópia de CATALOGO DE TAREFAS MCTI-V8.xlsx</t>
  </si>
  <si>
    <t>EMERGENCIAL.xlsb</t>
  </si>
  <si>
    <t>D:\Backup 12-11-2019\Desktop - 12-11-19\PreVendas - Governo Diogo\MCTi\EMERGENCIAL.xlsb</t>
  </si>
  <si>
    <t>MCT - Final - Cenario pos vistoria_Validado Adocao.xlsb</t>
  </si>
  <si>
    <t>D:\Backup 12-11-2019\Desktop - 12-11-19\PreVendas - Governo Diogo\MCTi\MCT - Final - Cenario pos vistoria_Validado Adocao.xlsb</t>
  </si>
  <si>
    <t>Planilha de Custos - Algar Tecnologia - v2.xlsx</t>
  </si>
  <si>
    <t>D:\Backup 12-11-2019\Desktop - 12-11-19\PreVendas - Governo Diogo\MCTi\Planilha de Custos - Algar Tecnologia - v2.xlsx</t>
  </si>
  <si>
    <t>Prospecção_demandas.xlsb</t>
  </si>
  <si>
    <t>D:\Backup 12-11-2019\Desktop - 12-11-19\PreVendas - Governo Diogo\MCTi\Prospecção_demandas.xlsb</t>
  </si>
  <si>
    <t>C:\Users\suelenmm\OneDrive - Grupo Algar\Desktop - 12-11-19\PreVendas - Governo Diogo\MCTi\2016\Cotação\</t>
  </si>
  <si>
    <t>08-09-2016.xlsx</t>
  </si>
  <si>
    <t>D:\Backup 12-11-2019\Desktop - 12-11-19\PreVendas - Governo Diogo\MCTi\2016\Cotação\08-09-2016.xlsx</t>
  </si>
  <si>
    <t>C:\Users\suelenmm\OneDrive - Grupo Algar\Desktop - 12-11-19\PreVendas - Governo Diogo\MD\</t>
  </si>
  <si>
    <t>Equipe Senior.xlsb</t>
  </si>
  <si>
    <t>D:\Backup 12-11-2019\Desktop - 12-11-19\PreVendas - Governo Diogo\MD\Equipe Senior.xlsb</t>
  </si>
  <si>
    <t>Renovacao.xlsb</t>
  </si>
  <si>
    <t>D:\Backup 12-11-2019\Desktop - 12-11-19\PreVendas - Governo Diogo\MD\Renovacao.xlsb</t>
  </si>
  <si>
    <t>SIMULADO 25%.xlsx</t>
  </si>
  <si>
    <t>D:\Backup 12-11-2019\Desktop - 12-11-19\PreVendas - Governo Diogo\MD\SIMULADO 25%.xlsx</t>
  </si>
  <si>
    <t>C:\Users\suelenmm\OneDrive - Grupo Algar\Desktop - 12-11-19\PreVendas - Governo Diogo\MDIC\</t>
  </si>
  <si>
    <t>D:\Backup 12-11-2019\Desktop - 12-11-19\PreVendas - Governo Diogo\MDIC\Precificação.xlsb</t>
  </si>
  <si>
    <t>C:\Users\suelenmm\OneDrive - Grupo Algar\Desktop - 12-11-19\PreVendas - Governo Diogo\MDIC\Precificação.xlsb\</t>
  </si>
  <si>
    <t>C:\Users\suelenmm\OneDrive - Grupo Algar\Desktop - 12-11-19\PreVendas - Governo Diogo\MDS\</t>
  </si>
  <si>
    <t>Cenário Simulado1.xlsb</t>
  </si>
  <si>
    <t>D:\Backup 12-11-2019\Desktop - 12-11-19\PreVendas - Governo Diogo\MDS\Cenário Simulado1.xlsb</t>
  </si>
  <si>
    <t>C:\Users\suelenmm\OneDrive - Grupo Algar\Desktop - 12-11-19\PreVendas - Governo Diogo\MDS\Adesão Redes\</t>
  </si>
  <si>
    <t>D:\Backup 12-11-2019\Desktop - 12-11-19\PreVendas - Governo Diogo\MDS\Adesão Redes\BP Atualizado.xlsb</t>
  </si>
  <si>
    <t>C:\Users\suelenmm\OneDrive - Grupo Algar\Desktop - 12-11-19\PreVendas - Governo Diogo\MDS\Adesão Redes\Cenario Real\</t>
  </si>
  <si>
    <t>Análise Financeira.xlsx</t>
  </si>
  <si>
    <t>D:\Backup 12-11-2019\Desktop - 12-11-19\PreVendas - Governo Diogo\MDS\Adesão Redes\Cenario Real\Análise Financeira.xlsx</t>
  </si>
  <si>
    <t>Cargos e Salários Validados.xlsx</t>
  </si>
  <si>
    <t>D:\Backup 12-11-2019\Desktop - 12-11-19\PreVendas - Governo Diogo\MDS\Adesão Redes\Cenario Real\Cargos e Salários Validados.xlsx</t>
  </si>
  <si>
    <t>Desenho com Operação.xlsx</t>
  </si>
  <si>
    <t>D:\Backup 12-11-2019\Desktop - 12-11-19\PreVendas - Governo Diogo\MDS\Adesão Redes\Cenario Real\Desenho com Operação.xlsx</t>
  </si>
  <si>
    <t>D:\Backup 12-11-2019\Desktop - 12-11-19\PreVendas - Governo Diogo\MDS\Adesão Redes\Cenario Real\Estrutura.xlsx</t>
  </si>
  <si>
    <t>Monitoramento Compartilhado.xlsx</t>
  </si>
  <si>
    <t>D:\Backup 12-11-2019\Desktop - 12-11-19\PreVendas - Governo Diogo\MDS\Adesão Redes\Cenario Real\Monitoramento Compartilhado.xlsx</t>
  </si>
  <si>
    <t>Planilha de Preço - Serviços Gerenciados-V1.xlsb</t>
  </si>
  <si>
    <t>D:\Backup 12-11-2019\Desktop - 12-11-19\PreVendas - Governo Diogo\MDS\Adesão Redes\Cenario Real\Planilha de Preço - Serviços Gerenciados-V1.xlsb</t>
  </si>
  <si>
    <t>Planilha de Preço - Serviços Gerenciados-V2.xlsb</t>
  </si>
  <si>
    <t>D:\Backup 12-11-2019\Desktop - 12-11-19\PreVendas - Governo Diogo\MDS\Adesão Redes\Cenario Real\Planilha de Preço - Serviços Gerenciados-V2.xlsb</t>
  </si>
  <si>
    <t>Planilha de Preço - Serviços Gerenciados-V3.xlsb</t>
  </si>
  <si>
    <t>D:\Backup 12-11-2019\Desktop - 12-11-19\PreVendas - Governo Diogo\MDS\Adesão Redes\Cenario Real\Planilha de Preço - Serviços Gerenciados-V3.xlsb</t>
  </si>
  <si>
    <t>Planilha de Preço - Serviços Gerenciados-V4.xlsb</t>
  </si>
  <si>
    <t>D:\Backup 12-11-2019\Desktop - 12-11-19\PreVendas - Governo Diogo\MDS\Adesão Redes\Cenario Real\Planilha de Preço - Serviços Gerenciados-V4.xlsb</t>
  </si>
  <si>
    <t>C:\Users\suelenmm\OneDrive - Grupo Algar\Desktop - 12-11-19\PreVendas - Governo Diogo\MDS\Adesão Redes\Cenario Real\IN-02\Original MCTi\</t>
  </si>
  <si>
    <t>D:\Backup 12-11-2019\Desktop - 12-11-19\PreVendas - Governo Diogo\MDS\Adesão Redes\Cenario Real\IN-02\Original MCTi\Planilha de Custos - Algar Tecnologia - v2.xlsx</t>
  </si>
  <si>
    <t>C:\Users\suelenmm\OneDrive - Grupo Algar\Desktop - 12-11-19\PreVendas - Governo Diogo\MDS\Adesão Redes\Cenario Real\IN-02\Repactuação 13-14\</t>
  </si>
  <si>
    <t>Repactuação Envio.xlsx</t>
  </si>
  <si>
    <t>D:\Backup 12-11-2019\Desktop - 12-11-19\PreVendas - Governo Diogo\MDS\Adesão Redes\Cenario Real\IN-02\Repactuação 13-14\Repactuação Envio.xlsx</t>
  </si>
  <si>
    <t>Repactuação.xlsx</t>
  </si>
  <si>
    <t>D:\Backup 12-11-2019\Desktop - 12-11-19\PreVendas - Governo Diogo\MDS\Adesão Redes\Cenario Real\IN-02\Repactuação 13-14\Repactuação.xlsx</t>
  </si>
  <si>
    <t>C:\Users\suelenmm\OneDrive - Grupo Algar\Desktop - 12-11-19\PreVendas - Governo Diogo\MDS\Adesão Redes\Emergencial\</t>
  </si>
  <si>
    <t>Consolidado - Com MDS Atual.xlsb</t>
  </si>
  <si>
    <t>D:\Backup 12-11-2019\Desktop - 12-11-19\PreVendas - Governo Diogo\MDS\Adesão Redes\Emergencial\Consolidado - Com MDS Atual.xlsb</t>
  </si>
  <si>
    <t>Consolidado.xlsb</t>
  </si>
  <si>
    <t>D:\Backup 12-11-2019\Desktop - 12-11-19\PreVendas - Governo Diogo\MDS\Adesão Redes\Emergencial\Consolidado.xlsb</t>
  </si>
  <si>
    <t>Estudo CM.xlsx</t>
  </si>
  <si>
    <t>D:\Backup 12-11-2019\Desktop - 12-11-19\PreVendas - Governo Diogo\MDS\Adesão Redes\Emergencial\Estudo CM.xlsx</t>
  </si>
  <si>
    <t>Lote Banco de Dados.xlsb</t>
  </si>
  <si>
    <t>D:\Backup 12-11-2019\Desktop - 12-11-19\PreVendas - Governo Diogo\MDS\Adesão Redes\Emergencial\Lote Banco de Dados.xlsb</t>
  </si>
  <si>
    <t>Lote Redes.xlsb</t>
  </si>
  <si>
    <t>D:\Backup 12-11-2019\Desktop - 12-11-19\PreVendas - Governo Diogo\MDS\Adesão Redes\Emergencial\Lote Redes.xlsb</t>
  </si>
  <si>
    <t>Lote Servidores.xlsb</t>
  </si>
  <si>
    <t>D:\Backup 12-11-2019\Desktop - 12-11-19\PreVendas - Governo Diogo\MDS\Adesão Redes\Emergencial\Lote Servidores.xlsb</t>
  </si>
  <si>
    <t>Simulacao-Lotes-PS.xlsb</t>
  </si>
  <si>
    <t>D:\Backup 12-11-2019\Desktop - 12-11-19\PreVendas - Governo Diogo\MDS\Adesão Redes\Emergencial\Simulacao-Lotes-PS.xlsb</t>
  </si>
  <si>
    <t>C:\Users\suelenmm\OneDrive - Grupo Algar\Desktop - 12-11-19\PreVendas - Governo Diogo\MDS\Adesão Redes\SUPRESSÃO PBM\</t>
  </si>
  <si>
    <t>Análise de Supressão PBM.xlsx</t>
  </si>
  <si>
    <t>D:\Backup 12-11-2019\Desktop - 12-11-19\PreVendas - Governo Diogo\MDS\Adesão Redes\SUPRESSÃO PBM\Análise de Supressão PBM.xlsx</t>
  </si>
  <si>
    <t>C:\Users\suelenmm\OneDrive - Grupo Algar\Desktop - 12-11-19\PreVendas - Governo Diogo\MDS\Assessoria 2016\</t>
  </si>
  <si>
    <t>D:\Backup 12-11-2019\Desktop - 12-11-19\PreVendas - Governo Diogo\MDS\Assessoria 2016\Análise.xlsx</t>
  </si>
  <si>
    <t>C:\Users\suelenmm\OneDrive - Grupo Algar\Desktop - 12-11-19\PreVendas - Governo Diogo\MDS\Banco de Dados\Bando de Dados\</t>
  </si>
  <si>
    <t>D:\Backup 12-11-2019\Desktop - 12-11-19\PreVendas - Governo Diogo\MDS\Banco de Dados\Bando de Dados\Cotação.xlsx</t>
  </si>
  <si>
    <t>C:\Users\suelenmm\OneDrive - Grupo Algar\Desktop - 12-11-19\PreVendas - Governo Diogo\MDS\Banco de Dados\Renovacao\</t>
  </si>
  <si>
    <t>D:\Backup 12-11-2019\Desktop - 12-11-19\PreVendas - Governo Diogo\MDS\Banco de Dados\Renovacao\Preco.xlsb</t>
  </si>
  <si>
    <t>C:\Users\suelenmm\OneDrive - Grupo Algar\Desktop - 12-11-19\PreVendas - Governo Diogo\ME\Aditivo VoIP 2013\</t>
  </si>
  <si>
    <t>Precificação Aditivo.xlsb</t>
  </si>
  <si>
    <t>D:\Backup 12-11-2019\Desktop - 12-11-19\PreVendas - Governo Diogo\ME\Aditivo VoIP 2013\Precificação Aditivo.xlsb</t>
  </si>
  <si>
    <t>C:\Users\suelenmm\OneDrive - Grupo Algar\Desktop - 12-11-19\PreVendas - Governo Diogo\MEC\</t>
  </si>
  <si>
    <t>MEC SD - Atualizado.xlsm</t>
  </si>
  <si>
    <t>D:\Backup 12-11-2019\Desktop - 12-11-19\PreVendas - Governo Diogo\MEC\MEC SD - Atualizado.xlsm</t>
  </si>
  <si>
    <t>MEC SD - CHEIO_Desonerado.xlsm</t>
  </si>
  <si>
    <t>D:\Backup 12-11-2019\Desktop - 12-11-19\PreVendas - Governo Diogo\MEC\MEC SD - CHEIO_Desonerado.xlsm</t>
  </si>
  <si>
    <t>MEC SD-CHEIO.xlsm</t>
  </si>
  <si>
    <t>D:\Backup 12-11-2019\Desktop - 12-11-19\PreVendas - Governo Diogo\MEC\MEC SD-CHEIO.xlsm</t>
  </si>
  <si>
    <t>MEC SD_Desonerado juniorado.xlsm</t>
  </si>
  <si>
    <t>D:\Backup 12-11-2019\Desktop - 12-11-19\PreVendas - Governo Diogo\MEC\MEC SD_Desonerado juniorado.xlsm</t>
  </si>
  <si>
    <t>MEC SD_Desonerado.xlsm</t>
  </si>
  <si>
    <t>D:\Backup 12-11-2019\Desktop - 12-11-19\PreVendas - Governo Diogo\MEC\MEC SD_Desonerado.xlsm</t>
  </si>
  <si>
    <t>MEC_SD.xlsm</t>
  </si>
  <si>
    <t>D:\Backup 12-11-2019\Desktop - 12-11-19\PreVendas - Governo Diogo\MEC\MEC_SD.xlsm</t>
  </si>
  <si>
    <t>D:\Backup 12-11-2019\Desktop - 12-11-19\PreVendas - Governo Diogo\MEC\Planilha de Custos - Resumo e IN-02.xlsx</t>
  </si>
  <si>
    <t>C:\Users\suelenmm\OneDrive - Grupo Algar\Desktop - 12-11-19\PreVendas - Governo Diogo\MEC\2015\Assessoria Técnica\</t>
  </si>
  <si>
    <t>D:\Backup 12-11-2019\Desktop - 12-11-19\PreVendas - Governo Diogo\MEC\2015\Assessoria Técnica\Proposta.xlsx</t>
  </si>
  <si>
    <t>C:\Users\suelenmm\OneDrive - Grupo Algar\Desktop - 12-11-19\PreVendas - Governo Diogo\MEC\2015\Assessoria Técnica\TR e Documentos.zip\</t>
  </si>
  <si>
    <t>Planilha proposta estimativa - Preenchimento.xlsx</t>
  </si>
  <si>
    <t>D:\Backup 12-11-2019\Desktop - 12-11-19\PreVendas - Governo Diogo\MEC\2015\Assessoria Técnica\TR e Documentos.zip</t>
  </si>
  <si>
    <t>C:\Users\suelenmm\OneDrive - Grupo Algar\Desktop - 12-11-19\PreVendas - Governo Diogo\MEC\2015\Assessoria Técnica\Publicado\</t>
  </si>
  <si>
    <t>D:\Backup 12-11-2019\Desktop - 12-11-19\PreVendas - Governo Diogo\MEC\2015\Assessoria Técnica\Publicado\BP.xlsb</t>
  </si>
  <si>
    <t>Quadro Resumo.xlsx</t>
  </si>
  <si>
    <t>D:\Backup 12-11-2019\Desktop - 12-11-19\PreVendas - Governo Diogo\MEC\2015\Assessoria Técnica\Publicado\Quadro Resumo.xlsx</t>
  </si>
  <si>
    <t>C:\Users\suelenmm\OneDrive - Grupo Algar\Desktop - 12-11-19\PreVendas - Governo Diogo\MEC\2016\Infra\</t>
  </si>
  <si>
    <t>D:\Backup 12-11-2019\Desktop - 12-11-19\PreVendas - Governo Diogo\MEC\2016\Infra\Cópia de BP Preço C002 B004 _Encargos.xlsb</t>
  </si>
  <si>
    <t>MEC - Sustentação de Infraestrutura (REPACTUADO) - 121246.xlsb</t>
  </si>
  <si>
    <t>D:\Backup 12-11-2019\Desktop - 12-11-19\PreVendas - Governo Diogo\MEC\2016\Infra\MEC - Sustentação de Infraestrutura (REPACTUADO) - 121246.xlsb</t>
  </si>
  <si>
    <t>MEC - Sustentação de Infraestrutura - 121246.xlsb</t>
  </si>
  <si>
    <t>D:\Backup 12-11-2019\Desktop - 12-11-19\PreVendas - Governo Diogo\MEC\2016\Infra\MEC - Sustentação de Infraestrutura - 121246.xlsb</t>
  </si>
  <si>
    <t>C:\Users\suelenmm\OneDrive - Grupo Algar\Desktop - 12-11-19\PreVendas - Governo Diogo\MEC\2018\Infra\Cotação\</t>
  </si>
  <si>
    <t>D:\Backup 12-11-2019\Desktop - 12-11-19\PreVendas - Governo Diogo\MEC\2018\Infra\Cotação\Cotação.xlsx</t>
  </si>
  <si>
    <t>C:\Users\suelenmm\OneDrive - Grupo Algar\Desktop - 12-11-19\PreVendas - Governo Diogo\MEC\2018\SD\Cotação\</t>
  </si>
  <si>
    <t>D:\Backup 12-11-2019\Desktop - 12-11-19\PreVendas - Governo Diogo\MEC\2018\SD\Cotação\Desenho Cotação.xlsx</t>
  </si>
  <si>
    <t>Sugestões.xlsx</t>
  </si>
  <si>
    <t>D:\Backup 12-11-2019\Desktop - 12-11-19\PreVendas - Governo Diogo\MEC\2018\SD\Cotação\Sugestões.xlsx</t>
  </si>
  <si>
    <t>C:\Users\suelenmm\OneDrive - Grupo Algar\Desktop - 12-11-19\PreVendas - Governo Diogo\MEC\2018\SD\publicado\</t>
  </si>
  <si>
    <t>D:\Backup 12-11-2019\Desktop - 12-11-19\PreVendas - Governo Diogo\MEC\2018\SD\publicado\BP.xlsb</t>
  </si>
  <si>
    <t>C:\Users\suelenmm\OneDrive - Grupo Algar\Desktop - 12-11-19\PreVendas - Governo Diogo\MEC\2018\SD\publicado\BP.xlsb\</t>
  </si>
  <si>
    <t>Dados.xlsx</t>
  </si>
  <si>
    <t>D:\Backup 12-11-2019\Desktop - 12-11-19\PreVendas - Governo Diogo\MEC\2018\SD\publicado\Dados.xlsx</t>
  </si>
  <si>
    <t>C:\Users\suelenmm\OneDrive - Grupo Algar\Desktop - 12-11-19\PreVendas - Governo Diogo\MEC\2019\Apoio Técnico\Cotação\</t>
  </si>
  <si>
    <t>D:\Backup 12-11-2019\Desktop - 12-11-19\PreVendas - Governo Diogo\MEC\2019\Apoio Técnico\Cotação\Cotação.xlsx</t>
  </si>
  <si>
    <t>C:\Users\suelenmm\OneDrive - Grupo Algar\Desktop - 12-11-19\PreVendas - Governo Diogo\MEC\Aditivo 2014\</t>
  </si>
  <si>
    <t>D:\Backup 12-11-2019\Desktop - 12-11-19\PreVendas - Governo Diogo\MEC\Aditivo 2014\Cópia de Planilha de Preço - Serviços Gerenciados.xlsb</t>
  </si>
  <si>
    <t>C:\Users\suelenmm\OneDrive - Grupo Algar\Desktop - 12-11-19\PreVendas - Governo Diogo\MEC\ATA\</t>
  </si>
  <si>
    <t>BP Preço C002 B004 _Encargos.xlsb</t>
  </si>
  <si>
    <t>D:\Backup 12-11-2019\Desktop - 12-11-19\PreVendas - Governo Diogo\MEC\ATA\BP Preço C002 B004 _Encargos.xlsb</t>
  </si>
  <si>
    <t>MEC ATA.xlsm</t>
  </si>
  <si>
    <t>D:\Backup 12-11-2019\Desktop - 12-11-19\PreVendas - Governo Diogo\MEC\ATA\MEC ATA.xlsm</t>
  </si>
  <si>
    <t>C:\Users\suelenmm\OneDrive - Grupo Algar\Desktop - 12-11-19\PreVendas - Governo Diogo\MEC\Novo\Aditivo EP\</t>
  </si>
  <si>
    <t>MEC Escritorio de Projetos.xlsb</t>
  </si>
  <si>
    <t>D:\Backup 12-11-2019\Desktop - 12-11-19\PreVendas - Governo Diogo\MEC\Novo\Aditivo EP\MEC Escritorio de Projetos.xlsb</t>
  </si>
  <si>
    <t>C:\Users\suelenmm\OneDrive - Grupo Algar\Desktop - 12-11-19\PreVendas - Governo Diogo\MEC\Novo\Publicado\</t>
  </si>
  <si>
    <t>Adoção.xlsx</t>
  </si>
  <si>
    <t>D:\Backup 12-11-2019\Desktop - 12-11-19\PreVendas - Governo Diogo\MEC\Novo\Publicado\Adoção.xlsx</t>
  </si>
  <si>
    <t>D:\Backup 12-11-2019\Desktop - 12-11-19\PreVendas - Governo Diogo\MEC\Novo\Publicado\Cargos e Salários.xlsx</t>
  </si>
  <si>
    <t>Planilha de Preço - Serviços Gerenciados Adocao-CAPEX.xlsm</t>
  </si>
  <si>
    <t>D:\Backup 12-11-2019\Desktop - 12-11-19\PreVendas - Governo Diogo\MEC\Novo\Publicado\Planilha de Preço - Serviços Gerenciados Adocao-CAPEX.xlsm</t>
  </si>
  <si>
    <t>Planilha de Preço - Serviços Gerenciados Agressivo.xlsm</t>
  </si>
  <si>
    <t>D:\Backup 12-11-2019\Desktop - 12-11-19\PreVendas - Governo Diogo\MEC\Novo\Publicado\Planilha de Preço - Serviços Gerenciados Agressivo.xlsm</t>
  </si>
  <si>
    <t>Planilha de Preço - Serviços Gerenciados V1.xlsm</t>
  </si>
  <si>
    <t>D:\Backup 12-11-2019\Desktop - 12-11-19\PreVendas - Governo Diogo\MEC\Novo\Publicado\Planilha de Preço - Serviços Gerenciados V1.xlsm</t>
  </si>
  <si>
    <t>Planilha de Preço - Serviços Gerenciados.xlsm</t>
  </si>
  <si>
    <t>D:\Backup 12-11-2019\Desktop - 12-11-19\PreVendas - Governo Diogo\MEC\Novo\Publicado\Planilha de Preço - Serviços Gerenciados.xlsm</t>
  </si>
  <si>
    <t>D:\Backup 12-11-2019\Desktop - 12-11-19\PreVendas - Governo Diogo\MEC\Novo\Publicado\ATUALIZADOS\Planilha de Preço - Serviços Gerenciados Adocao-CAPEX.xlsm</t>
  </si>
  <si>
    <t>D:\Backup 12-11-2019\Desktop - 12-11-19\PreVendas - Governo Diogo\MEC\Novo\Publicado\ATUALIZADOS\Planilha de Preço - Serviços Gerenciados Agressivo.xlsm</t>
  </si>
  <si>
    <t>C:\Users\suelenmm\OneDrive - Grupo Algar\Desktop - 12-11-19\PreVendas - Governo Diogo\MEC\Novo\Publicado\ATUALIZADOS\</t>
  </si>
  <si>
    <t>Planilha de Preço - Serviços Gerenciados Diligenciada.xlsm</t>
  </si>
  <si>
    <t>D:\Backup 12-11-2019\Desktop - 12-11-19\PreVendas - Governo Diogo\MEC\Novo\Publicado\ATUALIZADOS\Planilha de Preço - Serviços Gerenciados Diligenciada.xlsm</t>
  </si>
  <si>
    <t>D:\Backup 12-11-2019\Desktop - 12-11-19\PreVendas - Governo Diogo\MEC\Novo\Publicado\ATUALIZADOS\Planilha de Preço - Serviços Gerenciados V1.xlsm</t>
  </si>
  <si>
    <t>C:\Users\suelenmm\OneDrive - Grupo Algar\Desktop - 12-11-19\PreVendas - Governo Diogo\MEC\Novo\Publicado\ATUALIZADOS\Diligenciada\</t>
  </si>
  <si>
    <t>Final.xlsm</t>
  </si>
  <si>
    <t>D:\Backup 12-11-2019\Desktop - 12-11-19\PreVendas - Governo Diogo\MEC\Novo\Publicado\ATUALIZADOS\Diligenciada\Final.xlsm</t>
  </si>
  <si>
    <t>MEC Cenario Aprovado.xlsm</t>
  </si>
  <si>
    <t>D:\Backup 12-11-2019\Desktop - 12-11-19\PreVendas - Governo Diogo\MEC\Novo\Publicado\ATUALIZADOS\Diligenciada\MEC Cenario Aprovado.xlsm</t>
  </si>
  <si>
    <t>D:\Backup 12-11-2019\Desktop - 12-11-19\PreVendas - Governo Diogo\MEC\Novo\Publicado\ATUALIZADOS\Diligenciada\Planilha de Preço - Serviços Gerenciados.xlsb</t>
  </si>
  <si>
    <t>C:\Users\suelenmm\OneDrive - Grupo Algar\Desktop - 12-11-19\PreVendas - Governo Diogo\MEC\Novo\Publicado\ATUALIZADOS\Diligenciada\Planilha nova\</t>
  </si>
  <si>
    <t>MEC Cenario Aprovado Change Final SEM PBM.xlsb</t>
  </si>
  <si>
    <t>D:\Backup 12-11-2019\Desktop - 12-11-19\PreVendas - Governo Diogo\MEC\Novo\Publicado\ATUALIZADOS\Diligenciada\Planilha nova\MEC Cenario Aprovado Change Final SEM PBM.xlsb</t>
  </si>
  <si>
    <t>MEC Cenario Aprovado Change Final.xlsb</t>
  </si>
  <si>
    <t>D:\Backup 12-11-2019\Desktop - 12-11-19\PreVendas - Governo Diogo\MEC\Novo\Publicado\ATUALIZADOS\Diligenciada\Planilha nova\MEC Cenario Aprovado Change Final.xlsb</t>
  </si>
  <si>
    <t>MEC Cenario Aprovado Novo Sem PBM.xlsb</t>
  </si>
  <si>
    <t>D:\Backup 12-11-2019\Desktop - 12-11-19\PreVendas - Governo Diogo\MEC\Novo\Publicado\ATUALIZADOS\Diligenciada\Planilha nova\MEC Cenario Aprovado Novo Sem PBM.xlsb</t>
  </si>
  <si>
    <t>MEC Cenario Aprovado Novo.xlsb</t>
  </si>
  <si>
    <t>D:\Backup 12-11-2019\Desktop - 12-11-19\PreVendas - Governo Diogo\MEC\Novo\Publicado\ATUALIZADOS\Diligenciada\Planilha nova\MEC Cenario Aprovado Novo.xlsb</t>
  </si>
  <si>
    <t>MEC Cenario Aprovado Simulação.xlsb</t>
  </si>
  <si>
    <t>D:\Backup 12-11-2019\Desktop - 12-11-19\PreVendas - Governo Diogo\MEC\Novo\Publicado\ATUALIZADOS\Diligenciada\Planilha nova\MEC Cenario Aprovado Simulação.xlsb</t>
  </si>
  <si>
    <t>C:\Users\suelenmm\OneDrive - Grupo Algar\Desktop - 12-11-19\PreVendas - Governo Diogo\MEC\Novo\Publicado\Comitês\Change - 8 - Sustentação de Infra.ppt\s4\</t>
  </si>
  <si>
    <t>D:\Backup 12-11-2019\Desktop - 12-11-19\PreVendas - Governo Diogo\MEC\Novo\Publicado\Comitês\Change - 8 - Sustentação de Infra.ppt</t>
  </si>
  <si>
    <t>C:\Users\suelenmm\OneDrive - Grupo Algar\Desktop - 12-11-19\PreVendas - Governo Diogo\MEC\Novo\Publicado\Comitês\Change 3 MEC - Sustentação de Infra.ppt\s4\</t>
  </si>
  <si>
    <t>Planilha do Microsoft Excel 97-2003.xls</t>
  </si>
  <si>
    <t>D:\Backup 12-11-2019\Desktop - 12-11-19\PreVendas - Governo Diogo\MEC\Novo\Publicado\Comitês\Change 3 MEC - Sustentação de Infra.ppt</t>
  </si>
  <si>
    <t>C:\Users\suelenmm\OneDrive - Grupo Algar\Desktop - 12-11-19\PreVendas - Governo Diogo\MEC\Novo\Publicado\Comitês\</t>
  </si>
  <si>
    <t>Insumos v3.xlsx</t>
  </si>
  <si>
    <t>D:\Backup 12-11-2019\Desktop - 12-11-19\PreVendas - Governo Diogo\MEC\Novo\Publicado\Comitês\Insumos v3.xlsx</t>
  </si>
  <si>
    <t>C:\Users\suelenmm\OneDrive - Grupo Algar\Desktop - 12-11-19\PreVendas - Governo Diogo\MEC\Novo\Publicado\MUDANÇA ISIS-CA\</t>
  </si>
  <si>
    <t>Precificação Adoção MEC Adicionalv2.xlsx</t>
  </si>
  <si>
    <t>D:\Backup 12-11-2019\Desktop - 12-11-19\PreVendas - Governo Diogo\MEC\Novo\Publicado\MUDANÇA ISIS-CA\Precificação Adoção MEC Adicionalv2.xlsx</t>
  </si>
  <si>
    <t>Simulação Preço CA.xlsx</t>
  </si>
  <si>
    <t>D:\Backup 12-11-2019\Desktop - 12-11-19\PreVendas - Governo Diogo\MEC\Novo\Publicado\MUDANÇA ISIS-CA\Simulação Preço CA.xlsx</t>
  </si>
  <si>
    <t>C:\Users\suelenmm\OneDrive - Grupo Algar\Desktop - 12-11-19\PreVendas - Governo Diogo\MEC\Novo\Publicado\MUDANÇA ISIS-CA\BP`s\Change Sustentação de Infra.ppt\s2\</t>
  </si>
  <si>
    <t>D:\Backup 12-11-2019\Desktop - 12-11-19\PreVendas - Governo Diogo\MEC\Novo\Publicado\MUDANÇA ISIS-CA\BP`s\Change Sustentação de Infra.ppt</t>
  </si>
  <si>
    <t>C:\Users\suelenmm\OneDrive - Grupo Algar\Desktop - 12-11-19\PreVendas - Governo Diogo\MEC\Novo\Publicado\MUDANÇA ISIS-CA\BP`s\</t>
  </si>
  <si>
    <t>MEC Cenario Aprovado Change Final SEM PBM(BKP).xlsb</t>
  </si>
  <si>
    <t>D:\Backup 12-11-2019\Desktop - 12-11-19\PreVendas - Governo Diogo\MEC\Novo\Publicado\MUDANÇA ISIS-CA\BP`s\MEC Cenario Aprovado Change Final SEM PBM(BKP).xlsb</t>
  </si>
  <si>
    <t>D:\Backup 12-11-2019\Desktop - 12-11-19\PreVendas - Governo Diogo\MEC\Novo\Publicado\MUDANÇA ISIS-CA\BP`s\MEC Cenario Aprovado Change Final SEM PBM.xlsb</t>
  </si>
  <si>
    <t>D:\Backup 12-11-2019\Desktop - 12-11-19\PreVendas - Governo Diogo\MEC\Novo\Publicado\MUDANÇA ISIS-CA\BP`s\MEC Cenario Aprovado Change Final.xlsb</t>
  </si>
  <si>
    <t>C:\Users\suelenmm\OneDrive - Grupo Algar\Desktop - 12-11-19\PreVendas - Governo Diogo\MEC\Novo\Publicado\MUDANÇA ISIS-CA\BP`s\Change Cargos e Salarios 25-10-13\</t>
  </si>
  <si>
    <t>MEC Change Final COM PBM.xlsb</t>
  </si>
  <si>
    <t>D:\Backup 12-11-2019\Desktop - 12-11-19\PreVendas - Governo Diogo\MEC\Novo\Publicado\MUDANÇA ISIS-CA\BP`s\Change Cargos e Salarios 25-10-13\MEC Change Final COM PBM.xlsb</t>
  </si>
  <si>
    <t>MEC Change Final SEM PBM.xlsb</t>
  </si>
  <si>
    <t>D:\Backup 12-11-2019\Desktop - 12-11-19\PreVendas - Governo Diogo\MEC\Novo\Publicado\MUDANÇA ISIS-CA\BP`s\Change Cargos e Salarios 25-10-13\MEC Change Final SEM PBM.xlsb</t>
  </si>
  <si>
    <t>C:\Users\suelenmm\OneDrive - Grupo Algar\Desktop - 12-11-19\PreVendas - Governo Diogo\MEC\Novo\Publicado\MUDANÇA ISIS-CA\BP`s\Change Cargos e Salários 07-08\</t>
  </si>
  <si>
    <t>D:\Backup 12-11-2019\Desktop - 12-11-19\PreVendas - Governo Diogo\MEC\Novo\Publicado\MUDANÇA ISIS-CA\BP`s\Change Cargos e Salários 07-08\MEC Change Final COM PBM.xlsb</t>
  </si>
  <si>
    <t>D:\Backup 12-11-2019\Desktop - 12-11-19\PreVendas - Governo Diogo\MEC\Novo\Publicado\MUDANÇA ISIS-CA\BP`s\Change Cargos e Salários 07-08\MEC Change Final SEM PBM.xlsb</t>
  </si>
  <si>
    <t>C:\Users\suelenmm\OneDrive - Grupo Algar\Desktop - 12-11-19\PreVendas - Governo Diogo\MEC\Novo\Publicado\MUDANÇA ISIS-CA\BP`s\OCS\</t>
  </si>
  <si>
    <t>D:\Backup 12-11-2019\Desktop - 12-11-19\PreVendas - Governo Diogo\MEC\Novo\Publicado\MUDANÇA ISIS-CA\BP`s\OCS\MEC Cenario Aprovado Change Final SEM PBM.xlsb</t>
  </si>
  <si>
    <t>D:\Backup 12-11-2019\Desktop - 12-11-19\PreVendas - Governo Diogo\MEC\Novo\Publicado\MUDANÇA ISIS-CA\BP`s\OCS\MEC Cenario Aprovado Change Final.xlsb</t>
  </si>
  <si>
    <t>C:\Users\suelenmm\OneDrive - Grupo Algar\Desktop - 12-11-19\PreVendas - Governo Diogo\MEC\Novo\Publicado\MUDANÇA ISIS-CA\BP`s\Simulações\</t>
  </si>
  <si>
    <t>CA + ISIS - 24 meses.xlsb</t>
  </si>
  <si>
    <t>D:\Backup 12-11-2019\Desktop - 12-11-19\PreVendas - Governo Diogo\MEC\Novo\Publicado\MUDANÇA ISIS-CA\BP`s\Simulações\CA + ISIS - 24 meses.xlsb</t>
  </si>
  <si>
    <t>CA + ISIS - Pior Cenário.xlsb</t>
  </si>
  <si>
    <t>D:\Backup 12-11-2019\Desktop - 12-11-19\PreVendas - Governo Diogo\MEC\Novo\Publicado\MUDANÇA ISIS-CA\BP`s\Simulações\CA + ISIS - Pior Cenário.xlsb</t>
  </si>
  <si>
    <t>Targets.xlsx</t>
  </si>
  <si>
    <t>D:\Backup 12-11-2019\Desktop - 12-11-19\PreVendas - Governo Diogo\MEC\Novo\Publicado\MUDANÇA ISIS-CA\BP`s\Simulações\Targets.xlsx</t>
  </si>
  <si>
    <t>C:\Users\suelenmm\OneDrive - Grupo Algar\Desktop - 12-11-19\PreVendas - Governo Diogo\MEC\Novo\Publicado\MUDANÇA ISIS-CA\BP`s\Simulações\1MM invest\</t>
  </si>
  <si>
    <t>D:\Backup 12-11-2019\Desktop - 12-11-19\PreVendas - Governo Diogo\MEC\Novo\Publicado\MUDANÇA ISIS-CA\BP`s\Simulações\1MM invest\MEC Cenario Aprovado Change Final SEM PBM.xlsb</t>
  </si>
  <si>
    <t>ISIS + Multa.xlsb</t>
  </si>
  <si>
    <t>D:\Backup 12-11-2019\Desktop - 12-11-19\PreVendas - Governo Diogo\MEC\Novo\Publicado\MUDANÇA ISIS-CA\BP`s\Simulações\ISIS + Multa.xlsb</t>
  </si>
  <si>
    <t>D:\Backup 12-11-2019\Desktop - 12-11-19\PreVendas - Governo Diogo\MEC\Novo\Publicado\MUDANÇA ISIS-CA\BP`s\Simulações\1MM invest\MEC Cenario Aprovado Change Final.xlsb</t>
  </si>
  <si>
    <t>D:\Backup 12-11-2019\Desktop - 12-11-19\PreVendas - Governo Diogo\MEC\Novo\Publicado\MUDANÇA ISIS-CA\BP`s\SPECTRUM\MEC Cenario Aprovado Change Final SEM PBM.xlsb</t>
  </si>
  <si>
    <t>D:\Backup 12-11-2019\Desktop - 12-11-19\PreVendas - Governo Diogo\MEC\Novo\Publicado\MUDANÇA ISIS-CA\BP`s\SPECTRUM\MEC Cenario Aprovado Change Final.xlsb</t>
  </si>
  <si>
    <t>C:\Users\suelenmm\OneDrive - Grupo Algar\Desktop - 12-11-19\PreVendas - Governo Diogo\MEC\Novo\Publicado\Planilhas IN02\</t>
  </si>
  <si>
    <t>IN-02 100%.xlsx</t>
  </si>
  <si>
    <t>D:\Backup 12-11-2019\Desktop - 12-11-19\PreVendas - Governo Diogo\MEC\Novo\Publicado\Planilhas IN02\IN-02 100%.xlsx</t>
  </si>
  <si>
    <t>IN-02 Diligenciada 8,33 FINAL.xlsx</t>
  </si>
  <si>
    <t>D:\Backup 12-11-2019\Desktop - 12-11-19\PreVendas - Governo Diogo\MEC\Novo\Publicado\Planilhas IN02\IN-02 Diligenciada 8,33 FINAL.xlsx</t>
  </si>
  <si>
    <t>IN-02 Diligenciada 8,33.xlsx</t>
  </si>
  <si>
    <t>D:\Backup 12-11-2019\Desktop - 12-11-19\PreVendas - Governo Diogo\MEC\Novo\Publicado\Planilhas IN02\IN-02 Diligenciada 8,33.xlsx</t>
  </si>
  <si>
    <t>IN-02 Diligenciada.xlsx</t>
  </si>
  <si>
    <t>D:\Backup 12-11-2019\Desktop - 12-11-19\PreVendas - Governo Diogo\MEC\Novo\Publicado\Planilhas IN02\IN-02 Diligenciada.xlsx</t>
  </si>
  <si>
    <t>IN-02 ENVIO.xlsx</t>
  </si>
  <si>
    <t>D:\Backup 12-11-2019\Desktop - 12-11-19\PreVendas - Governo Diogo\MEC\Novo\Publicado\Planilhas IN02\IN-02 ENVIO.xlsx</t>
  </si>
  <si>
    <t>C:\Users\suelenmm\OneDrive - Grupo Algar\Desktop - 12-11-19\PreVendas - Governo Diogo\MEC\Novo\Publicado\Primeira Fatura\</t>
  </si>
  <si>
    <t>Fatura Operação_v3 Contra Proposta.xlsx</t>
  </si>
  <si>
    <t>D:\Backup 12-11-2019\Desktop - 12-11-19\PreVendas - Governo Diogo\MEC\Novo\Publicado\Primeira Fatura\Fatura Operação_v3 Contra Proposta.xlsx</t>
  </si>
  <si>
    <t>C:\Users\suelenmm\OneDrive - Grupo Algar\Desktop - 12-11-19\PreVendas - Governo Diogo\MEC\Novo\Publicado\Repactuação\</t>
  </si>
  <si>
    <t>Repactuação 13-14.xlsx</t>
  </si>
  <si>
    <t>D:\Backup 12-11-2019\Desktop - 12-11-19\PreVendas - Governo Diogo\MEC\Novo\Publicado\Repactuação\Repactuação 13-14.xlsx</t>
  </si>
  <si>
    <t>C:\Users\suelenmm\OneDrive - Grupo Algar\Desktop - 12-11-19\PreVendas - Governo Diogo\MFaz\</t>
  </si>
  <si>
    <t>D:\Backup 12-11-2019\Desktop - 12-11-19\PreVendas - Governo Diogo\MFaz\Cargos.xlsx</t>
  </si>
  <si>
    <t>D:\Backup 12-11-2019\Desktop - 12-11-19\PreVendas - Governo Diogo\MFaz\Planilha de Custos.xlsx</t>
  </si>
  <si>
    <t>Precificação com Adoção - Comercial.xlsb</t>
  </si>
  <si>
    <t>D:\Backup 12-11-2019\Desktop - 12-11-19\PreVendas - Governo Diogo\MFaz\Precificação com Adoção - Comercial.xlsb</t>
  </si>
  <si>
    <t>Precificação com Adoção - Soluções.xlsb</t>
  </si>
  <si>
    <t>D:\Backup 12-11-2019\Desktop - 12-11-19\PreVendas - Governo Diogo\MFaz\Precificação com Adoção - Soluções.xlsb</t>
  </si>
  <si>
    <t>C:\Users\suelenmm\OneDrive - Grupo Algar\Desktop - 12-11-19\PreVendas - Governo Diogo\MFaz\2017\EP\</t>
  </si>
  <si>
    <t>D:\Backup 12-11-2019\Desktop - 12-11-19\PreVendas - Governo Diogo\MFaz\2017\EP\Preço.xlsb</t>
  </si>
  <si>
    <t>C:\Users\suelenmm\OneDrive - Grupo Algar\Desktop - 12-11-19\PreVendas - Governo Diogo\MFaz\2017\EP\Preço.xlsb\</t>
  </si>
  <si>
    <t>Simulação.xlsb</t>
  </si>
  <si>
    <t>D:\Backup 12-11-2019\Desktop - 12-11-19\PreVendas - Governo Diogo\MFaz\2017\EP\Simulação.xlsb</t>
  </si>
  <si>
    <t>C:\Users\suelenmm\OneDrive - Grupo Algar\Desktop - 12-11-19\PreVendas - Governo Diogo\MFaz\2017\EP\Simulação.xlsb\</t>
  </si>
  <si>
    <t>C:\Users\suelenmm\OneDrive - Grupo Algar\Desktop - 12-11-19\PreVendas - Governo Diogo\MFaz\2018\Infra\</t>
  </si>
  <si>
    <t>MFaz - GIAT - 2018.xlsx</t>
  </si>
  <si>
    <t>D:\Backup 12-11-2019\Desktop - 12-11-19\PreVendas - Governo Diogo\MFaz\2018\Infra\MFaz - GIAT - 2018.xlsx</t>
  </si>
  <si>
    <t>D:\Backup 12-11-2019\Desktop - 12-11-19\PreVendas - Governo Diogo\MFaz\2018\Infra\Pricing.xlsx</t>
  </si>
  <si>
    <t>C:\Users\suelenmm\OneDrive - Grupo Algar\Desktop - 12-11-19\PreVendas - Governo Diogo\MinC\</t>
  </si>
  <si>
    <t>D:\Backup 12-11-2019\Desktop - 12-11-19\PreVendas - Governo Diogo\MinC\Preco.xlsb</t>
  </si>
  <si>
    <t>C:\Users\suelenmm\OneDrive - Grupo Algar\Desktop - 12-11-19\PreVendas - Governo Diogo\Ministerio da Defesa\</t>
  </si>
  <si>
    <t>ServiceDesk.xlsb</t>
  </si>
  <si>
    <t>D:\Backup 12-11-2019\Desktop - 12-11-19\PreVendas - Governo Diogo\Ministerio da Defesa\ServiceDesk.xlsb</t>
  </si>
  <si>
    <t>C:\Users\suelenmm\OneDrive - Grupo Algar\Desktop - 12-11-19\PreVendas - Governo Diogo\MJ\2019\</t>
  </si>
  <si>
    <t>7D1A1760</t>
  </si>
  <si>
    <t>D:\Backup 12-11-2019\Desktop - 12-11-19\PreVendas - Governo Diogo\MJ\2019\7D1A1760</t>
  </si>
  <si>
    <t>C:\Users\suelenmm\OneDrive - Grupo Algar\Desktop - 12-11-19\PreVendas - Governo Diogo\MMA\Antigo\</t>
  </si>
  <si>
    <t>Cargos e Salários MMA.xlsx</t>
  </si>
  <si>
    <t>D:\Backup 12-11-2019\Desktop - 12-11-19\PreVendas - Governo Diogo\MMA\Antigo\Cargos e Salários MMA.xlsx</t>
  </si>
  <si>
    <t>Dimensionamento e Monitoramento MMA.xlsx</t>
  </si>
  <si>
    <t>D:\Backup 12-11-2019\Desktop - 12-11-19\PreVendas - Governo Diogo\MMA\Antigo\Dimensionamento e Monitoramento MMA.xlsx</t>
  </si>
  <si>
    <t>Estratégia Pregão.xlsx</t>
  </si>
  <si>
    <t>D:\Backup 12-11-2019\Desktop - 12-11-19\PreVendas - Governo Diogo\MMA\Antigo\Estratégia Pregão.xlsx</t>
  </si>
  <si>
    <t>D:\Backup 12-11-2019\Desktop - 12-11-19\PreVendas - Governo Diogo\MMA\Antigo\Planilha de Custos - Algar Tecnologia - v2.xlsx</t>
  </si>
  <si>
    <t>C:\Users\suelenmm\OneDrive - Grupo Algar\Desktop - 12-11-19\PreVendas - Governo Diogo\MPMT\</t>
  </si>
  <si>
    <t>Lote1.xlsx</t>
  </si>
  <si>
    <t>D:\Backup 12-11-2019\Desktop - 12-11-19\PreVendas - Governo Diogo\MPMT\Lote1.xlsx</t>
  </si>
  <si>
    <t>Lote2.xlsx</t>
  </si>
  <si>
    <t>D:\Backup 12-11-2019\Desktop - 12-11-19\PreVendas - Governo Diogo\MPMT\Lote2.xlsx</t>
  </si>
  <si>
    <t>C:\Users\suelenmm\OneDrive - Grupo Algar\Desktop - 12-11-19\PreVendas - Governo Diogo\MPMT\ITSM\</t>
  </si>
  <si>
    <t>COTAÇÃO-DESKTOP-RUEL37L.xlsx</t>
  </si>
  <si>
    <t>D:\Backup 12-11-2019\Desktop - 12-11-19\PreVendas - Governo Diogo\MPMT\ITSM\COTAÇÃO-DESKTOP-RUEL37L.xlsx</t>
  </si>
  <si>
    <t>COTAÇÃO.xlsx</t>
  </si>
  <si>
    <t>D:\Backup 12-11-2019\Desktop - 12-11-19\PreVendas - Governo Diogo\MPMT\ITSM\COTAÇÃO.xlsx</t>
  </si>
  <si>
    <t>Pontos de Atencao EDER.xlsx</t>
  </si>
  <si>
    <t>D:\Backup 12-11-2019\Desktop - 12-11-19\PreVendas - Governo Diogo\MPMT\ITSM\Pontos de Atencao EDER.xlsx</t>
  </si>
  <si>
    <t>Questionamentos.xlsx</t>
  </si>
  <si>
    <t>D:\Backup 12-11-2019\Desktop - 12-11-19\PreVendas - Governo Diogo\MPMT\ITSM\Questionamentos.xlsx</t>
  </si>
  <si>
    <t>C:\Users\suelenmm\OneDrive - Grupo Algar\Desktop - 12-11-19\PreVendas - Governo Diogo\MPMT\ITSM\Precificação\</t>
  </si>
  <si>
    <t>Cenaryum Simiuleitor Licitassation MPMT.xlsx</t>
  </si>
  <si>
    <t>D:\Backup 12-11-2019\Desktop - 12-11-19\PreVendas - Governo Diogo\MPMT\ITSM\Precificação\Cenaryum Simiuleitor Licitassation MPMT.xlsx</t>
  </si>
  <si>
    <t>Simulação 2.xlsx</t>
  </si>
  <si>
    <t>D:\Backup 12-11-2019\Desktop - 12-11-19\PreVendas - Governo Diogo\MPMT\ITSM\Precificação\Simulação 2.xlsx</t>
  </si>
  <si>
    <t>C:\Users\suelenmm\OneDrive - Grupo Algar\Desktop - 12-11-19\PreVendas - Governo Diogo\MPMT\ITSM\Precificação\Banco de Horas\</t>
  </si>
  <si>
    <t>Valor Hora.xlsb</t>
  </si>
  <si>
    <t>D:\Backup 12-11-2019\Desktop - 12-11-19\PreVendas - Governo Diogo\MPMT\ITSM\Precificação\Banco de Horas\Valor Hora.xlsb</t>
  </si>
  <si>
    <t>C:\Users\suelenmm\OneDrive - Grupo Algar\Desktop - 12-11-19\PreVendas - Governo Diogo\MPMT\ITSM\Precificação\Banco de Horas\Valor Hora.xlsb\</t>
  </si>
  <si>
    <t>C:\Users\suelenmm\OneDrive - Grupo Algar\Desktop - 12-11-19\PreVendas - Governo Diogo\MPMT\ITSM\Precificação\FINAL\</t>
  </si>
  <si>
    <t>Consolidado Adiantado.xlsb</t>
  </si>
  <si>
    <t>D:\Backup 12-11-2019\Desktop - 12-11-19\PreVendas - Governo Diogo\MPMT\ITSM\Precificação\FINAL\Consolidado Adiantado.xlsb</t>
  </si>
  <si>
    <t>C:\Users\suelenmm\OneDrive - Grupo Algar\Desktop - 12-11-19\PreVendas - Governo Diogo\MPMT\ITSM\Precificação\FINAL\Consolidado Adiantado.xlsb\</t>
  </si>
  <si>
    <t>D:\Backup 12-11-2019\Desktop - 12-11-19\PreVendas - Governo Diogo\MPMT\ITSM\Precificação\FINAL\Consolidado.xlsb</t>
  </si>
  <si>
    <t>C:\Users\suelenmm\OneDrive - Grupo Algar\Desktop - 12-11-19\PreVendas - Governo Diogo\MPMT\ITSM\Precificação\FINAL\Consolidado.xlsb\</t>
  </si>
  <si>
    <t>FINAL.xlsx</t>
  </si>
  <si>
    <t>D:\Backup 12-11-2019\Desktop - 12-11-19\PreVendas - Governo Diogo\MPMT\ITSM\Precificação\FINAL\FINAL.xlsx</t>
  </si>
  <si>
    <t>Linha 1.xlsb</t>
  </si>
  <si>
    <t>D:\Backup 12-11-2019\Desktop - 12-11-19\PreVendas - Governo Diogo\MPMT\ITSM\Precificação\FINAL\Linha 1.xlsb</t>
  </si>
  <si>
    <t>C:\Users\suelenmm\OneDrive - Grupo Algar\Desktop - 12-11-19\PreVendas - Governo Diogo\MPMT\ITSM\Precificação\FINAL\Linha 1.xlsb\</t>
  </si>
  <si>
    <t>Linha 2.xlsb</t>
  </si>
  <si>
    <t>D:\Backup 12-11-2019\Desktop - 12-11-19\PreVendas - Governo Diogo\MPMT\ITSM\Precificação\FINAL\Linha 2.xlsb</t>
  </si>
  <si>
    <t>C:\Users\suelenmm\OneDrive - Grupo Algar\Desktop - 12-11-19\PreVendas - Governo Diogo\MPMT\ITSM\Precificação\FINAL\Linha 2.xlsb\</t>
  </si>
  <si>
    <t>Treinamento Avançado.xlsb</t>
  </si>
  <si>
    <t>D:\Backup 12-11-2019\Desktop - 12-11-19\PreVendas - Governo Diogo\MPMT\ITSM\Precificação\FINAL\Treinamento Avançado.xlsb</t>
  </si>
  <si>
    <t>C:\Users\suelenmm\OneDrive - Grupo Algar\Desktop - 12-11-19\PreVendas - Governo Diogo\MPMT\ITSM\Precificação\FINAL\Treinamento Avançado.xlsb\</t>
  </si>
  <si>
    <t>Treinamento Básico.xlsb</t>
  </si>
  <si>
    <t>D:\Backup 12-11-2019\Desktop - 12-11-19\PreVendas - Governo Diogo\MPMT\ITSM\Precificação\FINAL\Treinamento Básico.xlsb</t>
  </si>
  <si>
    <t>C:\Users\suelenmm\OneDrive - Grupo Algar\Desktop - 12-11-19\PreVendas - Governo Diogo\MPMT\ITSM\Precificação\FINAL\Treinamento Básico.xlsb\</t>
  </si>
  <si>
    <t>Treinamento Oficial.xlsb</t>
  </si>
  <si>
    <t>D:\Backup 12-11-2019\Desktop - 12-11-19\PreVendas - Governo Diogo\MPMT\ITSM\Precificação\FINAL\Treinamento Oficial.xlsb</t>
  </si>
  <si>
    <t>C:\Users\suelenmm\OneDrive - Grupo Algar\Desktop - 12-11-19\PreVendas - Governo Diogo\MPMT\ITSM\Precificação\FINAL\Treinamento Oficial.xlsb\</t>
  </si>
  <si>
    <t>D:\Backup 12-11-2019\Desktop - 12-11-19\PreVendas - Governo Diogo\MPMT\ITSM\Precificação\FINAL\Valor Hora.xlsb</t>
  </si>
  <si>
    <t>C:\Users\suelenmm\OneDrive - Grupo Algar\Desktop - 12-11-19\PreVendas - Governo Diogo\MPMT\ITSM\Precificação\FINAL\Valor Hora.xlsb\</t>
  </si>
  <si>
    <t>C:\Users\suelenmm\OneDrive - Grupo Algar\Desktop - 12-11-19\PreVendas - Governo Diogo\MPMT\ITSM\Precificação\Licenciamento + Setup\Cenário 1\</t>
  </si>
  <si>
    <t>D:\Backup 12-11-2019\Desktop - 12-11-19\PreVendas - Governo Diogo\MPMT\ITSM\Precificação\Licenciamento + Setup\Cenário 1\Linha 1.xlsb</t>
  </si>
  <si>
    <t>C:\Users\suelenmm\OneDrive - Grupo Algar\Desktop - 12-11-19\PreVendas - Governo Diogo\MPMT\ITSM\Precificação\Licenciamento + Setup\Cenário 1\Linha 1.xlsb\</t>
  </si>
  <si>
    <t>D:\Backup 12-11-2019\Desktop - 12-11-19\PreVendas - Governo Diogo\MPMT\ITSM\Precificação\Licenciamento + Setup\Cenário 1\Linha 2.xlsb</t>
  </si>
  <si>
    <t>C:\Users\suelenmm\OneDrive - Grupo Algar\Desktop - 12-11-19\PreVendas - Governo Diogo\MPMT\ITSM\Precificação\Licenciamento + Setup\Cenário 1\Linha 2.xlsb\</t>
  </si>
  <si>
    <t>C:\Users\suelenmm\OneDrive - Grupo Algar\Desktop - 12-11-19\PreVendas - Governo Diogo\MPMT\ITSM\Precificação\Licenciamento + Setup\Cenário 2\</t>
  </si>
  <si>
    <t>D:\Backup 12-11-2019\Desktop - 12-11-19\PreVendas - Governo Diogo\MPMT\ITSM\Precificação\Licenciamento + Setup\Cenário 2\Linha 1.xlsb</t>
  </si>
  <si>
    <t>C:\Users\suelenmm\OneDrive - Grupo Algar\Desktop - 12-11-19\PreVendas - Governo Diogo\MPMT\ITSM\Precificação\Licenciamento + Setup\Cenário 2\Linha 1.xlsb\</t>
  </si>
  <si>
    <t>D:\Backup 12-11-2019\Desktop - 12-11-19\PreVendas - Governo Diogo\MPMT\ITSM\Precificação\Licenciamento + Setup\Cenário 2\Linha 2.xlsb</t>
  </si>
  <si>
    <t>C:\Users\suelenmm\OneDrive - Grupo Algar\Desktop - 12-11-19\PreVendas - Governo Diogo\MPMT\ITSM\Precificação\Licenciamento + Setup\Cenário 2\Linha 2.xlsb\</t>
  </si>
  <si>
    <t>C:\Users\suelenmm\OneDrive - Grupo Algar\Desktop - 12-11-19\PreVendas - Governo Diogo\MPMT\ITSM\Precificação\Licenciamento + Setup\Cenário 3\</t>
  </si>
  <si>
    <t>D:\Backup 12-11-2019\Desktop - 12-11-19\PreVendas - Governo Diogo\MPMT\ITSM\Precificação\Licenciamento + Setup\Cenário 3\Linha 1.xlsb</t>
  </si>
  <si>
    <t>C:\Users\suelenmm\OneDrive - Grupo Algar\Desktop - 12-11-19\PreVendas - Governo Diogo\MPMT\ITSM\Precificação\Licenciamento + Setup\Cenário 3\Linha 1.xlsb\</t>
  </si>
  <si>
    <t>D:\Backup 12-11-2019\Desktop - 12-11-19\PreVendas - Governo Diogo\MPMT\ITSM\Precificação\Licenciamento + Setup\Cenário 3\Linha 2.xlsb</t>
  </si>
  <si>
    <t>C:\Users\suelenmm\OneDrive - Grupo Algar\Desktop - 12-11-19\PreVendas - Governo Diogo\MPMT\ITSM\Precificação\Licenciamento + Setup\Cenário 3\Linha 2.xlsb\</t>
  </si>
  <si>
    <t>C:\Users\suelenmm\OneDrive - Grupo Algar\Desktop - 12-11-19\PreVendas - Governo Diogo\MPMT\ITSM\Precificação\Treinamentos\</t>
  </si>
  <si>
    <t>D:\Backup 12-11-2019\Desktop - 12-11-19\PreVendas - Governo Diogo\MPMT\ITSM\Precificação\Treinamentos\Treinamento Avançado.xlsb</t>
  </si>
  <si>
    <t>C:\Users\suelenmm\OneDrive - Grupo Algar\Desktop - 12-11-19\PreVendas - Governo Diogo\MPMT\ITSM\Precificação\Treinamentos\Treinamento Avançado.xlsb\</t>
  </si>
  <si>
    <t>D:\Backup 12-11-2019\Desktop - 12-11-19\PreVendas - Governo Diogo\MPMT\ITSM\Precificação\Treinamentos\Treinamento Básico.xlsb</t>
  </si>
  <si>
    <t>C:\Users\suelenmm\OneDrive - Grupo Algar\Desktop - 12-11-19\PreVendas - Governo Diogo\MPMT\ITSM\Precificação\Treinamentos\Treinamento Básico.xlsb\</t>
  </si>
  <si>
    <t>D:\Backup 12-11-2019\Desktop - 12-11-19\PreVendas - Governo Diogo\MPMT\ITSM\Precificação\Treinamentos\Treinamento Oficial.xlsb</t>
  </si>
  <si>
    <t>C:\Users\suelenmm\OneDrive - Grupo Algar\Desktop - 12-11-19\PreVendas - Governo Diogo\MPMT\ITSM\Precificação\Treinamentos\Treinamento Oficial.xlsb\</t>
  </si>
  <si>
    <t>C:\Users\suelenmm\OneDrive - Grupo Algar\Desktop - 12-11-19\PreVendas - Governo Diogo\MPMT\SD2017\Cotação\</t>
  </si>
  <si>
    <t>D:\Backup 12-11-2019\Desktop - 12-11-19\PreVendas - Governo Diogo\MPMT\SD2017\Cotação\Cotação.xlsb</t>
  </si>
  <si>
    <t>C:\Users\suelenmm\OneDrive - Grupo Algar\Desktop - 12-11-19\PreVendas - Governo Diogo\MPMT\SD2017\Cotação\Cotação.xlsb\</t>
  </si>
  <si>
    <t>D:\Backup 12-11-2019\Desktop - 12-11-19\PreVendas - Governo Diogo\MPMT\SD2017\Cotação\Resumo.xlsx</t>
  </si>
  <si>
    <t>C:\Users\suelenmm\OneDrive - Grupo Algar\Desktop - 12-11-19\PreVendas - Governo Diogo\MPS\</t>
  </si>
  <si>
    <t>D:\Backup 12-11-2019\Desktop - 12-11-19\PreVendas - Governo Diogo\MPS\Precificação com Adoção.xlsb</t>
  </si>
  <si>
    <t>C:\Users\suelenmm\OneDrive - Grupo Algar\Desktop - 12-11-19\PreVendas - Governo Diogo\MPS\11-07-2013\</t>
  </si>
  <si>
    <t>D:\Backup 12-11-2019\Desktop - 12-11-19\PreVendas - Governo Diogo\MPS\11-07-2013\Cópia de Planilha de Preço - Serviços Gerenciados.xlsb</t>
  </si>
  <si>
    <t>C:\Users\suelenmm\OneDrive - Grupo Algar\Desktop - 12-11-19\PreVendas - Governo Diogo\MPS\publicado\</t>
  </si>
  <si>
    <t>D:\Backup 12-11-2019\Desktop - 12-11-19\PreVendas - Governo Diogo\MPS\publicado\Dados.xlsx</t>
  </si>
  <si>
    <t>C:\Users\suelenmm\OneDrive - Grupo Algar\Desktop - 12-11-19\PreVendas - Governo Diogo\MRE\</t>
  </si>
  <si>
    <t>Análise Ferramenta.xlsx</t>
  </si>
  <si>
    <t>D:\Backup 12-11-2019\Desktop - 12-11-19\PreVendas - Governo Diogo\MRE\Análise Ferramenta.xlsx</t>
  </si>
  <si>
    <t>D:\Backup 12-11-2019\Desktop - 12-11-19\PreVendas - Governo Diogo\MRE\Dimensionamento.xlsx</t>
  </si>
  <si>
    <t>D:\Backup 12-11-2019\Desktop - 12-11-19\PreVendas - Governo Diogo\MRE\IN-02.xls</t>
  </si>
  <si>
    <t>D:\Backup 12-11-2019\Desktop - 12-11-19\PreVendas - Governo Diogo\MRE\Preco.xlsb</t>
  </si>
  <si>
    <t>C:\Users\suelenmm\OneDrive - Grupo Algar\Desktop - 12-11-19\PreVendas - Governo Diogo\MRE\2018\SD\Cotação\</t>
  </si>
  <si>
    <t>D:\Backup 12-11-2019\Desktop - 12-11-19\PreVendas - Governo Diogo\MRE\2018\SD\Cotação\Cotação.xlsx</t>
  </si>
  <si>
    <t>C:\Users\suelenmm\OneDrive - Grupo Algar\Desktop - 12-11-19\PreVendas - Governo Diogo\MRE\2019\SOC\</t>
  </si>
  <si>
    <t>D:\Backup 12-11-2019\Desktop - 12-11-19\PreVendas - Governo Diogo\MRE\2019\SOC\BP SOC MRE 12 Profissionais.xlsb</t>
  </si>
  <si>
    <t>C:\Users\suelenmm\OneDrive - Grupo Algar\Desktop - 12-11-19\PreVendas - Governo Diogo\MRE\2019\SOC\BP SOC MRE 12 Profissionais.xlsb\</t>
  </si>
  <si>
    <t>BP SOC MRE 8 Profissionais.xlsb</t>
  </si>
  <si>
    <t>D:\Backup 12-11-2019\Desktop - 12-11-19\PreVendas - Governo Diogo\MRE\2019\SOC\BP SOC MRE 8 Profissionais.xlsb</t>
  </si>
  <si>
    <t>C:\Users\suelenmm\OneDrive - Grupo Algar\Desktop - 12-11-19\PreVendas - Governo Diogo\MRE\2019\SOC\BP SOC MRE 8 Profissionais.xlsb\</t>
  </si>
  <si>
    <t>Ficha da Oportunidade MRE.xlsx</t>
  </si>
  <si>
    <t>D:\Backup 12-11-2019\Desktop - 12-11-19\PreVendas - Governo Diogo\MRE\2019\SOC\Ficha da Oportunidade MRE.xlsx</t>
  </si>
  <si>
    <t>D:\Backup 12-11-2019\Desktop - 12-11-19\PreVendas - Governo Diogo\MRE\2019\SOC\Plan Precificacao C017 B017.xlsb</t>
  </si>
  <si>
    <t>C:\Users\suelenmm\OneDrive - Grupo Algar\Desktop - 12-11-19\PreVendas - Governo Diogo\MRE\2019\SOC\Plan Precificacao C017 B017.xlsb\</t>
  </si>
  <si>
    <t>Proposta de Preço.xlsx</t>
  </si>
  <si>
    <t>D:\Backup 12-11-2019\Desktop - 12-11-19\PreVendas - Governo Diogo\MRE\2019\SOC\Proposta de Preço.xlsx</t>
  </si>
  <si>
    <t>C:\Users\suelenmm\OneDrive - Grupo Algar\Desktop - 12-11-19\PreVendas - Governo Diogo\MRE\Aluisio\</t>
  </si>
  <si>
    <t>CAPEX-MRE (1).xlsx</t>
  </si>
  <si>
    <t>D:\Backup 12-11-2019\Desktop - 12-11-19\PreVendas - Governo Diogo\MRE\Aluisio\CAPEX-MRE (1).xlsx</t>
  </si>
  <si>
    <t>D:\Backup 12-11-2019\Desktop - 12-11-19\PreVendas - Governo Diogo\MRE\Aluisio\Dimensionamento.xlsx</t>
  </si>
  <si>
    <t>D:\Backup 12-11-2019\Desktop - 12-11-19\PreVendas - Governo Diogo\MRE\Aluisio\IN-02.xls</t>
  </si>
  <si>
    <t>Perfis Edital MRE.xlsx</t>
  </si>
  <si>
    <t>D:\Backup 12-11-2019\Desktop - 12-11-19\PreVendas - Governo Diogo\MRE\Aluisio\Perfis Edital MRE.xlsx</t>
  </si>
  <si>
    <t>D:\Backup 12-11-2019\Desktop - 12-11-19\PreVendas - Governo Diogo\MRE\Aluisio\Preco.xlsb</t>
  </si>
  <si>
    <t>C:\Users\suelenmm\OneDrive - Grupo Algar\Desktop - 12-11-19\PreVendas - Governo Diogo\MRE\Aluisio\Change Agosto 14\</t>
  </si>
  <si>
    <t>D:\Backup 12-11-2019\Desktop - 12-11-19\PreVendas - Governo Diogo\MRE\Aluisio\Change Agosto 14\DRE.xlsx</t>
  </si>
  <si>
    <t>Preço - Change Agosto 2014.xlsb</t>
  </si>
  <si>
    <t>D:\Backup 12-11-2019\Desktop - 12-11-19\PreVendas - Governo Diogo\MRE\Aluisio\Change Agosto 14\Preço - Change Agosto 2014.xlsb</t>
  </si>
  <si>
    <t>C:\Users\suelenmm\OneDrive - Grupo Algar\Desktop - 12-11-19\PreVendas - Governo Diogo\MRE\Aluisio\Comite de Negócios\</t>
  </si>
  <si>
    <t>Precificação Adoção MRE v2.xlsx</t>
  </si>
  <si>
    <t>D:\Backup 12-11-2019\Desktop - 12-11-19\PreVendas - Governo Diogo\MRE\Aluisio\Comite de Negócios\Precificação Adoção MRE v2.xlsx</t>
  </si>
  <si>
    <t>C:\Users\suelenmm\OneDrive - Grupo Algar\Desktop - 12-11-19\PreVendas - Governo Diogo\MRE\Aluisio\Edital\EDITAL &amp; ANEXOS.zip\EDITAL &amp; ANEXOS\</t>
  </si>
  <si>
    <t>Anexo III - Planilha de FormaaÌâˆ†o de PreaÌo @.xls</t>
  </si>
  <si>
    <t>D:\Backup 12-11-2019\Desktop - 12-11-19\PreVendas - Governo Diogo\MRE\Aluisio\Edital\EDITAL &amp; ANEXOS.zip</t>
  </si>
  <si>
    <t>Anexo VII - Catalogo de ServiaÌos - 1ÃŸ NÂ°vel.xlsx</t>
  </si>
  <si>
    <t>Anexo VIII - Catalogo de ServiaÌos - 2ÃŸ NÂ°vel.xlsx</t>
  </si>
  <si>
    <t>C:\Users\suelenmm\OneDrive - Grupo Algar\Desktop - 12-11-19\PreVendas - Governo Diogo\MRE\Aluisio\Edital\EDITAL &amp; ANEXOS\</t>
  </si>
  <si>
    <t>Anexo III - Planilha de Formaá∆o de Preáo @.xls</t>
  </si>
  <si>
    <t>D:\Backup 12-11-2019\Desktop - 12-11-19\PreVendas - Governo Diogo\MRE\Aluisio\Edital\EDITAL &amp; ANEXOS\Anexo III - Planilha de Formaá∆o de Preáo @.xls</t>
  </si>
  <si>
    <t>Anexo VII - Catalogo de Serviáos - 1ß N°vel.xlsx</t>
  </si>
  <si>
    <t>D:\Backup 12-11-2019\Desktop - 12-11-19\PreVendas - Governo Diogo\MRE\Aluisio\Edital\EDITAL &amp; ANEXOS\Anexo VII - Catalogo de Serviáos - 1ß N°vel.xlsx</t>
  </si>
  <si>
    <t>Anexo VIII - Catalogo de Serviáos - 2ß N°vel.xlsx</t>
  </si>
  <si>
    <t>D:\Backup 12-11-2019\Desktop - 12-11-19\PreVendas - Governo Diogo\MRE\Aluisio\Edital\EDITAL &amp; ANEXOS\Anexo VIII - Catalogo de Serviáos - 2ß N°vel.xlsx</t>
  </si>
  <si>
    <t>11/13/2019 08:42:30</t>
  </si>
  <si>
    <t>C:\Users\suelenmm\OneDrive - Grupo Algar\Desktop - 12-11-19\PreVendas - Governo Diogo\MRE\Aluisio\Precificação\</t>
  </si>
  <si>
    <t>D:\Backup 12-11-2019\Desktop - 12-11-19\PreVendas - Governo Diogo\MRE\Aluisio\Precificação\Preço - Change Agosto 2014.xlsb</t>
  </si>
  <si>
    <t>Preço - MRE Final - SEM CUSTO DE PA - SALARIO REAJUSTADO.xlsb</t>
  </si>
  <si>
    <t>D:\Backup 12-11-2019\Desktop - 12-11-19\PreVendas - Governo Diogo\MRE\Aluisio\Precificação\Preço - MRE Final - SEM CUSTO DE PA - SALARIO REAJUSTADO.xlsb</t>
  </si>
  <si>
    <t>Preço - MRE Final - SEM CUSTO DE PA.xlsb</t>
  </si>
  <si>
    <t>D:\Backup 12-11-2019\Desktop - 12-11-19\PreVendas - Governo Diogo\MRE\Aluisio\Precificação\Preço - MRE Final - SEM CUSTO DE PA.xlsb</t>
  </si>
  <si>
    <t>C:\Users\suelenmm\OneDrive - Grupo Algar\Desktop - 12-11-19\PreVendas - Governo Diogo\MRE\Banco de Dados\</t>
  </si>
  <si>
    <t>D:\Backup 12-11-2019\Desktop - 12-11-19\PreVendas - Governo Diogo\MRE\Banco de Dados\Cotacao.xlsb</t>
  </si>
  <si>
    <t>Resumo Cotação.xlsx</t>
  </si>
  <si>
    <t>D:\Backup 12-11-2019\Desktop - 12-11-19\PreVendas - Governo Diogo\MRE\Banco de Dados\Resumo Cotação.xlsx</t>
  </si>
  <si>
    <t>C:\Users\suelenmm\OneDrive - Grupo Algar\Desktop - 12-11-19\PreVendas - Governo Diogo\MRE\Banco de Dados\2016\</t>
  </si>
  <si>
    <t>D:\Backup 12-11-2019\Desktop - 12-11-19\PreVendas - Governo Diogo\MRE\Banco de Dados\2016\Cotação.xlsx</t>
  </si>
  <si>
    <t>C:\Users\suelenmm\OneDrive - Grupo Algar\Desktop - 12-11-19\PreVendas - Governo Diogo\MRE\Edital\EDITAL &amp; ANEXOS.zip\EDITAL &amp; ANEXOS\</t>
  </si>
  <si>
    <t>D:\Backup 12-11-2019\Desktop - 12-11-19\PreVendas - Governo Diogo\MRE\Edital\EDITAL &amp; ANEXOS.zip</t>
  </si>
  <si>
    <t>C:\Users\suelenmm\OneDrive - Grupo Algar\Desktop - 12-11-19\PreVendas - Governo Diogo\MRE\Edital\EDITAL &amp; ANEXOS\</t>
  </si>
  <si>
    <t>D:\Backup 12-11-2019\Desktop - 12-11-19\PreVendas - Governo Diogo\MRE\Edital\EDITAL &amp; ANEXOS\Anexo III - Planilha de Formaá∆o de Preáo @.xls</t>
  </si>
  <si>
    <t>D:\Backup 12-11-2019\Desktop - 12-11-19\PreVendas - Governo Diogo\MRE\Edital\EDITAL &amp; ANEXOS\Anexo VII - Catalogo de Serviáos - 1ß N°vel.xlsx</t>
  </si>
  <si>
    <t>D:\Backup 12-11-2019\Desktop - 12-11-19\PreVendas - Governo Diogo\MRE\Edital\EDITAL &amp; ANEXOS\Anexo VIII - Catalogo de Serviáos - 2ß N°vel.xlsx</t>
  </si>
  <si>
    <t>C:\Users\suelenmm\OneDrive - Grupo Algar\Desktop - 12-11-19\PreVendas - Governo Diogo\MRE\Sustentação de Infra\</t>
  </si>
  <si>
    <t>C&amp;R Final.xlsx</t>
  </si>
  <si>
    <t>D:\Backup 12-11-2019\Desktop - 12-11-19\PreVendas - Governo Diogo\MRE\Sustentação de Infra\C&amp;R Final.xlsx</t>
  </si>
  <si>
    <t>C&amp;R Preliminar.xlsx</t>
  </si>
  <si>
    <t>D:\Backup 12-11-2019\Desktop - 12-11-19\PreVendas - Governo Diogo\MRE\Sustentação de Infra\C&amp;R Preliminar.xlsx</t>
  </si>
  <si>
    <t>Cenários - MRE.xlsx</t>
  </si>
  <si>
    <t>D:\Backup 12-11-2019\Desktop - 12-11-19\PreVendas - Governo Diogo\MRE\Sustentação de Infra\Cenários - MRE.xlsx</t>
  </si>
  <si>
    <t>D:\Backup 12-11-2019\Desktop - 12-11-19\PreVendas - Governo Diogo\MRE\Sustentação de Infra\Cotação.xlsb</t>
  </si>
  <si>
    <t>FERRAMENTA.xlsx</t>
  </si>
  <si>
    <t>D:\Backup 12-11-2019\Desktop - 12-11-19\PreVendas - Governo Diogo\MRE\Sustentação de Infra\FERRAMENTA.xlsx</t>
  </si>
  <si>
    <t>MRE - Infra - Change CA.xlsb</t>
  </si>
  <si>
    <t>D:\Backup 12-11-2019\Desktop - 12-11-19\PreVendas - Governo Diogo\MRE\Sustentação de Infra\MRE - Infra - Change CA.xlsb</t>
  </si>
  <si>
    <t>D:\Backup 12-11-2019\Desktop - 12-11-19\PreVendas - Governo Diogo\MRE\Sustentação de Infra\Preço.xlsb</t>
  </si>
  <si>
    <t>C:\Users\suelenmm\OneDrive - Grupo Algar\Desktop - 12-11-19\PreVendas - Governo Diogo\MRE\Sustentação de Infra\Ministerio Relacoes Exteriores_D F_PGE_01_2015_Suporte Tecnico\Edital DCD 1_2015.zip\Para publica‡Æo\</t>
  </si>
  <si>
    <t>Anexo 13 - Planilha de forma‡Æo de pre‡o (vazia).xlsx</t>
  </si>
  <si>
    <t>D:\Backup 12-11-2019\Desktop - 12-11-19\PreVendas - Governo Diogo\MRE\Sustentação de Infra\Ministerio Relacoes Exteriores_D F_PGE_01_2015_Suporte Tecnico\Edital DCD 1_2015.zip</t>
  </si>
  <si>
    <t>C:\Users\suelenmm\OneDrive - Grupo Algar\Desktop - 12-11-19\PreVendas - Governo Diogo\MRE\Sustentação de Infra\Ministerio Relacoes Exteriores_D F_PGE_01_2015_Suporte Tecnico\Para publicaá∆o\</t>
  </si>
  <si>
    <t>Anexo 13 - Planilha de formaá∆o de preáo (vazia).xlsx</t>
  </si>
  <si>
    <t>D:\Backup 12-11-2019\Desktop - 12-11-19\PreVendas - Governo Diogo\MRE\Sustentação de Infra\Ministerio Relacoes Exteriores_D F_PGE_01_2015_Suporte Tecnico\Para publicaá∆o\Anexo 13 - Planilha de formaá∆o de preáo (vazia).xlsx</t>
  </si>
  <si>
    <t>C:\Users\suelenmm\OneDrive - Grupo Algar\Desktop - 12-11-19\PreVendas - Governo Diogo\MRV\</t>
  </si>
  <si>
    <t>Benefícios.xlsx</t>
  </si>
  <si>
    <t>D:\Backup 12-11-2019\Desktop - 12-11-19\PreVendas - Governo Diogo\MRV\Benefícios.xlsx</t>
  </si>
  <si>
    <t>BP Aluguel Veículo.xlsb</t>
  </si>
  <si>
    <t>D:\Backup 12-11-2019\Desktop - 12-11-19\PreVendas - Governo Diogo\MRV\BP Aluguel Veículo.xlsb</t>
  </si>
  <si>
    <t>C:\Users\suelenmm\OneDrive - Grupo Algar\Desktop - 12-11-19\PreVendas - Governo Diogo\MRV\BP Aluguel Veículo.xlsb\</t>
  </si>
  <si>
    <t>BP Fixo Mensal V4.xlsb</t>
  </si>
  <si>
    <t>D:\Backup 12-11-2019\Desktop - 12-11-19\PreVendas - Governo Diogo\MRV\BP Fixo Mensal V4.xlsb</t>
  </si>
  <si>
    <t>C:\Users\suelenmm\OneDrive - Grupo Algar\Desktop - 12-11-19\PreVendas - Governo Diogo\MRV\BP Fixo Mensal V4.xlsb\</t>
  </si>
  <si>
    <t>BP Fixo Mensal.xlsb</t>
  </si>
  <si>
    <t>D:\Backup 12-11-2019\Desktop - 12-11-19\PreVendas - Governo Diogo\MRV\BP Fixo Mensal.xlsb</t>
  </si>
  <si>
    <t>C:\Users\suelenmm\OneDrive - Grupo Algar\Desktop - 12-11-19\PreVendas - Governo Diogo\MRV\BP Fixo Mensal.xlsb\</t>
  </si>
  <si>
    <t>BP RollOut.xlsb</t>
  </si>
  <si>
    <t>D:\Backup 12-11-2019\Desktop - 12-11-19\PreVendas - Governo Diogo\MRV\BP RollOut.xlsb</t>
  </si>
  <si>
    <t>C:\Users\suelenmm\OneDrive - Grupo Algar\Desktop - 12-11-19\PreVendas - Governo Diogo\MRV\BP RollOut.xlsb\</t>
  </si>
  <si>
    <t>CHamado Per Call.xlsb</t>
  </si>
  <si>
    <t>D:\Backup 12-11-2019\Desktop - 12-11-19\PreVendas - Governo Diogo\MRV\CHamado Per Call.xlsb</t>
  </si>
  <si>
    <t>C:\Users\suelenmm\OneDrive - Grupo Algar\Desktop - 12-11-19\PreVendas - Governo Diogo\MRV\CHamado Per Call.xlsb\</t>
  </si>
  <si>
    <t>D:\Backup 12-11-2019\Desktop - 12-11-19\PreVendas - Governo Diogo\MRV\Dimensionamento.xlsx</t>
  </si>
  <si>
    <t>KM Rodado.xlsb</t>
  </si>
  <si>
    <t>D:\Backup 12-11-2019\Desktop - 12-11-19\PreVendas - Governo Diogo\MRV\KM Rodado.xlsb</t>
  </si>
  <si>
    <t>C:\Users\suelenmm\OneDrive - Grupo Algar\Desktop - 12-11-19\PreVendas - Governo Diogo\MRV\KM Rodado.xlsb\</t>
  </si>
  <si>
    <t>C:\Users\suelenmm\OneDrive - Grupo Algar\Desktop - 12-11-19\PreVendas - Governo Diogo\MTE\</t>
  </si>
  <si>
    <t>Cenarios MTE.xlsx</t>
  </si>
  <si>
    <t>D:\Backup 12-11-2019\Desktop - 12-11-19\PreVendas - Governo Diogo\MTE\Cenarios MTE.xlsx</t>
  </si>
  <si>
    <t>MTE Final MC-22%.xlsm</t>
  </si>
  <si>
    <t>D:\Backup 12-11-2019\Desktop - 12-11-19\PreVendas - Governo Diogo\MTE\MTE Final MC-22%.xlsm</t>
  </si>
  <si>
    <t>MTE_Final.xlsm</t>
  </si>
  <si>
    <t>D:\Backup 12-11-2019\Desktop - 12-11-19\PreVendas - Governo Diogo\MTE\MTE_Final.xlsm</t>
  </si>
  <si>
    <t>MTE_Glosado.xlsm</t>
  </si>
  <si>
    <t>D:\Backup 12-11-2019\Desktop - 12-11-19\PreVendas - Governo Diogo\MTE\MTE_Glosado.xlsm</t>
  </si>
  <si>
    <t>MTE_Inicial.xlsm</t>
  </si>
  <si>
    <t>D:\Backup 12-11-2019\Desktop - 12-11-19\PreVendas - Governo Diogo\MTE\MTE_Inicial.xlsm</t>
  </si>
  <si>
    <t>D:\Backup 12-11-2019\Desktop - 12-11-19\PreVendas - Governo Diogo\MTE\Planilha de Custos - Resumo e IN-02.xlsx</t>
  </si>
  <si>
    <t>Planilha MTE.xlsx</t>
  </si>
  <si>
    <t>D:\Backup 12-11-2019\Desktop - 12-11-19\PreVendas - Governo Diogo\MTE\Planilha MTE.xlsx</t>
  </si>
  <si>
    <t>C:\Users\suelenmm\OneDrive - Grupo Algar\Desktop - 12-11-19\PreVendas - Governo Diogo\MTE\2017\SD Nacional\</t>
  </si>
  <si>
    <t>D:\Backup 12-11-2019\Desktop - 12-11-19\PreVendas - Governo Diogo\MTE\2017\SD Nacional\Cotação.xlsx</t>
  </si>
  <si>
    <t>C:\Users\suelenmm\OneDrive - Grupo Algar\Desktop - 12-11-19\PreVendas - Governo Diogo\MTE\2017\SD Nacional\Publicado\</t>
  </si>
  <si>
    <t>BP Diogo.xlsb</t>
  </si>
  <si>
    <t>D:\Backup 12-11-2019\Desktop - 12-11-19\PreVendas - Governo Diogo\MTE\2017\SD Nacional\Publicado\BP Diogo.xlsb</t>
  </si>
  <si>
    <t>C:\Users\suelenmm\OneDrive - Grupo Algar\Desktop - 12-11-19\PreVendas - Governo Diogo\MTE\2017\SD Nacional\Publicado\BP Diogo.xlsb\</t>
  </si>
  <si>
    <t>BP MTE V1.xlsb</t>
  </si>
  <si>
    <t>D:\Backup 12-11-2019\Desktop - 12-11-19\PreVendas - Governo Diogo\MTE\2017\SD Nacional\Publicado\BP MTE V1.xlsb</t>
  </si>
  <si>
    <t>C:\Users\suelenmm\OneDrive - Grupo Algar\Desktop - 12-11-19\PreVendas - Governo Diogo\MTE\2017\SD Nacional\Publicado\BP MTE V1.xlsb\</t>
  </si>
  <si>
    <t>BP MTE V2.xlsb</t>
  </si>
  <si>
    <t>D:\Backup 12-11-2019\Desktop - 12-11-19\PreVendas - Governo Diogo\MTE\2017\SD Nacional\Publicado\BP MTE V2.xlsb</t>
  </si>
  <si>
    <t>C:\Users\suelenmm\OneDrive - Grupo Algar\Desktop - 12-11-19\PreVendas - Governo Diogo\MTE\2017\SD Nacional\Publicado\BP MTE V2.xlsb\</t>
  </si>
  <si>
    <t>BP MTE V3.xlsb</t>
  </si>
  <si>
    <t>D:\Backup 12-11-2019\Desktop - 12-11-19\PreVendas - Governo Diogo\MTE\2017\SD Nacional\Publicado\BP MTE V3.xlsb</t>
  </si>
  <si>
    <t>C:\Users\suelenmm\OneDrive - Grupo Algar\Desktop - 12-11-19\PreVendas - Governo Diogo\MTE\2017\SD Nacional\Publicado\BP MTE V3.xlsb\</t>
  </si>
  <si>
    <t>Distribuição Completa.xlsx</t>
  </si>
  <si>
    <t>D:\Backup 12-11-2019\Desktop - 12-11-19\PreVendas - Governo Diogo\MTE\2017\SD Nacional\Publicado\Distribuição Completa.xlsx</t>
  </si>
  <si>
    <t>Distribuição.csv</t>
  </si>
  <si>
    <t>D:\Backup 12-11-2019\Desktop - 12-11-19\PreVendas - Governo Diogo\MTE\2017\SD Nacional\Publicado\Distribuição.csv</t>
  </si>
  <si>
    <t>Distribuição.xlsx</t>
  </si>
  <si>
    <t>D:\Backup 12-11-2019\Desktop - 12-11-19\PreVendas - Governo Diogo\MTE\2017\SD Nacional\Publicado\Distribuição.xlsx</t>
  </si>
  <si>
    <t>C:\Users\suelenmm\OneDrive - Grupo Algar\Desktop - 12-11-19\PreVendas - Governo Diogo\MTE\2018\Assessoria\</t>
  </si>
  <si>
    <t>Pricing1.xlsx</t>
  </si>
  <si>
    <t>D:\Backup 12-11-2019\Desktop - 12-11-19\PreVendas - Governo Diogo\MTE\2018\Assessoria\Pricing1.xlsx</t>
  </si>
  <si>
    <t>C:\Users\suelenmm\OneDrive - Grupo Algar\Desktop - 12-11-19\PreVendas - Governo Diogo\MTE\2018\INFRA\Publicado\</t>
  </si>
  <si>
    <t>GIAT+NOC - MTE - 2018.xlsb</t>
  </si>
  <si>
    <t>D:\Backup 12-11-2019\Desktop - 12-11-19\PreVendas - Governo Diogo\MTE\2018\INFRA\Publicado\GIAT+NOC - MTE - 2018.xlsb</t>
  </si>
  <si>
    <t>C:\Users\suelenmm\OneDrive - Grupo Algar\Desktop - 12-11-19\PreVendas - Governo Diogo\MTE\2018\INFRA\Publicado\GIAT+NOC - MTE - 2018.xlsb\</t>
  </si>
  <si>
    <t>GIAT^MNOC - MTE - 2018.xlsb</t>
  </si>
  <si>
    <t>D:\Backup 12-11-2019\Desktop - 12-11-19\PreVendas - Governo Diogo\MTE\2018\INFRA\Publicado\GIAT^MNOC - MTE - 2018.xlsb</t>
  </si>
  <si>
    <t>C:\Users\suelenmm\OneDrive - Grupo Algar\Desktop - 12-11-19\PreVendas - Governo Diogo\MTE\2018\INFRA\Publicado\GIAT^MNOC - MTE - 2018.xlsb\</t>
  </si>
  <si>
    <t>Pricing Final MTE.xlsx</t>
  </si>
  <si>
    <t>D:\Backup 12-11-2019\Desktop - 12-11-19\PreVendas - Governo Diogo\MTE\2018\INFRA\Publicado\Pricing Final MTE.xlsx</t>
  </si>
  <si>
    <t>D:\Backup 12-11-2019\Desktop - 12-11-19\PreVendas - Governo Diogo\MTE\2018\INFRA\Publicado\Pricing.xlsx</t>
  </si>
  <si>
    <t>C:\Users\suelenmm\OneDrive - Grupo Algar\Desktop - 12-11-19\PreVendas - Governo Diogo\MTE\Assessoria\</t>
  </si>
  <si>
    <t>Assessoria Cheio.xlsm</t>
  </si>
  <si>
    <t>D:\Backup 12-11-2019\Desktop - 12-11-19\PreVendas - Governo Diogo\MTE\Assessoria\Assessoria Cheio.xlsm</t>
  </si>
  <si>
    <t>Assessoria Desonerado_Rampado.xlsm</t>
  </si>
  <si>
    <t>D:\Backup 12-11-2019\Desktop - 12-11-19\PreVendas - Governo Diogo\MTE\Assessoria\Assessoria Desonerado_Rampado.xlsm</t>
  </si>
  <si>
    <t>Assessoria_110%.xlsm</t>
  </si>
  <si>
    <t>D:\Backup 12-11-2019\Desktop - 12-11-19\PreVendas - Governo Diogo\MTE\Assessoria\Assessoria_110%.xlsm</t>
  </si>
  <si>
    <t>Assessoria_Desonerado.xlsm</t>
  </si>
  <si>
    <t>D:\Backup 12-11-2019\Desktop - 12-11-19\PreVendas - Governo Diogo\MTE\Assessoria\Assessoria_Desonerado.xlsm</t>
  </si>
  <si>
    <t>Banco de Dados.xlsb</t>
  </si>
  <si>
    <t>D:\Backup 12-11-2019\Desktop - 12-11-19\PreVendas - Governo Diogo\MTE\Assessoria\Banco de Dados.xlsb</t>
  </si>
  <si>
    <t>memoria.xlsx</t>
  </si>
  <si>
    <t>D:\Backup 12-11-2019\Desktop - 12-11-19\PreVendas - Governo Diogo\MTE\Assessoria\memoria.xlsx</t>
  </si>
  <si>
    <t>MTE - RB e MC.xls</t>
  </si>
  <si>
    <t>D:\Backup 12-11-2019\Desktop - 12-11-19\PreVendas - Governo Diogo\MTE\Assessoria\MTE - RB e MC.xls</t>
  </si>
  <si>
    <t>C:\Users\suelenmm\OneDrive - Grupo Algar\Desktop - 12-11-19\PreVendas - Governo Diogo\MTE\Cotação\</t>
  </si>
  <si>
    <t>Cotação Projeto Básico.xlsb</t>
  </si>
  <si>
    <t>D:\Backup 12-11-2019\Desktop - 12-11-19\PreVendas - Governo Diogo\MTE\Cotação\Cotação Projeto Básico.xlsb</t>
  </si>
  <si>
    <t>C:\Users\suelenmm\OneDrive - Grupo Algar\Desktop - 12-11-19\PreVendas - Governo Diogo\MTE\Emergencial 2015\</t>
  </si>
  <si>
    <t>BD MSV_15.xlsb</t>
  </si>
  <si>
    <t>D:\Backup 12-11-2019\Desktop - 12-11-19\PreVendas - Governo Diogo\MTE\Emergencial 2015\BD MSV_15.xlsb</t>
  </si>
  <si>
    <t>BD MSV_19.xlsb</t>
  </si>
  <si>
    <t>D:\Backup 12-11-2019\Desktop - 12-11-19\PreVendas - Governo Diogo\MTE\Emergencial 2015\BD MSV_19.xlsb</t>
  </si>
  <si>
    <t>CONSOLIDADO MSV 15.xlsb</t>
  </si>
  <si>
    <t>D:\Backup 12-11-2019\Desktop - 12-11-19\PreVendas - Governo Diogo\MTE\Emergencial 2015\CONSOLIDADO MSV 15.xlsb</t>
  </si>
  <si>
    <t>SD MSV_15.xlsb</t>
  </si>
  <si>
    <t>D:\Backup 12-11-2019\Desktop - 12-11-19\PreVendas - Governo Diogo\MTE\Emergencial 2015\SD MSV_15.xlsb</t>
  </si>
  <si>
    <t>SO MSV 15.xlsb</t>
  </si>
  <si>
    <t>D:\Backup 12-11-2019\Desktop - 12-11-19\PreVendas - Governo Diogo\MTE\Emergencial 2015\SO MSV 15.xlsb</t>
  </si>
  <si>
    <t>C:\Users\suelenmm\OneDrive - Grupo Algar\Desktop - 12-11-19\PreVendas - Governo Diogo\MTE\Infra 2015\</t>
  </si>
  <si>
    <t>Cotação Grupo 1.xlsb</t>
  </si>
  <si>
    <t>D:\Backup 12-11-2019\Desktop - 12-11-19\PreVendas - Governo Diogo\MTE\Infra 2015\Cotação Grupo 1.xlsb</t>
  </si>
  <si>
    <t>Cotação Grupo_2.xlsb</t>
  </si>
  <si>
    <t>D:\Backup 12-11-2019\Desktop - 12-11-19\PreVendas - Governo Diogo\MTE\Infra 2015\Cotação Grupo_2.xlsb</t>
  </si>
  <si>
    <t>C:\Users\suelenmm\OneDrive - Grupo Algar\Desktop - 12-11-19\PreVendas - Governo Diogo\MTE\Infra 2015\Publicado\</t>
  </si>
  <si>
    <t>D:\Backup 12-11-2019\Desktop - 12-11-19\PreVendas - Governo Diogo\MTE\Infra 2015\Publicado\Custo da Implantação.xls</t>
  </si>
  <si>
    <t>Preço Final SEM PREPOSTO e GERENTE.xlsb</t>
  </si>
  <si>
    <t>D:\Backup 12-11-2019\Desktop - 12-11-19\PreVendas - Governo Diogo\MTE\Infra 2015\Publicado\Preço Final SEM PREPOSTO e GERENTE.xlsb</t>
  </si>
  <si>
    <t>D:\Backup 12-11-2019\Desktop - 12-11-19\PreVendas - Governo Diogo\MTE\Infra 2015\Publicado\Preço Final.xlsb</t>
  </si>
  <si>
    <t>D:\Backup 12-11-2019\Desktop - 12-11-19\PreVendas - Governo Diogo\MTE\Infra 2015\Publicado\Preço.xlsb</t>
  </si>
  <si>
    <t>C:\Users\suelenmm\OneDrive - Grupo Algar\Desktop - 12-11-19\PreVendas - Governo Diogo\MTE\SD 2014\</t>
  </si>
  <si>
    <t>D:\Backup 12-11-2019\Desktop - 12-11-19\PreVendas - Governo Diogo\MTE\SD 2014\cotacao.xlsb</t>
  </si>
  <si>
    <t>C:\Users\suelenmm\OneDrive - Grupo Algar\Desktop - 12-11-19\PreVendas - Governo Diogo\MTE\SD 2015\</t>
  </si>
  <si>
    <t>D:\Backup 12-11-2019\Desktop - 12-11-19\PreVendas - Governo Diogo\MTE\SD 2015\Chamados.xlsx</t>
  </si>
  <si>
    <t>Histórico de Chamados.xlsx</t>
  </si>
  <si>
    <t>D:\Backup 12-11-2019\Desktop - 12-11-19\PreVendas - Governo Diogo\MTE\SD 2015\Histórico de Chamados.xlsx</t>
  </si>
  <si>
    <t>NMS`s.xlsx</t>
  </si>
  <si>
    <t>D:\Backup 12-11-2019\Desktop - 12-11-19\PreVendas - Governo Diogo\MTE\SD 2015\NMS`s.xlsx</t>
  </si>
  <si>
    <t>C:\Users\suelenmm\OneDrive - Grupo Algar\Desktop - 12-11-19\PreVendas - Governo Diogo\MTUR\</t>
  </si>
  <si>
    <t>desenho.xlsx</t>
  </si>
  <si>
    <t>D:\Backup 12-11-2019\Desktop - 12-11-19\PreVendas - Governo Diogo\MTUR\desenho.xlsx</t>
  </si>
  <si>
    <t>C:\Users\suelenmm\OneDrive - Grupo Algar\Desktop - 12-11-19\PreVendas - Governo Diogo\MTUR\Edital\</t>
  </si>
  <si>
    <t>D:\Backup 12-11-2019\Desktop - 12-11-19\PreVendas - Governo Diogo\MTUR\Edital\BP.xlsb</t>
  </si>
  <si>
    <t>C:\Users\suelenmm\OneDrive - Grupo Algar\Desktop - 12-11-19\PreVendas - Governo Diogo\NOVACAP\</t>
  </si>
  <si>
    <t>D:\Backup 12-11-2019\Desktop - 12-11-19\PreVendas - Governo Diogo\NOVACAP\BP Atualizado.xlsb</t>
  </si>
  <si>
    <t>D:\Backup 12-11-2019\Desktop - 12-11-19\PreVendas - Governo Diogo\NOVACAP\BP.xlsb</t>
  </si>
  <si>
    <t>C:\Users\suelenmm\OneDrive - Grupo Algar\Desktop - 12-11-19\PreVendas - Governo Diogo\Petrobras\2014\Assessoria de Processos\</t>
  </si>
  <si>
    <t>PPU XLS.xlsx</t>
  </si>
  <si>
    <t>D:\Backup 12-11-2019\Desktop - 12-11-19\PreVendas - Governo Diogo\Petrobras\2014\Assessoria de Processos\PPU XLS.xlsx</t>
  </si>
  <si>
    <t>Precificacao.xlsb</t>
  </si>
  <si>
    <t>D:\Backup 12-11-2019\Desktop - 12-11-19\PreVendas - Governo Diogo\Petrobras\2014\Assessoria de Processos\Precificacao.xlsb</t>
  </si>
  <si>
    <t>C:\Users\suelenmm\OneDrive - Grupo Algar\Desktop - 12-11-19\PreVendas - Governo Diogo\Petrobras\2015\assessoria\</t>
  </si>
  <si>
    <t>D:\Backup 12-11-2019\Desktop - 12-11-19\PreVendas - Governo Diogo\Petrobras\2015\assessoria\BP.xlsb</t>
  </si>
  <si>
    <t>BP2016-DF-74201-PC.xlsb</t>
  </si>
  <si>
    <t>D:\Backup 12-11-2019\Desktop - 12-11-19\PreVendas - Governo Diogo\Petrobras\2015\assessoria\BP2016-DF-74201-PC.xlsb</t>
  </si>
  <si>
    <t>BP2016.xlsb</t>
  </si>
  <si>
    <t>D:\Backup 12-11-2019\Desktop - 12-11-19\PreVendas - Governo Diogo\Petrobras\2015\assessoria\BP2016.xlsb</t>
  </si>
  <si>
    <t>DFP Resumo.xls</t>
  </si>
  <si>
    <t>D:\Backup 12-11-2019\Desktop - 12-11-19\PreVendas - Governo Diogo\Petrobras\2015\assessoria\DFP Resumo.xls</t>
  </si>
  <si>
    <t>D:\Backup 12-11-2019\Desktop - 12-11-19\PreVendas - Governo Diogo\Petrobras\2015\assessoria\Volumetria.xlsx</t>
  </si>
  <si>
    <t>C:\Users\suelenmm\OneDrive - Grupo Algar\Desktop - 12-11-19\PreVendas - Governo Diogo\Petrobras\2016\APOIO ALTA GESTÃO\</t>
  </si>
  <si>
    <t>BP Preço C007 B007 Metas Increm e Meta Base.xlsb</t>
  </si>
  <si>
    <t>D:\Backup 12-11-2019\Desktop - 12-11-19\PreVendas - Governo Diogo\Petrobras\2016\APOIO ALTA GESTÃO\BP Preço C007 B007 Metas Increm e Meta Base.xlsb</t>
  </si>
  <si>
    <t>C:\Users\suelenmm\OneDrive - Grupo Algar\Desktop - 12-11-19\PreVendas - Governo Diogo\Petrobras\2016\APOIO ALTA GESTÃO\BP Preço C007 B007 Metas Increm e Meta Base.xlsb\</t>
  </si>
  <si>
    <t>D:\Backup 12-11-2019\Desktop - 12-11-19\PreVendas - Governo Diogo\Petrobras\2016\APOIO ALTA GESTÃO\IN02 - GERAL.xlsx</t>
  </si>
  <si>
    <t>D:\Backup 12-11-2019\Desktop - 12-11-19\PreVendas - Governo Diogo\Petrobras\2016\APOIO ALTA GESTÃO\Sizing.xlsx</t>
  </si>
  <si>
    <t>C:\Users\suelenmm\OneDrive - Grupo Algar\Desktop - 12-11-19\PreVendas - Governo Diogo\Petrobras\2016\Atendimento Local MACAÉ\</t>
  </si>
  <si>
    <t>Petrobras Relação_Técnicos_Contrato_TI_Atualizado.xlsx</t>
  </si>
  <si>
    <t>D:\Backup 12-11-2019\Desktop - 12-11-19\PreVendas - Governo Diogo\Petrobras\2016\Atendimento Local MACAÉ\Petrobras Relação_Técnicos_Contrato_TI_Atualizado.xlsx</t>
  </si>
  <si>
    <t>C:\Users\suelenmm\OneDrive - Grupo Algar\Desktop - 12-11-19\PreVendas - Governo Diogo\Petrobras\2016\E&amp;P\</t>
  </si>
  <si>
    <t>AM.xlsb</t>
  </si>
  <si>
    <t>D:\Backup 12-11-2019\Desktop - 12-11-19\PreVendas - Governo Diogo\Petrobras\2016\E&amp;P\AM.xlsb</t>
  </si>
  <si>
    <t>BA.xlsb</t>
  </si>
  <si>
    <t>D:\Backup 12-11-2019\Desktop - 12-11-19\PreVendas - Governo Diogo\Petrobras\2016\E&amp;P\BA.xlsb</t>
  </si>
  <si>
    <t>DFP Resumo (Envio).xls</t>
  </si>
  <si>
    <t>D:\Backup 12-11-2019\Desktop - 12-11-19\PreVendas - Governo Diogo\Petrobras\2016\E&amp;P\DFP Resumo (Envio).xls</t>
  </si>
  <si>
    <t>DFP Resumo (Memória de Cálculo).xls</t>
  </si>
  <si>
    <t>D:\Backup 12-11-2019\Desktop - 12-11-19\PreVendas - Governo Diogo\Petrobras\2016\E&amp;P\DFP Resumo (Memória de Cálculo).xls</t>
  </si>
  <si>
    <t>D:\Backup 12-11-2019\Desktop - 12-11-19\PreVendas - Governo Diogo\Petrobras\2016\E&amp;P\DFP Resumo.xls</t>
  </si>
  <si>
    <t>RNCE.xlsb</t>
  </si>
  <si>
    <t>D:\Backup 12-11-2019\Desktop - 12-11-19\PreVendas - Governo Diogo\Petrobras\2016\E&amp;P\RNCE.xlsb</t>
  </si>
  <si>
    <t>SEAL.xlsb</t>
  </si>
  <si>
    <t>D:\Backup 12-11-2019\Desktop - 12-11-19\PreVendas - Governo Diogo\Petrobras\2016\E&amp;P\SEAL.xlsb</t>
  </si>
  <si>
    <t>C:\Users\suelenmm\OneDrive - Grupo Algar\Desktop - 12-11-19\PreVendas - Governo Diogo\Petrobras\2017\7001807943 - Serviços de Apoio Técnico para Atendimento aos Usuários\</t>
  </si>
  <si>
    <t>Anexo 2 - Planilha de Precos Unitarios (3).xlsx</t>
  </si>
  <si>
    <t>D:\Backup 12-11-2019\Desktop - 12-11-19\PreVendas - Governo Diogo\Petrobras\2017\7001807943 - Serviços de Apoio Técnico para Atendimento aos Usuários\Anexo 2 - Planilha de Precos Unitarios (3).xlsx</t>
  </si>
  <si>
    <t>Anexo V - Modelo de DFP.xls</t>
  </si>
  <si>
    <t>D:\Backup 12-11-2019\Desktop - 12-11-19\PreVendas - Governo Diogo\Petrobras\2017\7001807943 - Serviços de Apoio Técnico para Atendimento aos Usuários\Anexo V - Modelo de DFP.xls</t>
  </si>
  <si>
    <t>D:\Backup 12-11-2019\Desktop - 12-11-19\PreVendas - Governo Diogo\Petrobras\2017\7001807943 - Serviços de Apoio Técnico para Atendimento aos Usuários\Cenário 1.xlsb</t>
  </si>
  <si>
    <t>C:\Users\suelenmm\OneDrive - Grupo Algar\Desktop - 12-11-19\PreVendas - Governo Diogo\Petrobras\2017\7001807943 - Serviços de Apoio Técnico para Atendimento aos Usuários\Cenário 1.xlsb\</t>
  </si>
  <si>
    <t>D:\Backup 12-11-2019\Desktop - 12-11-19\PreVendas - Governo Diogo\Petrobras\2017\7001807943 - Serviços de Apoio Técnico para Atendimento aos Usuários\Cenário 2.xlsb</t>
  </si>
  <si>
    <t>C:\Users\suelenmm\OneDrive - Grupo Algar\Desktop - 12-11-19\PreVendas - Governo Diogo\Petrobras\2017\7001807943 - Serviços de Apoio Técnico para Atendimento aos Usuários\Cenário 2.xlsb\</t>
  </si>
  <si>
    <t>DFP - Cenário 2.xlsx</t>
  </si>
  <si>
    <t>D:\Backup 12-11-2019\Desktop - 12-11-19\PreVendas - Governo Diogo\Petrobras\2017\7001807943 - Serviços de Apoio Técnico para Atendimento aos Usuários\DFP - Cenário 2.xlsx</t>
  </si>
  <si>
    <t>C:\Users\suelenmm\OneDrive - Grupo Algar\Desktop - 12-11-19\PreVendas - Governo Diogo\Petrobras\2017\7001818540 - Convite 2047087.17.8 - Atendimendo Local RJ DF\</t>
  </si>
  <si>
    <t>Adendo III - Tabela de prazos (1).xlsx</t>
  </si>
  <si>
    <t>D:\Backup 12-11-2019\Desktop - 12-11-19\PreVendas - Governo Diogo\Petrobras\2017\7001818540 - Convite 2047087.17.8 - Atendimendo Local RJ DF\Adendo III - Tabela de prazos (1).xlsx</t>
  </si>
  <si>
    <t>AdendoII-CenarioV2.xlsx</t>
  </si>
  <si>
    <t>D:\Backup 12-11-2019\Desktop - 12-11-19\PreVendas - Governo Diogo\Petrobras\2017\7001818540 - Convite 2047087.17.8 - Atendimendo Local RJ DF\AdendoII-CenarioV2.xlsx</t>
  </si>
  <si>
    <t>Agressivo.xlsb</t>
  </si>
  <si>
    <t>D:\Backup 12-11-2019\Desktop - 12-11-19\PreVendas - Governo Diogo\Petrobras\2017\7001818540 - Convite 2047087.17.8 - Atendimendo Local RJ DF\Agressivo.xlsb</t>
  </si>
  <si>
    <t>C:\Users\suelenmm\OneDrive - Grupo Algar\Desktop - 12-11-19\PreVendas - Governo Diogo\Petrobras\2017\7001818540 - Convite 2047087.17.8 - Atendimendo Local RJ DF\Agressivo.xlsb\</t>
  </si>
  <si>
    <t>DFP - 60dias - 50% indiretos.xlsx</t>
  </si>
  <si>
    <t>D:\Backup 12-11-2019\Desktop - 12-11-19\PreVendas - Governo Diogo\Petrobras\2017\7001818540 - Convite 2047087.17.8 - Atendimendo Local RJ DF\DFP - 60dias - 50% indiretos.xlsx</t>
  </si>
  <si>
    <t>DFP - 60dias.xlsx</t>
  </si>
  <si>
    <t>D:\Backup 12-11-2019\Desktop - 12-11-19\PreVendas - Governo Diogo\Petrobras\2017\7001818540 - Convite 2047087.17.8 - Atendimendo Local RJ DF\DFP - 60dias.xlsx</t>
  </si>
  <si>
    <t>D:\Backup 12-11-2019\Desktop - 12-11-19\PreVendas - Governo Diogo\Petrobras\2017\7001818540 - Convite 2047087.17.8 - Atendimendo Local RJ DF\IN02 - GERAL.xlsx</t>
  </si>
  <si>
    <t>D:\Backup 12-11-2019\Desktop - 12-11-19\PreVendas - Governo Diogo\Petrobras\2017\7001818540 - Convite 2047087.17.8 - Atendimendo Local RJ DF\Preço.xlsb</t>
  </si>
  <si>
    <t>C:\Users\suelenmm\OneDrive - Grupo Algar\Desktop - 12-11-19\PreVendas - Governo Diogo\Petrobras\2017\7001818540 - Convite 2047087.17.8 - Atendimendo Local RJ DF\Preço.xlsb\</t>
  </si>
  <si>
    <t>C:\Users\suelenmm\OneDrive - Grupo Algar\Desktop - 12-11-19\PreVendas - Governo Diogo\Petrobras\2017\7001823525 - Central Serviços - Atendimento TIC - Lote 1 _SEDE_SUDESTE\</t>
  </si>
  <si>
    <t>ANEXO 2 - PPUS LOTE 1 (1).xls</t>
  </si>
  <si>
    <t>D:\Backup 12-11-2019\Desktop - 12-11-19\PreVendas - Governo Diogo\Petrobras\2017\7001823525 - Central Serviços - Atendimento TIC - Lote 1 _SEDE_SUDESTE\ANEXO 2 - PPUS LOTE 1 (1).xls</t>
  </si>
  <si>
    <t>BP Preço REAJUSTADO 1.xlsb</t>
  </si>
  <si>
    <t>D:\Backup 12-11-2019\Desktop - 12-11-19\PreVendas - Governo Diogo\Petrobras\2017\7001823525 - Central Serviços - Atendimento TIC - Lote 1 _SEDE_SUDESTE\BP Preço REAJUSTADO 1.xlsb</t>
  </si>
  <si>
    <t>C:\Users\suelenmm\OneDrive - Grupo Algar\Desktop - 12-11-19\PreVendas - Governo Diogo\Petrobras\2017\7001823525 - Central Serviços - Atendimento TIC - Lote 1 _SEDE_SUDESTE\BP Preço REAJUSTADO 1.xlsb\</t>
  </si>
  <si>
    <t>BP Preço REAJUSTADO Setembro.xlsb</t>
  </si>
  <si>
    <t>D:\Backup 12-11-2019\Desktop - 12-11-19\PreVendas - Governo Diogo\Petrobras\2017\7001823525 - Central Serviços - Atendimento TIC - Lote 1 _SEDE_SUDESTE\BP Preço REAJUSTADO Setembro.xlsb</t>
  </si>
  <si>
    <t>C:\Users\suelenmm\OneDrive - Grupo Algar\Desktop - 12-11-19\PreVendas - Governo Diogo\Petrobras\2017\7001823525 - Central Serviços - Atendimento TIC - Lote 1 _SEDE_SUDESTE\BP Preço REAJUSTADO Setembro.xlsb\</t>
  </si>
  <si>
    <t>D:\Backup 12-11-2019\Desktop - 12-11-19\PreVendas - Governo Diogo\Petrobras\2017\7001823525 - Central Serviços - Atendimento TIC - Lote 1 _SEDE_SUDESTE\BP Preço.xlsb</t>
  </si>
  <si>
    <t>C:\Users\suelenmm\OneDrive - Grupo Algar\Desktop - 12-11-19\PreVendas - Governo Diogo\Petrobras\2017\7001823525 - Central Serviços - Atendimento TIC - Lote 1 _SEDE_SUDESTE\BP Preço.xlsb\</t>
  </si>
  <si>
    <t>desenho.xlsb</t>
  </si>
  <si>
    <t>D:\Backup 12-11-2019\Desktop - 12-11-19\PreVendas - Governo Diogo\Petrobras\2017\7001823525 - Central Serviços - Atendimento TIC - Lote 1 _SEDE_SUDESTE\desenho.xlsb</t>
  </si>
  <si>
    <t>C:\Users\suelenmm\OneDrive - Grupo Algar\Desktop - 12-11-19\PreVendas - Governo Diogo\Petrobras\2017\7001823525 - Central Serviços - Atendimento TIC - Lote 1 _SEDE_SUDESTE\desenho.xlsb\</t>
  </si>
  <si>
    <t>DFP - 45dias.xlsx</t>
  </si>
  <si>
    <t>D:\Backup 12-11-2019\Desktop - 12-11-19\PreVendas - Governo Diogo\Petrobras\2017\7001823525 - Central Serviços - Atendimento TIC - Lote 1 _SEDE_SUDESTE\DFP - 45dias.xlsx</t>
  </si>
  <si>
    <t>sizing.xlsx</t>
  </si>
  <si>
    <t>D:\Backup 12-11-2019\Desktop - 12-11-19\PreVendas - Governo Diogo\Petrobras\2017\7001823525 - Central Serviços - Atendimento TIC - Lote 1 _SEDE_SUDESTE\sizing.xlsx</t>
  </si>
  <si>
    <t>Transpetro REVISADO OPERAÇÃO-Novembro.xlsb</t>
  </si>
  <si>
    <t>D:\Backup 12-11-2019\Desktop - 12-11-19\PreVendas - Governo Diogo\Petrobras\2017\7001823525 - Central Serviços - Atendimento TIC - Lote 1 _SEDE_SUDESTE\Transpetro REVISADO OPERAÇÃO-Novembro.xlsb</t>
  </si>
  <si>
    <t>C:\Users\suelenmm\OneDrive - Grupo Algar\Desktop - 12-11-19\PreVendas - Governo Diogo\Petrobras\2017\7001823525 - Central Serviços - Atendimento TIC - Lote 1 _SEDE_SUDESTE\Transpetro REVISADO OPERAÇÃO-Novembro.xlsb\</t>
  </si>
  <si>
    <t>Transpetro REVISADO OPERAÇÃO.xlsb</t>
  </si>
  <si>
    <t>D:\Backup 12-11-2019\Desktop - 12-11-19\PreVendas - Governo Diogo\Petrobras\2017\7001823525 - Central Serviços - Atendimento TIC - Lote 1 _SEDE_SUDESTE\Transpetro REVISADO OPERAÇÃO.xlsb</t>
  </si>
  <si>
    <t>C:\Users\suelenmm\OneDrive - Grupo Algar\Desktop - 12-11-19\PreVendas - Governo Diogo\Petrobras\2017\7001823525 - Central Serviços - Atendimento TIC - Lote 1 _SEDE_SUDESTE\Transpetro REVISADO OPERAÇÃO.xlsb\</t>
  </si>
  <si>
    <t>C:\Users\suelenmm\OneDrive - Grupo Algar\Desktop - 12-11-19\PreVendas - Governo Diogo\Petrobras\2017\7001823753 - 1993673.16.8 - Atendimento Local ES\</t>
  </si>
  <si>
    <t>ADENDO-I-A -Cenário Serviços.xlsx</t>
  </si>
  <si>
    <t>D:\Backup 12-11-2019\Desktop - 12-11-19\PreVendas - Governo Diogo\Petrobras\2017\7001823753 - 1993673.16.8 - Atendimento Local ES\ADENDO-I-A -Cenário Serviços.xlsx</t>
  </si>
  <si>
    <t>ADENDO-I-B - Cenário Desempenho (1).xlsx</t>
  </si>
  <si>
    <t>D:\Backup 12-11-2019\Desktop - 12-11-19\PreVendas - Governo Diogo\Petrobras\2017\7001823753 - 1993673.16.8 - Atendimento Local ES\ADENDO-I-B - Cenário Desempenho (1).xlsx</t>
  </si>
  <si>
    <t>C:\Users\suelenmm\OneDrive - Grupo Algar\Desktop - 12-11-19\PreVendas - Governo Diogo\Petrobras\2017\7001823764 - Central Serviços - Atendimento TIC - Lote 2 _Demais Estados\</t>
  </si>
  <si>
    <t>ANEXO 2 - PPU LOTE 2.xls</t>
  </si>
  <si>
    <t>D:\Backup 12-11-2019\Desktop - 12-11-19\PreVendas - Governo Diogo\Petrobras\2017\7001823764 - Central Serviços - Atendimento TIC - Lote 2 _Demais Estados\ANEXO 2 - PPU LOTE 2.xls</t>
  </si>
  <si>
    <t>C:\Users\suelenmm\OneDrive - Grupo Algar\Desktop - 12-11-19\PreVendas - Governo Diogo\Petrobras\2018\7001957543 - Automação Projeto\</t>
  </si>
  <si>
    <t>ANEXO I A - Cenário Rev1.xlsx</t>
  </si>
  <si>
    <t>D:\Backup 12-11-2019\Desktop - 12-11-19\PreVendas - Governo Diogo\Petrobras\2018\7001957543 - Automação Projeto\ANEXO I A - Cenário Rev1.xlsx</t>
  </si>
  <si>
    <t>ANEXO I D - Tabela de Prazos de Serviços.xlsx</t>
  </si>
  <si>
    <t>D:\Backup 12-11-2019\Desktop - 12-11-19\PreVendas - Governo Diogo\Petrobras\2018\7001957543 - Automação Projeto\ANEXO I D - Tabela de Prazos de Serviços.xlsx</t>
  </si>
  <si>
    <t>ANEXO II - Planilha de Preços.xlsx</t>
  </si>
  <si>
    <t>D:\Backup 12-11-2019\Desktop - 12-11-19\PreVendas - Governo Diogo\Petrobras\2018\7001957543 - Automação Projeto\ANEXO II - Planilha de Preços.xlsx</t>
  </si>
  <si>
    <t>Anexo VI - Tomadores de Serviço Rev1.xlsx</t>
  </si>
  <si>
    <t>D:\Backup 12-11-2019\Desktop - 12-11-19\PreVendas - Governo Diogo\Petrobras\2018\7001957543 - Automação Projeto\Anexo VI - Tomadores de Serviço Rev1.xlsx</t>
  </si>
  <si>
    <t>DFP.xlsx</t>
  </si>
  <si>
    <t>D:\Backup 12-11-2019\Desktop - 12-11-19\PreVendas - Governo Diogo\Petrobras\2018\7001957543 - Automação Projeto\DFP.xlsx</t>
  </si>
  <si>
    <t>PREÇO.xlsb</t>
  </si>
  <si>
    <t>D:\Backup 12-11-2019\Desktop - 12-11-19\PreVendas - Governo Diogo\Petrobras\2018\7001957543 - Automação Projeto\PREÇO.xlsb</t>
  </si>
  <si>
    <t>C:\Users\suelenmm\OneDrive - Grupo Algar\Desktop - 12-11-19\PreVendas - Governo Diogo\Petrobras\2018\7001957543 - Automação Projeto\PREÇO.xlsb\</t>
  </si>
  <si>
    <t>C:\Users\suelenmm\OneDrive - Grupo Algar\Desktop - 12-11-19\PreVendas - Governo Diogo\Petrobras\2018\FIELD SUDESTE-SUL - 147073\</t>
  </si>
  <si>
    <t>Cópia de Anexo II - Adendo II - Cenario rev2.xlsx</t>
  </si>
  <si>
    <t>D:\Backup 12-11-2019\Desktop - 12-11-19\PreVendas - Governo Diogo\Petrobras\2018\FIELD SUDESTE-SUL - 147073\Cópia de Anexo II - Adendo II - Cenario rev2.xlsx</t>
  </si>
  <si>
    <t>D:\Backup 12-11-2019\Desktop - 12-11-19\PreVendas - Governo Diogo\Petrobras\2018\FIELD SUDESTE-SUL - 147073\DFP.xlsx</t>
  </si>
  <si>
    <t>Field Petrobras - 147073 - V1.xlsb</t>
  </si>
  <si>
    <t>D:\Backup 12-11-2019\Desktop - 12-11-19\PreVendas - Governo Diogo\Petrobras\2018\FIELD SUDESTE-SUL - 147073\Field Petrobras - 147073 - V1.xlsb</t>
  </si>
  <si>
    <t>C:\Users\suelenmm\OneDrive - Grupo Algar\Desktop - 12-11-19\PreVendas - Governo Diogo\Petrobras\2018\FIELD SUDESTE-SUL - 147073\Field Petrobras - 147073 - V1.xlsb\</t>
  </si>
  <si>
    <t>Racional de Dimensionamento.xlsx</t>
  </si>
  <si>
    <t>D:\Backup 12-11-2019\Desktop - 12-11-19\PreVendas - Governo Diogo\Petrobras\2018\FIELD SUDESTE-SUL - 147073\Racional de Dimensionamento.xlsx</t>
  </si>
  <si>
    <t>C:\Users\suelenmm\OneDrive - Grupo Algar\Desktop - 12-11-19\PreVendas - Governo Diogo\Petrobras\2018\FIELD SUDESTE-SUL - 147073\PETROBRAS - 7001980719 - ATENDIMENTO PRESENCIAL - 21.02.2018\</t>
  </si>
  <si>
    <t>Anexo II - Adendo III - Cenario.xlsx</t>
  </si>
  <si>
    <t>D:\Backup 12-11-2019\Desktop - 12-11-19\PreVendas - Governo Diogo\Petrobras\2018\FIELD SUDESTE-SUL - 147073\PETROBRAS - 7001980719 - ATENDIMENTO PRESENCIAL - 21.02.2018\Anexo II - Adendo III - Cenario.xlsx</t>
  </si>
  <si>
    <t>C:\Users\suelenmm\OneDrive - Grupo Algar\Desktop - 12-11-19\PreVendas - Governo Diogo\Petrobras\2018\FIELD SUDESTE-SUL - 147073\Questionamentos\Revisão de documentação.zip\</t>
  </si>
  <si>
    <t>Anexo II - Adendo II - Cenario rev2.xlsx</t>
  </si>
  <si>
    <t>D:\Backup 12-11-2019\Desktop - 12-11-19\PreVendas - Governo Diogo\Petrobras\2018\FIELD SUDESTE-SUL - 147073\Questionamentos\Revisão de documentação.zip</t>
  </si>
  <si>
    <t>AnexoII-AdendoIII - Tabeladeprazos.xlsx</t>
  </si>
  <si>
    <t>C:\Users\suelenmm\OneDrive - Grupo Algar\Desktop - 12-11-19\PreVendas - Governo Diogo\Petrobras\2018\PETROBRAS - 7002151564 - ATENDIMENTO LOCAL TIC - 17.09.2018\Adendo A_Minuta_contratual e seus Anexos.zip\</t>
  </si>
  <si>
    <t>Anexo II - PPU sem valores.xlsx</t>
  </si>
  <si>
    <t>D:\Backup 12-11-2019\Desktop - 12-11-19\PreVendas - Governo Diogo\Petrobras\2018\PETROBRAS - 7002151564 - ATENDIMENTO LOCAL TIC - 17.09.2018\Adendo A_Minuta_contratual e seus Anexos.zip</t>
  </si>
  <si>
    <t>C:\Users\suelenmm\OneDrive - Grupo Algar\Desktop - 12-11-19\PreVendas - Governo Diogo\Petrobras\2018\PETROBRAS - 7002151564 - ATENDIMENTO LOCAL TIC - 17.09.2018\Adendos do Edital.zip\</t>
  </si>
  <si>
    <t>Adendo I_ DFP.xlsm</t>
  </si>
  <si>
    <t>D:\Backup 12-11-2019\Desktop - 12-11-19\PreVendas - Governo Diogo\Petrobras\2018\PETROBRAS - 7002151564 - ATENDIMENTO LOCAL TIC - 17.09.2018\Adendos do Edital.zip</t>
  </si>
  <si>
    <t>Adendo J - Tomadores de Servi‡o.xlsx</t>
  </si>
  <si>
    <t>C:\Users\suelenmm\OneDrive - Grupo Algar\Desktop - 12-11-19\PreVendas - Governo Diogo\Petrobras\2018\PETROBRAS - 7002151564 - ATENDIMENTO LOCAL TIC - 17.09.2018\Anexos da Especificacao de Servicos.zip\</t>
  </si>
  <si>
    <t>Anexo Ib - Parque Atendido.xlsx</t>
  </si>
  <si>
    <t>D:\Backup 12-11-2019\Desktop - 12-11-19\PreVendas - Governo Diogo\Petrobras\2018\PETROBRAS - 7002151564 - ATENDIMENTO LOCAL TIC - 17.09.2018\Anexos da Especificacao de Servicos.zip</t>
  </si>
  <si>
    <t>Anexo Id - Locais e Hor rios da Prestacao dos Servicos.xlsx</t>
  </si>
  <si>
    <t>Anexo Ie - Cen rio de Alocacao de Recursos.xlsx</t>
  </si>
  <si>
    <t>Anexo Ig - Lista de Ferramentas e Insumos.xlsx</t>
  </si>
  <si>
    <t>Anexo Ih - Historico do Volume de Demandas.xlsx</t>
  </si>
  <si>
    <t>C:\Users\suelenmm\OneDrive - Grupo Algar\Desktop - 12-11-19\PreVendas - Governo Diogo\Petrobras\2018\PETROBRAS - 7002151564 - ATENDIMENTO LOCAL TIC - 17.09.2018\Edital Petrobras.zip\Adendo A_Minuta_contratual e seus Anexos\</t>
  </si>
  <si>
    <t>D:\Backup 12-11-2019\Desktop - 12-11-19\PreVendas - Governo Diogo\Petrobras\2018\PETROBRAS - 7002151564 - ATENDIMENTO LOCAL TIC - 17.09.2018\Edital Petrobras.zip</t>
  </si>
  <si>
    <t>C:\Users\suelenmm\OneDrive - Grupo Algar\Desktop - 12-11-19\PreVendas - Governo Diogo\Petrobras\2018\PETROBRAS - 7002151564 - ATENDIMENTO LOCAL TIC - 17.09.2018\Edital Petrobras.zip\Adendos do Edital\</t>
  </si>
  <si>
    <t>C:\Users\suelenmm\OneDrive - Grupo Algar\Desktop - 12-11-19\PreVendas - Governo Diogo\Petrobras\2018\PETROBRAS - 7002151564 - ATENDIMENTO LOCAL TIC - 17.09.2018\Edital Petrobras.zip\Anexos da Especificacao de Servicos.zip\</t>
  </si>
  <si>
    <t>C:\Users\suelenmm\OneDrive - Grupo Algar\Desktop - 12-11-19\PreVendas - Governo Diogo\Petrobras\2018\PETROBRAS - 7002151564 - ATENDIMENTO LOCAL TIC - 17.09.2018\Edital Petrobras.zip\Questionamentos\Anexos.zip\</t>
  </si>
  <si>
    <t>Anexo Id - Locais e Hor rios da Prestacao dos Servicos - REV1.xlsx</t>
  </si>
  <si>
    <t>Anexo Ie - Cen rio de Alocacao de Recursos - REV1.xlsx</t>
  </si>
  <si>
    <t>Anexo Ig - Lista de Ferramentas e Insumos - REV1.xlsx</t>
  </si>
  <si>
    <t>ANEXO Ii - ESTRATIFICA€ÇO VOLUME DE DEMANDAS TCNICAS DE TI -TCOM OFFSHORE.xlsx</t>
  </si>
  <si>
    <t>C:\Users\suelenmm\OneDrive - Grupo Algar\Desktop - 12-11-19\PreVendas - Governo Diogo\Petrobras\2018\PETROBRAS - 7002151564 - ATENDIMENTO LOCAL TIC - 17.09.2018\Adendo A_Minuta_contratual e seus Anexos\</t>
  </si>
  <si>
    <t>D:\Backup 12-11-2019\Desktop - 12-11-19\PreVendas - Governo Diogo\Petrobras\2018\PETROBRAS - 7002151564 - ATENDIMENTO LOCAL TIC - 17.09.2018\Adendo A_Minuta_contratual e seus Anexos\Anexo II - PPU sem valores.xlsx</t>
  </si>
  <si>
    <t>C:\Users\suelenmm\OneDrive - Grupo Algar\Desktop - 12-11-19\PreVendas - Governo Diogo\Petrobras\2018\PETROBRAS - 7002151564 - ATENDIMENTO LOCAL TIC - 17.09.2018\Adendos do Edital\</t>
  </si>
  <si>
    <t>D:\Backup 12-11-2019\Desktop - 12-11-19\PreVendas - Governo Diogo\Petrobras\2018\PETROBRAS - 7002151564 - ATENDIMENTO LOCAL TIC - 17.09.2018\Adendos do Edital\Adendo I_ DFP.xlsm</t>
  </si>
  <si>
    <t>Adendo J - Tomadores de Serviço.xlsx</t>
  </si>
  <si>
    <t>D:\Backup 12-11-2019\Desktop - 12-11-19\PreVendas - Governo Diogo\Petrobras\2018\PETROBRAS - 7002151564 - ATENDIMENTO LOCAL TIC - 17.09.2018\Adendos do Edital\Adendo J - Tomadores de Serviço.xlsx</t>
  </si>
  <si>
    <t>C:\Users\suelenmm\OneDrive - Grupo Algar\Desktop - 12-11-19\PreVendas - Governo Diogo\Petrobras\2018\PETROBRAS - 7002151564 - ATENDIMENTO LOCAL TIC - 17.09.2018\Anexos da Especificacao de Servicos\</t>
  </si>
  <si>
    <t>D:\Backup 12-11-2019\Desktop - 12-11-19\PreVendas - Governo Diogo\Petrobras\2018\PETROBRAS - 7002151564 - ATENDIMENTO LOCAL TIC - 17.09.2018\Anexos da Especificacao de Servicos\Anexo Ib - Parque Atendido.xlsx</t>
  </si>
  <si>
    <t>Anexo Id - Locais e Horários da Prestacao dos Servicos.xlsx</t>
  </si>
  <si>
    <t>D:\Backup 12-11-2019\Desktop - 12-11-19\PreVendas - Governo Diogo\Petrobras\2018\PETROBRAS - 7002151564 - ATENDIMENTO LOCAL TIC - 17.09.2018\Anexos da Especificacao de Servicos\Anexo Id - Locais e Horários da Prestacao dos Servicos.xlsx</t>
  </si>
  <si>
    <t>Anexo Ie - Cenário de Alocacao de Recursos.xlsx</t>
  </si>
  <si>
    <t>D:\Backup 12-11-2019\Desktop - 12-11-19\PreVendas - Governo Diogo\Petrobras\2018\PETROBRAS - 7002151564 - ATENDIMENTO LOCAL TIC - 17.09.2018\Anexos da Especificacao de Servicos\Anexo Ie - Cenário de Alocacao de Recursos.xlsx</t>
  </si>
  <si>
    <t>D:\Backup 12-11-2019\Desktop - 12-11-19\PreVendas - Governo Diogo\Petrobras\2018\PETROBRAS - 7002151564 - ATENDIMENTO LOCAL TIC - 17.09.2018\Anexos da Especificacao de Servicos\Anexo Ig - Lista de Ferramentas e Insumos.xlsx</t>
  </si>
  <si>
    <t>D:\Backup 12-11-2019\Desktop - 12-11-19\PreVendas - Governo Diogo\Petrobras\2018\PETROBRAS - 7002151564 - ATENDIMENTO LOCAL TIC - 17.09.2018\Anexos da Especificacao de Servicos\Anexo Ih - Historico do Volume de Demandas.xlsx</t>
  </si>
  <si>
    <t>C:\Users\suelenmm\OneDrive - Grupo Algar\Desktop - 12-11-19\PreVendas - Governo Diogo\Petrobras\2018\PETROBRAS - 7002151564 - ATENDIMENTO LOCAL TIC - 17.09.2018\Questionamentos\Anexos.zip\</t>
  </si>
  <si>
    <t>D:\Backup 12-11-2019\Desktop - 12-11-19\PreVendas - Governo Diogo\Petrobras\2018\PETROBRAS - 7002151564 - ATENDIMENTO LOCAL TIC - 17.09.2018\Questionamentos\Anexos.zip</t>
  </si>
  <si>
    <t>C:\Users\suelenmm\OneDrive - Grupo Algar\Desktop - 12-11-19\PreVendas - Governo Diogo\Petrobras\2019\ISD BR Distribuidora\</t>
  </si>
  <si>
    <t>D:\Backup 12-11-2019\Desktop - 12-11-19\PreVendas - Governo Diogo\Petrobras\2019\ISD BR Distribuidora\Anexo II - PPU sem valores.xlsx</t>
  </si>
  <si>
    <t>C:\Users\suelenmm\OneDrive - Grupo Algar\Desktop - 12-11-19\PreVendas - Governo Diogo\Petrobras\BR Distribuidora\2016\Consultoria e Assessoria\</t>
  </si>
  <si>
    <t>Anexo II - Planilha de Precos.xlsx</t>
  </si>
  <si>
    <t>D:\Backup 12-11-2019\Desktop - 12-11-19\PreVendas - Governo Diogo\Petrobras\BR Distribuidora\2016\Consultoria e Assessoria\Anexo II - Planilha de Precos.xlsx</t>
  </si>
  <si>
    <t>D:\Backup 12-11-2019\Desktop - 12-11-19\PreVendas - Governo Diogo\Petrobras\BR Distribuidora\2016\Consultoria e Assessoria\BP.xlsb</t>
  </si>
  <si>
    <t>D:\Backup 12-11-2019\Desktop - 12-11-19\PreVendas - Governo Diogo\Petrobras\BR Distribuidora\2016\Consultoria e Assessoria\Pricing.xlsx</t>
  </si>
  <si>
    <t>C:\Users\suelenmm\OneDrive - Grupo Algar\Desktop - 12-11-19\PreVendas - Governo Diogo\PGFN\</t>
  </si>
  <si>
    <t>LOTE 2-Diogo_note.xlsb</t>
  </si>
  <si>
    <t>D:\Backup 12-11-2019\Desktop - 12-11-19\PreVendas - Governo Diogo\PGFN\LOTE 2-Diogo_note.xlsb</t>
  </si>
  <si>
    <t>C:\Users\suelenmm\OneDrive - Grupo Algar\Desktop - 12-11-19\PreVendas - Governo Diogo\PGFN\LOTE 2-Diogo_note.xlsb\</t>
  </si>
  <si>
    <t>LOTE 2.xlsb</t>
  </si>
  <si>
    <t>D:\Backup 12-11-2019\Desktop - 12-11-19\PreVendas - Governo Diogo\PGFN\LOTE 2.xlsb</t>
  </si>
  <si>
    <t>C:\Users\suelenmm\OneDrive - Grupo Algar\Desktop - 12-11-19\PreVendas - Governo Diogo\PGFN\LOTE 2.xlsb\</t>
  </si>
  <si>
    <t>LOTE 3.xlsb</t>
  </si>
  <si>
    <t>D:\Backup 12-11-2019\Desktop - 12-11-19\PreVendas - Governo Diogo\PGFN\LOTE 3.xlsb</t>
  </si>
  <si>
    <t>C:\Users\suelenmm\OneDrive - Grupo Algar\Desktop - 12-11-19\PreVendas - Governo Diogo\PGFN\LOTE 3.xlsb\</t>
  </si>
  <si>
    <t>C:\Users\suelenmm\OneDrive - Grupo Algar\Desktop - 12-11-19\PreVendas - Governo Diogo\PJMT\</t>
  </si>
  <si>
    <t>Cotação.xls</t>
  </si>
  <si>
    <t>D:\Backup 12-11-2019\Desktop - 12-11-19\PreVendas - Governo Diogo\PJMT\Cotação.xls</t>
  </si>
  <si>
    <t>C:\Users\suelenmm\OneDrive - Grupo Algar\Desktop - 12-11-19\PreVendas - Governo Diogo\Planejamento\</t>
  </si>
  <si>
    <t>USN.xlsx</t>
  </si>
  <si>
    <t>D:\Backup 12-11-2019\Desktop - 12-11-19\PreVendas - Governo Diogo\Planejamento\USN.xlsx</t>
  </si>
  <si>
    <t>C:\Users\suelenmm\OneDrive - Grupo Algar\Desktop - 12-11-19\PreVendas - Governo Diogo\PPP BH\</t>
  </si>
  <si>
    <t>D:\Backup 12-11-2019\Desktop - 12-11-19\PreVendas - Governo Diogo\PPP BH\Cargos e Salários.xlsx</t>
  </si>
  <si>
    <t>Proposta Inicial.xlsb</t>
  </si>
  <si>
    <t>D:\Backup 12-11-2019\Desktop - 12-11-19\PreVendas - Governo Diogo\PPP BH\Proposta Inicial.xlsb</t>
  </si>
  <si>
    <t>C:\Users\suelenmm\OneDrive - Grupo Algar\Desktop - 12-11-19\PreVendas - Governo Diogo\PPP BH\Proposta Inicial.zip\</t>
  </si>
  <si>
    <t>D:\Backup 12-11-2019\Desktop - 12-11-19\PreVendas - Governo Diogo\PPP BH\Proposta Inicial.zip</t>
  </si>
  <si>
    <t>C:\Users\suelenmm\OneDrive - Grupo Algar\Desktop - 12-11-19\PreVendas - Governo Diogo\prodasen\</t>
  </si>
  <si>
    <t>D:\Backup 12-11-2019\Desktop - 12-11-19\PreVendas - Governo Diogo\prodasen\Cotação.xlsx</t>
  </si>
  <si>
    <t>C:\Users\suelenmm\OneDrive - Grupo Algar\Desktop - 12-11-19\PreVendas - Governo Diogo\PRODERJ\</t>
  </si>
  <si>
    <t>Cotação SES.xlsx</t>
  </si>
  <si>
    <t>D:\Backup 12-11-2019\Desktop - 12-11-19\PreVendas - Governo Diogo\PRODERJ\Cotação SES.xlsx</t>
  </si>
  <si>
    <t>D:\Backup 12-11-2019\Desktop - 12-11-19\PreVendas - Governo Diogo\PRODERJ\Cotação.xlsx</t>
  </si>
  <si>
    <t>C:\Users\suelenmm\OneDrive - Grupo Algar\Desktop - 12-11-19\PreVendas - Governo Diogo\PRODESP\</t>
  </si>
  <si>
    <t>Cenario Final.xlsb</t>
  </si>
  <si>
    <t>D:\Backup 12-11-2019\Desktop - 12-11-19\PreVendas - Governo Diogo\PRODESP\Cenario Final.xlsb</t>
  </si>
  <si>
    <t>Cenários Finais.xlsx</t>
  </si>
  <si>
    <t>D:\Backup 12-11-2019\Desktop - 12-11-19\PreVendas - Governo Diogo\PRODESP\Cenários Finais.xlsx</t>
  </si>
  <si>
    <t>Cenários Prodesp.xlsx</t>
  </si>
  <si>
    <t>D:\Backup 12-11-2019\Desktop - 12-11-19\PreVendas - Governo Diogo\PRODESP\Cenários Prodesp.xlsx</t>
  </si>
  <si>
    <t>Cópia de Map - Sistema de Precificação.xlsm</t>
  </si>
  <si>
    <t>D:\Backup 12-11-2019\Desktop - 12-11-19\PreVendas - Governo Diogo\PRODESP\Cópia de Map - Sistema de Precificação.xlsm</t>
  </si>
  <si>
    <t>Cópia de Map - Sistema de Precificação1.xlsm</t>
  </si>
  <si>
    <t>D:\Backup 12-11-2019\Desktop - 12-11-19\PreVendas - Governo Diogo\PRODESP\Cópia de Map - Sistema de Precificação1.xlsm</t>
  </si>
  <si>
    <t>Planilha Antiga Sem Compras Com PBM atingindo LL 950 reais.xlsb</t>
  </si>
  <si>
    <t>D:\Backup 12-11-2019\Desktop - 12-11-19\PreVendas - Governo Diogo\PRODESP\Planilha Antiga Sem Compras Com PBM atingindo LL 950 reais.xlsb</t>
  </si>
  <si>
    <t>Planilha Antiga Sem Compras Com PBM atingindo LL.xlsb</t>
  </si>
  <si>
    <t>D:\Backup 12-11-2019\Desktop - 12-11-19\PreVendas - Governo Diogo\PRODESP\Planilha Antiga Sem Compras Com PBM atingindo LL.xlsb</t>
  </si>
  <si>
    <t>Planilha Antiga Sem Compras Com PBM.xlsb</t>
  </si>
  <si>
    <t>D:\Backup 12-11-2019\Desktop - 12-11-19\PreVendas - Governo Diogo\PRODESP\Planilha Antiga Sem Compras Com PBM.xlsb</t>
  </si>
  <si>
    <t>Planilha Antiga Sem Compras.xlsb</t>
  </si>
  <si>
    <t>D:\Backup 12-11-2019\Desktop - 12-11-19\PreVendas - Governo Diogo\PRODESP\Planilha Antiga Sem Compras.xlsb</t>
  </si>
  <si>
    <t>Planilha Antiga.xlsb</t>
  </si>
  <si>
    <t>D:\Backup 12-11-2019\Desktop - 12-11-19\PreVendas - Governo Diogo\PRODESP\Planilha Antiga.xlsb</t>
  </si>
  <si>
    <t>Planilha Fatores.xlsx</t>
  </si>
  <si>
    <t>D:\Backup 12-11-2019\Desktop - 12-11-19\PreVendas - Governo Diogo\PRODESP\Planilha Fatores.xlsx</t>
  </si>
  <si>
    <t>C:\Users\suelenmm\OneDrive - Grupo Algar\Desktop - 12-11-19\PreVendas - Governo Diogo\PRODESP\2017\Acessa SP\</t>
  </si>
  <si>
    <t>Pricing SINTETEL.xlsb</t>
  </si>
  <si>
    <t>D:\Backup 12-11-2019\Desktop - 12-11-19\PreVendas - Governo Diogo\PRODESP\2017\Acessa SP\Pricing SINTETEL.xlsb</t>
  </si>
  <si>
    <t>C:\Users\suelenmm\OneDrive - Grupo Algar\Desktop - 12-11-19\PreVendas - Governo Diogo\PRODESP\2017\Acessa SP\Pricing SINTETEL.xlsb\</t>
  </si>
  <si>
    <t>C:\Users\suelenmm\OneDrive - Grupo Algar\Desktop - 12-11-19\PreVendas - Governo Diogo\PRODESP\2018\SD\</t>
  </si>
  <si>
    <t>Planilha de Fatores.xlsx</t>
  </si>
  <si>
    <t>D:\Backup 12-11-2019\Desktop - 12-11-19\PreVendas - Governo Diogo\PRODESP\2018\SD\Planilha de Fatores.xlsx</t>
  </si>
  <si>
    <t>simulação.xlsb</t>
  </si>
  <si>
    <t>D:\Backup 12-11-2019\Desktop - 12-11-19\PreVendas - Governo Diogo\PRODESP\2018\SD\simulação.xlsb</t>
  </si>
  <si>
    <t>C:\Users\suelenmm\OneDrive - Grupo Algar\Desktop - 12-11-19\PreVendas - Governo Diogo\PRODESP\2018\SD\simulação.xlsb\</t>
  </si>
  <si>
    <t>C:\Users\suelenmm\OneDrive - Grupo Algar\Desktop - 12-11-19\PreVendas - Governo Diogo\PRODESP\2018\SD\Cenário 1\</t>
  </si>
  <si>
    <t>Cópia de Estudo 1 - Novo contrato - Março - Prodesp.xls.xlsx</t>
  </si>
  <si>
    <t>D:\Backup 12-11-2019\Desktop - 12-11-19\PreVendas - Governo Diogo\PRODESP\2018\SD\Cenário 1\Cópia de Estudo 1 - Novo contrato - Março - Prodesp.xls.xlsx</t>
  </si>
  <si>
    <t>D:\Backup 12-11-2019\Desktop - 12-11-19\PreVendas - Governo Diogo\PRODESP\2018\SD\Cenário 1\simulação.xlsb</t>
  </si>
  <si>
    <t>C:\Users\suelenmm\OneDrive - Grupo Algar\Desktop - 12-11-19\PreVendas - Governo Diogo\PRODESP\Edital\14PPSD09\</t>
  </si>
  <si>
    <t>D:\Backup 12-11-2019\Desktop - 12-11-19\PreVendas - Governo Diogo\PRODESP\Edital\14PPSD09\Cenários Finais.xlsx</t>
  </si>
  <si>
    <t>Modelo Planilha de Composiá∆o de Custo e Preáo - 29 jul 14.xlsx</t>
  </si>
  <si>
    <t>D:\Backup 12-11-2019\Desktop - 12-11-19\PreVendas - Governo Diogo\PRODESP\Edital\14PPSD09\Modelo Planilha de Composiá∆o de Custo e Preáo - 29 jul 14.xlsx</t>
  </si>
  <si>
    <t>C:\Users\suelenmm\OneDrive - Grupo Algar\Desktop - 12-11-19\PreVendas - Governo Diogo\PRODESP\IN02\</t>
  </si>
  <si>
    <t>D:\Backup 12-11-2019\Desktop - 12-11-19\PreVendas - Governo Diogo\PRODESP\IN02\IN02.xlsx</t>
  </si>
  <si>
    <t>C:\Users\suelenmm\OneDrive - Grupo Algar\Desktop - 12-11-19\PreVendas - Governo Diogo\PRODESP\IN02\Diligência\</t>
  </si>
  <si>
    <t>IN02-AN.xlsx</t>
  </si>
  <si>
    <t>D:\Backup 12-11-2019\Desktop - 12-11-19\PreVendas - Governo Diogo\PRODESP\IN02\Diligência\IN02-AN.xlsx</t>
  </si>
  <si>
    <t>IN02-TOTAL.xlsx</t>
  </si>
  <si>
    <t>D:\Backup 12-11-2019\Desktop - 12-11-19\PreVendas - Governo Diogo\PRODESP\IN02\Diligência\IN02-TOTAL.xlsx</t>
  </si>
  <si>
    <t>IN02-Técnico.xlsx</t>
  </si>
  <si>
    <t>D:\Backup 12-11-2019\Desktop - 12-11-19\PreVendas - Governo Diogo\PRODESP\IN02\Diligência\IN02-Técnico.xlsx</t>
  </si>
  <si>
    <t>C:\Users\suelenmm\OneDrive - Grupo Algar\Desktop - 12-11-19\PreVendas - Governo Diogo\PRODESP\Projeto de Redes 2015\</t>
  </si>
  <si>
    <t>Análise Diogo.xlsx</t>
  </si>
  <si>
    <t>D:\Backup 12-11-2019\Desktop - 12-11-19\PreVendas - Governo Diogo\PRODESP\Projeto de Redes 2015\Análise Diogo.xlsx</t>
  </si>
  <si>
    <t>C:\Users\suelenmm\OneDrive - Grupo Algar\Desktop - 12-11-19\PreVendas - Governo Diogo\PRODESP\Rentabilização\</t>
  </si>
  <si>
    <t>Cópia de PAC PRODESP 344001089.xlsx</t>
  </si>
  <si>
    <t>D:\Backup 12-11-2019\Desktop - 12-11-19\PreVendas - Governo Diogo\PRODESP\Rentabilização\Cópia de PAC PRODESP 344001089.xlsx</t>
  </si>
  <si>
    <t>Impactos Impressoras.xlsx</t>
  </si>
  <si>
    <t>D:\Backup 12-11-2019\Desktop - 12-11-19\PreVendas - Governo Diogo\PRODESP\Rentabilização\Impactos Impressoras.xlsx</t>
  </si>
  <si>
    <t>C:\Users\suelenmm\OneDrive - Grupo Algar\Desktop - 12-11-19\PreVendas - Governo Diogo\PRODESP\Suporte 2015\06-2015\</t>
  </si>
  <si>
    <t>Proposta de Catálogo.xlsx</t>
  </si>
  <si>
    <t>D:\Backup 12-11-2019\Desktop - 12-11-19\PreVendas - Governo Diogo\PRODESP\Suporte 2015\06-2015\Proposta de Catálogo.xlsx</t>
  </si>
  <si>
    <t>C:\Users\suelenmm\OneDrive - Grupo Algar\Desktop - 12-11-19\PreVendas - Governo Diogo\PRODESP\Suporte 2015\Publicado\</t>
  </si>
  <si>
    <t>D:\Backup 12-11-2019\Desktop - 12-11-19\PreVendas - Governo Diogo\PRODESP\Suporte 2015\Publicado\Simulação.xlsx</t>
  </si>
  <si>
    <t>D:\Backup 12-11-2019\Desktop - 12-11-19\PreVendas - Governo Diogo\PRODEST\Cotação.xlsx</t>
  </si>
  <si>
    <t>C:\Users\suelenmm\OneDrive - Grupo Algar\Desktop - 12-11-19\PreVendas - Governo Diogo\Programa de Formação\</t>
  </si>
  <si>
    <t>PF PV Diogo.xlsx</t>
  </si>
  <si>
    <t>D:\Backup 12-11-2019\Desktop - 12-11-19\PreVendas - Governo Diogo\Programa de Formação\PF PV Diogo.xlsx</t>
  </si>
  <si>
    <t>C:\Users\suelenmm\OneDrive - Grupo Algar\Desktop - 12-11-19\PreVendas - Governo Diogo\Renovação\</t>
  </si>
  <si>
    <t>Resultado 2014.xls</t>
  </si>
  <si>
    <t>D:\Backup 12-11-2019\Desktop - 12-11-19\PreVendas - Governo Diogo\Renovação\Resultado 2014.xls</t>
  </si>
  <si>
    <t>C:\Users\suelenmm\OneDrive - Grupo Algar\Desktop - 12-11-19\PreVendas - Governo Diogo\repactuações\CNPQ\</t>
  </si>
  <si>
    <t>D:\Backup 12-11-2019\Desktop - 12-11-19\PreVendas - Governo Diogo\repactuações\CNPQ\2.1 - ADMINISTRADOR DE BANCO DE DADOS.xlsx</t>
  </si>
  <si>
    <t>D:\Backup 12-11-2019\Desktop - 12-11-19\PreVendas - Governo Diogo\repactuações\CNPQ\2.2 - ANALISTA DE MIDLEWARE.xlsx</t>
  </si>
  <si>
    <t>D:\Backup 12-11-2019\Desktop - 12-11-19\PreVendas - Governo Diogo\repactuações\CNPQ\2.4 - ANALISTA DE MENSAGERIA E COLABORAÇÃO.xlsx</t>
  </si>
  <si>
    <t>C:\Users\suelenmm\OneDrive - Grupo Algar\Desktop - 12-11-19\PreVendas - Governo Diogo\repactuações\CNPQ\CCT 13-14.zip\CCT 13-14\</t>
  </si>
  <si>
    <t>D:\Backup 12-11-2019\Desktop - 12-11-19\PreVendas - Governo Diogo\repactuações\CNPQ\CCT 13-14.zip</t>
  </si>
  <si>
    <t>C:\Users\suelenmm\OneDrive - Grupo Algar\Desktop - 12-11-19\PreVendas - Governo Diogo\repactuações\CNPQ\CCT 2014-2015.zip\CCT 2014-2015\</t>
  </si>
  <si>
    <t>D:\Backup 12-11-2019\Desktop - 12-11-19\PreVendas - Governo Diogo\repactuações\CNPQ\CCT 2014-2015.zip</t>
  </si>
  <si>
    <t>2.4 - ANALISTA DE MENSAGERIA E COLABORACAO.xlsx</t>
  </si>
  <si>
    <t>Formul rio de Proposta Comercial - Lote 4.xls</t>
  </si>
  <si>
    <t>C:\Users\suelenmm\OneDrive - Grupo Algar\Desktop - 12-11-19\PreVendas - Governo Diogo\repactuações\CNPQ\CNPq Executando 2012.zip\CNPq Executando 2012\</t>
  </si>
  <si>
    <t>D:\Backup 12-11-2019\Desktop - 12-11-19\PreVendas - Governo Diogo\repactuações\CNPQ\CNPq Executando 2012.zip</t>
  </si>
  <si>
    <t>D:\Backup 12-11-2019\Desktop - 12-11-19\PreVendas - Governo Diogo\repactuações\CNPQ\Formulário de Proposta Comercial - Lote 4.xls</t>
  </si>
  <si>
    <t>C:\Users\suelenmm\OneDrive - Grupo Algar\Desktop - 12-11-19\PreVendas - Governo Diogo\repactuações\CNPQ\CCT 2012-2013\</t>
  </si>
  <si>
    <t>D:\Backup 12-11-2019\Desktop - 12-11-19\PreVendas - Governo Diogo\repactuações\CNPQ\CCT 2012-2013\2.1 - ADMINISTRADOR DE BANCO DE DADOS.xlsx</t>
  </si>
  <si>
    <t>D:\Backup 12-11-2019\Desktop - 12-11-19\PreVendas - Governo Diogo\repactuações\CNPQ\CCT 2012-2013\2.2 - ANALISTA DE MIDLEWARE.xlsx</t>
  </si>
  <si>
    <t>D:\Backup 12-11-2019\Desktop - 12-11-19\PreVendas - Governo Diogo\repactuações\CNPQ\CCT 2012-2013\2.4 - ANALISTA DE MENSAGERIA E COLABORAÇÃO.xlsx</t>
  </si>
  <si>
    <t>D:\Backup 12-11-2019\Desktop - 12-11-19\PreVendas - Governo Diogo\repactuações\CNPQ\CCT 2012-2013\Formulário de Proposta Comercial - Lote 4.xls</t>
  </si>
  <si>
    <t>C:\Users\suelenmm\OneDrive - Grupo Algar\Desktop - 12-11-19\PreVendas - Governo Diogo\repactuações\CNPQ\CCT 2014-2015\</t>
  </si>
  <si>
    <t>D:\Backup 12-11-2019\Desktop - 12-11-19\PreVendas - Governo Diogo\repactuações\CNPQ\CCT 2014-2015\2.1 - ADMINISTRADOR DE BANCO DE DADOS.xlsx</t>
  </si>
  <si>
    <t>D:\Backup 12-11-2019\Desktop - 12-11-19\PreVendas - Governo Diogo\repactuações\CNPQ\CCT 2014-2015\2.2 - ANALISTA DE MIDLEWARE.xlsx</t>
  </si>
  <si>
    <t>D:\Backup 12-11-2019\Desktop - 12-11-19\PreVendas - Governo Diogo\repactuações\CNPQ\CCT 2014-2015\2.4 - ANALISTA DE MENSAGERIA E COLABORACAO.xlsx</t>
  </si>
  <si>
    <t>D:\Backup 12-11-2019\Desktop - 12-11-19\PreVendas - Governo Diogo\repactuações\CNPQ\CCT 2014-2015\Formulário de Proposta Comercial - Lote 4.xls</t>
  </si>
  <si>
    <t>C:\Users\suelenmm\OneDrive - Grupo Algar\Desktop - 12-11-19\PreVendas - Governo Diogo\repactuações\CNPQ\CNPq Executando 2012\</t>
  </si>
  <si>
    <t>D:\Backup 12-11-2019\Desktop - 12-11-19\PreVendas - Governo Diogo\repactuações\CNPQ\CNPq Executando 2012\2.1 - ADMINISTRADOR DE BANCO DE DADOS.xlsx</t>
  </si>
  <si>
    <t>D:\Backup 12-11-2019\Desktop - 12-11-19\PreVendas - Governo Diogo\repactuações\CNPQ\CNPq Executando 2012\2.2 - ANALISTA DE MIDLEWARE.xlsx</t>
  </si>
  <si>
    <t>D:\Backup 12-11-2019\Desktop - 12-11-19\PreVendas - Governo Diogo\repactuações\CNPQ\CNPq Executando 2012\2.3 - ANALISTA DE INTERNET_WEB.xlsx</t>
  </si>
  <si>
    <t>D:\Backup 12-11-2019\Desktop - 12-11-19\PreVendas - Governo Diogo\repactuações\CNPQ\CNPq Executando 2012\2.4 - ANALISTA DE MENSAGERIA E COLABORAÇÃO.xlsx</t>
  </si>
  <si>
    <t>D:\Backup 12-11-2019\Desktop - 12-11-19\PreVendas - Governo Diogo\repactuações\CNPQ\CNPq Executando 2012\Formulário de Proposta Comercial - Lote 4.xls</t>
  </si>
  <si>
    <t>C:\Users\suelenmm\OneDrive - Grupo Algar\Desktop - 12-11-19\PreVendas - Governo Diogo\repactuações\CNPQ\Horas Extras_CNPq\COM_PBM\CCT_13-14\</t>
  </si>
  <si>
    <t>D:\Backup 12-11-2019\Desktop - 12-11-19\PreVendas - Governo Diogo\repactuações\CNPQ\Horas Extras_CNPq\COM_PBM\CCT_13-14\2.1 - ADMINISTRADOR DE BANCO DE DADOS.xlsx</t>
  </si>
  <si>
    <t>D:\Backup 12-11-2019\Desktop - 12-11-19\PreVendas - Governo Diogo\repactuações\CNPQ\Horas Extras_CNPq\COM_PBM\CCT_13-14\2.2 - ANALISTA DE MIDLEWARE.xlsx</t>
  </si>
  <si>
    <t>D:\Backup 12-11-2019\Desktop - 12-11-19\PreVendas - Governo Diogo\repactuações\CNPQ\Horas Extras_CNPq\COM_PBM\CCT_13-14\2.4 - ANALISTA DE MENSAGERIA E COLABORACÌ§AÌƒO.xlsx</t>
  </si>
  <si>
    <t>Formulário de Proposta Comercial - Lote 4_ 2013 2014.xls</t>
  </si>
  <si>
    <t>D:\Backup 12-11-2019\Desktop - 12-11-19\PreVendas - Governo Diogo\repactuações\CNPQ\Horas Extras_CNPq\COM_PBM\CCT_13-14\Formulário de Proposta Comercial - Lote 4_ 2013 2014.xls</t>
  </si>
  <si>
    <t>Lote 4_ 2013 2014_ até_set.xls</t>
  </si>
  <si>
    <t>D:\Backup 12-11-2019\Desktop - 12-11-19\PreVendas - Governo Diogo\repactuações\CNPQ\Horas Extras_CNPq\COM_PBM\CCT_13-14\Lote 4_ 2013 2014_ até_set.xls</t>
  </si>
  <si>
    <t>C:\Users\suelenmm\OneDrive - Grupo Algar\Desktop - 12-11-19\PreVendas - Governo Diogo\repactuações\CNPQ\Horas Extras_CNPq\COM_PBM\CCT_2012_2013\</t>
  </si>
  <si>
    <t>D:\Backup 12-11-2019\Desktop - 12-11-19\PreVendas - Governo Diogo\repactuações\CNPQ\Horas Extras_CNPq\COM_PBM\CCT_2012_2013\2.1 - ADMINISTRADOR DE BANCO DE DADOS.xlsx</t>
  </si>
  <si>
    <t>D:\Backup 12-11-2019\Desktop - 12-11-19\PreVendas - Governo Diogo\repactuações\CNPQ\Horas Extras_CNPq\COM_PBM\CCT_2012_2013\2.2 - ANALISTA DE MIDLEWARE.xlsx</t>
  </si>
  <si>
    <t>D:\Backup 12-11-2019\Desktop - 12-11-19\PreVendas - Governo Diogo\repactuações\CNPQ\Horas Extras_CNPq\COM_PBM\CCT_2012_2013\2.4 - ANALISTA DE MENSAGERIA E COLABORACÌ§AÌƒO.xlsx</t>
  </si>
  <si>
    <t>D:\Backup 12-11-2019\Desktop - 12-11-19\PreVendas - Governo Diogo\repactuações\CNPQ\Horas Extras_CNPq\COM_PBM\CCT_2012_2013\Formulário de Proposta Comercial - Lote 4.xls</t>
  </si>
  <si>
    <t>Lote 4_ 2012_2013.xls</t>
  </si>
  <si>
    <t>D:\Backup 12-11-2019\Desktop - 12-11-19\PreVendas - Governo Diogo\repactuações\CNPQ\Horas Extras_CNPq\COM_PBM\CCT_2012_2013\Lote 4_ 2012_2013.xls</t>
  </si>
  <si>
    <t>C:\Users\suelenmm\OneDrive - Grupo Algar\Desktop - 12-11-19\PreVendas - Governo Diogo\repactuações\CNPQ\Horas Extras_CNPq\COM_PBM\CNPq_Executando 2012\</t>
  </si>
  <si>
    <t>D:\Backup 12-11-2019\Desktop - 12-11-19\PreVendas - Governo Diogo\repactuações\CNPQ\Horas Extras_CNPq\COM_PBM\CNPq_Executando 2012\2.1 - ADMINISTRADOR DE BANCO DE DADOS.xlsx</t>
  </si>
  <si>
    <t>D:\Backup 12-11-2019\Desktop - 12-11-19\PreVendas - Governo Diogo\repactuações\CNPQ\Horas Extras_CNPq\COM_PBM\CNPq_Executando 2012\2.2 - ANALISTA DE MIDLEWARE.xlsx</t>
  </si>
  <si>
    <t>D:\Backup 12-11-2019\Desktop - 12-11-19\PreVendas - Governo Diogo\repactuações\CNPQ\Horas Extras_CNPq\COM_PBM\CNPq_Executando 2012\2.3 - ANALISTA DE INTERNET_WEB.xlsx</t>
  </si>
  <si>
    <t>D:\Backup 12-11-2019\Desktop - 12-11-19\PreVendas - Governo Diogo\repactuações\CNPQ\Horas Extras_CNPq\COM_PBM\CNPq_Executando 2012\2.4 - ANALISTA DE MENSAGERIA E COLABORACÌ§AÌƒO.xlsx</t>
  </si>
  <si>
    <t>Lote_4_2012.xls</t>
  </si>
  <si>
    <t>D:\Backup 12-11-2019\Desktop - 12-11-19\PreVendas - Governo Diogo\repactuações\CNPQ\Horas Extras_CNPq\COM_PBM\CNPq_Executando 2012\Lote_4_2012.xls</t>
  </si>
  <si>
    <t>C:\Users\suelenmm\OneDrive - Grupo Algar\Desktop - 12-11-19\PreVendas - Governo Diogo\repactuações\CNPQ\Horas Extras_CNPq\Resumo\</t>
  </si>
  <si>
    <t>D:\Backup 12-11-2019\Desktop - 12-11-19\PreVendas - Governo Diogo\repactuações\CNPQ\Horas Extras_CNPq\Resumo\Resumo.xlsx</t>
  </si>
  <si>
    <t>C:\Users\suelenmm\OneDrive - Grupo Algar\Desktop - 12-11-19\PreVendas - Governo Diogo\repactuações\CNPQ\Horas Extras_CNPq\SEM_PBM\CCT 13-14\</t>
  </si>
  <si>
    <t>D:\Backup 12-11-2019\Desktop - 12-11-19\PreVendas - Governo Diogo\repactuações\CNPQ\Horas Extras_CNPq\SEM_PBM\CCT 13-14\2.1 - ADMINISTRADOR DE BANCO DE DADOS.xlsx</t>
  </si>
  <si>
    <t>D:\Backup 12-11-2019\Desktop - 12-11-19\PreVendas - Governo Diogo\repactuações\CNPQ\Horas Extras_CNPq\SEM_PBM\CCT 13-14\2.2 - ANALISTA DE MIDLEWARE.xlsx</t>
  </si>
  <si>
    <t>D:\Backup 12-11-2019\Desktop - 12-11-19\PreVendas - Governo Diogo\repactuações\CNPQ\Horas Extras_CNPq\SEM_PBM\CCT 13-14\2.4 - ANALISTA DE MENSAGERIA E COLABORAÇÃO.xlsx</t>
  </si>
  <si>
    <t>D:\Backup 12-11-2019\Desktop - 12-11-19\PreVendas - Governo Diogo\repactuações\CNPQ\Horas Extras_CNPq\SEM_PBM\CCT 13-14\Formulário de Proposta Comercial - Lote 4.xls</t>
  </si>
  <si>
    <t>C:\Users\suelenmm\OneDrive - Grupo Algar\Desktop - 12-11-19\PreVendas - Governo Diogo\repactuações\CNPQ\Horas Extras_CNPq\SEM_PBM\CCT 2012-2013\</t>
  </si>
  <si>
    <t>D:\Backup 12-11-2019\Desktop - 12-11-19\PreVendas - Governo Diogo\repactuações\CNPQ\Horas Extras_CNPq\SEM_PBM\CCT 2012-2013\2.1 - ADMINISTRADOR DE BANCO DE DADOS.xlsx</t>
  </si>
  <si>
    <t>D:\Backup 12-11-2019\Desktop - 12-11-19\PreVendas - Governo Diogo\repactuações\CNPQ\Horas Extras_CNPq\SEM_PBM\CCT 2012-2013\2.2 - ANALISTA DE MIDLEWARE.xlsx</t>
  </si>
  <si>
    <t>D:\Backup 12-11-2019\Desktop - 12-11-19\PreVendas - Governo Diogo\repactuações\CNPQ\Horas Extras_CNPq\SEM_PBM\CCT 2012-2013\2.4 - ANALISTA DE MENSAGERIA E COLABORAÇÃO.xlsx</t>
  </si>
  <si>
    <t>D:\Backup 12-11-2019\Desktop - 12-11-19\PreVendas - Governo Diogo\repactuações\CNPQ\Horas Extras_CNPq\SEM_PBM\CCT 2012-2013\Formulário de Proposta Comercial - Lote 4.xls</t>
  </si>
  <si>
    <t>C:\Users\suelenmm\OneDrive - Grupo Algar\Desktop - 12-11-19\PreVendas - Governo Diogo\repactuações\CNPQ\Horas Extras_CNPq\SEM_PBM\CNPq Executando 2012\</t>
  </si>
  <si>
    <t>D:\Backup 12-11-2019\Desktop - 12-11-19\PreVendas - Governo Diogo\repactuações\CNPQ\Horas Extras_CNPq\SEM_PBM\CNPq Executando 2012\2.1 - ADMINISTRADOR DE BANCO DE DADOS.xlsx</t>
  </si>
  <si>
    <t>D:\Backup 12-11-2019\Desktop - 12-11-19\PreVendas - Governo Diogo\repactuações\CNPQ\Horas Extras_CNPq\SEM_PBM\CNPq Executando 2012\2.2 - ANALISTA DE MIDLEWARE.xlsx</t>
  </si>
  <si>
    <t>D:\Backup 12-11-2019\Desktop - 12-11-19\PreVendas - Governo Diogo\repactuações\CNPQ\Horas Extras_CNPq\SEM_PBM\CNPq Executando 2012\2.3 - ANALISTA DE INTERNET_WEB.xlsx</t>
  </si>
  <si>
    <t>D:\Backup 12-11-2019\Desktop - 12-11-19\PreVendas - Governo Diogo\repactuações\CNPQ\Horas Extras_CNPq\SEM_PBM\CNPq Executando 2012\2.4 - ANALISTA DE MENSAGERIA E COLABORAÇÃO.xlsx</t>
  </si>
  <si>
    <t>D:\Backup 12-11-2019\Desktop - 12-11-19\PreVendas - Governo Diogo\repactuações\CNPQ\Horas Extras_CNPq\SEM_PBM\CNPq Executando 2012\Formulário de Proposta Comercial - Lote 4.xls</t>
  </si>
  <si>
    <t>C:\Users\suelenmm\OneDrive - Grupo Algar\Desktop - 12-11-19\PreVendas - Governo Diogo\repactuações\DPF\Lote 4\</t>
  </si>
  <si>
    <t>Timeline.xlsx</t>
  </si>
  <si>
    <t>D:\Backup 12-11-2019\Desktop - 12-11-19\PreVendas - Governo Diogo\repactuações\DPF\Lote 4\Timeline.xlsx</t>
  </si>
  <si>
    <t>C:\Users\suelenmm\OneDrive - Grupo Algar\Desktop - 12-11-19\PreVendas - Governo Diogo\repactuações\DPF\Lote 4\5,49%\</t>
  </si>
  <si>
    <t>D:\Backup 12-11-2019\Desktop - 12-11-19\PreVendas - Governo Diogo\repactuações\DPF\Lote 4\5,49%\2.3 - Lote 4 - Coordenador de Projetos.xlsx</t>
  </si>
  <si>
    <t>C:\Users\suelenmm\OneDrive - Grupo Algar\Desktop - 12-11-19\PreVendas - Governo Diogo\repactuações\DPF\Lote 4\Original\</t>
  </si>
  <si>
    <t>D:\Backup 12-11-2019\Desktop - 12-11-19\PreVendas - Governo Diogo\repactuações\DPF\Lote 4\Original\2 - Lote 4 - Consolidaá∆o dos preáos.xls</t>
  </si>
  <si>
    <t>C:\Users\suelenmm\OneDrive - Grupo Algar\Desktop - 12-11-19\PreVendas - Governo Diogo\repactuações\FUNDACENTRO\</t>
  </si>
  <si>
    <t>Consolidado PBM.xlsx</t>
  </si>
  <si>
    <t>D:\Backup 12-11-2019\Desktop - 12-11-19\PreVendas - Governo Diogo\repactuações\FUNDACENTRO\Consolidado PBM.xlsx</t>
  </si>
  <si>
    <t>Planilha IN 02 - Fundacentro - Dissídio 2012 DESONERADO.xlsx</t>
  </si>
  <si>
    <t>D:\Backup 12-11-2019\Desktop - 12-11-19\PreVendas - Governo Diogo\repactuações\FUNDACENTRO\Planilha IN 02 - Fundacentro - Dissídio 2012 DESONERADO.xlsx</t>
  </si>
  <si>
    <t>Planilha IN 02 - Fundacentro - Dissídio 2013 FINAL.xlsx</t>
  </si>
  <si>
    <t>D:\Backup 12-11-2019\Desktop - 12-11-19\PreVendas - Governo Diogo\repactuações\FUNDACENTRO\Planilha IN 02 - Fundacentro - Dissídio 2013 FINAL.xlsx</t>
  </si>
  <si>
    <t>Planilha IN 02 - Fundacentro - Dissídio 2014.xlsx</t>
  </si>
  <si>
    <t>D:\Backup 12-11-2019\Desktop - 12-11-19\PreVendas - Governo Diogo\repactuações\FUNDACENTRO\Planilha IN 02 - Fundacentro - Dissídio 2014.xlsx</t>
  </si>
  <si>
    <t>C:\Users\suelenmm\OneDrive - Grupo Algar\Desktop - 12-11-19\PreVendas - Governo Diogo\repactuações\FUNDACENTRO\Supressão PBM + CCT.zip\SupressÆo PBM + CCT\</t>
  </si>
  <si>
    <t>D:\Backup 12-11-2019\Desktop - 12-11-19\PreVendas - Governo Diogo\repactuações\FUNDACENTRO\Supressão PBM + CCT.zip</t>
  </si>
  <si>
    <t>Planilha IN 02 - Fundacentro - Diss¡dio 2012 DESONERADO.xlsx</t>
  </si>
  <si>
    <t>Planilha IN 02 - Fundacentro - Diss¡dio 2013 FINAL.xlsx</t>
  </si>
  <si>
    <t>Planilha IN 02 - Fundacentro - Diss¡dio 2014.xlsx</t>
  </si>
  <si>
    <t>C:\Users\suelenmm\OneDrive - Grupo Algar\Desktop - 12-11-19\PreVendas - Governo Diogo\repactuações\FUNDACENTRO\Supressão PBM + CCT\</t>
  </si>
  <si>
    <t>D:\Backup 12-11-2019\Desktop - 12-11-19\PreVendas - Governo Diogo\repactuações\FUNDACENTRO\Supressão PBM + CCT\Consolidado PBM.xlsx</t>
  </si>
  <si>
    <t>D:\Backup 12-11-2019\Desktop - 12-11-19\PreVendas - Governo Diogo\repactuações\FUNDACENTRO\Supressão PBM + CCT\Planilha IN 02 - Fundacentro - Dissídio 2012 DESONERADO.xlsx</t>
  </si>
  <si>
    <t>D:\Backup 12-11-2019\Desktop - 12-11-19\PreVendas - Governo Diogo\repactuações\FUNDACENTRO\Supressão PBM + CCT\Planilha IN 02 - Fundacentro - Dissídio 2013 FINAL.xlsx</t>
  </si>
  <si>
    <t>D:\Backup 12-11-2019\Desktop - 12-11-19\PreVendas - Governo Diogo\repactuações\FUNDACENTRO\Supressão PBM + CCT\Planilha IN 02 - Fundacentro - Dissídio 2014.xlsx</t>
  </si>
  <si>
    <t>C:\Users\suelenmm\OneDrive - Grupo Algar\Desktop - 12-11-19\PreVendas - Governo Diogo\repactuações\MD\MD CCT12-13.zip\</t>
  </si>
  <si>
    <t>Quadro Resumo.xls</t>
  </si>
  <si>
    <t>D:\Backup 12-11-2019\Desktop - 12-11-19\PreVendas - Governo Diogo\repactuações\MD\MD CCT12-13.zip</t>
  </si>
  <si>
    <t>ServicÌ§o de Armazenamento de Dados.xls</t>
  </si>
  <si>
    <t>ServicÌ§o de SegurancÌ§a da InformacÌ§aÌƒo.xls</t>
  </si>
  <si>
    <t>Suporte e AdministracÌ§aÌƒo de Ambiente de ProducÌ§aÌƒo.xls</t>
  </si>
  <si>
    <t>Suporte e AdministracÌ§aÌƒo de Rede Local (LAN e WLAN).xls</t>
  </si>
  <si>
    <t>Suporte e AdministracÌ§aÌƒo de Rede Local (WAN) (SUPR).xls</t>
  </si>
  <si>
    <t>Suporte e AdministracÌ§aÌƒo de Sistemas Operacionais.xls</t>
  </si>
  <si>
    <t>C:\Users\suelenmm\OneDrive - Grupo Algar\Desktop - 12-11-19\PreVendas - Governo Diogo\repactuações\MD\</t>
  </si>
  <si>
    <t>D:\Backup 12-11-2019\Desktop - 12-11-19\PreVendas - Governo Diogo\repactuações\MD\Quadro Resumo.xls</t>
  </si>
  <si>
    <t>Serviço de Armazenamento de Dados.xls</t>
  </si>
  <si>
    <t>D:\Backup 12-11-2019\Desktop - 12-11-19\PreVendas - Governo Diogo\repactuações\MD\Serviço de Armazenamento de Dados.xls</t>
  </si>
  <si>
    <t>Serviço de Segurança da Informação.xls</t>
  </si>
  <si>
    <t>D:\Backup 12-11-2019\Desktop - 12-11-19\PreVendas - Governo Diogo\repactuações\MD\Serviço de Segurança da Informação.xls</t>
  </si>
  <si>
    <t>Suporte e Administração de Ambiente de Produção.xls</t>
  </si>
  <si>
    <t>D:\Backup 12-11-2019\Desktop - 12-11-19\PreVendas - Governo Diogo\repactuações\MD\Suporte e Administração de Ambiente de Produção.xls</t>
  </si>
  <si>
    <t>Suporte e Administração de Rede Local (LAN e WLAN).xls</t>
  </si>
  <si>
    <t>D:\Backup 12-11-2019\Desktop - 12-11-19\PreVendas - Governo Diogo\repactuações\MD\Suporte e Administração de Rede Local (LAN e WLAN).xls</t>
  </si>
  <si>
    <t>Suporte e Administração de Rede Local (WAN) (SUPR).xls</t>
  </si>
  <si>
    <t>D:\Backup 12-11-2019\Desktop - 12-11-19\PreVendas - Governo Diogo\repactuações\MD\Suporte e Administração de Rede Local (WAN) (SUPR).xls</t>
  </si>
  <si>
    <t>Suporte e Administração de Sistemas Operacionais.xls</t>
  </si>
  <si>
    <t>D:\Backup 12-11-2019\Desktop - 12-11-19\PreVendas - Governo Diogo\repactuações\MD\Suporte e Administração de Sistemas Operacionais.xls</t>
  </si>
  <si>
    <t>C:\Users\suelenmm\OneDrive - Grupo Algar\Desktop - 12-11-19\PreVendas - Governo Diogo\repactuações\MDS\Renovação\Apenas Dissídio.zip\</t>
  </si>
  <si>
    <t>Assessoria - Planilha Analista Senior.xls</t>
  </si>
  <si>
    <t>D:\Backup 12-11-2019\Desktop - 12-11-19\PreVendas - Governo Diogo\repactuações\MDS\Renovação\Apenas Dissídio.zip</t>
  </si>
  <si>
    <t>Exec Projeto - Analista Pleno.xlsx</t>
  </si>
  <si>
    <t>Exec Projeto - Analista senior.xls</t>
  </si>
  <si>
    <t>C:\Users\suelenmm\OneDrive - Grupo Algar\Desktop - 12-11-19\PreVendas - Governo Diogo\repactuações\MDS\Renovação\</t>
  </si>
  <si>
    <t>D:\Backup 12-11-2019\Desktop - 12-11-19\PreVendas - Governo Diogo\repactuações\MDS\Renovação\Assessoria - Planilha Analista Senior.xls</t>
  </si>
  <si>
    <t>Renovacao MDS-2.xlsx</t>
  </si>
  <si>
    <t>D:\Backup 12-11-2019\Desktop - 12-11-19\PreVendas - Governo Diogo\repactuações\MDS\Renovação\Renovacao MDS-2.xlsx</t>
  </si>
  <si>
    <t>D:\Backup 12-11-2019\Desktop - 12-11-19\PreVendas - Governo Diogo\repactuações\MDS\Renovação\Apenas Dissídio\Assessoria - Planilha Analista Senior.xls</t>
  </si>
  <si>
    <t>C:\Users\suelenmm\OneDrive - Grupo Algar\Desktop - 12-11-19\PreVendas - Governo Diogo\repactuações\MDS\Renovação\Apenas Dissídio\</t>
  </si>
  <si>
    <t>D:\Backup 12-11-2019\Desktop - 12-11-19\PreVendas - Governo Diogo\repactuações\MDS\Renovação\Apenas Dissídio\Exec Projeto - Analista Pleno.xlsx</t>
  </si>
  <si>
    <t>D:\Backup 12-11-2019\Desktop - 12-11-19\PreVendas - Governo Diogo\repactuações\MDS\Renovação\Apenas Dissídio\Exec Projeto - Analista senior.xls</t>
  </si>
  <si>
    <t>C:\Users\suelenmm\OneDrive - Grupo Algar\Desktop - 12-11-19\PreVendas - Governo Diogo\repactuações\MDS\Repactuação 2011\</t>
  </si>
  <si>
    <t>D:\Backup 12-11-2019\Desktop - 12-11-19\PreVendas - Governo Diogo\repactuações\MDS\Repactuação 2011\Assessoria - Planilha Analista Senior.xls</t>
  </si>
  <si>
    <t>Assessoria - Resumo do serviço.xls</t>
  </si>
  <si>
    <t>D:\Backup 12-11-2019\Desktop - 12-11-19\PreVendas - Governo Diogo\repactuações\MDS\Repactuação 2011\Assessoria - Resumo do serviço.xls</t>
  </si>
  <si>
    <t>D:\Backup 12-11-2019\Desktop - 12-11-19\PreVendas - Governo Diogo\repactuações\MDS\Repactuação 2011\Exec Projeto - Analista senior.xls</t>
  </si>
  <si>
    <t>Exec Projeto - Resumo do serviço.xlsx</t>
  </si>
  <si>
    <t>D:\Backup 12-11-2019\Desktop - 12-11-19\PreVendas - Governo Diogo\repactuações\MDS\Repactuação 2011\Exec Projeto - Resumo do serviço.xlsx</t>
  </si>
  <si>
    <t>C:\Users\suelenmm\OneDrive - Grupo Algar\Desktop - 12-11-19\PreVendas - Governo Diogo\repactuações\MDS\Repactuação 2011\Repactuação 2011 - AlteraçãoEncargos.zip\</t>
  </si>
  <si>
    <t>D:\Backup 12-11-2019\Desktop - 12-11-19\PreVendas - Governo Diogo\repactuações\MDS\Repactuação 2011\Repactuação 2011 - AlteraçãoEncargos.zip</t>
  </si>
  <si>
    <t>Assessoria - Resumo do servi‡o.xls</t>
  </si>
  <si>
    <t>Exec Projeto - Resumo do servi‡o.xlsx</t>
  </si>
  <si>
    <t>Resumo do servi‡o - Compara‡Æo 2011.xlsx</t>
  </si>
  <si>
    <t>C:\Users\suelenmm\OneDrive - Grupo Algar\Desktop - 12-11-19\PreVendas - Governo Diogo\repactuações\MDS\Repactuação 2011\Repactuação 2011 - AlteraçãoEncargos\</t>
  </si>
  <si>
    <t>D:\Backup 12-11-2019\Desktop - 12-11-19\PreVendas - Governo Diogo\repactuações\MDS\Repactuação 2011\Repactuação 2011 - AlteraçãoEncargos\Assessoria - Planilha Analista Senior.xls</t>
  </si>
  <si>
    <t>Assessoria - Resumo do serviáo.xls</t>
  </si>
  <si>
    <t>D:\Backup 12-11-2019\Desktop - 12-11-19\PreVendas - Governo Diogo\repactuações\MDS\Repactuação 2011\Repactuação 2011 - AlteraçãoEncargos\Assessoria - Resumo do serviáo.xls</t>
  </si>
  <si>
    <t>D:\Backup 12-11-2019\Desktop - 12-11-19\PreVendas - Governo Diogo\repactuações\MDS\Repactuação 2011\Repactuação 2011 - AlteraçãoEncargos\Exec Projeto - Analista Pleno.xlsx</t>
  </si>
  <si>
    <t>D:\Backup 12-11-2019\Desktop - 12-11-19\PreVendas - Governo Diogo\repactuações\MDS\Repactuação 2011\Repactuação 2011 - AlteraçãoEncargos\Exec Projeto - Analista senior.xls</t>
  </si>
  <si>
    <t>Resumo do serviáo - Comparaá∆o 2011.xlsx</t>
  </si>
  <si>
    <t>D:\Backup 12-11-2019\Desktop - 12-11-19\PreVendas - Governo Diogo\repactuações\MDS\Repactuação 2011\Repactuação 2011 - AlteraçãoEncargos\Resumo do serviáo - Comparaá∆o 2011.xlsx</t>
  </si>
  <si>
    <t>C:\Users\suelenmm\OneDrive - Grupo Algar\Desktop - 12-11-19\PreVendas - Governo Diogo\repactuações\MDS\Repactuação 2012\</t>
  </si>
  <si>
    <t>Analista de Negocios Sr.xlsb</t>
  </si>
  <si>
    <t>D:\Backup 12-11-2019\Desktop - 12-11-19\PreVendas - Governo Diogo\repactuações\MDS\Repactuação 2012\Analista de Negocios Sr.xlsb</t>
  </si>
  <si>
    <t>Analista de Projetos Pl.xlsb</t>
  </si>
  <si>
    <t>D:\Backup 12-11-2019\Desktop - 12-11-19\PreVendas - Governo Diogo\repactuações\MDS\Repactuação 2012\Analista de Projetos Pl.xlsb</t>
  </si>
  <si>
    <t>Analista de Projetos Sr.xlsb</t>
  </si>
  <si>
    <t>D:\Backup 12-11-2019\Desktop - 12-11-19\PreVendas - Governo Diogo\repactuações\MDS\Repactuação 2012\Analista de Projetos Sr.xlsb</t>
  </si>
  <si>
    <t>D:\Backup 12-11-2019\Desktop - 12-11-19\PreVendas - Governo Diogo\repactuações\MDS\Repactuação 2012\Assessoria - Planilha Analista Senior.xls</t>
  </si>
  <si>
    <t>C:\Users\suelenmm\OneDrive - Grupo Algar\Desktop - 12-11-19\PreVendas - Governo Diogo\repactuações\MDS\Repactuação 2012\Completo.zip\</t>
  </si>
  <si>
    <t>D:\Backup 12-11-2019\Desktop - 12-11-19\PreVendas - Governo Diogo\repactuações\MDS\Repactuação 2012\Completo.zip</t>
  </si>
  <si>
    <t>D:\Backup 12-11-2019\Desktop - 12-11-19\PreVendas - Governo Diogo\repactuações\MDS\Repactuação 2012\Exec Projeto - Analista Pleno.xlsx</t>
  </si>
  <si>
    <t>D:\Backup 12-11-2019\Desktop - 12-11-19\PreVendas - Governo Diogo\repactuações\MDS\Repactuação 2012\Exec Projeto - Analista senior.xls</t>
  </si>
  <si>
    <t>Simulações.xlsx</t>
  </si>
  <si>
    <t>D:\Backup 12-11-2019\Desktop - 12-11-19\PreVendas - Governo Diogo\repactuações\MDS\Repactuação 2012\Simulações.xlsx</t>
  </si>
  <si>
    <t>C:\Users\suelenmm\OneDrive - Grupo Algar\Desktop - 12-11-19\PreVendas - Governo Diogo\repactuações\MDS\Repactuação 2012\Completo\</t>
  </si>
  <si>
    <t>D:\Backup 12-11-2019\Desktop - 12-11-19\PreVendas - Governo Diogo\repactuações\MDS\Repactuação 2012\Completo\Assessoria - Planilha Analista Senior.xls</t>
  </si>
  <si>
    <t>D:\Backup 12-11-2019\Desktop - 12-11-19\PreVendas - Governo Diogo\repactuações\MDS\Repactuação 2012\Completo\Exec Projeto - Analista Pleno.xlsx</t>
  </si>
  <si>
    <t>D:\Backup 12-11-2019\Desktop - 12-11-19\PreVendas - Governo Diogo\repactuações\MDS\Repactuação 2012\Completo\Exec Projeto - Analista senior.xls</t>
  </si>
  <si>
    <t>C:\Users\suelenmm\OneDrive - Grupo Algar\Desktop - 12-11-19\PreVendas - Governo Diogo\repactuações\MDS\Repactuação 2013\Completo\</t>
  </si>
  <si>
    <t>D:\Backup 12-11-2019\Desktop - 12-11-19\PreVendas - Governo Diogo\repactuações\MDS\Repactuação 2013\Completo\Assessoria - Planilha Analista Senior.xls</t>
  </si>
  <si>
    <t>D:\Backup 12-11-2019\Desktop - 12-11-19\PreVendas - Governo Diogo\repactuações\MDS\Repactuação 2013\Completo\Exec Projeto - Analista Pleno.xlsx</t>
  </si>
  <si>
    <t>D:\Backup 12-11-2019\Desktop - 12-11-19\PreVendas - Governo Diogo\repactuações\MDS\Repactuação 2013\Completo\Exec Projeto - Analista senior.xls</t>
  </si>
  <si>
    <t>C:\Users\suelenmm\OneDrive - Grupo Algar\Desktop - 12-11-19\PreVendas - Governo Diogo\repactuações\ME\</t>
  </si>
  <si>
    <t>1 - Formulário de Proposta Comercial.xls</t>
  </si>
  <si>
    <t>D:\Backup 12-11-2019\Desktop - 12-11-19\PreVendas - Governo Diogo\repactuações\ME\1 - Formulário de Proposta Comercial.xls</t>
  </si>
  <si>
    <t>1.1 - ADMINISTRADOR DE REDE.xlsx</t>
  </si>
  <si>
    <t>D:\Backup 12-11-2019\Desktop - 12-11-19\PreVendas - Governo Diogo\repactuações\ME\1.1 - ADMINISTRADOR DE REDE.xlsx</t>
  </si>
  <si>
    <t>1.2 - GERENTE DE PRODUÇÃO.xlsx</t>
  </si>
  <si>
    <t>D:\Backup 12-11-2019\Desktop - 12-11-19\PreVendas - Governo Diogo\repactuações\ME\1.2 - GERENTE DE PRODUÇÃO.xlsx</t>
  </si>
  <si>
    <t>Cenários.xlsx</t>
  </si>
  <si>
    <t>D:\Backup 12-11-2019\Desktop - 12-11-19\PreVendas - Governo Diogo\repactuações\ME\Cenários.xlsx</t>
  </si>
  <si>
    <t>C:\Users\suelenmm\OneDrive - Grupo Algar\Desktop - 12-11-19\PreVendas - Governo Diogo\repactuações\ME\ME.zip\</t>
  </si>
  <si>
    <t>1 - FormulaÌrio de Proposta Comercial.xls</t>
  </si>
  <si>
    <t>D:\Backup 12-11-2019\Desktop - 12-11-19\PreVendas - Governo Diogo\repactuações\ME\ME.zip</t>
  </si>
  <si>
    <t>1.2 - GERENTE DE PRODUCÌ§AÌƒO.xlsx</t>
  </si>
  <si>
    <t>C:\Users\suelenmm\OneDrive - Grupo Algar\Desktop - 12-11-19\PreVendas - Governo Diogo\repactuações\ME\Apenas Dissídio\</t>
  </si>
  <si>
    <t>D:\Backup 12-11-2019\Desktop - 12-11-19\PreVendas - Governo Diogo\repactuações\ME\Apenas Dissídio\1 - Formulário de Proposta Comercial.xls</t>
  </si>
  <si>
    <t>D:\Backup 12-11-2019\Desktop - 12-11-19\PreVendas - Governo Diogo\repactuações\ME\Apenas Dissídio\1.1 - ADMINISTRADOR DE REDE.xlsx</t>
  </si>
  <si>
    <t>D:\Backup 12-11-2019\Desktop - 12-11-19\PreVendas - Governo Diogo\repactuações\ME\Apenas Dissídio\1.2 - GERENTE DE PRODUÇÃO.xlsx</t>
  </si>
  <si>
    <t>C:\Users\suelenmm\OneDrive - Grupo Algar\Desktop - 12-11-19\PreVendas - Governo Diogo\repactuações\ME\ME\</t>
  </si>
  <si>
    <t>D:\Backup 12-11-2019\Desktop - 12-11-19\PreVendas - Governo Diogo\repactuações\ME\ME\1 - Formulário de Proposta Comercial.xls</t>
  </si>
  <si>
    <t>D:\Backup 12-11-2019\Desktop - 12-11-19\PreVendas - Governo Diogo\repactuações\ME\ME\1.1 - ADMINISTRADOR DE REDE.xlsx</t>
  </si>
  <si>
    <t>D:\Backup 12-11-2019\Desktop - 12-11-19\PreVendas - Governo Diogo\repactuações\ME\ME\1.2 - GERENTE DE PRODUÇÃO.xlsx</t>
  </si>
  <si>
    <t>C:\Users\suelenmm\OneDrive - Grupo Algar\Desktop - 12-11-19\PreVendas - Governo Diogo\repactuações\ME\Original\</t>
  </si>
  <si>
    <t>D:\Backup 12-11-2019\Desktop - 12-11-19\PreVendas - Governo Diogo\repactuações\ME\Original\1 - Formulário de Proposta Comercial.xls</t>
  </si>
  <si>
    <t>D:\Backup 12-11-2019\Desktop - 12-11-19\PreVendas - Governo Diogo\repactuações\ME\Original\1.1 - ADMINISTRADOR DE REDE.xlsx</t>
  </si>
  <si>
    <t>D:\Backup 12-11-2019\Desktop - 12-11-19\PreVendas - Governo Diogo\repactuações\ME\Original\1.2 - GERENTE DE PRODUÇÃO.xlsx</t>
  </si>
  <si>
    <t>C:\Users\suelenmm\OneDrive - Grupo Algar\Desktop - 12-11-19\PreVendas - Governo Diogo\repactuações\ME\Repactuação 13-14\</t>
  </si>
  <si>
    <t>ME planilha cct 2013-2014.xls</t>
  </si>
  <si>
    <t>D:\Backup 12-11-2019\Desktop - 12-11-19\PreVendas - Governo Diogo\repactuações\ME\Repactuação 13-14\ME planilha cct 2013-2014.xls</t>
  </si>
  <si>
    <t>C:\Users\suelenmm\OneDrive - Grupo Algar\Desktop - 12-11-19\PreVendas - Governo Diogo\repactuações\ME\Repactuação 14 - 15\</t>
  </si>
  <si>
    <t>ME planilha cct 2014 - 2015.xls</t>
  </si>
  <si>
    <t>D:\Backup 12-11-2019\Desktop - 12-11-19\PreVendas - Governo Diogo\repactuações\ME\Repactuação 14 - 15\ME planilha cct 2014 - 2015.xls</t>
  </si>
  <si>
    <t>C:\Users\suelenmm\OneDrive - Grupo Algar\Desktop - 12-11-19\PreVendas - Governo Diogo\repactuações\MTE\Convenção 2010\</t>
  </si>
  <si>
    <t>10 Resumo do serviço.xls</t>
  </si>
  <si>
    <t>D:\Backup 12-11-2019\Desktop - 12-11-19\PreVendas - Governo Diogo\repactuações\MTE\Convenção 2010\10 Resumo do serviço.xls</t>
  </si>
  <si>
    <t>Analista de Processos.xls</t>
  </si>
  <si>
    <t>D:\Backup 12-11-2019\Desktop - 12-11-19\PreVendas - Governo Diogo\repactuações\MTE\Convenção 2010\Analista de Processos.xls</t>
  </si>
  <si>
    <t>Auditor de Sistemas.xls</t>
  </si>
  <si>
    <t>D:\Backup 12-11-2019\Desktop - 12-11-19\PreVendas - Governo Diogo\repactuações\MTE\Convenção 2010\Auditor de Sistemas.xls</t>
  </si>
  <si>
    <t>Consultor.xls</t>
  </si>
  <si>
    <t>D:\Backup 12-11-2019\Desktop - 12-11-19\PreVendas - Governo Diogo\repactuações\MTE\Convenção 2010\Consultor.xls</t>
  </si>
  <si>
    <t>Documentador.xls</t>
  </si>
  <si>
    <t>D:\Backup 12-11-2019\Desktop - 12-11-19\PreVendas - Governo Diogo\repactuações\MTE\Convenção 2010\Documentador.xls</t>
  </si>
  <si>
    <t>C:\Users\suelenmm\OneDrive - Grupo Algar\Desktop - 12-11-19\PreVendas - Governo Diogo\repactuações\MTE\Convenção 2011\</t>
  </si>
  <si>
    <t>D:\Backup 12-11-2019\Desktop - 12-11-19\PreVendas - Governo Diogo\repactuações\MTE\Convenção 2011\10 Resumo do serviço.xls</t>
  </si>
  <si>
    <t>D:\Backup 12-11-2019\Desktop - 12-11-19\PreVendas - Governo Diogo\repactuações\MTE\Convenção 2011\Analista de Processos.xls</t>
  </si>
  <si>
    <t>D:\Backup 12-11-2019\Desktop - 12-11-19\PreVendas - Governo Diogo\repactuações\MTE\Convenção 2011\Auditor de Sistemas.xls</t>
  </si>
  <si>
    <t>D:\Backup 12-11-2019\Desktop - 12-11-19\PreVendas - Governo Diogo\repactuações\MTE\Convenção 2011\Consultor.xls</t>
  </si>
  <si>
    <t>D:\Backup 12-11-2019\Desktop - 12-11-19\PreVendas - Governo Diogo\repactuações\MTE\Convenção 2011\Documentador.xls</t>
  </si>
  <si>
    <t>C:\Users\suelenmm\OneDrive - Grupo Algar\Desktop - 12-11-19\PreVendas - Governo Diogo\repactuações\MTE\Inicial\</t>
  </si>
  <si>
    <t>D:\Backup 12-11-2019\Desktop - 12-11-19\PreVendas - Governo Diogo\repactuações\MTE\Inicial\10 Resumo do serviço.xls</t>
  </si>
  <si>
    <t>D:\Backup 12-11-2019\Desktop - 12-11-19\PreVendas - Governo Diogo\repactuações\MTE\Inicial\Analista de Processos.xls</t>
  </si>
  <si>
    <t>D:\Backup 12-11-2019\Desktop - 12-11-19\PreVendas - Governo Diogo\repactuações\MTE\Inicial\Auditor de Sistemas.xls</t>
  </si>
  <si>
    <t>D:\Backup 12-11-2019\Desktop - 12-11-19\PreVendas - Governo Diogo\repactuações\MTE\Inicial\Consultor.xls</t>
  </si>
  <si>
    <t>D:\Backup 12-11-2019\Desktop - 12-11-19\PreVendas - Governo Diogo\repactuações\MTE\Inicial\Documentador.xls</t>
  </si>
  <si>
    <t>C:\Users\suelenmm\OneDrive - Grupo Algar\Desktop - 12-11-19\PreVendas - Governo Diogo\Resumo Executivo\</t>
  </si>
  <si>
    <t>Proposta de Resumo Executivo.xlsx</t>
  </si>
  <si>
    <t>D:\Backup 12-11-2019\Desktop - 12-11-19\PreVendas - Governo Diogo\Resumo Executivo\Proposta de Resumo Executivo.xlsx</t>
  </si>
  <si>
    <t>C:\Users\suelenmm\OneDrive - Grupo Algar\Desktop - 12-11-19\PreVendas - Governo Diogo\RFB\</t>
  </si>
  <si>
    <t>D:\Backup 12-11-2019\Desktop - 12-11-19\PreVendas - Governo Diogo\RFB\Desenho.xlsx</t>
  </si>
  <si>
    <t>C:\Users\suelenmm\OneDrive - Grupo Algar\Desktop - 12-11-19\PreVendas - Governo Diogo\Rural Brasil\</t>
  </si>
  <si>
    <t>Enderecos unidades.xlsx</t>
  </si>
  <si>
    <t>D:\Backup 12-11-2019\Desktop - 12-11-19\PreVendas - Governo Diogo\Rural Brasil\Enderecos unidades.xlsx</t>
  </si>
  <si>
    <t>Field dedicado.xlsb</t>
  </si>
  <si>
    <t>D:\Backup 12-11-2019\Desktop - 12-11-19\PreVendas - Governo Diogo\Rural Brasil\Field dedicado.xlsb</t>
  </si>
  <si>
    <t>C:\Users\suelenmm\OneDrive - Grupo Algar\Desktop - 12-11-19\PreVendas - Governo Diogo\Rural Brasil\Field dedicado.xlsb\</t>
  </si>
  <si>
    <t>D:\Backup 12-11-2019\Desktop - 12-11-19\PreVendas - Governo Diogo\Rural Brasil\Field.xlsb</t>
  </si>
  <si>
    <t>C:\Users\suelenmm\OneDrive - Grupo Algar\Desktop - 12-11-19\PreVendas - Governo Diogo\Rural Brasil\Field.xlsb\</t>
  </si>
  <si>
    <t>D:\Backup 12-11-2019\Desktop - 12-11-19\PreVendas - Governo Diogo\Rural Brasil\SD N1.xlsb</t>
  </si>
  <si>
    <t>C:\Users\suelenmm\OneDrive - Grupo Algar\Desktop - 12-11-19\PreVendas - Governo Diogo\Rural Brasil\SD N1.xlsb\</t>
  </si>
  <si>
    <t>C:\Users\suelenmm\OneDrive - Grupo Algar\Desktop - 12-11-19\PreVendas - Governo Diogo\SAGE\</t>
  </si>
  <si>
    <t>D:\Backup 12-11-2019\Desktop - 12-11-19\PreVendas - Governo Diogo\SAGE\BP Preço C010 B011 Desonerada.xlsb</t>
  </si>
  <si>
    <t>C:\Users\suelenmm\OneDrive - Grupo Algar\Desktop - 12-11-19\PreVendas - Governo Diogo\SAGE\BP Preço C010 B011 Desonerada.xlsb\</t>
  </si>
  <si>
    <t>C:\Users\suelenmm\OneDrive - Grupo Algar\Desktop - 12-11-19\PreVendas - Governo Diogo\SEB-COC\Service Desk\</t>
  </si>
  <si>
    <t>Preço SEB 2013.xlsb</t>
  </si>
  <si>
    <t>D:\Backup 12-11-2019\Desktop - 12-11-19\PreVendas - Governo Diogo\SEB-COC\Service Desk\Preço SEB 2013.xlsb</t>
  </si>
  <si>
    <t>C:\Users\suelenmm\OneDrive - Grupo Algar\Desktop - 12-11-19\PreVendas - Governo Diogo\SEB-COC\Service Desk\Atualiza'c~ao\</t>
  </si>
  <si>
    <t>40% reduzido.xlsb</t>
  </si>
  <si>
    <t>D:\Backup 12-11-2019\Desktop - 12-11-19\PreVendas - Governo Diogo\SEB-COC\Service Desk\Atualiza'c~ao\40% reduzido.xlsb</t>
  </si>
  <si>
    <t>Desonerado + Repactuacao.xlsm</t>
  </si>
  <si>
    <t>D:\Backup 12-11-2019\Desktop - 12-11-19\PreVendas - Governo Diogo\SEB-COC\Service Desk\Atualiza'c~ao\Desonerado + Repactuacao.xlsm</t>
  </si>
  <si>
    <t>D:\Backup 12-11-2019\Desktop - 12-11-19\PreVendas - Governo Diogo\SEB-COC\Service Desk\Atualiza'c~ao\Preco.xlsb</t>
  </si>
  <si>
    <t>C:\Users\suelenmm\OneDrive - Grupo Algar\Desktop - 12-11-19\PreVendas - Governo Diogo\SEBRAE\</t>
  </si>
  <si>
    <t>D:\Backup 12-11-2019\Desktop - 12-11-19\PreVendas - Governo Diogo\SEBRAE\BP.xlsb</t>
  </si>
  <si>
    <t>D:\Backup 12-11-2019\Desktop - 12-11-19\PreVendas - Governo Diogo\SEBRAE\Cotação.xlsx</t>
  </si>
  <si>
    <t>D:\Backup 12-11-2019\Desktop - 12-11-19\PreVendas - Governo Diogo\SEBRAE\Sizing.xlsx</t>
  </si>
  <si>
    <t>C:\Users\suelenmm\OneDrive - Grupo Algar\Desktop - 12-11-19\PreVendas - Governo Diogo\SEBRAE\2018\SP\</t>
  </si>
  <si>
    <t>BP BSB.xlsb</t>
  </si>
  <si>
    <t>D:\Backup 12-11-2019\Desktop - 12-11-19\PreVendas - Governo Diogo\SEBRAE\2018\SP\BP BSB.xlsb</t>
  </si>
  <si>
    <t>C:\Users\suelenmm\OneDrive - Grupo Algar\Desktop - 12-11-19\PreVendas - Governo Diogo\SEBRAE\2018\SP\BP BSB.xlsb\</t>
  </si>
  <si>
    <t>D:\Backup 12-11-2019\Desktop - 12-11-19\PreVendas - Governo Diogo\SEBRAE\2018\SP\BP.xlsb</t>
  </si>
  <si>
    <t>Cópia de BP Preço C013 B013 Desonerada - HE. Inteira.xlsb</t>
  </si>
  <si>
    <t>D:\Backup 12-11-2019\Desktop - 12-11-19\PreVendas - Governo Diogo\SEBRAE\2018\SP\Cópia de BP Preço C013 B013 Desonerada - HE. Inteira.xlsb</t>
  </si>
  <si>
    <t>C:\Users\suelenmm\OneDrive - Grupo Algar\Desktop - 12-11-19\PreVendas - Governo Diogo\SEBRAE\2018\SP\Cópia de BP Preço C013 B013 Desonerada - HE. Inteira.xlsb\</t>
  </si>
  <si>
    <t>D:\Backup 12-11-2019\Desktop - 12-11-19\PreVendas - Governo Diogo\SEBRAE\2018\SP\Proposta.xlsx</t>
  </si>
  <si>
    <t>C:\Users\suelenmm\OneDrive - Grupo Algar\Desktop - 12-11-19\PreVendas - Governo Diogo\Sec. de Cultura de SP\</t>
  </si>
  <si>
    <t>D:\Backup 12-11-2019\Desktop - 12-11-19\PreVendas - Governo Diogo\Sec. de Cultura de SP\BP.xlsb</t>
  </si>
  <si>
    <t>D:\Backup 12-11-2019\Desktop - 12-11-19\PreVendas - Governo Diogo\Sec. de Cultura de SP\Cotação.xlsx</t>
  </si>
  <si>
    <t>Planilha de Preço.xlsx</t>
  </si>
  <si>
    <t>D:\Backup 12-11-2019\Desktop - 12-11-19\PreVendas - Governo Diogo\Sec. de Cultura de SP\Planilha de Preço.xlsx</t>
  </si>
  <si>
    <t>C:\Users\suelenmm\OneDrive - Grupo Algar\Desktop - 12-11-19\PreVendas - Governo Diogo\Sec. de Saúde\</t>
  </si>
  <si>
    <t>Adesão Ata ATUALIZADO CCT.xlsb</t>
  </si>
  <si>
    <t>D:\Backup 12-11-2019\Desktop - 12-11-19\PreVendas - Governo Diogo\Sec. de Saúde\Adesão Ata ATUALIZADO CCT.xlsb</t>
  </si>
  <si>
    <t>Adesão Ata.xlsb</t>
  </si>
  <si>
    <t>D:\Backup 12-11-2019\Desktop - 12-11-19\PreVendas - Governo Diogo\Sec. de Saúde\Adesão Ata.xlsb</t>
  </si>
  <si>
    <t>D:\Backup 12-11-2019\Desktop - 12-11-19\PreVendas - Governo Diogo\Sec. de Saúde\Precificação com Adoção.xlsb</t>
  </si>
  <si>
    <t>Racional Catálogo.xlsx</t>
  </si>
  <si>
    <t>D:\Backup 12-11-2019\Desktop - 12-11-19\PreVendas - Governo Diogo\Sec. de Saúde\Racional Catálogo.xlsx</t>
  </si>
  <si>
    <t>C:\Users\suelenmm\OneDrive - Grupo Algar\Desktop - 12-11-19\PreVendas - Governo Diogo\Sec. de Saúde\Sec.Saúde.zip\</t>
  </si>
  <si>
    <t>Racional CataÌlogo.xlsx</t>
  </si>
  <si>
    <t>D:\Backup 12-11-2019\Desktop - 12-11-19\PreVendas - Governo Diogo\Sec. de Saúde\Sec.Saúde.zip</t>
  </si>
  <si>
    <t>C:\Users\suelenmm\OneDrive - Grupo Algar\Desktop - 12-11-19\PreVendas - Governo Diogo\Sec. de Saúde\Comitês\PMO Governança - Solicitação de Mudança.ppt\s2\</t>
  </si>
  <si>
    <t>D:\Backup 12-11-2019\Desktop - 12-11-19\PreVendas - Governo Diogo\Sec. de Saúde\Comitês\PMO Governança - Solicitação de Mudança.ppt</t>
  </si>
  <si>
    <t>C:\Users\suelenmm\OneDrive - Grupo Algar\Desktop - 12-11-19\PreVendas - Governo Diogo\SEDUC\SEEDUC.rar\SEEDUC\</t>
  </si>
  <si>
    <t>SEEDUC - CATÃLOGO DE SERVIÃ‡OS.xlsx</t>
  </si>
  <si>
    <t>D:\Backup 12-11-2019\Desktop - 12-11-19\PreVendas - Governo Diogo\SEDUC\SEEDUC.rar</t>
  </si>
  <si>
    <t>D:\Backup 12-11-2019\Desktop - 12-11-19\PreVendas - Governo Diogo\SEGER\BP.xlsb</t>
  </si>
  <si>
    <t>C:\Users\suelenmm\OneDrive - Grupo Algar\Desktop - 12-11-19\PreVendas - Governo Diogo\SEGER\</t>
  </si>
  <si>
    <t>Dimensionamento_ITSM.xlsx</t>
  </si>
  <si>
    <t>D:\Backup 12-11-2019\Desktop - 12-11-19\PreVendas - Governo Diogo\SEGER\Dimensionamento_ITSM.xlsx</t>
  </si>
  <si>
    <t>Operação Dedicada 7,5%.xlsb</t>
  </si>
  <si>
    <t>D:\Backup 12-11-2019\Desktop - 12-11-19\PreVendas - Governo Diogo\SEGER\Operação Dedicada 7,5%.xlsb</t>
  </si>
  <si>
    <t>C:\Users\suelenmm\OneDrive - Grupo Algar\Desktop - 12-11-19\PreVendas - Governo Diogo\SEGER\Operação Dedicada 7,5%.xlsb\</t>
  </si>
  <si>
    <t>Operação Dedicada.xlsb</t>
  </si>
  <si>
    <t>D:\Backup 12-11-2019\Desktop - 12-11-19\PreVendas - Governo Diogo\SEGER\Operação Dedicada.xlsb</t>
  </si>
  <si>
    <t>C:\Users\suelenmm\OneDrive - Grupo Algar\Desktop - 12-11-19\PreVendas - Governo Diogo\SEGER\Operação Dedicada.xlsb\</t>
  </si>
  <si>
    <t>Racional Chamado.xlsx</t>
  </si>
  <si>
    <t>D:\Backup 12-11-2019\Desktop - 12-11-19\PreVendas - Governo Diogo\SEGER\Racional Chamado.xlsx</t>
  </si>
  <si>
    <t>C:\Users\suelenmm\OneDrive - Grupo Algar\Desktop - 12-11-19\PreVendas - Governo Diogo\SEPLAG MG\</t>
  </si>
  <si>
    <t>D:\Backup 12-11-2019\Desktop - 12-11-19\PreVendas - Governo Diogo\SEPLAG MG\Cópia de Planilha de Preço - Serviços Gerenciados.xlsb</t>
  </si>
  <si>
    <t>D:\Backup 12-11-2019\Desktop - 12-11-19\PreVendas - Governo Diogo\SEPLAG MG\Precificação.xlsb</t>
  </si>
  <si>
    <t>C:\Users\suelenmm\OneDrive - Grupo Algar\Desktop - 12-11-19\PreVendas - Governo Diogo\SERPRO\</t>
  </si>
  <si>
    <t>D:\Backup 12-11-2019\Desktop - 12-11-19\PreVendas - Governo Diogo\SERPRO\Cotação.xlsb</t>
  </si>
  <si>
    <t>D:\Backup 12-11-2019\Desktop - 12-11-19\PreVendas - Governo Diogo\SERPRO\Preço.xlsb</t>
  </si>
  <si>
    <t>C:\Users\suelenmm\OneDrive - Grupo Algar\Desktop - 12-11-19\PreVendas - Governo Diogo\SERPRO\Emergencial\</t>
  </si>
  <si>
    <t>D:\Backup 12-11-2019\Desktop - 12-11-19\PreVendas - Governo Diogo\SERPRO\Emergencial\Cópia de Planilha de Preço - Serviços Gerenciados.xlsb</t>
  </si>
  <si>
    <t>Desonerado FDS Reduzido.xlsb</t>
  </si>
  <si>
    <t>D:\Backup 12-11-2019\Desktop - 12-11-19\PreVendas - Governo Diogo\SERPRO\Emergencial\Desonerado FDS Reduzido.xlsb</t>
  </si>
  <si>
    <t>Desonerado.xlsb</t>
  </si>
  <si>
    <t>D:\Backup 12-11-2019\Desktop - 12-11-19\PreVendas - Governo Diogo\SERPRO\Emergencial\Desonerado.xlsb</t>
  </si>
  <si>
    <t>D:\Backup 12-11-2019\Desktop - 12-11-19\PreVendas - Governo Diogo\STM\Precificação com Adoção.xlsb</t>
  </si>
  <si>
    <t>C:\Users\suelenmm\OneDrive - Grupo Algar\Desktop - 12-11-19\PreVendas - Governo Diogo\STM\2016\</t>
  </si>
  <si>
    <t>D:\Backup 12-11-2019\Desktop - 12-11-19\PreVendas - Governo Diogo\STM\2016\IN02 - GERAL.xlsx</t>
  </si>
  <si>
    <t>D:\Backup 12-11-2019\Desktop - 12-11-19\PreVendas - Governo Diogo\STM\2016\Preço.xlsb</t>
  </si>
  <si>
    <t>C:\Users\suelenmm\OneDrive - Grupo Algar\Desktop - 12-11-19\PreVendas - Governo Diogo\STM\2016\Preço.xlsb\</t>
  </si>
  <si>
    <t>D:\Backup 12-11-2019\Desktop - 12-11-19\PreVendas - Governo Diogo\STM\2016\Proposta.xlsx</t>
  </si>
  <si>
    <t>C:\Users\suelenmm\OneDrive - Grupo Algar\Desktop - 12-11-19\PreVendas - Governo Diogo\STN\2018\</t>
  </si>
  <si>
    <t>preço.xlsb</t>
  </si>
  <si>
    <t>D:\Backup 12-11-2019\Desktop - 12-11-19\PreVendas - Governo Diogo\STN\2018\preço.xlsb</t>
  </si>
  <si>
    <t>C:\Users\suelenmm\OneDrive - Grupo Algar\Desktop - 12-11-19\PreVendas - Governo Diogo\STN\2018\preço.xlsb\</t>
  </si>
  <si>
    <t>C:\Users\suelenmm\OneDrive - Grupo Algar\Desktop - 12-11-19\PreVendas - Governo Diogo\STN\2018\Assessoria\</t>
  </si>
  <si>
    <t>STN - ASSESSORIA - Aprovado.xlsx</t>
  </si>
  <si>
    <t>D:\Backup 12-11-2019\Desktop - 12-11-19\PreVendas - Governo Diogo\STN\2018\Assessoria\STN - ASSESSORIA - Aprovado.xlsx</t>
  </si>
  <si>
    <t>C:\Users\suelenmm\OneDrive - Grupo Algar\Desktop - 12-11-19\PreVendas - Governo Diogo\STN\2018\SD\</t>
  </si>
  <si>
    <t>preço.xlsx</t>
  </si>
  <si>
    <t>D:\Backup 12-11-2019\Desktop - 12-11-19\PreVendas - Governo Diogo\STN\2018\SD\preço.xlsx</t>
  </si>
  <si>
    <t>C:\Users\suelenmm\OneDrive - Grupo Algar\Desktop - 12-11-19\PreVendas - Governo Diogo\STRATURA\</t>
  </si>
  <si>
    <t>Anexo V - Proposta Comercial (ENVIO).xls</t>
  </si>
  <si>
    <t>D:\Backup 12-11-2019\Desktop - 12-11-19\PreVendas - Governo Diogo\STRATURA\Anexo V - Proposta Comercial (ENVIO).xls</t>
  </si>
  <si>
    <t>Anexo V - Proposta Comercial.xls</t>
  </si>
  <si>
    <t>D:\Backup 12-11-2019\Desktop - 12-11-19\PreVendas - Governo Diogo\STRATURA\Anexo V - Proposta Comercial.xls</t>
  </si>
  <si>
    <t>D:\Backup 12-11-2019\Desktop - 12-11-19\PreVendas - Governo Diogo\STRATURA\DFP.xlsx</t>
  </si>
  <si>
    <t>D:\Backup 12-11-2019\Desktop - 12-11-19\PreVendas - Governo Diogo\STRATURA\Preço.xlsb</t>
  </si>
  <si>
    <t>C:\Users\suelenmm\OneDrive - Grupo Algar\Desktop - 12-11-19\PreVendas - Governo Diogo\STRATURA\2018\Cotação\</t>
  </si>
  <si>
    <t>Anexo II - Planilha de Preço.xlsx</t>
  </si>
  <si>
    <t>D:\Backup 12-11-2019\Desktop - 12-11-19\PreVendas - Governo Diogo\STRATURA\2018\Cotação\Anexo II - Planilha de Preço.xlsx</t>
  </si>
  <si>
    <t>C:\Users\suelenmm\OneDrive - Grupo Algar\Desktop - 12-11-19\PreVendas - Governo Diogo\TBG\</t>
  </si>
  <si>
    <t>D:\Backup 12-11-2019\Desktop - 12-11-19\PreVendas - Governo Diogo\TBG\Adoção.xlsx</t>
  </si>
  <si>
    <t>ANEXO VII - PLANILHA DE PREÇOS DE SERV EVENTUAIS Rev 0-1.xls</t>
  </si>
  <si>
    <t>D:\Backup 12-11-2019\Desktop - 12-11-19\PreVendas - Governo Diogo\TBG\ANEXO VII - PLANILHA DE PREÇOS DE SERV EVENTUAIS Rev 0-1.xls</t>
  </si>
  <si>
    <t>D:\Backup 12-11-2019\Desktop - 12-11-19\PreVendas - Governo Diogo\TBG\Planilha de Custos.xlsx</t>
  </si>
  <si>
    <t>D:\Backup 12-11-2019\Desktop - 12-11-19\PreVendas - Governo Diogo\TBG\Precificação com Adoção.xlsb</t>
  </si>
  <si>
    <t>Premissa de dimensionamento.xlsx</t>
  </si>
  <si>
    <t>D:\Backup 12-11-2019\Desktop - 12-11-19\PreVendas - Governo Diogo\TBG\Premissa de dimensionamento.xlsx</t>
  </si>
  <si>
    <t>C:\Users\suelenmm\OneDrive - Grupo Algar\Desktop - 12-11-19\PreVendas - Governo Diogo\TBG\Aluisio\</t>
  </si>
  <si>
    <t>DFP ENVIO.xlsx</t>
  </si>
  <si>
    <t>D:\Backup 12-11-2019\Desktop - 12-11-19\PreVendas - Governo Diogo\TBG\Aluisio\DFP ENVIO.xlsx</t>
  </si>
  <si>
    <t>DFP TBG.xls</t>
  </si>
  <si>
    <t>D:\Backup 12-11-2019\Desktop - 12-11-19\PreVendas - Governo Diogo\TBG\Aluisio\DFP TBG.xls</t>
  </si>
  <si>
    <t>PPU.xlsx</t>
  </si>
  <si>
    <t>D:\Backup 12-11-2019\Desktop - 12-11-19\PreVendas - Governo Diogo\TBG\Aluisio\PPU.xlsx</t>
  </si>
  <si>
    <t>C:\Users\suelenmm\OneDrive - Grupo Algar\Desktop - 12-11-19\PreVendas - Governo Diogo\TBG\Material de Licitação\</t>
  </si>
  <si>
    <t>ANEXO VI - DEMONSTRATIVO DE FORMAÄ«O DE PREÄOS.xlsx</t>
  </si>
  <si>
    <t>D:\Backup 12-11-2019\Desktop - 12-11-19\PreVendas - Governo Diogo\TBG\Material de Licitação\ANEXO VI - DEMONSTRATIVO DE FORMAÄ«O DE PREÄOS.xlsx</t>
  </si>
  <si>
    <t>C:\Users\suelenmm\OneDrive - Grupo Algar\Desktop - 12-11-19\PreVendas - Governo Diogo\TCU\</t>
  </si>
  <si>
    <t>Novo BP.xlsb</t>
  </si>
  <si>
    <t>D:\Backup 12-11-2019\Desktop - 12-11-19\PreVendas - Governo Diogo\TCU\Novo BP.xlsb</t>
  </si>
  <si>
    <t>C:\Users\suelenmm\OneDrive - Grupo Algar\Desktop - 12-11-19\PreVendas - Governo Diogo\TCU\2017\</t>
  </si>
  <si>
    <t>Completo.xlsb</t>
  </si>
  <si>
    <t>D:\Backup 12-11-2019\Desktop - 12-11-19\PreVendas - Governo Diogo\TCU\2017\Completo.xlsb</t>
  </si>
  <si>
    <t>C:\Users\suelenmm\OneDrive - Grupo Algar\Desktop - 12-11-19\PreVendas - Governo Diogo\TCU\2017\Completo.xlsb\</t>
  </si>
  <si>
    <t>Documentação.xlsb</t>
  </si>
  <si>
    <t>D:\Backup 12-11-2019\Desktop - 12-11-19\PreVendas - Governo Diogo\TCU\2017\Documentação.xlsb</t>
  </si>
  <si>
    <t>C:\Users\suelenmm\OneDrive - Grupo Algar\Desktop - 12-11-19\PreVendas - Governo Diogo\TCU\2017\Documentação.xlsb\</t>
  </si>
  <si>
    <t>Escala.xlsx</t>
  </si>
  <si>
    <t>D:\Backup 12-11-2019\Desktop - 12-11-19\PreVendas - Governo Diogo\TCU\2017\Escala.xlsx</t>
  </si>
  <si>
    <t>NOC+BCKP.xlsb</t>
  </si>
  <si>
    <t>D:\Backup 12-11-2019\Desktop - 12-11-19\PreVendas - Governo Diogo\TCU\2017\NOC+BCKP.xlsb</t>
  </si>
  <si>
    <t>C:\Users\suelenmm\OneDrive - Grupo Algar\Desktop - 12-11-19\PreVendas - Governo Diogo\TCU\2017\NOC+BCKP.xlsb\</t>
  </si>
  <si>
    <t>C:\Users\suelenmm\OneDrive - Grupo Algar\Desktop - 12-11-19\PreVendas - Governo Diogo\TechMahindra\</t>
  </si>
  <si>
    <t>D:\Backup 12-11-2019\Desktop - 12-11-19\PreVendas - Governo Diogo\TechMahindra\BP.xlsb</t>
  </si>
  <si>
    <t>C:\Users\suelenmm\OneDrive - Grupo Algar\Desktop - 12-11-19\PreVendas - Governo Diogo\TechMahindra\BP.xlsb\</t>
  </si>
  <si>
    <t>C:\Users\suelenmm\OneDrive - Grupo Algar\Desktop - 12-11-19\PreVendas - Governo Diogo\TERRACAP\</t>
  </si>
  <si>
    <t>D:\Backup 12-11-2019\Desktop - 12-11-19\PreVendas - Governo Diogo\TERRACAP\preço.xlsb</t>
  </si>
  <si>
    <t>C:\Users\suelenmm\OneDrive - Grupo Algar\Desktop - 12-11-19\PreVendas - Governo Diogo\TERRACAP\preço.xlsb\</t>
  </si>
  <si>
    <t>C:\Users\suelenmm\OneDrive - Grupo Algar\Desktop - 12-11-19\PreVendas - Governo Diogo\TIM\Professional Services\RFQ _ A4216_RFQ_52216 - Managed Services\</t>
  </si>
  <si>
    <t>Anexo II - LPU.xlsx</t>
  </si>
  <si>
    <t>D:\Backup 12-11-2019\Desktop - 12-11-19\PreVendas - Governo Diogo\TIM\Professional Services\RFQ _ A4216_RFQ_52216 - Managed Services\Anexo II - LPU.xlsx</t>
  </si>
  <si>
    <t>C:\Users\suelenmm\OneDrive - Grupo Algar\Desktop - 12-11-19\PreVendas - Governo Diogo\TJES\</t>
  </si>
  <si>
    <t>BP Inicial.xlsb</t>
  </si>
  <si>
    <t>D:\Backup 12-11-2019\Desktop - 12-11-19\PreVendas - Governo Diogo\TJES\BP Inicial.xlsb</t>
  </si>
  <si>
    <t>C:\Users\suelenmm\OneDrive - Grupo Algar\Desktop - 12-11-19\PreVendas - Governo Diogo\TJES\BP Inicial.xlsb\</t>
  </si>
  <si>
    <t>C:\Users\suelenmm\OneDrive - Grupo Algar\Desktop - 12-11-19\PreVendas - Governo Diogo\TJMG\</t>
  </si>
  <si>
    <t>Dimensionamento e Racionais.xlsx</t>
  </si>
  <si>
    <t>D:\Backup 12-11-2019\Desktop - 12-11-19\PreVendas - Governo Diogo\TJMG\Dimensionamento e Racionais.xlsx</t>
  </si>
  <si>
    <t>D:\Backup 12-11-2019\Desktop - 12-11-19\PreVendas - Governo Diogo\TJMG\Preço.xlsb</t>
  </si>
  <si>
    <t>C:\Users\suelenmm\OneDrive - Grupo Algar\Desktop - 12-11-19\PreVendas - Governo Diogo\TJMG\TJMG.zip\</t>
  </si>
  <si>
    <t>D:\Backup 12-11-2019\Desktop - 12-11-19\PreVendas - Governo Diogo\TJMG\TJMG.zip</t>
  </si>
  <si>
    <t>C:\Users\suelenmm\OneDrive - Grupo Algar\Desktop - 12-11-19\PreVendas - Governo Diogo\TJMG\TJMG.zip\TR e Anexos\</t>
  </si>
  <si>
    <t>ANEXO IX-A - RelaÃ§Ã£o de peÃ§as de reposiÃ§Ã£o (2014-11-26).xlsx</t>
  </si>
  <si>
    <t>ANEXO IX-B - RelaÃ§Ã£o de Equipamentos de informÃ¡tica (2014-11-07).xlsx</t>
  </si>
  <si>
    <t>ANEXO IX-C - Estimativa de EvoluÃ§Ã£o do parque de equipamentos (2014-11-07).xls</t>
  </si>
  <si>
    <t>ANEXO IX-D - Volumetria de incidentes.xlsx</t>
  </si>
  <si>
    <t>ANEXO X-A - Estimativa de Custos.xlsx</t>
  </si>
  <si>
    <t>C:\Users\suelenmm\OneDrive - Grupo Algar\Desktop - 12-11-19\PreVendas - Governo Diogo\TJMG\2016\Antigo 2011 para análise\anexo lote 1\</t>
  </si>
  <si>
    <t>edital033_lote1_doc1.xls</t>
  </si>
  <si>
    <t>D:\Backup 12-11-2019\Desktop - 12-11-19\PreVendas - Governo Diogo\TJMG\2016\Antigo 2011 para análise\anexo lote 1\edital033_lote1_doc1.xls</t>
  </si>
  <si>
    <t>edital033_lote1_doc2.xls</t>
  </si>
  <si>
    <t>D:\Backup 12-11-2019\Desktop - 12-11-19\PreVendas - Governo Diogo\TJMG\2016\Antigo 2011 para análise\anexo lote 1\edital033_lote1_doc2.xls</t>
  </si>
  <si>
    <t>edital033_lote1_doc3.xls</t>
  </si>
  <si>
    <t>D:\Backup 12-11-2019\Desktop - 12-11-19\PreVendas - Governo Diogo\TJMG\2016\Antigo 2011 para análise\anexo lote 1\edital033_lote1_doc3.xls</t>
  </si>
  <si>
    <t>edital033_lote1_doc5.xls</t>
  </si>
  <si>
    <t>D:\Backup 12-11-2019\Desktop - 12-11-19\PreVendas - Governo Diogo\TJMG\2016\Antigo 2011 para análise\anexo lote 1\edital033_lote1_doc5.xls</t>
  </si>
  <si>
    <t>edital033_lote1_doc7.xls</t>
  </si>
  <si>
    <t>D:\Backup 12-11-2019\Desktop - 12-11-19\PreVendas - Governo Diogo\TJMG\2016\Antigo 2011 para análise\anexo lote 1\edital033_lote1_doc7.xls</t>
  </si>
  <si>
    <t>C:\Users\suelenmm\OneDrive - Grupo Algar\Desktop - 12-11-19\PreVendas - Governo Diogo\TJMG\2016\Antigo 2011 para análise\lote 2\</t>
  </si>
  <si>
    <t>edital033_lote2_doc1.xls</t>
  </si>
  <si>
    <t>D:\Backup 12-11-2019\Desktop - 12-11-19\PreVendas - Governo Diogo\TJMG\2016\Antigo 2011 para análise\lote 2\edital033_lote2_doc1.xls</t>
  </si>
  <si>
    <t>edital033_lote2_doc2.xls</t>
  </si>
  <si>
    <t>D:\Backup 12-11-2019\Desktop - 12-11-19\PreVendas - Governo Diogo\TJMG\2016\Antigo 2011 para análise\lote 2\edital033_lote2_doc2.xls</t>
  </si>
  <si>
    <t>edital033_lote2_doc3.xls</t>
  </si>
  <si>
    <t>D:\Backup 12-11-2019\Desktop - 12-11-19\PreVendas - Governo Diogo\TJMG\2016\Antigo 2011 para análise\lote 2\edital033_lote2_doc3.xls</t>
  </si>
  <si>
    <t>edital033_lote2_doc4.xls</t>
  </si>
  <si>
    <t>D:\Backup 12-11-2019\Desktop - 12-11-19\PreVendas - Governo Diogo\TJMG\2016\Antigo 2011 para análise\lote 2\edital033_lote2_doc4.xls</t>
  </si>
  <si>
    <t>edital033_lote2_doc5.xls</t>
  </si>
  <si>
    <t>D:\Backup 12-11-2019\Desktop - 12-11-19\PreVendas - Governo Diogo\TJMG\2016\Antigo 2011 para análise\lote 2\edital033_lote2_doc5.xls</t>
  </si>
  <si>
    <t>edital033_lote2_doc6.xls</t>
  </si>
  <si>
    <t>D:\Backup 12-11-2019\Desktop - 12-11-19\PreVendas - Governo Diogo\TJMG\2016\Antigo 2011 para análise\lote 2\edital033_lote2_doc6.xls</t>
  </si>
  <si>
    <t>C:\Users\suelenmm\OneDrive - Grupo Algar\Desktop - 12-11-19\PreVendas - Governo Diogo\TJMG\2016\Publicado\</t>
  </si>
  <si>
    <t>Racional Volumetria.xlsx</t>
  </si>
  <si>
    <t>D:\Backup 12-11-2019\Desktop - 12-11-19\PreVendas - Governo Diogo\TJMG\2016\Publicado\Racional Volumetria.xlsx</t>
  </si>
  <si>
    <t>C:\Users\suelenmm\OneDrive - Grupo Algar\Desktop - 12-11-19\PreVendas - Governo Diogo\TJMG\30-11-15\</t>
  </si>
  <si>
    <t>Racional Cotação.xlsx</t>
  </si>
  <si>
    <t>D:\Backup 12-11-2019\Desktop - 12-11-19\PreVendas - Governo Diogo\TJMG\30-11-15\Racional Cotação.xlsx</t>
  </si>
  <si>
    <t>C:\Users\suelenmm\OneDrive - Grupo Algar\Desktop - 12-11-19\PreVendas - Governo Diogo\TJMG\TR e Anexos\</t>
  </si>
  <si>
    <t>ANEXO IX-A - Relação de peças de reposição (2014-11-26).xlsx</t>
  </si>
  <si>
    <t>D:\Backup 12-11-2019\Desktop - 12-11-19\PreVendas - Governo Diogo\TJMG\TR e Anexos\ANEXO IX-A - Relação de peças de reposição (2014-11-26).xlsx</t>
  </si>
  <si>
    <t>ANEXO IX-B - Relação de Equipamentos de informática.xlsx</t>
  </si>
  <si>
    <t>D:\Backup 12-11-2019\Desktop - 12-11-19\PreVendas - Governo Diogo\TJMG\TR e Anexos\ANEXO IX-B - Relação de Equipamentos de informática.xlsx</t>
  </si>
  <si>
    <t>ANEXO IX-C - Estimativa de Evolução do parque de equipamentos (2014-11-07).xls</t>
  </si>
  <si>
    <t>D:\Backup 12-11-2019\Desktop - 12-11-19\PreVendas - Governo Diogo\TJMG\TR e Anexos\ANEXO IX-C - Estimativa de Evolução do parque de equipamentos (2014-11-07).xls</t>
  </si>
  <si>
    <t>D:\Backup 12-11-2019\Desktop - 12-11-19\PreVendas - Governo Diogo\TJMG\TR e Anexos\ANEXO IX-D - Volumetria de incidentes.xlsx</t>
  </si>
  <si>
    <t>D:\Backup 12-11-2019\Desktop - 12-11-19\PreVendas - Governo Diogo\TJMG\TR e Anexos\ANEXO X-A - Estimativa de Custos.xlsx</t>
  </si>
  <si>
    <t>C:\Users\suelenmm\OneDrive - Grupo Algar\Desktop - 12-11-19\PreVendas - Governo Diogo\TJMS\</t>
  </si>
  <si>
    <t>Precificação Adoção TJMS.xlsx</t>
  </si>
  <si>
    <t>D:\Backup 12-11-2019\Desktop - 12-11-19\PreVendas - Governo Diogo\TJMS\Precificação Adoção TJMS.xlsx</t>
  </si>
  <si>
    <t>C:\Users\suelenmm\OneDrive - Grupo Algar\Desktop - 12-11-19\PreVendas - Governo Diogo\TJMS\Cotação\</t>
  </si>
  <si>
    <t>D:\Backup 12-11-2019\Desktop - 12-11-19\PreVendas - Governo Diogo\TJMS\Cotação\Cotação.xlsb</t>
  </si>
  <si>
    <t>C:\Users\suelenmm\OneDrive - Grupo Algar\Desktop - 12-11-19\PreVendas - Governo Diogo\TJMS\Edital\</t>
  </si>
  <si>
    <t>D:\Backup 12-11-2019\Desktop - 12-11-19\PreVendas - Governo Diogo\TJMS\Edital\Cotação.xlsb</t>
  </si>
  <si>
    <t>C:\Users\suelenmm\OneDrive - Grupo Algar\Desktop - 12-11-19\PreVendas - Governo Diogo\TJMS\Preço\</t>
  </si>
  <si>
    <t>Preco Com PBM - TJMS.xlsb</t>
  </si>
  <si>
    <t>D:\Backup 12-11-2019\Desktop - 12-11-19\PreVendas - Governo Diogo\TJMS\Preço\Preco Com PBM - TJMS.xlsb</t>
  </si>
  <si>
    <t>Preco-TJMS-PBM.xlsb</t>
  </si>
  <si>
    <t>D:\Backup 12-11-2019\Desktop - 12-11-19\PreVendas - Governo Diogo\TJMS\Preço\Preco-TJMS-PBM.xlsb</t>
  </si>
  <si>
    <t>C:\Users\suelenmm\OneDrive - Grupo Algar\Desktop - 12-11-19\PreVendas - Governo Diogo\TJRJ\</t>
  </si>
  <si>
    <t>D:\Backup 12-11-2019\Desktop - 12-11-19\PreVendas - Governo Diogo\TJRJ\Desenho.xlsx</t>
  </si>
  <si>
    <t>D:\Backup 12-11-2019\Desktop - 12-11-19\PreVendas - Governo Diogo\TJRJ\Preco.xlsb</t>
  </si>
  <si>
    <t>D:\Backup 12-11-2019\Desktop - 12-11-19\PreVendas - Governo Diogo\TJRJ\Proposta.xlsx</t>
  </si>
  <si>
    <t>C:\Users\suelenmm\OneDrive - Grupo Algar\Desktop - 12-11-19\PreVendas - Governo Diogo\transit\</t>
  </si>
  <si>
    <t>D:\Backup 12-11-2019\Desktop - 12-11-19\PreVendas - Governo Diogo\transit\BP Preço C010 B010.xlsb</t>
  </si>
  <si>
    <t>C:\Users\suelenmm\OneDrive - Grupo Algar\Desktop - 12-11-19\PreVendas - Governo Diogo\transit\BP Preço C010 B010.xlsb\</t>
  </si>
  <si>
    <t>D:\Backup 12-11-2019\Desktop - 12-11-19\PreVendas - Governo Diogo\transit\pricing.xlsx</t>
  </si>
  <si>
    <t>C:\Users\suelenmm\OneDrive - Grupo Algar\Desktop - 12-11-19\PreVendas - Governo Diogo\Transpetro\</t>
  </si>
  <si>
    <t>Atendimento VIP 2.xlsb</t>
  </si>
  <si>
    <t>D:\Backup 12-11-2019\Desktop - 12-11-19\PreVendas - Governo Diogo\Transpetro\Atendimento VIP 2.xlsb</t>
  </si>
  <si>
    <t>C:\Users\suelenmm\OneDrive - Grupo Algar\Desktop - 12-11-19\PreVendas - Governo Diogo\Transpetro\Atendimento VIP 2.xlsb\</t>
  </si>
  <si>
    <t>Atendimento VIP jul-2019.xlsb</t>
  </si>
  <si>
    <t>D:\Backup 12-11-2019\Desktop - 12-11-19\PreVendas - Governo Diogo\Transpetro\Atendimento VIP jul-2019.xlsb</t>
  </si>
  <si>
    <t>C:\Users\suelenmm\OneDrive - Grupo Algar\Desktop - 12-11-19\PreVendas - Governo Diogo\Transpetro\Atendimento VIP jul-2019.xlsb\</t>
  </si>
  <si>
    <t>Atendimento VIP.xlsb</t>
  </si>
  <si>
    <t>D:\Backup 12-11-2019\Desktop - 12-11-19\PreVendas - Governo Diogo\Transpetro\Atendimento VIP.xlsb</t>
  </si>
  <si>
    <t>C:\Users\suelenmm\OneDrive - Grupo Algar\Desktop - 12-11-19\PreVendas - Governo Diogo\Transpetro\Atendimento VIP.xlsb\</t>
  </si>
  <si>
    <t>C:\Users\suelenmm\OneDrive - Grupo Algar\Desktop - 12-11-19\PreVendas - Governo Diogo\Transpetro\2019\TRANSPETRO - 7002420707 - SUPORTE INFRA DE TI - 12.03.2019.zip\Adendos do Edital.zip\Adendos do Edital\</t>
  </si>
  <si>
    <t>Adendo C - Demonstrativo de Forma‡Æo de Pre‡os (DFP).xlsm</t>
  </si>
  <si>
    <t>D:\Backup 12-11-2019\Desktop - 12-11-19\PreVendas - Governo Diogo\Transpetro\2019\TRANSPETRO - 7002420707 - SUPORTE INFRA DE TI - 12.03.2019.zip</t>
  </si>
  <si>
    <t>C:\Users\suelenmm\OneDrive - Grupo Algar\Desktop - 12-11-19\PreVendas - Governo Diogo\Transpetro\2019\TRANSPETRO - 7002420707 - SUPORTE INFRA DE TI - 12.03.2019\Adendos do Edital.zip\Adendos do Edital\</t>
  </si>
  <si>
    <t>D:\Backup 12-11-2019\Desktop - 12-11-19\PreVendas - Governo Diogo\Transpetro\2019\TRANSPETRO - 7002420707 - SUPORTE INFRA DE TI - 12.03.2019\Adendos do Edital.zip</t>
  </si>
  <si>
    <t>C:\Users\suelenmm\OneDrive - Grupo Algar\Desktop - 12-11-19\PreVendas - Governo Diogo\Transpetro\2019\TRANSPETRO - 7002420707 - SUPORTE INFRA DE TI - 12.03.2019\Adendos do Edital\Adendos do Edital\</t>
  </si>
  <si>
    <t>Adendo C - Demonstrativo de Formação de Preços (DFP).xlsm</t>
  </si>
  <si>
    <t>D:\Backup 12-11-2019\Desktop - 12-11-19\PreVendas - Governo Diogo\Transpetro\2019\TRANSPETRO - 7002420707 - SUPORTE INFRA DE TI - 12.03.2019\Adendos do Edital\Adendos do Edital\Adendo C - Demonstrativo de Formação de Preços (DFP).xlsm</t>
  </si>
  <si>
    <t>C:\Users\suelenmm\OneDrive - Grupo Algar\Desktop - 12-11-19\PreVendas - Governo Diogo\TRF\</t>
  </si>
  <si>
    <t>Cenario_para_composicao_dos_precos_(Anexo_XII).xlsx</t>
  </si>
  <si>
    <t>D:\Backup 12-11-2019\Desktop - 12-11-19\PreVendas - Governo Diogo\TRF\Cenario_para_composicao_dos_precos_(Anexo_XII).xlsx</t>
  </si>
  <si>
    <t>lote 2.xlsb</t>
  </si>
  <si>
    <t>D:\Backup 12-11-2019\Desktop - 12-11-19\PreVendas - Governo Diogo\TRF\lote 2.xlsb</t>
  </si>
  <si>
    <t>C:\Users\suelenmm\OneDrive - Grupo Algar\Desktop - 12-11-19\PreVendas - Governo Diogo\TRF\lote 2.xlsb\</t>
  </si>
  <si>
    <t>Preço 1.xlsb</t>
  </si>
  <si>
    <t>D:\Backup 12-11-2019\Desktop - 12-11-19\PreVendas - Governo Diogo\TRF\Preço 1.xlsb</t>
  </si>
  <si>
    <t>C:\Users\suelenmm\OneDrive - Grupo Algar\Desktop - 12-11-19\PreVendas - Governo Diogo\TRF\Preço 1.xlsb\</t>
  </si>
  <si>
    <t>Preço 2.xlsb</t>
  </si>
  <si>
    <t>D:\Backup 12-11-2019\Desktop - 12-11-19\PreVendas - Governo Diogo\TRF\Preço 2.xlsb</t>
  </si>
  <si>
    <t>C:\Users\suelenmm\OneDrive - Grupo Algar\Desktop - 12-11-19\PreVendas - Governo Diogo\TRF\Preço 2.xlsb\</t>
  </si>
  <si>
    <t>C:\Users\suelenmm\OneDrive - Grupo Algar\Desktop - 12-11-19\PreVendas - Governo Diogo\TRF\SD 2017 Subseções\</t>
  </si>
  <si>
    <t>BSB.xlsb</t>
  </si>
  <si>
    <t>D:\Backup 12-11-2019\Desktop - 12-11-19\PreVendas - Governo Diogo\TRF\SD 2017 Subseções\BSB.xlsb</t>
  </si>
  <si>
    <t>C:\Users\suelenmm\OneDrive - Grupo Algar\Desktop - 12-11-19\PreVendas - Governo Diogo\TRF\SD 2017 Subseções\BSB.xlsb\</t>
  </si>
  <si>
    <t>Catalogo_de_Servicos_(Anexo_IV).xlsx</t>
  </si>
  <si>
    <t>D:\Backup 12-11-2019\Desktop - 12-11-19\PreVendas - Governo Diogo\TRF\SD 2017 Subseções\Catalogo_de_Servicos_(Anexo_IV).xlsx</t>
  </si>
  <si>
    <t>D:\Backup 12-11-2019\Desktop - 12-11-19\PreVendas - Governo Diogo\TRF\SD 2017 Subseções\Cenario_para_composicao_dos_precos_(Anexo_XII).xlsx</t>
  </si>
  <si>
    <t>GYN.xlsb</t>
  </si>
  <si>
    <t>D:\Backup 12-11-2019\Desktop - 12-11-19\PreVendas - Governo Diogo\TRF\SD 2017 Subseções\GYN.xlsb</t>
  </si>
  <si>
    <t>C:\Users\suelenmm\OneDrive - Grupo Algar\Desktop - 12-11-19\PreVendas - Governo Diogo\TRF\SD 2017 Subseções\GYN.xlsb\</t>
  </si>
  <si>
    <t>D:\Backup 12-11-2019\Desktop - 12-11-19\PreVendas - Governo Diogo\TRF\SD 2017 Subseções\Sizing.xlsx</t>
  </si>
  <si>
    <t>C:\Users\suelenmm\OneDrive - Grupo Algar\Desktop - 12-11-19\PreVendas - Governo Diogo\TRT - SE\</t>
  </si>
  <si>
    <t>D:\Backup 12-11-2019\Desktop - 12-11-19\PreVendas - Governo Diogo\TRT - SE\Dimensionamento.xlsx</t>
  </si>
  <si>
    <t>C:\Users\suelenmm\OneDrive - Grupo Algar\Desktop - 12-11-19\PreVendas - Governo Diogo\TRT-SP\</t>
  </si>
  <si>
    <t>D:\Backup 12-11-2019\Desktop - 12-11-19\PreVendas - Governo Diogo\TRT-SP\Pricing.xlsb</t>
  </si>
  <si>
    <t>C:\Users\suelenmm\OneDrive - Grupo Algar\Desktop - 12-11-19\PreVendas - Governo Diogo\TRT-SP\Pricing.xlsb\</t>
  </si>
  <si>
    <t>C:\Users\suelenmm\OneDrive - Grupo Algar\Desktop - 12-11-19\PreVendas - Governo Diogo\TRT10\</t>
  </si>
  <si>
    <t>D:\Backup 12-11-2019\Desktop - 12-11-19\PreVendas - Governo Diogo\TRT10\Custo da Implantação.xls</t>
  </si>
  <si>
    <t>Dimensionamento-TRT.xlsx</t>
  </si>
  <si>
    <t>D:\Backup 12-11-2019\Desktop - 12-11-19\PreVendas - Governo Diogo\TRT10\Dimensionamento-TRT.xlsx</t>
  </si>
  <si>
    <t>Preço-TRT-Cenario-Confortavel.xlsb</t>
  </si>
  <si>
    <t>D:\Backup 12-11-2019\Desktop - 12-11-19\PreVendas - Governo Diogo\TRT10\Preço-TRT-Cenario-Confortavel.xlsb</t>
  </si>
  <si>
    <t>Preço-TRT-Cenario-Risco - Atualizado.xlsb</t>
  </si>
  <si>
    <t>D:\Backup 12-11-2019\Desktop - 12-11-19\PreVendas - Governo Diogo\TRT10\Preço-TRT-Cenario-Risco - Atualizado.xlsb</t>
  </si>
  <si>
    <t>Preço-TRT-Cenario-Risco.xlsb</t>
  </si>
  <si>
    <t>D:\Backup 12-11-2019\Desktop - 12-11-19\PreVendas - Governo Diogo\TRT10\Preço-TRT-Cenario-Risco.xlsb</t>
  </si>
  <si>
    <t>Preço-TRT-FINAL.xlsb</t>
  </si>
  <si>
    <t>D:\Backup 12-11-2019\Desktop - 12-11-19\PreVendas - Governo Diogo\TRT10\Preço-TRT-FINAL.xlsb</t>
  </si>
  <si>
    <t>Volumes Edital.xlsx</t>
  </si>
  <si>
    <t>D:\Backup 12-11-2019\Desktop - 12-11-19\PreVendas - Governo Diogo\TRT10\Volumes Edital.xlsx</t>
  </si>
  <si>
    <t>11/13/2019 08:43:29</t>
  </si>
  <si>
    <t>C:\Users\suelenmm\OneDrive - Grupo Algar\Desktop - 12-11-19\PreVendas - Governo Diogo\TRT10\2016\Cotação\26-07-2016\</t>
  </si>
  <si>
    <t>D:\Backup 12-11-2019\Desktop - 12-11-19\PreVendas - Governo Diogo\TRT10\2016\Cotação\26-07-2016\Cotação.xlsx</t>
  </si>
  <si>
    <t>C:\Users\suelenmm\OneDrive - Grupo Algar\Desktop - 12-11-19\PreVendas - Governo Diogo\TRT10\2018\</t>
  </si>
  <si>
    <t>pricing TRT10.xlsx</t>
  </si>
  <si>
    <t>D:\Backup 12-11-2019\Desktop - 12-11-19\PreVendas - Governo Diogo\TRT10\2018\pricing TRT10.xlsx</t>
  </si>
  <si>
    <t>D:\Backup 12-11-2019\Desktop - 12-11-19\PreVendas - Governo Diogo\TRT10\2018\Volumetria.xlsx</t>
  </si>
  <si>
    <t>C:\Users\suelenmm\OneDrive - Grupo Algar\Desktop - 12-11-19\PreVendas - Governo Diogo\TRT2\</t>
  </si>
  <si>
    <t>D:\Backup 12-11-2019\Desktop - 12-11-19\PreVendas - Governo Diogo\TRT2\Cotação.xlsx</t>
  </si>
  <si>
    <t>C:\Users\suelenmm\OneDrive - Grupo Algar\Desktop - 12-11-19\PreVendas - Governo Diogo\TSE\</t>
  </si>
  <si>
    <t>Preço (Gerente Cheio).xlsb</t>
  </si>
  <si>
    <t>D:\Backup 12-11-2019\Desktop - 12-11-19\PreVendas - Governo Diogo\TSE\Preço (Gerente Cheio).xlsb</t>
  </si>
  <si>
    <t>D:\Backup 12-11-2019\Desktop - 12-11-19\PreVendas - Governo Diogo\TSE\Preço.xlsb</t>
  </si>
  <si>
    <t>Preço_Final.xlsb</t>
  </si>
  <si>
    <t>D:\Backup 12-11-2019\Desktop - 12-11-19\PreVendas - Governo Diogo\TSE\Preço_Final.xlsb</t>
  </si>
  <si>
    <t>Simulação Projeto.xlsx</t>
  </si>
  <si>
    <t>D:\Backup 12-11-2019\Desktop - 12-11-19\PreVendas - Governo Diogo\TSE\Simulação Projeto.xlsx</t>
  </si>
  <si>
    <t>Tarefas Catálogo de Serviços -COINF v2.0.xlsx</t>
  </si>
  <si>
    <t>D:\Backup 12-11-2019\Desktop - 12-11-19\PreVendas - Governo Diogo\TSE\Tarefas Catálogo de Serviços -COINF v2.0.xlsx</t>
  </si>
  <si>
    <t>C:\Users\suelenmm\OneDrive - Grupo Algar\Desktop - 12-11-19\PreVendas - Governo Diogo\TST\CNA\2014\TST\</t>
  </si>
  <si>
    <t>CAPEX-TST 40 PAs.xlsx</t>
  </si>
  <si>
    <t>D:\Backup 12-11-2019\Desktop - 12-11-19\PreVendas - Governo Diogo\TST\CNA\2014\TST\CAPEX-TST 40 PAs.xlsx</t>
  </si>
  <si>
    <t>D:\Backup 12-11-2019\Desktop - 12-11-19\PreVendas - Governo Diogo\TST\CNA\2014\TST\Planilha de Preço - Serviços Gerenciados.xlsm</t>
  </si>
  <si>
    <t>C:\Users\suelenmm\OneDrive - Grupo Algar\Desktop - 12-11-19\PreVendas - Governo Diogo\TST\CNA\Cotação\</t>
  </si>
  <si>
    <t>cotação.xlsb</t>
  </si>
  <si>
    <t>D:\Backup 12-11-2019\Desktop - 12-11-19\PreVendas - Governo Diogo\TST\CNA\Cotação\cotação.xlsb</t>
  </si>
  <si>
    <t>Orçamento CNA - fornecedores.xlsx</t>
  </si>
  <si>
    <t>D:\Backup 12-11-2019\Desktop - 12-11-19\PreVendas - Governo Diogo\TST\CNA\Cotação\Orçamento CNA - fornecedores.xlsx</t>
  </si>
  <si>
    <t>C:\Users\suelenmm\OneDrive - Grupo Algar\Desktop - 12-11-19\PreVendas - Governo Diogo\TST\CNA\Emergencial\</t>
  </si>
  <si>
    <t>COM PBM v2.xlsb</t>
  </si>
  <si>
    <t>D:\Backup 12-11-2019\Desktop - 12-11-19\PreVendas - Governo Diogo\TST\CNA\Emergencial\COM PBM v2.xlsb</t>
  </si>
  <si>
    <t>COM PBM.xlsb</t>
  </si>
  <si>
    <t>D:\Backup 12-11-2019\Desktop - 12-11-19\PreVendas - Governo Diogo\TST\CNA\Emergencial\COM PBM.xlsb</t>
  </si>
  <si>
    <t>C:\Users\suelenmm\OneDrive - Grupo Algar\Desktop - 12-11-19\PreVendas - Governo Diogo\TST\CNA\Emergencial\PMO Governança - Análise de Oportunidade - TST.pptx\</t>
  </si>
  <si>
    <t>D:\Backup 12-11-2019\Desktop - 12-11-19\PreVendas - Governo Diogo\TST\CNA\Emergencial\PMO Governança - Análise de Oportunidade - TST.pptx</t>
  </si>
  <si>
    <t>Sem PBM.xlsb</t>
  </si>
  <si>
    <t>D:\Backup 12-11-2019\Desktop - 12-11-19\PreVendas - Governo Diogo\TST\CNA\Emergencial\Sem PBM.xlsb</t>
  </si>
  <si>
    <t>C:\Users\suelenmm\OneDrive - Grupo Algar\Desktop - 12-11-19\PreVendas - Governo Diogo\TST\CNA\Emergencial\TST.zip\</t>
  </si>
  <si>
    <t>D:\Backup 12-11-2019\Desktop - 12-11-19\PreVendas - Governo Diogo\TST\CNA\Emergencial\TST.zip</t>
  </si>
  <si>
    <t>C:\Users\suelenmm\OneDrive - Grupo Algar\Desktop - 12-11-19\PreVendas - Governo Diogo\TST\SD\</t>
  </si>
  <si>
    <t>D:\Backup 12-11-2019\Desktop - 12-11-19\PreVendas - Governo Diogo\TST\SD\Cópia de Planilha de Preço - Serviços Gerenciados.xlsb</t>
  </si>
  <si>
    <t>estudo.xlsx</t>
  </si>
  <si>
    <t>D:\Backup 12-11-2019\Desktop - 12-11-19\PreVendas - Governo Diogo\TST\SD\estudo.xlsx</t>
  </si>
  <si>
    <t>C:\Users\suelenmm\OneDrive - Grupo Algar\Desktop - 12-11-19\PreVendas - Governo Diogo\UNIMED-BH\</t>
  </si>
  <si>
    <t>D:\Backup 12-11-2019\Desktop - 12-11-19\PreVendas - Governo Diogo\UNIMED-BH\Planilha de Preço - Serviços Gerenciados.xlsb</t>
  </si>
  <si>
    <t>C:\Users\suelenmm\OneDrive - Grupo Algar\Desktop - 12-11-19\PreVendas - Governo Diogo\VALE\SDC 5000224776.zip\</t>
  </si>
  <si>
    <t>C - Questionamentos_formul rio.xlsx</t>
  </si>
  <si>
    <t>D:\Backup 12-11-2019\Desktop - 12-11-19\PreVendas - Governo Diogo\VALE\SDC 5000224776.zip</t>
  </si>
  <si>
    <t>C:\Users\suelenmm\OneDrive - Grupo Algar\Desktop - 12-11-19\PreVendas - Governo Diogo\VALE\SDC 5000224776.zip\F - QQP.zip\</t>
  </si>
  <si>
    <t>5 - Appendix V - ITOC N1 QQP (Price List).xlsm</t>
  </si>
  <si>
    <t>6 - Appendix VI - QQP- N2N3-Eng-RegDelivery.xlsm</t>
  </si>
  <si>
    <t>C:\Users\suelenmm\OneDrive - Grupo Algar\Desktop - 12-11-19\PreVendas - Governo Diogo\VALE\ITOC 2018\2 - Edital.zip\</t>
  </si>
  <si>
    <t>3 - Questionamentos_formul rio.xlsx</t>
  </si>
  <si>
    <t>D:\Backup 12-11-2019\Desktop - 12-11-19\PreVendas - Governo Diogo\VALE\ITOC 2018\2 - Edital.zip</t>
  </si>
  <si>
    <t>C:\Users\suelenmm\OneDrive - Grupo Algar\Desktop - 12-11-19\PreVendas - Governo Diogo\VALE\ITOC 2018\</t>
  </si>
  <si>
    <t>LPU.xlsx</t>
  </si>
  <si>
    <t>D:\Backup 12-11-2019\Desktop - 12-11-19\PreVendas - Governo Diogo\VALE\ITOC 2018\LPU.xlsx</t>
  </si>
  <si>
    <t>C:\Users\suelenmm\OneDrive - Grupo Algar\Desktop - 12-11-19\PreVendas - Governo Diogo\VALE\ITOC 2018\2 - Edital\</t>
  </si>
  <si>
    <t>3 - Questionamentos_formulário.xlsx</t>
  </si>
  <si>
    <t>D:\Backup 12-11-2019\Desktop - 12-11-19\PreVendas - Governo Diogo\VALE\ITOC 2018\2 - Edital\3 - Questionamentos_formulário.xlsx</t>
  </si>
  <si>
    <t>C:\Users\suelenmm\OneDrive - Grupo Algar\Desktop - 12-11-19\PreVendas - Governo Diogo\VALE\ITOC 2019\</t>
  </si>
  <si>
    <t>D:\Backup 12-11-2019\Desktop - 12-11-19\PreVendas - Governo Diogo\VALE\ITOC 2019\5 - Appendix V - ITOC N1 QQP (Price List).xlsm</t>
  </si>
  <si>
    <t>D:\Backup 12-11-2019\Desktop - 12-11-19\PreVendas - Governo Diogo\VALE\ITOC 2019\6 - Appendix VI - QQP- N2N3-Eng-RegDelivery.xlsm</t>
  </si>
  <si>
    <t>C - Questionamentos_formulário.xlsx</t>
  </si>
  <si>
    <t>D:\Backup 12-11-2019\Desktop - 12-11-19\PreVendas - Governo Diogo\VALE\ITOC 2019\C - Questionamentos_formulário.xlsx</t>
  </si>
  <si>
    <t>C:\Users\suelenmm\OneDrive - Grupo Algar\Desktop - 12-11-19\PreVendas - Governo Diogo\VALE\ITOC 2019\F - QQP.zip\</t>
  </si>
  <si>
    <t>D:\Backup 12-11-2019\Desktop - 12-11-19\PreVendas - Governo Diogo\VALE\ITOC 2019\F - QQP.zip</t>
  </si>
  <si>
    <t>C:\Users\suelenmm\OneDrive - Grupo Algar\Desktop - 12-11-19\PreVendas - Governo Diogo\Vallourec\</t>
  </si>
  <si>
    <t>Anexos Contratuais de I a IX - RFP 2018 - Full Outsourcing.xlsx</t>
  </si>
  <si>
    <t>D:\Backup 12-11-2019\Desktop - 12-11-19\PreVendas - Governo Diogo\Vallourec\Anexos Contratuais de I a IX - RFP 2018 - Full Outsourcing.xlsx</t>
  </si>
  <si>
    <t>D:\Backup 12-11-2019\Desktop - 12-11-19\PreVendas - Governo Diogo\Vallourec\Pasta1.xlsx</t>
  </si>
  <si>
    <t>C:\Users\suelenmm\OneDrive - Grupo Algar\Desktop - 12-11-19\PreVendas - Governo Diogo\WIKINET\</t>
  </si>
  <si>
    <t>D:\Backup 12-11-2019\Desktop - 12-11-19\PreVendas - Governo Diogo\WIKINET\Pricing.xlsx</t>
  </si>
  <si>
    <t>D:\Backup 12-11-2019\Desktop - 12-11-19\Teste BP\BP Preço C017 B017-Renault Latam LOT5 (insite) v1.7 - 26%MC (fechamento pós BAFO) - Suelen.xlsb</t>
  </si>
  <si>
    <t>D:\Backup 12-11-2019\Desktop - 12-11-19\Teste BP\Cópia de 216428_IBM_CMOC_Field_SP_v1_(C017_B017).xlsb</t>
  </si>
  <si>
    <t>11/13/2019 08:33:24</t>
  </si>
  <si>
    <t>11/13/2019 08:36:23</t>
  </si>
  <si>
    <t>11/13/2019 08:36:27</t>
  </si>
  <si>
    <t>11/13/2019 08:36:30</t>
  </si>
  <si>
    <t>11/13/2019 08:36:31</t>
  </si>
  <si>
    <t>11/13/2019 08:36:33</t>
  </si>
  <si>
    <t>11/13/2019 08:36:34</t>
  </si>
  <si>
    <t>11/13/2019 08:36:39</t>
  </si>
  <si>
    <t>11/13/2019 08:36:40</t>
  </si>
  <si>
    <t>11/13/2019 08:36:42</t>
  </si>
  <si>
    <t>11/13/2019 08:36:44</t>
  </si>
  <si>
    <t>11/13/2019 08:36:46</t>
  </si>
  <si>
    <t>11/13/2019 08:36:48</t>
  </si>
  <si>
    <t>11/13/2019 08:36:50</t>
  </si>
  <si>
    <t>11/13/2019 08:36:51</t>
  </si>
  <si>
    <t>11/13/2019 08:36:52</t>
  </si>
  <si>
    <t>11/13/2019 08:37:06</t>
  </si>
  <si>
    <t>11/13/2019 08:37:18</t>
  </si>
  <si>
    <t>11/13/2019 08:37:31</t>
  </si>
  <si>
    <t>11/13/2019 08:37:34</t>
  </si>
  <si>
    <t>11/13/2019 08:37:47</t>
  </si>
  <si>
    <t>11/13/2019 08:37:49</t>
  </si>
  <si>
    <t>11/13/2019 08:37:52</t>
  </si>
  <si>
    <t>11/13/2019 08:37:55</t>
  </si>
  <si>
    <t>11/13/2019 08:37:57</t>
  </si>
  <si>
    <t>11/13/2019 08:38:01</t>
  </si>
  <si>
    <t>11/13/2019 08:38:05</t>
  </si>
  <si>
    <t>11/13/2019 08:38:07</t>
  </si>
  <si>
    <t>11/13/2019 08:38:09</t>
  </si>
  <si>
    <t>11/13/2019 08:38:10</t>
  </si>
  <si>
    <t>11/13/2019 08:38:11</t>
  </si>
  <si>
    <t>11/13/2019 08:38:12</t>
  </si>
  <si>
    <t>11/13/2019 08:38:14</t>
  </si>
  <si>
    <t>11/13/2019 08:38:17</t>
  </si>
  <si>
    <t>11/13/2019 08:38:18</t>
  </si>
  <si>
    <t>11/13/2019 08:38:19</t>
  </si>
  <si>
    <t>C:\Users\suelenmm\OneDrive - Grupo Algar\Desktop - 12-11-19\PreVendas - Governo Diogo\PRODEST\</t>
  </si>
  <si>
    <t>11/13/2019 08:38:20</t>
  </si>
  <si>
    <t>11/13/2019 08:38:21</t>
  </si>
  <si>
    <t>11/13/2019 08:38:24</t>
  </si>
  <si>
    <t>11/13/2019 08:38:25</t>
  </si>
  <si>
    <t>11/13/2019 08:38:27</t>
  </si>
  <si>
    <t>11/13/2019 08:38:31</t>
  </si>
  <si>
    <t>11/13/2019 08:38:32</t>
  </si>
  <si>
    <t>11/13/2019 08:38:33</t>
  </si>
  <si>
    <t>11/13/2019 08:38:37</t>
  </si>
  <si>
    <t>11/13/2019 08:38:39</t>
  </si>
  <si>
    <t>11/13/2019 08:38:40</t>
  </si>
  <si>
    <t>11/13/2019 08:38:42</t>
  </si>
  <si>
    <t>11/13/2019 08:38:44</t>
  </si>
  <si>
    <t>11/13/2019 08:38:46</t>
  </si>
  <si>
    <t>C:\Users\suelenmm\OneDrive - Grupo Algar\Desktop - 12-11-19\PreVendas - Governo Diogo\SEGER\BP.xlsb\</t>
  </si>
  <si>
    <t>11/13/2019 08:38:47</t>
  </si>
  <si>
    <t>11/13/2019 08:38:51</t>
  </si>
  <si>
    <t>11/13/2019 08:38:54</t>
  </si>
  <si>
    <t>11/13/2019 08:38:56</t>
  </si>
  <si>
    <t>C:\Users\suelenmm\OneDrive - Grupo Algar\Desktop - 12-11-19\PreVendas - Governo Diogo\STM\</t>
  </si>
  <si>
    <t>11/13/2019 08:38:59</t>
  </si>
  <si>
    <t>11/13/2019 08:39:01</t>
  </si>
  <si>
    <t>11/13/2019 08:39:03</t>
  </si>
  <si>
    <t>11/13/2019 08:39:04</t>
  </si>
  <si>
    <t>11/13/2019 08:39:06</t>
  </si>
  <si>
    <t>11/13/2019 08:39:08</t>
  </si>
  <si>
    <t>11/13/2019 08:39:09</t>
  </si>
  <si>
    <t>11/13/2019 08:39:12</t>
  </si>
  <si>
    <t>11/13/2019 08:39:16</t>
  </si>
  <si>
    <t>11/13/2019 08:39:18</t>
  </si>
  <si>
    <t>11/13/2019 08:39:21</t>
  </si>
  <si>
    <t>11/13/2019 08:48:29</t>
  </si>
  <si>
    <t>11/13/2019 08:39:22</t>
  </si>
  <si>
    <t>11/13/2019 08:39:43</t>
  </si>
  <si>
    <t>11/13/2019 08:39:44</t>
  </si>
  <si>
    <t>11/13/2019 08:39:46</t>
  </si>
  <si>
    <t>11/13/2019 08:39:48</t>
  </si>
  <si>
    <t>11/13/2019 08:39:51</t>
  </si>
  <si>
    <t>11/13/2019 08:39:52</t>
  </si>
  <si>
    <t>11/13/2019 08:39:54</t>
  </si>
  <si>
    <t>11/13/2019 08:39:56</t>
  </si>
  <si>
    <t>11/13/2019 08:39:58</t>
  </si>
  <si>
    <t>11/13/2019 08:39:59</t>
  </si>
  <si>
    <t>11/13/2019 08:40:00</t>
  </si>
  <si>
    <t>11/13/2019 08:40:02</t>
  </si>
  <si>
    <t>11/13/2019 08:40:03</t>
  </si>
  <si>
    <t>11/13/2019 08:40:04</t>
  </si>
  <si>
    <t>11/13/2019 08:40:05</t>
  </si>
  <si>
    <t>11/13/2019 08:40:06</t>
  </si>
  <si>
    <t>11/13/2019 08:40:07</t>
  </si>
  <si>
    <t>11/13/2019 08:40:09</t>
  </si>
  <si>
    <t>11/13/2019 08:40:10</t>
  </si>
  <si>
    <t>11/13/2019 08:40:13</t>
  </si>
  <si>
    <t>11/13/2019 08:40:14</t>
  </si>
  <si>
    <t>11/13/2019 08:40:15</t>
  </si>
  <si>
    <t>11/13/2019 08:40:19</t>
  </si>
  <si>
    <t>11/13/2019 08:40:20</t>
  </si>
  <si>
    <t>11/13/2019 08:40:22</t>
  </si>
  <si>
    <t>11/13/2019 08:40:27</t>
  </si>
  <si>
    <t>11/13/2019 08:40:31</t>
  </si>
  <si>
    <t>11/13/2019 08:40:37</t>
  </si>
  <si>
    <t>11/13/2019 08:40:38</t>
  </si>
  <si>
    <t>11/13/2019 08:40:39</t>
  </si>
  <si>
    <t>11/13/2019 08:40:40</t>
  </si>
  <si>
    <t>11/13/2019 08:40:42</t>
  </si>
  <si>
    <t>11/13/2019 08:40:43</t>
  </si>
  <si>
    <t>11/13/2019 08:40:48</t>
  </si>
  <si>
    <t>11/13/2019 08:40:49</t>
  </si>
  <si>
    <t>11/13/2019 08:40:50</t>
  </si>
  <si>
    <t>11/13/2019 08:40:51</t>
  </si>
  <si>
    <t>11/13/2019 08:40:52</t>
  </si>
  <si>
    <t>11/13/2019 08:40:54</t>
  </si>
  <si>
    <t>11/13/2019 08:40:55</t>
  </si>
  <si>
    <t>11/13/2019 08:40:56</t>
  </si>
  <si>
    <t>11/13/2019 08:40:57</t>
  </si>
  <si>
    <t>11/13/2019 08:41:00</t>
  </si>
  <si>
    <t>11/13/2019 08:41:01</t>
  </si>
  <si>
    <t>11/13/2019 08:41:02</t>
  </si>
  <si>
    <t>11/13/2019 08:41:05</t>
  </si>
  <si>
    <t>11/13/2019 08:41:08</t>
  </si>
  <si>
    <t>11/13/2019 08:41:12</t>
  </si>
  <si>
    <t>11/13/2019 08:41:13</t>
  </si>
  <si>
    <t>11/13/2019 08:41:17</t>
  </si>
  <si>
    <t>11/13/2019 08:41:20</t>
  </si>
  <si>
    <t>11/13/2019 08:41:22</t>
  </si>
  <si>
    <t>11/13/2019 08:41:23</t>
  </si>
  <si>
    <t>11/13/2019 08:41:29</t>
  </si>
  <si>
    <t>11/13/2019 08:41:32</t>
  </si>
  <si>
    <t>11/13/2019 08:41:37</t>
  </si>
  <si>
    <t>11/13/2019 08:41:40</t>
  </si>
  <si>
    <t>11/13/2019 08:41:41</t>
  </si>
  <si>
    <t>11/13/2019 08:41:42</t>
  </si>
  <si>
    <t>11/13/2019 08:41:44</t>
  </si>
  <si>
    <t>11/13/2019 08:41:45</t>
  </si>
  <si>
    <t>11/13/2019 08:41:46</t>
  </si>
  <si>
    <t>11/13/2019 08:41:48</t>
  </si>
  <si>
    <t>11/13/2019 08:41:51</t>
  </si>
  <si>
    <t>11/13/2019 08:41:52</t>
  </si>
  <si>
    <t>11/13/2019 08:41:55</t>
  </si>
  <si>
    <t>11/13/2019 08:41:58</t>
  </si>
  <si>
    <t>11/13/2019 08:42:00</t>
  </si>
  <si>
    <t>11/13/2019 08:42:04</t>
  </si>
  <si>
    <t>11/13/2019 08:42:05</t>
  </si>
  <si>
    <t>11/13/2019 08:42:06</t>
  </si>
  <si>
    <t>11/13/2019 08:42:09</t>
  </si>
  <si>
    <t>11/13/2019 08:42:10</t>
  </si>
  <si>
    <t>11/13/2019 08:42:12</t>
  </si>
  <si>
    <t>11/13/2019 08:42:14</t>
  </si>
  <si>
    <t>11/13/2019 08:42:16</t>
  </si>
  <si>
    <t>11/13/2019 08:42:17</t>
  </si>
  <si>
    <t>11/13/2019 08:42:18</t>
  </si>
  <si>
    <t>11/13/2019 08:42:19</t>
  </si>
  <si>
    <t>11/13/2019 08:42:20</t>
  </si>
  <si>
    <t>11/13/2019 08:42:21</t>
  </si>
  <si>
    <t>11/13/2019 08:42:22</t>
  </si>
  <si>
    <t>11/13/2019 08:42:23</t>
  </si>
  <si>
    <t>11/13/2019 08:42:24</t>
  </si>
  <si>
    <t>11/13/2019 08:42:27</t>
  </si>
  <si>
    <t>11/13/2019 08:42:28</t>
  </si>
  <si>
    <t>11/13/2019 08:42:33</t>
  </si>
  <si>
    <t>11/13/2019 08:42:36</t>
  </si>
  <si>
    <t>11/13/2019 08:42:40</t>
  </si>
  <si>
    <t>11/13/2019 08:42:41</t>
  </si>
  <si>
    <t>11/13/2019 08:42:48</t>
  </si>
  <si>
    <t>11/13/2019 08:42:51</t>
  </si>
  <si>
    <t>11/13/2019 08:42:53</t>
  </si>
  <si>
    <t>11/13/2019 08:42:54</t>
  </si>
  <si>
    <t>11/13/2019 08:42:56</t>
  </si>
  <si>
    <t>11/13/2019 08:42:58</t>
  </si>
  <si>
    <t>11/13/2019 08:43:00</t>
  </si>
  <si>
    <t>11/13/2019 08:43:02</t>
  </si>
  <si>
    <t>11/13/2019 08:43:04</t>
  </si>
  <si>
    <t>11/13/2019 08:43:05</t>
  </si>
  <si>
    <t>11/13/2019 08:43:06</t>
  </si>
  <si>
    <t>11/13/2019 08:43:09</t>
  </si>
  <si>
    <t>11/13/2019 08:43:14</t>
  </si>
  <si>
    <t>11/13/2019 08:43:16</t>
  </si>
  <si>
    <t>11/13/2019 08:43:18</t>
  </si>
  <si>
    <t>11/13/2019 08:43:19</t>
  </si>
  <si>
    <t>11/13/2019 08:43:21</t>
  </si>
  <si>
    <t>C:\Users\suelenmm\OneDrive - Grupo Algar\Desktop - 12-11-19\PreVendas - Governo Diogo\GEFCO\Revisão Sinergia\SD 24x6 - 36 meses.xlsb\</t>
  </si>
  <si>
    <t>11/13/2019 08:43:24</t>
  </si>
  <si>
    <t>C:\Users\suelenmm\OneDrive - Grupo Algar\Desktop - 12-11-19\PreVendas - Governo Diogo\GEFCO\Revisão Sinergia\SD 24x6 - 24 meses.xlsb\</t>
  </si>
  <si>
    <t>11/13/2019 08:43:27</t>
  </si>
  <si>
    <t>C:\Users\suelenmm\OneDrive - Grupo Algar\Desktop - 12-11-19\PreVendas - Governo Diogo\GEFCO\Revisão Sinergia\SD 24x5 - 36 meses.xlsb\</t>
  </si>
  <si>
    <t>C:\Users\suelenmm\OneDrive - Grupo Algar\Desktop - 12-11-19\PreVendas - Governo Diogo\GEFCO\Revisão Sinergia\SD 24x5 - 24 meses.xlsb\</t>
  </si>
  <si>
    <t>11/13/2019 08:43:33</t>
  </si>
  <si>
    <t>11/13/2019 08:43:42</t>
  </si>
  <si>
    <t>11/13/2019 08:43:43</t>
  </si>
  <si>
    <t>11/13/2019 08:43:46</t>
  </si>
  <si>
    <t>11/13/2019 08:43:47</t>
  </si>
  <si>
    <t>11/13/2019 08:43:50</t>
  </si>
  <si>
    <t>11/13/2019 08:43:52</t>
  </si>
  <si>
    <t>11/13/2019 08:43:54</t>
  </si>
  <si>
    <t>11/13/2019 08:44:00</t>
  </si>
  <si>
    <t>11/13/2019 08:44:01</t>
  </si>
  <si>
    <t>11/13/2019 08:44:02</t>
  </si>
  <si>
    <t>11/13/2019 08:44:05</t>
  </si>
  <si>
    <t>11/13/2019 08:44:08</t>
  </si>
  <si>
    <t>11/13/2019 08:44:21</t>
  </si>
  <si>
    <t>11/13/2019 08:45:01</t>
  </si>
  <si>
    <t>11/13/2019 08:45:02</t>
  </si>
  <si>
    <t>11/13/2019 08:45:03</t>
  </si>
  <si>
    <t>11/13/2019 08:45:04</t>
  </si>
  <si>
    <t>11/13/2019 08:45:09</t>
  </si>
  <si>
    <t>11/13/2019 08:45:10</t>
  </si>
  <si>
    <t>11/13/2019 08:45:11</t>
  </si>
  <si>
    <t>11/13/2019 08:45:12</t>
  </si>
  <si>
    <t>11/13/2019 08:45:13</t>
  </si>
  <si>
    <t>11/13/2019 08:45:14</t>
  </si>
  <si>
    <t>11/13/2019 08:45:15</t>
  </si>
  <si>
    <t>11/13/2019 08:45:16</t>
  </si>
  <si>
    <t>11/13/2019 08:45:17</t>
  </si>
  <si>
    <t>11/13/2019 08:45:18</t>
  </si>
  <si>
    <t>11/13/2019 08:45:19</t>
  </si>
  <si>
    <t>11/13/2019 08:45:20</t>
  </si>
  <si>
    <t>11/13/2019 08:45:30</t>
  </si>
  <si>
    <t>11/13/2019 08:45:39</t>
  </si>
  <si>
    <t>11/13/2019 08:45:47</t>
  </si>
  <si>
    <t>11/13/2019 08:45:48</t>
  </si>
  <si>
    <t>11/13/2019 08:45:57</t>
  </si>
  <si>
    <t>11/13/2019 08:45:59</t>
  </si>
  <si>
    <t>11/13/2019 08:46:00</t>
  </si>
  <si>
    <t>11/13/2019 08:46:07</t>
  </si>
  <si>
    <t>11/13/2019 08:46:08</t>
  </si>
  <si>
    <t>11/13/2019 08:46:10</t>
  </si>
  <si>
    <t>11/13/2019 08:46:11</t>
  </si>
  <si>
    <t>11/13/2019 08:46:13</t>
  </si>
  <si>
    <t>11/13/2019 08:46:17</t>
  </si>
  <si>
    <t>11/13/2019 08:46:19</t>
  </si>
  <si>
    <t>11/13/2019 08:46:20</t>
  </si>
  <si>
    <t>11/13/2019 08:46:21</t>
  </si>
  <si>
    <t>11/13/2019 08:46:24</t>
  </si>
  <si>
    <t>11/13/2019 08:46:25</t>
  </si>
  <si>
    <t>11/13/2019 08:46:26</t>
  </si>
  <si>
    <t>11/13/2019 08:47:07</t>
  </si>
  <si>
    <t>11/13/2019 08:47:08</t>
  </si>
  <si>
    <t>11/13/2019 08:47:09</t>
  </si>
  <si>
    <t>11/13/2019 08:47:10</t>
  </si>
  <si>
    <t>11/13/2019 08:47:11</t>
  </si>
  <si>
    <t>11/13/2019 08:47:12</t>
  </si>
  <si>
    <t>11/13/2019 08:47:14</t>
  </si>
  <si>
    <t>11/13/2019 08:47:18</t>
  </si>
  <si>
    <t>11/13/2019 08:47:19</t>
  </si>
  <si>
    <t>11/13/2019 08:47:22</t>
  </si>
  <si>
    <t>11/13/2019 08:47:24</t>
  </si>
  <si>
    <t>11/13/2019 08:47:25</t>
  </si>
  <si>
    <t>11/13/2019 08:47:29</t>
  </si>
  <si>
    <t>11/13/2019 08:47:31</t>
  </si>
  <si>
    <t>11/13/2019 08:47:33</t>
  </si>
  <si>
    <t>11/13/2019 08:47:34</t>
  </si>
  <si>
    <t>11/13/2019 08:47:36</t>
  </si>
  <si>
    <t>11/13/2019 08:47:53</t>
  </si>
  <si>
    <t>11/13/2019 08:53:29</t>
  </si>
  <si>
    <t>11/13/2019 08:47:54</t>
  </si>
  <si>
    <t>11/13/2019 08:47:56</t>
  </si>
  <si>
    <t>11/13/2019 08:47:57</t>
  </si>
  <si>
    <t>11/13/2019 08:47:58</t>
  </si>
  <si>
    <t>11/13/2019 08:47:59</t>
  </si>
  <si>
    <t>11/13/2019 08:48:01</t>
  </si>
  <si>
    <t>11/13/2019 08:48:03</t>
  </si>
  <si>
    <t>11/13/2019 08:48:04</t>
  </si>
  <si>
    <t>11/13/2019 08:48:09</t>
  </si>
  <si>
    <t>11/13/2019 08:48:11</t>
  </si>
  <si>
    <t>11/13/2019 08:48:12</t>
  </si>
  <si>
    <t>11/13/2019 08:48:13</t>
  </si>
  <si>
    <t>11/13/2019 08:48:16</t>
  </si>
  <si>
    <t>11/13/2019 08:48:17</t>
  </si>
  <si>
    <t>11/13/2019 08:48:18</t>
  </si>
  <si>
    <t>11/13/2019 08:48:19</t>
  </si>
  <si>
    <t>11/13/2019 08:48:20</t>
  </si>
  <si>
    <t>C:\Users\suelenmm\OneDrive - Grupo Algar\Desktop - 12-11-19\PreVendas - Governo Diogo\ANS\2016\Cotação 07-2016\</t>
  </si>
  <si>
    <t>11/13/2019 08:48:22</t>
  </si>
  <si>
    <t>11/13/2019 08:48:23</t>
  </si>
  <si>
    <t>11/13/2019 08:48:26</t>
  </si>
  <si>
    <t>11/13/2019 08:48:32</t>
  </si>
  <si>
    <t>11/13/2019 08:48:35</t>
  </si>
  <si>
    <t>11/13/2019 08:48:38</t>
  </si>
  <si>
    <t>11/13/2019 08:48:40</t>
  </si>
  <si>
    <t>11/13/2019 08:48:43</t>
  </si>
  <si>
    <t>11/13/2019 08:48:46</t>
  </si>
  <si>
    <t>11/13/2019 08:48:48</t>
  </si>
  <si>
    <t>11/13/2019 08:48:50</t>
  </si>
  <si>
    <t>11/13/2019 08:48:52</t>
  </si>
  <si>
    <t>11/13/2019 08:48:54</t>
  </si>
  <si>
    <t>11/13/2019 08:48:57</t>
  </si>
  <si>
    <t>11/13/2019 08:48:59</t>
  </si>
  <si>
    <t>11/13/2019 08:49:01</t>
  </si>
  <si>
    <t>11/13/2019 08:49:02</t>
  </si>
  <si>
    <t>11/13/2019 08:49:04</t>
  </si>
  <si>
    <t>11/13/2019 08:49:05</t>
  </si>
  <si>
    <t>11/13/2019 08:49:06</t>
  </si>
  <si>
    <t>11/13/2019 08:49:08</t>
  </si>
  <si>
    <t>11/13/2019 08:49:12</t>
  </si>
  <si>
    <t>11/13/2019 08:49:13</t>
  </si>
  <si>
    <t>11/13/2019 08:49:15</t>
  </si>
  <si>
    <t>11/13/2019 08:49:16</t>
  </si>
  <si>
    <t>11/13/2019 08:49:17</t>
  </si>
  <si>
    <t>11/13/2019 08:49:18</t>
  </si>
  <si>
    <t>11/13/2019 08:49:19</t>
  </si>
  <si>
    <t>11/13/2019 08:49:21</t>
  </si>
  <si>
    <t>11/13/2019 08:49:23</t>
  </si>
  <si>
    <t>11/13/2019 08:49:24</t>
  </si>
  <si>
    <t>11/13/2019 08:49:25</t>
  </si>
  <si>
    <t>11/13/2019 08:49:26</t>
  </si>
  <si>
    <t>11/13/2019 08:49:28</t>
  </si>
  <si>
    <t>11/13/2019 08:49:33</t>
  </si>
  <si>
    <t>11/13/2019 08:49:34</t>
  </si>
  <si>
    <t>11/13/2019 08:49:36</t>
  </si>
  <si>
    <t>11/13/2019 08:49:37</t>
  </si>
  <si>
    <t>11/13/2019 08:49:38</t>
  </si>
  <si>
    <t>11/13/2019 08:49:39</t>
  </si>
  <si>
    <t>11/13/2019 08:49:40</t>
  </si>
  <si>
    <t>11/13/2019 08:49:41</t>
  </si>
  <si>
    <t>11/13/2019 08:49:42</t>
  </si>
  <si>
    <t>11/13/2019 08:49:44</t>
  </si>
  <si>
    <t>11/13/2019 08:49:45</t>
  </si>
  <si>
    <t>11/13/2019 08:49:46</t>
  </si>
  <si>
    <t>11/13/2019 08:49:48</t>
  </si>
  <si>
    <t>11/13/2019 08:49:49</t>
  </si>
  <si>
    <t>11/13/2019 08:49:51</t>
  </si>
  <si>
    <t>11/13/2019 08:49:52</t>
  </si>
  <si>
    <t>11/13/2019 08:49:53</t>
  </si>
  <si>
    <t>11/13/2019 08:49:54</t>
  </si>
  <si>
    <t>11/13/2019 08:49:55</t>
  </si>
  <si>
    <t>11/13/2019 08:49:56</t>
  </si>
  <si>
    <t>11/13/2019 08:50:00</t>
  </si>
  <si>
    <t>11/13/2019 08:50:01</t>
  </si>
  <si>
    <t>11/13/2019 08:50:02</t>
  </si>
  <si>
    <t>11/13/2019 08:50:05</t>
  </si>
  <si>
    <t>11/13/2019 08:50:10</t>
  </si>
  <si>
    <t>11/13/2019 08:50:12</t>
  </si>
  <si>
    <t>11/13/2019 08:50:14</t>
  </si>
  <si>
    <t>11/13/2019 08:50:22</t>
  </si>
  <si>
    <t>11/13/2019 08:50:23</t>
  </si>
  <si>
    <t>11/13/2019 08:50:24</t>
  </si>
  <si>
    <t>11/13/2019 08:50:25</t>
  </si>
  <si>
    <t>11/13/2019 08:50:26</t>
  </si>
  <si>
    <t>11/13/2019 08:50:27</t>
  </si>
  <si>
    <t>11/13/2019 08:50:31</t>
  </si>
  <si>
    <t>C:\Users\suelenmm\OneDrive - Grupo Algar\Desktop - 12-11-19\PreVendas - Governo Diogo\DPRF\2017\RFQ Sede\</t>
  </si>
  <si>
    <t>11/13/2019 08:50:35</t>
  </si>
  <si>
    <t>11/13/2019 08:50:37</t>
  </si>
  <si>
    <t>11/13/2019 08:50:44</t>
  </si>
  <si>
    <t>11/13/2019 08:51:23</t>
  </si>
  <si>
    <t>11/13/2019 08:51:24</t>
  </si>
  <si>
    <t>11/13/2019 08:51:25</t>
  </si>
  <si>
    <t>11/13/2019 08:51:26</t>
  </si>
  <si>
    <t>11/13/2019 08:51:27</t>
  </si>
  <si>
    <t>11/13/2019 08:51:30</t>
  </si>
  <si>
    <t>11/13/2019 08:51:31</t>
  </si>
  <si>
    <t>11/13/2019 08:51:32</t>
  </si>
  <si>
    <t>11/13/2019 08:51:33</t>
  </si>
  <si>
    <t>11/13/2019 08:51:34</t>
  </si>
  <si>
    <t>11/13/2019 08:51:35</t>
  </si>
  <si>
    <t>11/13/2019 08:51:37</t>
  </si>
  <si>
    <t>11/13/2019 08:51:38</t>
  </si>
  <si>
    <t>11/13/2019 08:51:40</t>
  </si>
  <si>
    <t>11/13/2019 08:51:41</t>
  </si>
  <si>
    <t>11/13/2019 08:51:42</t>
  </si>
  <si>
    <t>11/13/2019 08:51:44</t>
  </si>
  <si>
    <t>11/13/2019 08:51:48</t>
  </si>
  <si>
    <t>11/13/2019 08:51:50</t>
  </si>
  <si>
    <t>11/13/2019 08:51:52</t>
  </si>
  <si>
    <t>11/13/2019 08:51:56</t>
  </si>
  <si>
    <t>11/13/2019 08:51:58</t>
  </si>
  <si>
    <t>C:\Users\suelenmm\OneDrive - Grupo Algar\Desktop - 12-11-19\PreVendas - Governo Diogo\GEFCO\Revisão Sinergia\Cenário LATAM\SD 24x6 - 36 meses.xlsb\</t>
  </si>
  <si>
    <t>11/13/2019 08:52:00</t>
  </si>
  <si>
    <t>C:\Users\suelenmm\OneDrive - Grupo Algar\Desktop - 12-11-19\PreVendas - Governo Diogo\GEFCO\Revisão Sinergia\Cenário LATAM\SD 24x6 - 24 meses.xlsb\</t>
  </si>
  <si>
    <t>11/13/2019 08:52:02</t>
  </si>
  <si>
    <t>C:\Users\suelenmm\OneDrive - Grupo Algar\Desktop - 12-11-19\PreVendas - Governo Diogo\GEFCO\Revisão Sinergia\Cenário LATAM\SD 24x5 - 36 meses.xlsb\</t>
  </si>
  <si>
    <t>11/13/2019 08:52:03</t>
  </si>
  <si>
    <t>C:\Users\suelenmm\OneDrive - Grupo Algar\Desktop - 12-11-19\PreVendas - Governo Diogo\GEFCO\Revisão Sinergia\Cenário LATAM\SD 24x5 - 24 meses.xlsb\</t>
  </si>
  <si>
    <t>11/13/2019 08:52:06</t>
  </si>
  <si>
    <t>11/13/2019 08:52:07</t>
  </si>
  <si>
    <t>C:\Users\suelenmm\OneDrive - Grupo Algar\Desktop - 12-11-19\PreVendas - Governo Diogo\GEFCO\Revisão Sinergia\Cenário LATAM\Equipe Sinergia.xlsb\</t>
  </si>
  <si>
    <t>11/13/2019 08:52:10</t>
  </si>
  <si>
    <t>C:\Users\suelenmm\OneDrive - Grupo Algar\Desktop - 12-11-19\PreVendas - Governo Diogo\GEFCO\Revisão Sinergia\Novos Cenários\</t>
  </si>
  <si>
    <t>C:\Users\suelenmm\OneDrive - Grupo Algar\Desktop - 12-11-19\PreVendas - Governo Diogo\GEFCO\Revisão Sinergia\Novos Cenários - SEM SUPERVISOR\</t>
  </si>
  <si>
    <t>C:\Users\suelenmm\OneDrive - Grupo Algar\Desktop - 12-11-19\PreVendas - Governo Diogo\GEFCO\Revisão Sinergia\Sem Field\</t>
  </si>
  <si>
    <t>11/13/2019 08:52:12</t>
  </si>
  <si>
    <t>11/13/2019 08:52:14</t>
  </si>
  <si>
    <t>11/13/2019 08:52:15</t>
  </si>
  <si>
    <t>11/13/2019 08:52:16</t>
  </si>
  <si>
    <t>11/13/2019 08:52:17</t>
  </si>
  <si>
    <t>11/13/2019 08:52:18</t>
  </si>
  <si>
    <t>11/13/2019 08:52:19</t>
  </si>
  <si>
    <t>11/13/2019 08:52:22</t>
  </si>
  <si>
    <t>11/13/2019 08:52:23</t>
  </si>
  <si>
    <t>11/13/2019 08:52:24</t>
  </si>
  <si>
    <t>11/13/2019 08:52:25</t>
  </si>
  <si>
    <t>11/13/2019 08:52:28</t>
  </si>
  <si>
    <t>11/13/2019 08:52:29</t>
  </si>
  <si>
    <t>11/13/2019 08:52:31</t>
  </si>
  <si>
    <t>11/13/2019 08:52:32</t>
  </si>
  <si>
    <t>11/13/2019 08:52:34</t>
  </si>
  <si>
    <t>11/13/2019 08:52:36</t>
  </si>
  <si>
    <t>11/13/2019 08:52:40</t>
  </si>
  <si>
    <t>11/13/2019 08:52:41</t>
  </si>
  <si>
    <t>11/13/2019 08:52:44</t>
  </si>
  <si>
    <t>11/13/2019 08:52:45</t>
  </si>
  <si>
    <t>11/13/2019 08:52:47</t>
  </si>
  <si>
    <t>11/13/2019 08:53:46</t>
  </si>
  <si>
    <t>11/13/2019 08:55:29</t>
  </si>
  <si>
    <t>C:\Users\gustavoas\Desktop\TECH DAY - GAT v3.pptx\</t>
  </si>
  <si>
    <t>D:\TECH DAY - GAT v3.pptx</t>
  </si>
  <si>
    <t>11/13/2019 08:52:49</t>
  </si>
  <si>
    <t>11/13/2019 08:58:29</t>
  </si>
  <si>
    <t>11/13/2019 08:52:50</t>
  </si>
  <si>
    <t>11/13/2019 08:52:51</t>
  </si>
  <si>
    <t>11/13/2019 08:52:52</t>
  </si>
  <si>
    <t>11/13/2019 08:52:54</t>
  </si>
  <si>
    <t>11/13/2019 08:52:55</t>
  </si>
  <si>
    <t>11/13/2019 08:52:56</t>
  </si>
  <si>
    <t>11/13/2019 08:52:58</t>
  </si>
  <si>
    <t>11/13/2019 08:52:59</t>
  </si>
  <si>
    <t>11/13/2019 08:53:04</t>
  </si>
  <si>
    <t>11/13/2019 08:53:06</t>
  </si>
  <si>
    <t>11/13/2019 08:53:08</t>
  </si>
  <si>
    <t>11/13/2019 08:53:09</t>
  </si>
  <si>
    <t>11/13/2019 08:53:10</t>
  </si>
  <si>
    <t>11/13/2019 08:53:11</t>
  </si>
  <si>
    <t>11/13/2019 08:53:12</t>
  </si>
  <si>
    <t>11/13/2019 08:53:14</t>
  </si>
  <si>
    <t>11/13/2019 08:53:15</t>
  </si>
  <si>
    <t>11/13/2019 08:53:16</t>
  </si>
  <si>
    <t>11/13/2019 08:53:18</t>
  </si>
  <si>
    <t>11/13/2019 08:53:20</t>
  </si>
  <si>
    <t>11/13/2019 08:59:14</t>
  </si>
  <si>
    <t>11/13/2019 09:01:29</t>
  </si>
  <si>
    <t>/o=exchangelabs/ou=exchange administrative group (fydibohf23spdlt)/cn=recipients/cn=06d628e3f48b48f491437fe6311215ae-claudiane a;/o=exchangelabs/ou=exchange administrative group (fydibohf23spdlt)/cn=recipients/cn=60faf2b5b04b4809ba6e5fa8b0b884a6-evelise tri;/o=exchangelabs/ou=exchange administrative group (fydibohf23spdlt)/cn=recipients/cn=a9a1fe1d51ef4ee29617a1c11aa10050-marinalva i;/o=exchangelabs/ou=exchange administrative group (fydibohf23spdlt)/cn=recipients/cn=bf5c8ee8081a4a4cbf005372e2697869-tassiane ci;/o=exchangelabs/ou=exchange administrative group (fydibohf23spdlt)/cn=recipients/cn=e70cc16764ef4e4fac6e4581f29c2881-valeria bet;/o=exchangelabs/ou=exchange administrative group (fydibohf23spdlt)/cn=recipients/cn=hugo cesar rodrigues dos santos;larissabdi@algartech.com;</t>
  </si>
  <si>
    <t>ENC: Árvores Ecohouse (Todas) --validação - Urgente!</t>
  </si>
  <si>
    <t>/o=exchangelabs/ou=exchange administrative group (fydibohf23spdlt)/cn=recipients/cn=06d628e3f48b48f491437fe6311215ae-claudiane a,/o=exchangelabs/ou=exchange administrative group (fydibohf23spdlt)/cn=recipients/cn=60faf2b5b04b4809ba6e5fa8b0b884a6-evelise tri,/o=exchangelabs/ou=exchange administrative group (fydibohf23spdlt)/cn=recipients/cn=a9a1fe1d51ef4ee29617a1c11aa10050-marinalva i,/o=exchangelabs/ou=exchange administrative group (fydibohf23spdlt)/cn=recipients/cn=bf5c8ee8081a4a4cbf005372e2697869-tassiane ci,/o=exchangelabs/ou=exchange administrative group (fydibohf23spdlt)/cn=recipients/cn=e70cc16764ef4e4fac6e4581f29c2881-valeria bet,/o=exchangelabs/ou=exchange administrative group (fydibohf23spdlt)/cn=recipients/cn=hugo cesar rodrigues dos santos,larissabdi@algartech.com</t>
  </si>
  <si>
    <t>C:\Users\camilat\OneDrive - Grupo Algar\GERENCIAL\FINANCEIRO\Faturamento\340500033\</t>
  </si>
  <si>
    <t>Evolução Contratos Projetos Algar 2019.xlsx</t>
  </si>
  <si>
    <t>CapacityPrevisto-Novembro.xlsx</t>
  </si>
  <si>
    <t>mail.google.com/_/upload?authuser=0&amp;dcp=asu-n&amp;upload_id=AEnB2Up_yvfwVmhjQ90kmoif30Gi8GL4BNPYCD8zLFQdRv6_xJmcDmSh8WAwOfEMLYcI716YmtgZBqLfmuJPC05nxQNHwWVZcifABdLzjWYC84bdy22QSGk&amp;upload_protocol=resumable</t>
  </si>
  <si>
    <t>cscatende@cscalgar.com.br;heliana.antunes@cscalgar.com.br;</t>
  </si>
  <si>
    <t>cscatende@cscalgar.com.br,heliana.antunes@cscalgar.com.br</t>
  </si>
  <si>
    <t>C:\Users\camilat\OneDrive - Grupo Algar\GERENCIAL\FINANCEIRO\ORÇAMENTO E FORECAST\ORÇAMENTO\</t>
  </si>
  <si>
    <t>V2_TEMPLATE ORÇAMENTÁRIO - 2019 - 1ª Revisão 340002017.xlsb</t>
  </si>
  <si>
    <t>V2_TEMPLATE ORÇAMENTÁRIO - 2019 - 1ª Revisão 340500033.xlsb</t>
  </si>
  <si>
    <t>V2_TEMPLATE ORÇAMENTÁRIO - 2019 - 1ª Revisão 340020049.xlsb</t>
  </si>
  <si>
    <t>brunorioss@icloud.com;brunosr@algartech.com;leonardoamf@algartech.com;robertaasp@algartech.com;</t>
  </si>
  <si>
    <t>Dados João Paulo.xlsx</t>
  </si>
  <si>
    <t>brunorioss@icloud.com,brunosr@algartech.com,leonardoamf@algartech.com,robertaasp@algartech.com</t>
  </si>
  <si>
    <t>C:\Users\camilat\OneDrive - Grupo Algar\GERENCIAL\FINANCEIRO\Faturamento\340002017\OUTUBRO 19\</t>
  </si>
  <si>
    <t>Razão Out 19_2017.xls</t>
  </si>
  <si>
    <t>Razão Out 19_33.xls</t>
  </si>
  <si>
    <t>C:\Users\camilat\OneDrive - Grupo Algar\CAMILA TIRSO - BKP\</t>
  </si>
  <si>
    <t>Formulário V15_Kaciele - Copia.xlsx</t>
  </si>
  <si>
    <t>C:\Users\camilat\Desktop\NPS - AlgarTech.pptx\</t>
  </si>
  <si>
    <t>BASE TOTAL SGN 1.xlsx</t>
  </si>
  <si>
    <t>11/13/2019 09:08:34</t>
  </si>
  <si>
    <t>11/13/2019 09:09:30</t>
  </si>
  <si>
    <t>\\acsfs\dsti\CIT- Coordenação de Inteligência de Tecnologia\06 - Gerenciamento de Fornecedores\3. Requisições\MICROSOFT\Office 365\2019\10. Outubro\10. Outubro.7z\</t>
  </si>
  <si>
    <t>11/13/2019 09:10:14</t>
  </si>
  <si>
    <t>11/13/2019 09:11:29</t>
  </si>
  <si>
    <t>/o=exchangelabs/ou=exchange administrative group (fydibohf23spdlt)/cn=recipients/cn=161c8ab454bb4f4ebde8223bf694a34b-pedro felip;/o=exchangelabs/ou=exchange administrative group (fydibohf23spdlt)/cn=recipients/cn=55643a6cbd93423e8f0c948d862c9e35-marcelo ale;gisele.lopes@algartech.com;</t>
  </si>
  <si>
    <t>ENC: Sobreaviso - Novembro</t>
  </si>
  <si>
    <t>/o=exchangelabs/ou=exchange administrative group (fydibohf23spdlt)/cn=recipients/cn=161c8ab454bb4f4ebde8223bf694a34b-pedro felip,/o=exchangelabs/ou=exchange administrative group (fydibohf23spdlt)/cn=recipients/cn=55643a6cbd93423e8f0c948d862c9e35-marcelo ale,gisele.lopes@algartech.com</t>
  </si>
  <si>
    <t>11/13/2019 09:08:57</t>
  </si>
  <si>
    <t>11/13/2019 09:14:30</t>
  </si>
  <si>
    <t>\\acsfs\dsti\CIT- Coordenação de Inteligência de Tecnologia\06 - Gerenciamento de Fornecedores\3. Requisições\MICROSOFT\Office 365\2019\10. Outubro\</t>
  </si>
  <si>
    <t>VALOR ref Setembro.19 OFFICE 365.xlsx</t>
  </si>
  <si>
    <t>11/13/2019 09:12:12</t>
  </si>
  <si>
    <t>11/13/2019 09:16:30</t>
  </si>
  <si>
    <t>11/13/2019 09:12:51</t>
  </si>
  <si>
    <t>20190808 CUSTO PA 2019.xlsx</t>
  </si>
  <si>
    <t>11/13/2019 09:14:33</t>
  </si>
  <si>
    <t>11/13/2019 09:17:29</t>
  </si>
  <si>
    <t>jeannff@algartech.com;</t>
  </si>
  <si>
    <t>jeannff@algartech.com</t>
  </si>
  <si>
    <t>11/13/2019 09:15:00</t>
  </si>
  <si>
    <t>Saldos CR's</t>
  </si>
  <si>
    <t>4664732976954b46910b50256f7457f5.xls</t>
  </si>
  <si>
    <t>11/13/2019 09:18:02</t>
  </si>
  <si>
    <t>11/13/2019 09:21:29</t>
  </si>
  <si>
    <t>01 - Base Oficial PAs.xlsx</t>
  </si>
  <si>
    <t>11/13/2019 09:19:32</t>
  </si>
  <si>
    <t>Criterio_Rateio Base Wanessa.xlsx</t>
  </si>
  <si>
    <t>11/13/2019 09:18:36</t>
  </si>
  <si>
    <t>11/13/2019 09:23:30</t>
  </si>
  <si>
    <t>11/13/2019 09:22:40</t>
  </si>
  <si>
    <t>11/13/2019 09:26:29</t>
  </si>
  <si>
    <t>/o=exchangelabs/ou=exchange administrative group (fydibohf23spdlt)/cn=recipients/cn=a72a765de829420582b78941417073ac-karina rodr;/o=exchangelabs/ou=exchange administrative group (fydibohf23spdlt)/cn=recipients/cn=e70cc16764ef4e4fac6e4581f29c2881-valeria bet;/o=exchangelabs/ou=exchange administrative group (fydibohf23spdlt)/cn=recipients/cn=f701196445cc4cd494c258b6fe596d27-pamela cris;/o=exchangelabs/ou=exchange administrative group (fydibohf23spdlt)/cn=recipients/cn=user776b6484;hugo_cesar_rodrigues_dos_santos_algar@whirlpool.com;larissabdi@algartech.com;</t>
  </si>
  <si>
    <t>ENC: Cronograma Demandas Ecohouse</t>
  </si>
  <si>
    <t>Cronograma Ecohouse.xlsx</t>
  </si>
  <si>
    <t>/o=exchangelabs/ou=exchange administrative group (fydibohf23spdlt)/cn=recipients/cn=a72a765de829420582b78941417073ac-karina rodr,/o=exchangelabs/ou=exchange administrative group (fydibohf23spdlt)/cn=recipients/cn=e70cc16764ef4e4fac6e4581f29c2881-valeria bet,/o=exchangelabs/ou=exchange administrative group (fydibohf23spdlt)/cn=recipients/cn=f701196445cc4cd494c258b6fe596d27-pamela cris,/o=exchangelabs/ou=exchange administrative group (fydibohf23spdlt)/cn=recipients/cn=user776b6484,hugo_cesar_rodrigues_dos_santos_algar@whirlpool.com,larissabdi@algartech.com</t>
  </si>
  <si>
    <t>11/13/2019 09:28:33</t>
  </si>
  <si>
    <t>11/13/2019 09:31:30</t>
  </si>
  <si>
    <t>ENC: Árvores Ecohouse (Todas) ---vamos validar --- importante ---</t>
  </si>
  <si>
    <t>11/13/2019 09:28:58</t>
  </si>
  <si>
    <t>11/13/2019 09:32:29</t>
  </si>
  <si>
    <t>Segue para sua atualização</t>
  </si>
  <si>
    <t>11/13/2019 09:41:29</t>
  </si>
  <si>
    <t>C:\Users\viniciussg\OneDrive\Cursos\Lari Trader\</t>
  </si>
  <si>
    <t>GERENCIAMENTO.xlsx</t>
  </si>
  <si>
    <t>11/13/2019 09:40:25</t>
  </si>
  <si>
    <t>11/13/2019 09:44:30</t>
  </si>
  <si>
    <t>/o=exchangelabs/ou=exchange administrative group (fydibohf23spdlt)/cn=recipients/cn=168e05cabbf14ae289464a0c09955b31-sara ferrei;/o=exchangelabs/ou=exchange administrative group (fydibohf23spdlt)/cn=recipients/cn=da8b0d0eb1af471c9c028aba05e743fd-guilherme a;</t>
  </si>
  <si>
    <t>Fechados de JAN -SET19_Sollero.xlsx</t>
  </si>
  <si>
    <t>/o=exchangelabs/ou=exchange administrative group (fydibohf23spdlt)/cn=recipients/cn=168e05cabbf14ae289464a0c09955b31-sara ferrei,/o=exchangelabs/ou=exchange administrative group (fydibohf23spdlt)/cn=recipients/cn=da8b0d0eb1af471c9c028aba05e743fd-guilherme a</t>
  </si>
  <si>
    <t>11/13/2019 09:47:56</t>
  </si>
  <si>
    <t>11/13/2019 09:51:30</t>
  </si>
  <si>
    <t>11/13/2019 09:49:55</t>
  </si>
  <si>
    <t>11/13/2019 09:53:29</t>
  </si>
  <si>
    <t>11/13/2019 09:52:39</t>
  </si>
  <si>
    <t>C:\Users\mariannacsm\OneDrive - Grupo Algar\Transformação\2- Demandas\2. Concluídos\Processo Pronto\</t>
  </si>
  <si>
    <t>Justificativa Processo Pronto Qualificado0204.xlsx</t>
  </si>
  <si>
    <t>11/13/2019 09:55:29</t>
  </si>
  <si>
    <t>11/13/2019 09:54:46</t>
  </si>
  <si>
    <t>11/13/2019 09:58:29</t>
  </si>
  <si>
    <t>Árvore RAF - Efeivo - Não Efetivo.xlsx</t>
  </si>
  <si>
    <t>11/13/2019 09:55:33</t>
  </si>
  <si>
    <t>Árvores NPS e RAF - Efetivo/Não Efetivo</t>
  </si>
  <si>
    <t>Árvore NPS - Efeivo - Não Efetivo.xlsx</t>
  </si>
  <si>
    <t>11/13/2019 09:55:00</t>
  </si>
  <si>
    <t>11/13/2019 09:55:01</t>
  </si>
  <si>
    <t>11/13/2019 09:55:03</t>
  </si>
  <si>
    <t>11/13/2019 09:55:05</t>
  </si>
  <si>
    <t>11/13/2019 09:55:06</t>
  </si>
  <si>
    <t>11/13/2019 09:55:09</t>
  </si>
  <si>
    <t>11/13/2019 09:55:12</t>
  </si>
  <si>
    <t>11/13/2019 09:55:13</t>
  </si>
  <si>
    <t>11/13/2019 09:55:14</t>
  </si>
  <si>
    <t>11/13/2019 09:55:19</t>
  </si>
  <si>
    <t>11/13/2019 09:55:21</t>
  </si>
  <si>
    <t>11/13/2019 09:55:24</t>
  </si>
  <si>
    <t>11/13/2019 09:55:25</t>
  </si>
  <si>
    <t>11/13/2019 09:55:26</t>
  </si>
  <si>
    <t>11/13/2019 09:55:30</t>
  </si>
  <si>
    <t>11/13/2019 09:55:31</t>
  </si>
  <si>
    <t>11/13/2019 09:55:32</t>
  </si>
  <si>
    <t>11/13/2019 09:55:36</t>
  </si>
  <si>
    <t>11/13/2019 09:55:42</t>
  </si>
  <si>
    <t>11/13/2019 09:55:43</t>
  </si>
  <si>
    <t>11/13/2019 09:55:45</t>
  </si>
  <si>
    <t>11/13/2019 09:55:50</t>
  </si>
  <si>
    <t>11/13/2019 09:56:08</t>
  </si>
  <si>
    <t>11/13/2019 09:56:12</t>
  </si>
  <si>
    <t>11/13/2019 09:56:14</t>
  </si>
  <si>
    <t>11/13/2019 09:56:16</t>
  </si>
  <si>
    <t>11/13/2019 09:56:31</t>
  </si>
  <si>
    <t>11/13/2019 09:56:36</t>
  </si>
  <si>
    <t>11/13/2019 09:56:38</t>
  </si>
  <si>
    <t>11/13/2019 09:56:41</t>
  </si>
  <si>
    <t>11/13/2019 09:56:43</t>
  </si>
  <si>
    <t>11/13/2019 09:56:44</t>
  </si>
  <si>
    <t>11/13/2019 09:56:45</t>
  </si>
  <si>
    <t>11/13/2019 09:56:47</t>
  </si>
  <si>
    <t>11/13/2019 09:56:48</t>
  </si>
  <si>
    <t>11/13/2019 09:56:53</t>
  </si>
  <si>
    <t>11/13/2019 09:56:56</t>
  </si>
  <si>
    <t>11/13/2019 09:57:13</t>
  </si>
  <si>
    <t>11/13/2019 09:57:15</t>
  </si>
  <si>
    <t>11/13/2019 09:57:17</t>
  </si>
  <si>
    <t>11/13/2019 09:57:20</t>
  </si>
  <si>
    <t>11/13/2019 09:57:21</t>
  </si>
  <si>
    <t>11/13/2019 09:57:22</t>
  </si>
  <si>
    <t>11/13/2019 09:57:24</t>
  </si>
  <si>
    <t>11/13/2019 09:57:43</t>
  </si>
  <si>
    <t>11/13/2019 09:57:45</t>
  </si>
  <si>
    <t>11/13/2019 09:57:47</t>
  </si>
  <si>
    <t>11/13/2019 09:57:48</t>
  </si>
  <si>
    <t>11/13/2019 09:57:49</t>
  </si>
  <si>
    <t>11/13/2019 09:57:52</t>
  </si>
  <si>
    <t>11/13/2019 09:57:53</t>
  </si>
  <si>
    <t>11/13/2019 09:57:56</t>
  </si>
  <si>
    <t>11/13/2019 09:57:57</t>
  </si>
  <si>
    <t>11/13/2019 09:57:59</t>
  </si>
  <si>
    <t>11/13/2019 09:58:02</t>
  </si>
  <si>
    <t>11/13/2019 09:58:04</t>
  </si>
  <si>
    <t>11/13/2019 09:58:05</t>
  </si>
  <si>
    <t>11/13/2019 09:58:07</t>
  </si>
  <si>
    <t>11/13/2019 09:58:09</t>
  </si>
  <si>
    <t>11/13/2019 09:58:10</t>
  </si>
  <si>
    <t>11/13/2019 09:58:11</t>
  </si>
  <si>
    <t>11/13/2019 09:59:20</t>
  </si>
  <si>
    <t>11/13/2019 10:02:29</t>
  </si>
  <si>
    <t>11/13/2019 09:58:12</t>
  </si>
  <si>
    <t>11/13/2019 10:03:29</t>
  </si>
  <si>
    <t>11/13/2019 09:58:15</t>
  </si>
  <si>
    <t>11/13/2019 09:58:16</t>
  </si>
  <si>
    <t>11/13/2019 09:58:17</t>
  </si>
  <si>
    <t>11/13/2019 09:58:21</t>
  </si>
  <si>
    <t>11/13/2019 09:58:22</t>
  </si>
  <si>
    <t>11/13/2019 09:58:25</t>
  </si>
  <si>
    <t>11/13/2019 09:58:26</t>
  </si>
  <si>
    <t>11/13/2019 09:58:27</t>
  </si>
  <si>
    <t>11/13/2019 09:58:30</t>
  </si>
  <si>
    <t>11/13/2019 09:58:31</t>
  </si>
  <si>
    <t>11/13/2019 09:58:33</t>
  </si>
  <si>
    <t>11/13/2019 09:58:35</t>
  </si>
  <si>
    <t>11/13/2019 09:58:37</t>
  </si>
  <si>
    <t>11/13/2019 09:58:54</t>
  </si>
  <si>
    <t>11/13/2019 09:58:59</t>
  </si>
  <si>
    <t>11/13/2019 09:59:02</t>
  </si>
  <si>
    <t>11/13/2019 09:59:05</t>
  </si>
  <si>
    <t>11/13/2019 09:59:06</t>
  </si>
  <si>
    <t>11/13/2019 09:59:08</t>
  </si>
  <si>
    <t>11/13/2019 09:59:09</t>
  </si>
  <si>
    <t>11/13/2019 09:59:10</t>
  </si>
  <si>
    <t>11/13/2019 09:59:11</t>
  </si>
  <si>
    <t>11/13/2019 09:59:12</t>
  </si>
  <si>
    <t>11/13/2019 09:59:14</t>
  </si>
  <si>
    <t>11/13/2019 09:59:15</t>
  </si>
  <si>
    <t>11/13/2019 09:59:16</t>
  </si>
  <si>
    <t>11/13/2019 09:59:17</t>
  </si>
  <si>
    <t>11/13/2019 09:59:18</t>
  </si>
  <si>
    <t>11/13/2019 09:59:23</t>
  </si>
  <si>
    <t>11/13/2019 09:59:25</t>
  </si>
  <si>
    <t>11/13/2019 09:59:26</t>
  </si>
  <si>
    <t>11/13/2019 09:59:28</t>
  </si>
  <si>
    <t>11/13/2019 09:59:38</t>
  </si>
  <si>
    <t>11/13/2019 09:59:39</t>
  </si>
  <si>
    <t>11/13/2019 09:59:40</t>
  </si>
  <si>
    <t>11/13/2019 09:59:41</t>
  </si>
  <si>
    <t>11/13/2019 09:59:42</t>
  </si>
  <si>
    <t>11/13/2019 09:59:43</t>
  </si>
  <si>
    <t>11/13/2019 09:59:44</t>
  </si>
  <si>
    <t>11/13/2019 09:59:45</t>
  </si>
  <si>
    <t>11/13/2019 09:59:46</t>
  </si>
  <si>
    <t>11/13/2019 09:59:47</t>
  </si>
  <si>
    <t>11/13/2019 09:59:48</t>
  </si>
  <si>
    <t>11/13/2019 09:59:49</t>
  </si>
  <si>
    <t>11/13/2019 09:59:51</t>
  </si>
  <si>
    <t>11/13/2019 09:59:53</t>
  </si>
  <si>
    <t>11/13/2019 09:59:54</t>
  </si>
  <si>
    <t>11/13/2019 09:59:55</t>
  </si>
  <si>
    <t>11/13/2019 09:59:56</t>
  </si>
  <si>
    <t>11/13/2019 09:59:57</t>
  </si>
  <si>
    <t>11/13/2019 09:59:58</t>
  </si>
  <si>
    <t>11/13/2019 09:59:59</t>
  </si>
  <si>
    <t>11/13/2019 10:00:00</t>
  </si>
  <si>
    <t>11/13/2019 10:00:01</t>
  </si>
  <si>
    <t>11/13/2019 10:00:02</t>
  </si>
  <si>
    <t>11/13/2019 10:00:03</t>
  </si>
  <si>
    <t>11/13/2019 10:00:05</t>
  </si>
  <si>
    <t>11/13/2019 10:00:06</t>
  </si>
  <si>
    <t>11/13/2019 10:00:07</t>
  </si>
  <si>
    <t>11/13/2019 10:00:08</t>
  </si>
  <si>
    <t>C:\Users\suelenmm\OneDrive - Grupo Algar\Desktop - 12-11-19\PreVendas - Governo Diogo\SEBRAE\2018\SP\BP.xlsb\</t>
  </si>
  <si>
    <t>11/13/2019 10:00:10</t>
  </si>
  <si>
    <t>11/13/2019 10:00:11</t>
  </si>
  <si>
    <t>11/13/2019 10:00:12</t>
  </si>
  <si>
    <t>11/13/2019 10:00:16</t>
  </si>
  <si>
    <t>11/13/2019 10:00:17</t>
  </si>
  <si>
    <t>11/13/2019 10:00:20</t>
  </si>
  <si>
    <t>11/13/2019 10:00:23</t>
  </si>
  <si>
    <t>11/13/2019 10:00:24</t>
  </si>
  <si>
    <t>11/13/2019 10:00:25</t>
  </si>
  <si>
    <t>11/13/2019 10:00:28</t>
  </si>
  <si>
    <t>11/13/2019 10:04:30</t>
  </si>
  <si>
    <t>11/13/2019 10:00:30</t>
  </si>
  <si>
    <t>11/13/2019 10:00:37</t>
  </si>
  <si>
    <t>11/13/2019 10:00:38</t>
  </si>
  <si>
    <t>11/13/2019 10:00:40</t>
  </si>
  <si>
    <t>11/13/2019 10:00:46</t>
  </si>
  <si>
    <t>11/13/2019 10:00:52</t>
  </si>
  <si>
    <t>11/13/2019 10:00:53</t>
  </si>
  <si>
    <t>11/13/2019 10:00:55</t>
  </si>
  <si>
    <t>11/13/2019 10:00:57</t>
  </si>
  <si>
    <t>11/13/2019 10:00:58</t>
  </si>
  <si>
    <t>11/13/2019 10:01:10</t>
  </si>
  <si>
    <t>11/13/2019 10:01:11</t>
  </si>
  <si>
    <t>11/13/2019 10:01:12</t>
  </si>
  <si>
    <t>11/13/2019 10:01:14</t>
  </si>
  <si>
    <t>11/13/2019 10:01:17</t>
  </si>
  <si>
    <t>11/13/2019 10:01:19</t>
  </si>
  <si>
    <t>11/13/2019 10:01:21</t>
  </si>
  <si>
    <t>11/13/2019 10:01:22</t>
  </si>
  <si>
    <t>11/13/2019 10:01:24</t>
  </si>
  <si>
    <t>11/13/2019 10:01:30</t>
  </si>
  <si>
    <t>11/13/2019 10:01:32</t>
  </si>
  <si>
    <t>11/13/2019 10:01:33</t>
  </si>
  <si>
    <t>11/13/2019 10:01:34</t>
  </si>
  <si>
    <t>11/13/2019 10:01:36</t>
  </si>
  <si>
    <t>11/13/2019 10:01:37</t>
  </si>
  <si>
    <t>11/13/2019 10:01:38</t>
  </si>
  <si>
    <t>11/13/2019 10:01:40</t>
  </si>
  <si>
    <t>11/13/2019 10:01:41</t>
  </si>
  <si>
    <t>11/13/2019 10:01:42</t>
  </si>
  <si>
    <t>11/13/2019 10:01:44</t>
  </si>
  <si>
    <t>11/13/2019 10:01:45</t>
  </si>
  <si>
    <t>11/13/2019 10:01:46</t>
  </si>
  <si>
    <t>11/13/2019 10:01:52</t>
  </si>
  <si>
    <t>11/13/2019 10:01:55</t>
  </si>
  <si>
    <t>11/13/2019 10:01:58</t>
  </si>
  <si>
    <t>11/13/2019 10:02:02</t>
  </si>
  <si>
    <t>11/13/2019 10:02:04</t>
  </si>
  <si>
    <t>11/13/2019 10:02:05</t>
  </si>
  <si>
    <t>11/13/2019 10:02:07</t>
  </si>
  <si>
    <t>11/13/2019 10:02:08</t>
  </si>
  <si>
    <t>11/13/2019 10:02:09</t>
  </si>
  <si>
    <t>11/13/2019 10:02:16</t>
  </si>
  <si>
    <t>11/13/2019 10:02:19</t>
  </si>
  <si>
    <t>11/13/2019 10:02:21</t>
  </si>
  <si>
    <t>11/13/2019 10:02:24</t>
  </si>
  <si>
    <t>11/13/2019 10:02:27</t>
  </si>
  <si>
    <t>11/13/2019 10:02:30</t>
  </si>
  <si>
    <t>11/13/2019 10:02:32</t>
  </si>
  <si>
    <t>11/13/2019 10:02:34</t>
  </si>
  <si>
    <t>11/13/2019 10:02:36</t>
  </si>
  <si>
    <t>11/13/2019 10:02:39</t>
  </si>
  <si>
    <t>11/13/2019 10:02:41</t>
  </si>
  <si>
    <t>11/13/2019 10:02:42</t>
  </si>
  <si>
    <t>11/13/2019 10:02:44</t>
  </si>
  <si>
    <t>11/13/2019 10:02:45</t>
  </si>
  <si>
    <t>11/13/2019 10:02:46</t>
  </si>
  <si>
    <t>11/13/2019 10:02:49</t>
  </si>
  <si>
    <t>11/13/2019 10:02:51</t>
  </si>
  <si>
    <t>11/13/2019 10:02:54</t>
  </si>
  <si>
    <t>11/13/2019 10:02:55</t>
  </si>
  <si>
    <t>11/13/2019 10:03:00</t>
  </si>
  <si>
    <t>11/13/2019 10:03:02</t>
  </si>
  <si>
    <t>11/13/2019 10:03:03</t>
  </si>
  <si>
    <t>11/13/2019 10:03:04</t>
  </si>
  <si>
    <t>11/13/2019 10:03:07</t>
  </si>
  <si>
    <t>11/13/2019 10:03:08</t>
  </si>
  <si>
    <t>11/13/2019 10:03:11</t>
  </si>
  <si>
    <t>11/13/2019 10:03:14</t>
  </si>
  <si>
    <t>11/13/2019 10:03:15</t>
  </si>
  <si>
    <t>11/13/2019 10:03:16</t>
  </si>
  <si>
    <t>11/13/2019 10:06:30</t>
  </si>
  <si>
    <t>mail.google.com/_/upload?authuser=0&amp;dcp=asu-n&amp;upload_id=AEnB2UrwXxpfQlldYEQxLOpTvrwnF1q6KkBDexN_oKVij6y32kag_w93hwRKsWu0Ymve45_X6Ss9XvaQWfnjoOdsEavi7coYelZb3LX9nqGyrgByBs12-aE&amp;upload_protocol=resumable</t>
  </si>
  <si>
    <t>10 - Cadastro Geral_outubro_2019_Filtro_Qualidade.xlsb</t>
  </si>
  <si>
    <t>11/13/2019 10:03:09</t>
  </si>
  <si>
    <t>/o=exchangelabs/ou=exchange administrative group (fydibohf23spdlt)/cn=recipients/cn=249f643ba1e044588b45a020c76dadde-daniel de o;/o=exchangelabs/ou=exchange administrative group (fydibohf23spdlt)/cn=recipients/cn=ece15ffd767d4c3fa09934598464b80f-alexandre a;</t>
  </si>
  <si>
    <t>RES: Atualização dos CR</t>
  </si>
  <si>
    <t>/o=exchangelabs/ou=exchange administrative group (fydibohf23spdlt)/cn=recipients/cn=249f643ba1e044588b45a020c76dadde-daniel de o,/o=exchangelabs/ou=exchange administrative group (fydibohf23spdlt)/cn=recipients/cn=ece15ffd767d4c3fa09934598464b80f-alexandre a</t>
  </si>
  <si>
    <t>11/13/2019 10:06:18</t>
  </si>
  <si>
    <t>11/13/2019 10:07:30</t>
  </si>
  <si>
    <t>11/13/2019 10:04:28</t>
  </si>
  <si>
    <t>11/13/2019 10:08:29</t>
  </si>
  <si>
    <t>exportacoes_perdidas.xlsx</t>
  </si>
  <si>
    <t>11/13/2019 10:05:00</t>
  </si>
  <si>
    <t>MP CORPORATIVO - 13/11</t>
  </si>
  <si>
    <t>2 - Mailing MP 20191113.xlsx</t>
  </si>
  <si>
    <t>11/13/2019 10:06:56</t>
  </si>
  <si>
    <t>Mailing de Reagendamento CAC - 13/11</t>
  </si>
  <si>
    <t>0 - Mailing de Reagendamento_ 20191113.xlsx</t>
  </si>
  <si>
    <t>11/13/2019 10:07:02</t>
  </si>
  <si>
    <t>Reagendamento CAC - 13/11</t>
  </si>
  <si>
    <t>Base Reagendamento CAC_ 20191113.xlsx</t>
  </si>
  <si>
    <t>11/13/2019 10:03:19</t>
  </si>
  <si>
    <t>11/13/2019 10:09:30</t>
  </si>
  <si>
    <t>11/13/2019 10:03:24</t>
  </si>
  <si>
    <t>11/13/2019 10:03:27</t>
  </si>
  <si>
    <t>11/13/2019 10:03:30</t>
  </si>
  <si>
    <t>11/13/2019 10:03:31</t>
  </si>
  <si>
    <t>11/13/2019 10:03:32</t>
  </si>
  <si>
    <t>11/13/2019 10:03:34</t>
  </si>
  <si>
    <t>11/13/2019 10:03:35</t>
  </si>
  <si>
    <t>11/13/2019 10:03:37</t>
  </si>
  <si>
    <t>11/13/2019 10:03:38</t>
  </si>
  <si>
    <t>11/13/2019 10:03:39</t>
  </si>
  <si>
    <t>11/13/2019 10:03:41</t>
  </si>
  <si>
    <t>11/13/2019 10:03:42</t>
  </si>
  <si>
    <t>11/13/2019 10:03:43</t>
  </si>
  <si>
    <t>11/13/2019 10:03:45</t>
  </si>
  <si>
    <t>11/13/2019 10:03:46</t>
  </si>
  <si>
    <t>11/13/2019 10:03:47</t>
  </si>
  <si>
    <t>11/13/2019 10:03:49</t>
  </si>
  <si>
    <t>11/13/2019 10:03:50</t>
  </si>
  <si>
    <t>11/13/2019 10:03:51</t>
  </si>
  <si>
    <t>11/13/2019 10:03:52</t>
  </si>
  <si>
    <t>11/13/2019 10:03:53</t>
  </si>
  <si>
    <t>11/13/2019 10:03:54</t>
  </si>
  <si>
    <t>11/13/2019 10:03:55</t>
  </si>
  <si>
    <t>11/13/2019 10:04:04</t>
  </si>
  <si>
    <t>11/13/2019 10:04:07</t>
  </si>
  <si>
    <t>11/13/2019 10:04:10</t>
  </si>
  <si>
    <t>11/13/2019 10:04:12</t>
  </si>
  <si>
    <t>11/13/2019 10:04:13</t>
  </si>
  <si>
    <t>11/13/2019 10:04:14</t>
  </si>
  <si>
    <t>11/13/2019 10:04:15</t>
  </si>
  <si>
    <t>11/13/2019 10:04:17</t>
  </si>
  <si>
    <t>11/13/2019 10:04:19</t>
  </si>
  <si>
    <t>11/13/2019 10:04:39</t>
  </si>
  <si>
    <t>11/13/2019 10:04:42</t>
  </si>
  <si>
    <t>11/13/2019 10:04:43</t>
  </si>
  <si>
    <t>11/13/2019 10:04:44</t>
  </si>
  <si>
    <t>11/13/2019 10:04:46</t>
  </si>
  <si>
    <t>11/13/2019 10:04:47</t>
  </si>
  <si>
    <t>11/13/2019 10:04:50</t>
  </si>
  <si>
    <t>11/13/2019 10:04:52</t>
  </si>
  <si>
    <t>11/13/2019 10:04:53</t>
  </si>
  <si>
    <t>11/13/2019 10:04:54</t>
  </si>
  <si>
    <t>C:\Users\suelenmm\OneDrive - Grupo Algar\Desktop - 12-11-19\PreVendas - Governo Diogo\PRODESP\2018\SD\Cenário 1\simulação.xlsb\</t>
  </si>
  <si>
    <t>11/13/2019 10:04:55</t>
  </si>
  <si>
    <t>11/13/2019 10:04:56</t>
  </si>
  <si>
    <t>11/13/2019 10:04:57</t>
  </si>
  <si>
    <t>11/13/2019 10:04:58</t>
  </si>
  <si>
    <t>11/13/2019 10:04:59</t>
  </si>
  <si>
    <t>11/13/2019 10:05:02</t>
  </si>
  <si>
    <t>11/13/2019 10:05:03</t>
  </si>
  <si>
    <t>11/13/2019 10:05:04</t>
  </si>
  <si>
    <t>11/13/2019 10:05:06</t>
  </si>
  <si>
    <t>11/13/2019 10:05:09</t>
  </si>
  <si>
    <t>11/13/2019 10:05:12</t>
  </si>
  <si>
    <t>11/13/2019 10:05:19</t>
  </si>
  <si>
    <t>11/13/2019 10:05:21</t>
  </si>
  <si>
    <t>11/13/2019 10:05:23</t>
  </si>
  <si>
    <t>11/13/2019 10:05:25</t>
  </si>
  <si>
    <t>11/13/2019 10:05:27</t>
  </si>
  <si>
    <t>C:\Users\suelenmm\OneDrive - Grupo Algar\Desktop - 12-11-19\PreVendas - Governo Diogo\DPF\2017\Field + N3 Unidades\SRSE\Cenário 2\</t>
  </si>
  <si>
    <t>C:\Users\suelenmm\OneDrive - Grupo Algar\Desktop - 12-11-19\PreVendas - Governo Diogo\DPF\2017\Field + N3 Unidades\SRSE\Cenário 2\N3.xlsb\</t>
  </si>
  <si>
    <t>11/13/2019 10:05:28</t>
  </si>
  <si>
    <t>C:\Users\suelenmm\OneDrive - Grupo Algar\Desktop - 12-11-19\PreVendas - Governo Diogo\DPF\2017\Field + N3 Unidades\SRSE\Cenário 2\N2.xlsb\</t>
  </si>
  <si>
    <t>11/13/2019 10:05:30</t>
  </si>
  <si>
    <t>11/13/2019 10:05:33</t>
  </si>
  <si>
    <t>11/13/2019 10:05:34</t>
  </si>
  <si>
    <t>11/13/2019 10:05:39</t>
  </si>
  <si>
    <t>11/13/2019 10:05:40</t>
  </si>
  <si>
    <t>11/13/2019 10:05:41</t>
  </si>
  <si>
    <t>11/13/2019 10:05:42</t>
  </si>
  <si>
    <t>11/13/2019 10:05:43</t>
  </si>
  <si>
    <t>11/13/2019 10:05:45</t>
  </si>
  <si>
    <t>11/13/2019 10:05:46</t>
  </si>
  <si>
    <t>11/13/2019 10:05:47</t>
  </si>
  <si>
    <t>11/13/2019 10:05:48</t>
  </si>
  <si>
    <t>11/13/2019 10:05:49</t>
  </si>
  <si>
    <t>11/13/2019 10:05:50</t>
  </si>
  <si>
    <t>11/13/2019 10:05:51</t>
  </si>
  <si>
    <t>11/13/2019 10:05:52</t>
  </si>
  <si>
    <t>11/13/2019 10:05:53</t>
  </si>
  <si>
    <t>11/13/2019 10:05:54</t>
  </si>
  <si>
    <t>11/13/2019 10:05:55</t>
  </si>
  <si>
    <t>11/13/2019 10:05:56</t>
  </si>
  <si>
    <t>11/13/2019 10:05:57</t>
  </si>
  <si>
    <t>11/13/2019 10:05:58</t>
  </si>
  <si>
    <t>11/13/2019 10:06:05</t>
  </si>
  <si>
    <t>11/13/2019 10:06:06</t>
  </si>
  <si>
    <t>11/13/2019 10:06:07</t>
  </si>
  <si>
    <t>11/13/2019 10:06:08</t>
  </si>
  <si>
    <t>11/13/2019 10:06:09</t>
  </si>
  <si>
    <t>11/13/2019 10:06:10</t>
  </si>
  <si>
    <t>11/13/2019 10:06:11</t>
  </si>
  <si>
    <t>11/13/2019 10:06:12</t>
  </si>
  <si>
    <t>11/13/2019 10:06:13</t>
  </si>
  <si>
    <t>11/13/2019 10:06:14</t>
  </si>
  <si>
    <t>C:\Users\suelenmm\OneDrive - Grupo Algar\Desktop - 12-11-19\PreVendas - Governo Diogo\MEC\Novo\Publicado\MUDANÇA ISIS-CA\BP`s\SPECTRUM\</t>
  </si>
  <si>
    <t>11/13/2019 10:06:15</t>
  </si>
  <si>
    <t>11/13/2019 10:06:19</t>
  </si>
  <si>
    <t>/o=exchangelabs/ou=exchange administrative group (fydibohf23spdlt)/cn=recipients/cn=4b453b7f02914710b3e94bcf7b311ad4-fernando po;/o=exchangelabs/ou=exchange administrative group (fydibohf23spdlt)/cn=recipients/cn=bcc9538754d3496ea31a487e560f8214-silvio mart;guilhermet.campos@bradesco.com.br;noemia.almeida@bradesco.com.br;</t>
  </si>
  <si>
    <t>Racional Fatura.xlsx</t>
  </si>
  <si>
    <t>/o=exchangelabs/ou=exchange administrative group (fydibohf23spdlt)/cn=recipients/cn=4b453b7f02914710b3e94bcf7b311ad4-fernando po,/o=exchangelabs/ou=exchange administrative group (fydibohf23spdlt)/cn=recipients/cn=bcc9538754d3496ea31a487e560f8214-silvio mart,guilhermet.campos@bradesco.com.br,noemia.almeida@bradesco.com.br</t>
  </si>
  <si>
    <t>11/13/2019 10:09:36</t>
  </si>
  <si>
    <t>11/13/2019 10:11:30</t>
  </si>
  <si>
    <t>D:\Users\josemfs\OneDrive - Grupo Algar\2019\Ouvidoria\PROTOCOLO – [#25472]\Transformação.zip\Transforma‡Æo\</t>
  </si>
  <si>
    <t>Insumos - academia t‚cnica .xlsx</t>
  </si>
  <si>
    <t>NOVO MODELO DE SOLICITA€ÇO DE QRCODE - 01_03.xlsx</t>
  </si>
  <si>
    <t>11/13/2019 10:09:39</t>
  </si>
  <si>
    <t>D:\Users\josemfs\OneDrive - Grupo Algar\2019\Ouvidoria\PROTOCOLO – [#25472]\PADRINHO.zip\PADRINHO\</t>
  </si>
  <si>
    <t>C¢pia de Servi‡os Field 09-08.xlsx</t>
  </si>
  <si>
    <t>C¢pia de Status Field - 24.08.xlsx</t>
  </si>
  <si>
    <t>11/13/2019 10:09:40</t>
  </si>
  <si>
    <t>D:\Users\josemfs\OneDrive - Grupo Algar\2019\Ouvidoria\PROTOCOLO – [#25472]\Modelos Personalizados do Office.zip\Modelos Personalizados do Office\</t>
  </si>
  <si>
    <t>04_2019_RELATàRIOS DE ASSOCIADOS.xltx</t>
  </si>
  <si>
    <t>11/13/2019 10:09:56</t>
  </si>
  <si>
    <t>D:\Users\josemfs\OneDrive - Grupo Algar\2019\Ouvidoria\PROTOCOLO – [#25472]\TCO_FMT.zip\TCO_FMT\</t>
  </si>
  <si>
    <t>Departamental 052017.csv</t>
  </si>
  <si>
    <t>6 Relat¢rio base para a empresa contratada 16.06 FMT TCO.xlsx</t>
  </si>
  <si>
    <t>base 2016 a 2017.xlsx</t>
  </si>
  <si>
    <t>Chaves multi look - Longa Distancia - TCO - Necessidades.xlsx</t>
  </si>
  <si>
    <t>D:\Users\josemfs\OneDrive - Grupo Algar\2019\Ouvidoria\PROTOCOLO – [#25472]\TCO_FMT.zip\TCO_FMT\CONTRATO FMT\</t>
  </si>
  <si>
    <t>Base 2016 a 2017 FMT TCO mar abr mai 2017 final.xlsx</t>
  </si>
  <si>
    <t>Cronograma_Preventivas_Eq Optico_TCO_2017.V3 (003) - Sheilla.xlsx</t>
  </si>
  <si>
    <t>C¢pia de Base 2016 a 2017 FMT TCO mar abr mai 2017 final.xlsx</t>
  </si>
  <si>
    <t>C¢pia de Base 2016 a 2017 FMT TCO.xlsx</t>
  </si>
  <si>
    <t>C¢pia de Fatura B FMT Junho.xlsx</t>
  </si>
  <si>
    <t>C¢pia de Modelo Preenchimento_TECNICO_Junho_v4.1.xlsm</t>
  </si>
  <si>
    <t>D:\Users\josemfs\OneDrive - Grupo Algar\2019\Ouvidoria\PROTOCOLO – [#25472]\TCO_FMT.zip\TCO_FMT\FATURA B - FMT\07_2017 - Fatura-B - Fechamento\</t>
  </si>
  <si>
    <t>07_2017 - Fatura-B - Parcial - 12072017.xlsx</t>
  </si>
  <si>
    <t>D:\Users\josemfs\OneDrive - Grupo Algar\2019\Ouvidoria\PROTOCOLO – [#25472]\TCO_FMT.zip\TCO_FMT\FATURA B - FMT\</t>
  </si>
  <si>
    <t>07_2017_Fatura B_FMT - TIM.xlsm</t>
  </si>
  <si>
    <t>D:\Users\josemfs\OneDrive - Grupo Algar\2019\Ouvidoria\PROTOCOLO – [#25472]\TCO_FMT.zip\TCO_FMT\FATURA B - FMT\08_2017 - Fatura-B - Fechamento\</t>
  </si>
  <si>
    <t>Sheilla_Controle de WOs - Engeset_Ago_2017_R$7516,35.xlsx</t>
  </si>
  <si>
    <t>Sheilla_Controle_LPU_Fatura B_Engeset_Ago_2017_R$59618,72.xlsm</t>
  </si>
  <si>
    <t>08_2017_Fatura B_FMT - TIM.xlsm</t>
  </si>
  <si>
    <t>D:\Users\josemfs\OneDrive - Grupo Algar\2019\Ouvidoria\PROTOCOLO – [#25472]\TCO_FMT.zip\TCO_FMT\FATURA B - FMT\09_2017 - Fatura-B - Fechamento\</t>
  </si>
  <si>
    <t>Controle de WOs - Engeset_20-08-2017.xlsx</t>
  </si>
  <si>
    <t>C¢pia de Controle_LPU_Fatura B_Engeset_Ago_2017 (003).xlsm</t>
  </si>
  <si>
    <t>C¢pia de WO_CONTROLE DE PREVENTIVAS 01032017.xlsx</t>
  </si>
  <si>
    <t>Fatura B_FMT_Setembro-2017.xlsm</t>
  </si>
  <si>
    <t>FMT_Fatura B.xlsm</t>
  </si>
  <si>
    <t>FMT_Fatura B_Anisio Set-2017.xlsm</t>
  </si>
  <si>
    <t>Sheilla_Controle de WOs - Engeset_Set_2017_R$7352,91.xlsx</t>
  </si>
  <si>
    <t>Sheilla_Controle_LPU_Fatura B_Engeset_Set_2017_R$5353,17.xlsm</t>
  </si>
  <si>
    <t>D:\Users\josemfs\OneDrive - Grupo Algar\2019\Ouvidoria\PROTOCOLO – [#25472]\TCO_FMT.zip\TCO_FMT\FATURA B - FMT\10_2017 - Fatura-B - Fechamento\</t>
  </si>
  <si>
    <t>Fatura B_FMT_Outubro-2017.xlsm</t>
  </si>
  <si>
    <t>Menon_Controle_LPU_Fatura B_Engeset_Out_2017.xlsm</t>
  </si>
  <si>
    <t>Menon_FATURA B FMT - ANISIO 16082017_12168,97.xlsx</t>
  </si>
  <si>
    <t>TIM_Parcial_LPU_Fatura B_20_Outubro_2017 Arthur.xlsx</t>
  </si>
  <si>
    <t>WO_CONTROLE DE PREVENTIVAS 01032017_Anisio.xlsx</t>
  </si>
  <si>
    <t>D:\Users\josemfs\OneDrive - Grupo Algar\2019\Ouvidoria\PROTOCOLO – [#25472]\TCO_FMT.zip\TCO_FMT\FATURA B - FMT\12_2017 - Fatura-B - Fechamento\</t>
  </si>
  <si>
    <t>FMT_Fatura B_Dez-2017.xlsm</t>
  </si>
  <si>
    <t>FATURA B FMT - ANISIO 16082017.xlsx</t>
  </si>
  <si>
    <t>Fatura B_FMT_Acompanhamento.xlsm</t>
  </si>
  <si>
    <t>Or‡amento Preventivas TX - Aterramento ODU.xlsx</t>
  </si>
  <si>
    <t>LD - Relatorio de anomalia cwl e pck.xlsx</t>
  </si>
  <si>
    <t>Lista de Associados.xls</t>
  </si>
  <si>
    <t>D:\Users\josemfs\OneDrive - Grupo Algar\2019\Ouvidoria\PROTOCOLO – [#25472]\TCO_FMT.zip\TCO_FMT\PLANO DE A€ÇO\</t>
  </si>
  <si>
    <t>Plano de a‡Æo TIM FMT_atualizado.xlsx</t>
  </si>
  <si>
    <t>D:\Users\josemfs\OneDrive - Grupo Algar\2019\Ouvidoria\PROTOCOLO – [#25472]\TCO_FMT.zip\TCO_FMT\PREVENTIVAS - FMT\01_2018_FMT\</t>
  </si>
  <si>
    <t>Cronograma_Preventivas_Eq Optico_TCO_2018_V1.xlsx</t>
  </si>
  <si>
    <t>D:\Users\josemfs\OneDrive - Grupo Algar\2019\Ouvidoria\PROTOCOLO – [#25472]\TCO_FMT.zip\TCO_FMT\PREVENTIVAS - FMT\07_2017_FMT\</t>
  </si>
  <si>
    <t>Cronograma_Preventivas_Eq Optico_TCO_2017.V3.xlsx</t>
  </si>
  <si>
    <t>D:\Users\josemfs\OneDrive - Grupo Algar\2019\Ouvidoria\PROTOCOLO – [#25472]\TCO_FMT.zip\TCO_FMT\PREVENTIVAS - FMT\08_2017_FMT\</t>
  </si>
  <si>
    <t>Cronograma_Preventivas_Eq Optico_TCO_2017.V3_Agosto 2017.xlsx</t>
  </si>
  <si>
    <t>Cronograma_Preventivas_Eq Optico_TCO_2017.V3_WO.xlsx</t>
  </si>
  <si>
    <t>D:\Users\josemfs\OneDrive - Grupo Algar\2019\Ouvidoria\PROTOCOLO – [#25472]\TCO_FMT.zip\TCO_FMT\PREVENTIVAS - FMT\09_2017_FMT\</t>
  </si>
  <si>
    <t>Cronograma_Preventivas_Eq Optico_TCO_2017.V4.xlsx</t>
  </si>
  <si>
    <t>D:\Users\josemfs\OneDrive - Grupo Algar\2019\Ouvidoria\PROTOCOLO – [#25472]\TCO_FMT.zip\TCO_FMT\PREVENTIVAS - FMT\10_2017_FMT\</t>
  </si>
  <si>
    <t>Cronograma_Preventivas_Eq Optico_TCO_2017.V5.xlsx</t>
  </si>
  <si>
    <t>D:\Users\josemfs\OneDrive - Grupo Algar\2019\Ouvidoria\PROTOCOLO – [#25472]\TCO_FMT.zip\TCO_FMT\PREVENTIVAS - FMT\10_2017_FMT\Revisäes Preventiva Out-2017\</t>
  </si>
  <si>
    <t>CBA BN001 outubro.xlsx</t>
  </si>
  <si>
    <t>CBA BN003 outubro.xlsx</t>
  </si>
  <si>
    <t>CBA BN005 outubro.xlsx</t>
  </si>
  <si>
    <t>CBA BN008 outubro.xlsx</t>
  </si>
  <si>
    <t>CBA BN009 outubro.xlsx</t>
  </si>
  <si>
    <t>CBA BN013 outubro.xlsx</t>
  </si>
  <si>
    <t>CBA BN014 outubro.xlsx</t>
  </si>
  <si>
    <t>Resumo reprova‡äes Out-2017.xlsx</t>
  </si>
  <si>
    <t>D:\Users\josemfs\OneDrive - Grupo Algar\2019\Ouvidoria\PROTOCOLO – [#25472]\TCO_FMT.zip\TCO_FMT\PREVENTIVAS - FMT\11_2017_FMT\</t>
  </si>
  <si>
    <t>Cronograma_Preventivas_Eq Optico_TCO_2017.V6 (Nov-Dez).xlsx</t>
  </si>
  <si>
    <t>D:\Users\josemfs\OneDrive - Grupo Algar\2019\Ouvidoria\PROTOCOLO – [#25472]\TCO_FMT.zip\TCO_FMT\PREVENTIVAS - FMT\12_2017_FMT\</t>
  </si>
  <si>
    <t>Cronograma_Preventivas_Eq Optico_TCO__DEZ_2017.V6.xlsx</t>
  </si>
  <si>
    <t>D:\Users\josemfs\OneDrive - Grupo Algar\2019\Ouvidoria\PROTOCOLO – [#25472]\TCO_FMT.zip\TCO_FMT\PREVENTIVAS - FMT\ANOMALIAS - OR€AMENTOS\</t>
  </si>
  <si>
    <t>Acompanhamento Anomalias - Longa Distƒncia X Rede Metro.xlsx</t>
  </si>
  <si>
    <t>D:\Users\josemfs\OneDrive - Grupo Algar\2019\Ouvidoria\PROTOCOLO – [#25472]\TCO_FMT.zip\TCO_FMT\PREVENTIVAS - FMT\</t>
  </si>
  <si>
    <t>COM END_ID_-_CRONOGRAMA DE PREVENTIVAS TCO INFRA FMT_2017-2018_Rev01.xlsm</t>
  </si>
  <si>
    <t>CRONOGRAMA DE PREVENTIVAS TCO INFRA FMT_2017-2018_Rev01.xlsm</t>
  </si>
  <si>
    <t>Cronograma Julho atualizada Anisio.xlsx</t>
  </si>
  <si>
    <t>Cronograma_Preventivas_Eq Optico_TCO_éltima atualiza‡Æo.xlsx</t>
  </si>
  <si>
    <t>C¢pia de CRONOGRAMA DE PREVENTIVAS TCO INFRA FMT_2017_v6.xlsm</t>
  </si>
  <si>
    <t>Relat¢rio de preventiva GNA097-ZTP01.xlsx</t>
  </si>
  <si>
    <t>Relat¢rio Preventiva Infra - Longa Distƒncia - ALU-01 (2).xlsx</t>
  </si>
  <si>
    <t>ROTA CUIABµ X PORTO VELHO.xlsx</t>
  </si>
  <si>
    <t>SITES TCO - FMT - LONGA DIST¶NCIA.xlsm</t>
  </si>
  <si>
    <t>D:\Users\josemfs\OneDrive - Grupo Algar\2019\Ouvidoria\PROTOCOLO – [#25472]\TCO_FMT.zip\TCO_FMT\PREVENTIVAS - FMT\VALIDA€åES\</t>
  </si>
  <si>
    <t>Valida‡äes Preventivas Longa Abril-2017.xlsx</t>
  </si>
  <si>
    <t>Valida‡äes Preventivas Longa Junho-2017.xlsx</t>
  </si>
  <si>
    <t>Preventivas Julho 2017.xlsx</t>
  </si>
  <si>
    <t>SITES x EQUIPAMENTOS - FMT - TCO - 11-2017.xlsx</t>
  </si>
  <si>
    <t>D:\Users\josemfs\OneDrive - Grupo Algar\2019\Ouvidoria\PROTOCOLO – [#25472]\TCO_FMT.zip\TCO_FMT\SLA - FMT\CORRETIVAS\06_2017_FMT\</t>
  </si>
  <si>
    <t>C¢pia de Abonos Aprovados X Reprovados TCO.xlsx</t>
  </si>
  <si>
    <t>D:\Users\josemfs\OneDrive - Grupo Algar\2019\Ouvidoria\PROTOCOLO – [#25472]\TCO_FMT.zip\TCO_FMT\SLA - FMT\CORRETIVAS\12_2017_FMT\</t>
  </si>
  <si>
    <t>FMT_TCO_Dezembro.2017.xlsx</t>
  </si>
  <si>
    <t>D:\Users\josemfs\OneDrive - Grupo Algar\2019\Ouvidoria\PROTOCOLO – [#25472]\TCO_FMT.zip\TCO_FMT\SLA - FMT\CORRETIVAS\</t>
  </si>
  <si>
    <t>FMT TCO AGOSTO.xlsx</t>
  </si>
  <si>
    <t>FMT TCO JULHO.xlsx</t>
  </si>
  <si>
    <t>D:\Users\josemfs\OneDrive - Grupo Algar\2019\Ouvidoria\PROTOCOLO – [#25472]\TCO_FMT.zip\TCO_FMT\SLA - FMT\</t>
  </si>
  <si>
    <t>Resumo Geral SLA - FMT.xlsx</t>
  </si>
  <si>
    <t>Resumo Geral SLA - FMT_Analise ofensores.xlsx</t>
  </si>
  <si>
    <t>D:\Users\josemfs\OneDrive - Grupo Algar\2019\Ouvidoria\PROTOCOLO – [#25472]\TCO_FMT.zip\TCO_FMT\VISTORIAS - ROTA CUIABµ-SINOP\</t>
  </si>
  <si>
    <t>Prote‡äes ODU-IDU Rota Cuiab -MT_SINOP-MT - Resumo.xlsx</t>
  </si>
  <si>
    <t>Prote‡äes ODU-IDU Rota Cuiab -MT_SINOP-MT.xlsx</t>
  </si>
  <si>
    <t>D:\Users\josemfs\OneDrive - Grupo Algar\2019\Ouvidoria\PROTOCOLO – [#25472]\TCO_FMT.zip\TCO_FMT\WO RECOMPOSI€ÇO ENLACES\</t>
  </si>
  <si>
    <t>Recomposi‡Æo de enlaces - TCO_Cronograma.xlsx</t>
  </si>
  <si>
    <t>WO_PREVENTIVAS JUNHO-2017.xlsx</t>
  </si>
  <si>
    <t>D:\Users\josemfs\OneDrive - Grupo Algar\2019\Ouvidoria\PROTOCOLO – [#25472]\TCO_FMT.zip\TCO_FMT\CONTRATO FMT\Enc Altera‡Æo de Classe FMT - TCO.msg\s1\</t>
  </si>
  <si>
    <t>D:\Users\josemfs\OneDrive - Grupo Algar\2019\Ouvidoria\PROTOCOLO – [#25472]\TCO_FMT.zip\TCO_FMT\PREVENTIVAS - FMT\10_2017_FMT\Revisäes Preventiva Out-2017\Revisäes Preventiva Out-2017.rar\</t>
  </si>
  <si>
    <t>D:\Users\josemfs\OneDrive - Grupo Algar\2019\Ouvidoria\PROTOCOLO – [#25472]\TCO_FMT.zip\TCO_FMT\RevisÆo da Fatura B - TNE.msg\s272\</t>
  </si>
  <si>
    <t>chamados FMT-TNE Abril.xlsx</t>
  </si>
  <si>
    <t>Chamados FMT-TNE Maio.xlsx</t>
  </si>
  <si>
    <t>Chamados FMT-TNE Março.xlsx</t>
  </si>
  <si>
    <t>11/13/2019 10:10:38</t>
  </si>
  <si>
    <t>D:\Users\josemfs\OneDrive - Grupo Algar\2019\Ouvidoria\PROTOCOLO – [#25472]\PCP - DIMENSIONAMENTO TCO.zip\PCP - DIMENSIONAMENTO TCO\</t>
  </si>
  <si>
    <t>Volumetria NTT_Mar 2017 a Nov 2017.xlsx</t>
  </si>
  <si>
    <t>11/13/2019 10:10:39</t>
  </si>
  <si>
    <t>D:\Users\josemfs\OneDrive - Grupo Algar\2019\Ouvidoria\PROTOCOLO – [#25472]\TOA.zip\TOA\</t>
  </si>
  <si>
    <t>Atualiza‡Æo de cadastro TOA - 13-02-2018 - TCO-FMM.xlsx</t>
  </si>
  <si>
    <t>Atualiza‡Æo de cadastro TOA - Janeiro-2018 - TCO.xlsx</t>
  </si>
  <si>
    <t>Atualiza‡Æo de cadastro TOA - Setembro-2017 - TCO - 25092017.xlsx</t>
  </si>
  <si>
    <t>Atualiza‡Æo de cadastro TOA - Setembro-2017 - TCO.xlsx</t>
  </si>
  <si>
    <t>Multiplos colaboradores_TCO-FMM-FMT_Smart Service.xls</t>
  </si>
  <si>
    <t>Multiplos colaboradores_TCO-FMM-FMT_Smart Service_Rev01.xls</t>
  </si>
  <si>
    <t>Multiplos colaboradores_TCO-FMM_Smart Service.xls</t>
  </si>
  <si>
    <t>D:\Users\josemfs\OneDrive - Grupo Algar\2019\Ouvidoria\PROTOCOLO – [#25472]\TOA.zip\TOA\TREINAMENTO TOA\</t>
  </si>
  <si>
    <t>Acionamemto facilitadores.xlsx</t>
  </si>
  <si>
    <t>C¢pia de Planilha_Cadastro_CM_MG_V1.xlsx</t>
  </si>
  <si>
    <t>11/13/2019 10:10:42</t>
  </si>
  <si>
    <t>D:\Users\josemfs\OneDrive - Grupo Algar\2019\Ouvidoria\PROTOCOLO – [#25472]\TCO_ANTENISTA.zip\TCO_ANTENISTA\</t>
  </si>
  <si>
    <t>ASSOCIADOS ALGARTECH TCO-FMM - 05-12-2016.xls</t>
  </si>
  <si>
    <t>ASSOCIADOS ALGARTECH TCO-FMM.xls</t>
  </si>
  <si>
    <t>Controle Antenista.xlsx</t>
  </si>
  <si>
    <t>Cronograma AlgarTech_Otimiza‡äes F¡sicas - Rev02_11012017.xlsx</t>
  </si>
  <si>
    <t>Cronograma AlgarTech_Otimiza‡äes F¡sicas_08-12-2016.xlsx</t>
  </si>
  <si>
    <t>CRONOGRAMA ATIVIDADES ALGAR_ANTENISTA SET-2016 - Rev01.xlsx</t>
  </si>
  <si>
    <t>CRONOGRAMA ATIVIDADES ALGAR_ANTENISTA SET-2016.xlsx</t>
  </si>
  <si>
    <t>CRONOGRAMA DE SETORIZA€ÇO - GO.xlsx</t>
  </si>
  <si>
    <t>CRONOGRAMA_SETORIZA€ÇO_GO.xlsx</t>
  </si>
  <si>
    <t>D:\Users\josemfs\OneDrive - Grupo Algar\2019\Ouvidoria\PROTOCOLO – [#25472]\TCO_ANTENISTA.zip\TCO_ANTENISTA\RELATORIOS SETEMBRO 2016\</t>
  </si>
  <si>
    <t>C¢pia de Relat¢rio_Otimiza‡Æo_Sites_DF2704_3G_Set-2016.xlsx</t>
  </si>
  <si>
    <t>Relat¢rio Otimiza‡Æo_Rev01.xlsx</t>
  </si>
  <si>
    <t>RELA€ÇO DE ASSOCIADOS X TREINAMENTOS.xls</t>
  </si>
  <si>
    <t>D:\Users\josemfs\OneDrive - Grupo Algar\2019\Ouvidoria\PROTOCOLO – [#25472]\TCO_ANTENISTA.zip\TCO_ANTENISTA\RF Sheets Setoriza‡Æo.zip\RF Sheets\</t>
  </si>
  <si>
    <t>MANE_CCP_TCO_RFSHEET_G00022_20170214.xlsx</t>
  </si>
  <si>
    <t>MANE_CCP_TCO_RFSHEET_GO0001_20170210.xlsx</t>
  </si>
  <si>
    <t>MANE_CCP_TCO_RFSHEET_GO0002_20170213.xlsx</t>
  </si>
  <si>
    <t>MANE_CCP_TCO_RFSHEET_GO0003_20170214.xlsx</t>
  </si>
  <si>
    <t>MANE_CCP_TCO_RFSHEET_GO0004_20170214.xlsx</t>
  </si>
  <si>
    <t>MANE_CCP_TCO_RFSHEET_GO0006_20170214.xlsx</t>
  </si>
  <si>
    <t>MANE_CCP_TCO_RFSHEET_GO0008_20170214.xlsx</t>
  </si>
  <si>
    <t>MANE_CCP_TCO_RFSHEET_GO0009_20170214.xlsx</t>
  </si>
  <si>
    <t>MANE_CCP_TCO_RFSHEET_GO0010_20170214.xlsx</t>
  </si>
  <si>
    <t>MANE_CCP_TCO_RFSHEET_GO0011_20170214.xlsx</t>
  </si>
  <si>
    <t>MANE_CCP_TCO_RFSHEET_GO0012_20170214.xlsx</t>
  </si>
  <si>
    <t>MANE_CCP_TCO_RFSHEET_GO0014_20170214.xlsx</t>
  </si>
  <si>
    <t>MANE_CCP_TCO_RFSHEET_GO0016_20170214.xlsx</t>
  </si>
  <si>
    <t>MANE_CCP_TCO_RFSHEET_GO0017_20170214.xlsx</t>
  </si>
  <si>
    <t>MANE_CCP_TCO_RFSHEET_GO0018_20170214.xlsx</t>
  </si>
  <si>
    <t>MANE_CCP_TCO_RFSHEET_GO0019_20170214.xlsx</t>
  </si>
  <si>
    <t>MANE_CCP_TCO_RFSHEET_GO0020_20170214.xlsx</t>
  </si>
  <si>
    <t>MANE_CCP_TCO_RFSHEET_GO0021_20170214.xlsx</t>
  </si>
  <si>
    <t>MANE_CCP_TCO_RFSHEET_GZ0001_20170210.xlsx</t>
  </si>
  <si>
    <t>MANE_CCP_TCO_RFSHEET_GZ0002_20170213.xlsx</t>
  </si>
  <si>
    <t>MANE_CCP_TCO_RFSHEET_GZ0003_20170214.xlsx</t>
  </si>
  <si>
    <t>MANE_CCP_TCO_RFSHEET_GZ0004_20170214.xlsx</t>
  </si>
  <si>
    <t>MANE_CCP_TCO_RFSHEET_GZ0006_20170214.xlsx</t>
  </si>
  <si>
    <t>MANE_CCP_TCO_RFSHEET_GZ0008_20170214.xlsx</t>
  </si>
  <si>
    <t>MANE_CCP_TCO_RFSHEET_GZ0009_20170214.xlsx</t>
  </si>
  <si>
    <t>MANE_CCP_TCO_RFSHEET_GZ0010_20170214.xlsx</t>
  </si>
  <si>
    <t>MANE_CCP_TCO_RFSHEET_GZ0011_20170214.xlsx</t>
  </si>
  <si>
    <t>MANE_CCP_TCO_RFSHEET_GZ0012_20170214.xlsx</t>
  </si>
  <si>
    <t>MANE_CCP_TCO_RFSHEET_GZ0014_20170214.xlsx</t>
  </si>
  <si>
    <t>MANE_CCP_TCO_RFSHEET_GZ0016_20170214.xlsx</t>
  </si>
  <si>
    <t>MANE_CCP_TCO_RFSHEET_GZ0017_20170214.xlsx</t>
  </si>
  <si>
    <t>MANE_CCP_TCO_RFSHEET_GZ0018_20170214.xlsx</t>
  </si>
  <si>
    <t>MANE_CCP_TCO_RFSHEET_GZ0019_20170214.xlsx</t>
  </si>
  <si>
    <t>MANE_CCP_TCO_RFSHEET_GZ0020_20170214.xlsx</t>
  </si>
  <si>
    <t>MANE_CCP_TCO_RFSHEET_GZ0021_20170214.xlsx</t>
  </si>
  <si>
    <t>MANE_CCP_TCO_RFSHEET_GZ0022_20170214.xlsx</t>
  </si>
  <si>
    <t>11/13/2019 10:09:05</t>
  </si>
  <si>
    <t>ENC: Tabela Set/19</t>
  </si>
  <si>
    <t>11/13/2019 10:09:02</t>
  </si>
  <si>
    <t>11/13/2019 10:12:30</t>
  </si>
  <si>
    <t>claudia.oliveira@bradesco.com.br;lucasfra@algartech.com;</t>
  </si>
  <si>
    <t>ENC: INTELLILINK - ALBER</t>
  </si>
  <si>
    <t>ALBERFLEX Formulário de Implementação.xlsx</t>
  </si>
  <si>
    <t>claudia.oliveira@bradesco.com.br,lucasfra@algartech.com</t>
  </si>
  <si>
    <t>11/13/2019 10:10:16</t>
  </si>
  <si>
    <t>11/13/2019 10:13:29</t>
  </si>
  <si>
    <t>CERRADO OPERACOES DE ESTABELECIMENTOS (EC)</t>
  </si>
  <si>
    <t>pauloslj</t>
  </si>
  <si>
    <t>Paulo Sergio Lima de Jesus</t>
  </si>
  <si>
    <t>ENC: Consolidado 12/11</t>
  </si>
  <si>
    <t>Mailing atulizado - Larissa 17-07.xlsx</t>
  </si>
  <si>
    <t>11/13/2019 10:14:30</t>
  </si>
  <si>
    <t>11/13/2019 10:16:30</t>
  </si>
  <si>
    <t>Preco_V2.xlsb</t>
  </si>
  <si>
    <t>11/13/2019 10:10:51</t>
  </si>
  <si>
    <t>D:\Users\josemfs\OneDrive - Grupo Algar\2019\Ouvidoria\PROTOCOLO – [#25472]\Meus Arquivos Recebidos.zip\Meus Arquivos Recebidos\</t>
  </si>
  <si>
    <t>6 Relat¢rio base para a empresa contratada Algar (TCO).xlsx</t>
  </si>
  <si>
    <t>Analise_Base de Tickets Algar - Fev.19.xlsx</t>
  </si>
  <si>
    <t>Base - 2019_07.xlsx</t>
  </si>
  <si>
    <t>Base acionamento FMM TCO_2019-Jul a 13Out_Estudo.xlsx</t>
  </si>
  <si>
    <t>BASE FMM JULHO .xlsx</t>
  </si>
  <si>
    <t>Base FMM_TCO_Outubro.xlsx</t>
  </si>
  <si>
    <t>Bases de TCO_FMM_FMT__Fevereiro.2019.xlsx</t>
  </si>
  <si>
    <t>GESTÇO CREA - 2018 - ENGESET -LUCINEIA.xlsx</t>
  </si>
  <si>
    <t>Indicadores de GMG anal¡tico Algar (TCO).xlsx</t>
  </si>
  <si>
    <t>Indicadores de GMG anal¡tico Algar_TCO.xlsx</t>
  </si>
  <si>
    <t>Indicadores de GMG anal¡tico Algar_TCO_2018-Out.xlsx</t>
  </si>
  <si>
    <t>11/13/2019 10:11:12</t>
  </si>
  <si>
    <t>D:\Users\josemfs\OneDrive - Grupo Algar\2019\Ouvidoria\PROTOCOLO – [#25472]\CONTRATO VIVO.zip\CONTRATO VIVO\ACM 18101592 - TBRA - Concurso Planta Interna - Lotes 3 a 9 - novo.zip\</t>
  </si>
  <si>
    <t>RelaÃ§Ã£o de Sites Por Lote.xlsx</t>
  </si>
  <si>
    <t>D:\Users\josemfs\OneDrive - Grupo Algar\2019\Ouvidoria\PROTOCOLO – [#25472]\CONTRATO VIVO.zip\CONTRATO VIVO\ACM 18101592 - TBRA - Concurso Planta Interna - Lotes 3 a 9 - novo.zip\ApresentaÃ§Ã£o ReuniÃ£o Presencial - Concurso Planta Interna.pptx\</t>
  </si>
  <si>
    <t>D:\Users\josemfs\OneDrive - Grupo Algar\2019\Ouvidoria\PROTOCOLO – [#25472]\CONTRATO VIVO.zip\CONTRATO VIVO\ACM 18101592 - TBRA - Concurso Planta Interna - Lotes 3 a 9 - novo.zip\CADERNO ENCARGOS FLM_REV1.zip\CADERNO ENCARGOS FLM_REV1\</t>
  </si>
  <si>
    <t>Anexo 1A - Simulador da Avalia‡Æo Regional SP v15.xlsx</t>
  </si>
  <si>
    <t>Anexo 1B - Simulador da Avalia‡Æo Demais Regionais v15.xlsx</t>
  </si>
  <si>
    <t>Anexo 21 - Matriz Sites Vivo v15.xlsx</t>
  </si>
  <si>
    <t>Anexo 3A - Servi‡os Sob Demanda_GRUPO 109 - Quadro UD v15.xlsx</t>
  </si>
  <si>
    <t>D:\Users\josemfs\OneDrive - Grupo Algar\2019\Ouvidoria\PROTOCOLO – [#25472]\CONTRATO VIVO.zip\CONTRATO VIVO\ACM 18101592 - TBRA - Concurso Planta Interna - Lotes 3 a 9 - novo.zip\Concurso Planta Interna - Planilha Comercial - Lotes 3 a 9 _Rev1.zip\</t>
  </si>
  <si>
    <t>Concurso Planta Interna - Planilha Comercial - Lote 3.xlsx</t>
  </si>
  <si>
    <t>Concurso Planta Interna - Planilha Comercial - Lote 4.xlsx</t>
  </si>
  <si>
    <t>Concurso Planta Interna - Planilha Comercial - Lote 5.xlsx</t>
  </si>
  <si>
    <t>Concurso Planta Interna - Planilha Comercial - Lote 6.xlsx</t>
  </si>
  <si>
    <t>Concurso Planta Interna - Planilha Comercial - Lote 7.xlsx</t>
  </si>
  <si>
    <t>Concurso Planta Interna - Planilha Comercial - Lote 8.xlsx</t>
  </si>
  <si>
    <t>Concurso Planta Interna - Planilha Comercial - Lote 9.xlsx</t>
  </si>
  <si>
    <t>11/13/2019 10:11:33</t>
  </si>
  <si>
    <t>D:\Users\josemfs\OneDrive - Grupo Algar\2019\Ouvidoria\PROTOCOLO – [#25472]\CONTRATO - TLE.zip\CONTRATO - TLE\ANEXOS DO CONTRATO\ANEXO 2\</t>
  </si>
  <si>
    <t>FMM FMT TLE.xlsx</t>
  </si>
  <si>
    <t>LPU TARGET FATURA B FMM.xlsx</t>
  </si>
  <si>
    <t>LPU TARGET FATURA B FMT.xlsx</t>
  </si>
  <si>
    <t>LPU TARGET GMG.xls</t>
  </si>
  <si>
    <t>LPU TARGET INSTALACAO DE COW.xlsx</t>
  </si>
  <si>
    <t>LPU TARGET SEGURANCA DE SITES.xlsx</t>
  </si>
  <si>
    <t>LPU TARGET VSAT TIM.xls</t>
  </si>
  <si>
    <t>D:\Users\josemfs\OneDrive - Grupo Algar\2019\Ouvidoria\PROTOCOLO – [#25472]\CONTRATO - TLE.zip\CONTRATO - TLE\TLE - INFORMA€åES\</t>
  </si>
  <si>
    <t>DIMENSIONAMENTO - CORRETIVAS E PROGRAMADAS (version 2).xlsx</t>
  </si>
  <si>
    <t>DIMENSIONAMENTO - CORRETIVAS E PROGRAMADAS.xlsx</t>
  </si>
  <si>
    <t>ORGANOGRAMA MG.xlsx</t>
  </si>
  <si>
    <t>Sites TLE - 23-07-2019.xlsx</t>
  </si>
  <si>
    <t>D:\Users\josemfs\OneDrive - Grupo Algar\2019\Ouvidoria\PROTOCOLO – [#25472]\CONTRATO - TLE.zip\CONTRATO - TLE\18. ANEXO XVIII - ESPECIFICA€ÇO DOS SERVI€OS FMT - REVOPM - 291116.doc\</t>
  </si>
  <si>
    <t>Package2.xls</t>
  </si>
  <si>
    <t>D:\Users\josemfs\OneDrive - Grupo Algar\2019\Ouvidoria\PROTOCOLO – [#25472]\CONTRATO - TLE.zip\CONTRATO - TLE\ANEXOS DO CONTRATO\ANEXO 1\18. ANEXO XVIII - ESPECIFICA€ÇO DOS SERVI€OS FMT - REVOPM - 291116.doc\</t>
  </si>
  <si>
    <t>D:\Users\josemfs\OneDrive - Grupo Algar\2019\Ouvidoria\PROTOCOLO – [#25472]\CONTRATO - TLE.zip\CONTRATO - TLE\ANEXOS DO CONTRATO\ANEXO 1\21. VERTICALIZA€ÇO - SERVI€O DE MANUT CAMPO PARA VSATS - 301116.doc\</t>
  </si>
  <si>
    <t>D:\Users\josemfs\OneDrive - Grupo Algar\2019\Ouvidoria\PROTOCOLO – [#25472]\CONTRATO - TLE.zip\CONTRATO - TLE\ANEXOS DO CONTRATO\ANEXO 2.zip\ANEXO 2\</t>
  </si>
  <si>
    <t>D:\Users\josemfs\OneDrive - Grupo Algar\2019\Ouvidoria\PROTOCOLO – [#25472]\CONTRATO - TLE.zip\CONTRATO - TLE\ANEXOS DO CONTRATO\ANEXO 1.zip\ANEXO 1\18. ANEXO XVIII - ESPECIFICA€ÇO DOS SERVI€OS FMT - REVOPM - 291116.doc\</t>
  </si>
  <si>
    <t>D:\Users\josemfs\OneDrive - Grupo Algar\2019\Ouvidoria\PROTOCOLO – [#25472]\CONTRATO - TLE.zip\CONTRATO - TLE\ANEXOS DO CONTRATO\ANEXO 1.zip\ANEXO 1\21. VERTICALIZA€ÇO - SERVI€O DE MANUT CAMPO PARA VSATS - 301116.doc\</t>
  </si>
  <si>
    <t>11/13/2019 10:11:39</t>
  </si>
  <si>
    <t>D:\Users\josemfs\OneDrive - Grupo Algar\2019\Ouvidoria\PROTOCOLO – [#25472]\CONSULTORIA INTERNA ALGARTECH.zip\CONSULTORIA INTERNA ALGARTECH\</t>
  </si>
  <si>
    <t>C¢pia de Sistema de GestÆo.xlsx</t>
  </si>
  <si>
    <t>11/13/2019 10:17:29</t>
  </si>
  <si>
    <t>C:\Users\nadiagds\OneDrive - Grupo Algar\Mesa Digital\ISD_Análise\Projeto ISD - Banco Toyota\02.Construção\</t>
  </si>
  <si>
    <t>Informacao_DT-Acesso-servicenow.csv</t>
  </si>
  <si>
    <t>11/13/2019 10:15:29</t>
  </si>
  <si>
    <t>11/13/2019 10:18:30</t>
  </si>
  <si>
    <t>Cadastro de Arquivos - UNIPAR</t>
  </si>
  <si>
    <t>UNIPAR CARBOCLORO S.A.xlsx</t>
  </si>
  <si>
    <t>11/13/2019 10:14:13</t>
  </si>
  <si>
    <t>11/13/2019 10:17:51</t>
  </si>
  <si>
    <t>11/13/2019 10:19:30</t>
  </si>
  <si>
    <t>/o=exchangelabs/ou=exchange administrative group (fydibohf23spdlt)/cn=recipients/cn=8b1ee9849bf1448b965d2e381d782565-gabriel viv;/o=exchangelabs/ou=exchange administrative group (fydibohf23spdlt)/cn=recipients/cn=8fc182d8ec964190abd5d149ac41ad8b-fabricio de;/o=exchangelabs/ou=exchange administrative group (fydibohf23spdlt)/cn=recipients/cn=c29ec9dae022497281c840087cccddec-patricia ar;/o=exchangelabs/ou=exchange administrative group (fydibohf23spdlt)/cn=recipients/cn=e0001a1553fb4b9a9be687db68a2ec15-yuri ian fr;lucianagd@algartech.com;</t>
  </si>
  <si>
    <t>Novo mailing</t>
  </si>
  <si>
    <t>Mailing_CIMI_Patricia.xlsx</t>
  </si>
  <si>
    <t>/o=exchangelabs/ou=exchange administrative group (fydibohf23spdlt)/cn=recipients/cn=8b1ee9849bf1448b965d2e381d782565-gabriel viv,/o=exchangelabs/ou=exchange administrative group (fydibohf23spdlt)/cn=recipients/cn=8fc182d8ec964190abd5d149ac41ad8b-fabricio de,/o=exchangelabs/ou=exchange administrative group (fydibohf23spdlt)/cn=recipients/cn=c29ec9dae022497281c840087cccddec-patricia ar,/o=exchangelabs/ou=exchange administrative group (fydibohf23spdlt)/cn=recipients/cn=e0001a1553fb4b9a9be687db68a2ec15-yuri ian fr,lucianagd@algartech.com</t>
  </si>
  <si>
    <t>11/13/2019 10:17:56</t>
  </si>
  <si>
    <t>11/13/2019 10:22:30</t>
  </si>
  <si>
    <t>11/13/2019 10:18:02</t>
  </si>
  <si>
    <t>11/13/2019 10:21:25</t>
  </si>
  <si>
    <t>11/13/2019 10:21:57</t>
  </si>
  <si>
    <t>11/13/2019 10:19:11</t>
  </si>
  <si>
    <t>11/13/2019 10:23:29</t>
  </si>
  <si>
    <t>DashBoard DR. TÉC - 13/11</t>
  </si>
  <si>
    <t>DR TEC - 20191113.xlsx</t>
  </si>
  <si>
    <t>11/13/2019 10:22:01</t>
  </si>
  <si>
    <t>/o=exchangelabs/ou=exchange administrative group (fydibohf23spdlt)/cn=recipients/cn=2b2fb8df84f84951b6d53454b4b3e8b3-izadora may;dayana_d_freitas_algar@whirlpool.com;</t>
  </si>
  <si>
    <t>/o=exchangelabs/ou=exchange administrative group (fydibohf23spdlt)/cn=recipients/cn=2b2fb8df84f84951b6d53454b4b3e8b3-izadora may,dayana_d_freitas_algar@whirlpool.com</t>
  </si>
  <si>
    <t>11/13/2019 10:21:52</t>
  </si>
  <si>
    <t>11/13/2019 10:26:29</t>
  </si>
  <si>
    <t>11/13/2019 10:23:14</t>
  </si>
  <si>
    <t>11/13/2019 10:27:30</t>
  </si>
  <si>
    <t>10.200.99.130</t>
  </si>
  <si>
    <t>C:\Users\victorvgar\Desktop\AVON\Pesquisa\</t>
  </si>
  <si>
    <t>Dados novembro.xlsx</t>
  </si>
  <si>
    <t>11/13/2019 10:25:52</t>
  </si>
  <si>
    <t>11/13/2019 10:28:29</t>
  </si>
  <si>
    <t>/o=exchangelabs/ou=exchange administrative group (fydibohf23spdlt)/cn=recipients/cn=6fbc44b6d6b549208175d5a27201bd13-cintia nune;/o=exchangelabs/ou=exchange administrative group (fydibohf23spdlt)/cn=recipients/cn=8ab5e44d485043d59eb4f21463e63e6a-tays dos sa;/o=exchangelabs/ou=exchange administrative group (fydibohf23spdlt)/cn=recipients/cn=a72a765de829420582b78941417073ac-karina rodr;/o=exchangelabs/ou=exchange administrative group (fydibohf23spdlt)/cn=recipients/cn=c32cee7d339f4e7fab5beda7be171cc0-priscila ca;/o=exchangelabs/ou=exchange administrative group (fydibohf23spdlt)/cn=recipients/cn=e3778f57d65f4c17a6287602f9eb0cdc-alessandra;/o=exchangelabs/ou=exchange administrative group (fydibohf23spdlt)/cn=recipients/cn=f45617401bdf436baf70c45766699413-frederico b;</t>
  </si>
  <si>
    <t>Ebit por cliente - 1ºsem2019</t>
  </si>
  <si>
    <t>EBIT POR CLIENTE_1ºSEM2019.xlsx</t>
  </si>
  <si>
    <t>/o=exchangelabs/ou=exchange administrative group (fydibohf23spdlt)/cn=recipients/cn=6fbc44b6d6b549208175d5a27201bd13-cintia nune,/o=exchangelabs/ou=exchange administrative group (fydibohf23spdlt)/cn=recipients/cn=8ab5e44d485043d59eb4f21463e63e6a-tays dos sa,/o=exchangelabs/ou=exchange administrative group (fydibohf23spdlt)/cn=recipients/cn=a72a765de829420582b78941417073ac-karina rodr,/o=exchangelabs/ou=exchange administrative group (fydibohf23spdlt)/cn=recipients/cn=c32cee7d339f4e7fab5beda7be171cc0-priscila ca,/o=exchangelabs/ou=exchange administrative group (fydibohf23spdlt)/cn=recipients/cn=e3778f57d65f4c17a6287602f9eb0cdc-alessandra,/o=exchangelabs/ou=exchange administrative group (fydibohf23spdlt)/cn=recipients/cn=f45617401bdf436baf70c45766699413-frederico b</t>
  </si>
  <si>
    <t>11/13/2019 10:26:41</t>
  </si>
  <si>
    <t>11/13/2019 10:31:30</t>
  </si>
  <si>
    <t>RES: Transferência para o VDN 44601</t>
  </si>
  <si>
    <t>VDN 44601 - Transferências.xlsx</t>
  </si>
  <si>
    <t>11/13/2019 10:29:34</t>
  </si>
  <si>
    <t>11/13/2019 10:32:29</t>
  </si>
  <si>
    <t>11/13/2019 10:31:28</t>
  </si>
  <si>
    <t>CRS BLOQUEADOS EM 13.11.19.xlsx</t>
  </si>
  <si>
    <t>11/13/2019 10:39:43</t>
  </si>
  <si>
    <t>11/13/2019 10:41:30</t>
  </si>
  <si>
    <t>SL XXXXX - WHP GLOBAL.xlsx</t>
  </si>
  <si>
    <t>11/13/2019 10:41:52</t>
  </si>
  <si>
    <t>11/13/2019 10:42:29</t>
  </si>
  <si>
    <t>11/13/2019 10:41:41</t>
  </si>
  <si>
    <t>11/13/2019 10:43:30</t>
  </si>
  <si>
    <t>11/13/2019 10:42:23</t>
  </si>
  <si>
    <t>UsuariosGrupos.xlsx</t>
  </si>
  <si>
    <t>11/13/2019 10:40:27</t>
  </si>
  <si>
    <t>11/13/2019 10:45:00</t>
  </si>
  <si>
    <t>11/13/2019 10:45:30</t>
  </si>
  <si>
    <t>4229.gestaoslas@bradesco.com.br;claudiac.machado@bradesco.com.br;emerson.r.correia@bradesco.com.br;vanessa.manzione@bradesco.com.br;</t>
  </si>
  <si>
    <t>10-Memória de Cálculo Faturamento 100% Variável -ALGAR - Outubro.xlsx</t>
  </si>
  <si>
    <t>4229.gestaoslas@bradesco.com.br,claudiac.machado@bradesco.com.br,emerson.r.correia@bradesco.com.br,vanessa.manzione@bradesco.com.br</t>
  </si>
  <si>
    <t>11/13/2019 10:46:51</t>
  </si>
  <si>
    <t>11/13/2019 10:48:29</t>
  </si>
  <si>
    <t>RES: Daily Report Suporte Unica</t>
  </si>
  <si>
    <t>11/13/2019 10:49:41</t>
  </si>
  <si>
    <t>11/13/2019 10:51:30</t>
  </si>
  <si>
    <t>10.200.32.63</t>
  </si>
  <si>
    <t>C:\Users\joaobab\OneDrive - Grupo Algar\temp\Whirpool\Categorizador\</t>
  </si>
  <si>
    <t>Template.xlsx</t>
  </si>
  <si>
    <t>11/13/2019 10:51:27</t>
  </si>
  <si>
    <t>11/13/2019 10:52:30</t>
  </si>
  <si>
    <t>11/13/2019 10:52:02</t>
  </si>
  <si>
    <t>11/13/2019 10:48:13</t>
  </si>
  <si>
    <t>11/13/2019 10:53:30</t>
  </si>
  <si>
    <t>10.211.2.99</t>
  </si>
  <si>
    <t>/o=exchangelabs/ou=exchange administrative group (fydibohf23spdlt)/cn=recipients/cn=5cdc4a7b917a447c993600ca829a0a39-elisangela;/o=exchangelabs/ou=exchange administrative group (fydibohf23spdlt)/cn=recipients/cn=c8e51a7be48b4f059a93293e923137af-aline soare;/o=exchangelabs/ou=exchange administrative group (fydibohf23spdlt)/cn=recipients/cn=d376cbd484f64104bc8476daf590c7dc-paulo eduar;</t>
  </si>
  <si>
    <t>RES: Cálculo horas extras</t>
  </si>
  <si>
    <t>/o=exchangelabs/ou=exchange administrative group (fydibohf23spdlt)/cn=recipients/cn=5cdc4a7b917a447c993600ca829a0a39-elisangela,/o=exchangelabs/ou=exchange administrative group (fydibohf23spdlt)/cn=recipients/cn=c8e51a7be48b4f059a93293e923137af-aline soare,/o=exchangelabs/ou=exchange administrative group (fydibohf23spdlt)/cn=recipients/cn=d376cbd484f64104bc8476daf590c7dc-paulo eduar</t>
  </si>
  <si>
    <t>11/13/2019 10:52:36</t>
  </si>
  <si>
    <t>11/13/2019 10:57:30</t>
  </si>
  <si>
    <t>11/13/2019 10:53:12</t>
  </si>
  <si>
    <t>11/13/2019 10:53:46</t>
  </si>
  <si>
    <t>11/13/2019 10:54:30</t>
  </si>
  <si>
    <t>11/13/2019 10:55:53</t>
  </si>
  <si>
    <t>BASE_HE_028_029_033_OUTUBRO_01A31.10.2019_GESTOR.xlsm</t>
  </si>
  <si>
    <t>11/13/2019 10:58:29</t>
  </si>
  <si>
    <t>D:\Banco Itau - Reunião CTO\</t>
  </si>
  <si>
    <t>Procedimentos GAPs do Projetos AlgarTech - Banco Itaú 12.11.19.xlsx</t>
  </si>
  <si>
    <t>D:\Banco Itau - Reunião CTO\Procedimentos GAPs do Projetos AlgarTech - Banco Itaú 12.11.19.xlsx</t>
  </si>
  <si>
    <t>11/13/2019 10:57:13</t>
  </si>
  <si>
    <t>11/13/2019 11:02:29</t>
  </si>
  <si>
    <t>/o=exchangelabs/ou=exchange administrative group (fydibohf23spdlt)/cn=recipients/cn=0163bfef0e474630bdcf0a3698e9ffd4-amanda ferr;/o=exchangelabs/ou=exchange administrative group (fydibohf23spdlt)/cn=recipients/cn=5865f7bdf6dd4e85886f125a03522b87-paulo ricar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a6ba306bde72439c8d608df7df1957f9-larice nasc;/o=exchangelabs/ou=exchange administrative group (fydibohf23spdlt)/cn=recipients/cn=bec14da9ad4d434b8151ce12587e9186-khassio mar;flavia@iclicconsultoria.com.br;</t>
  </si>
  <si>
    <t>ENC: base onda 4</t>
  </si>
  <si>
    <t>RES Estimativa de prazo para contato ONDA 4.msg\s1\</t>
  </si>
  <si>
    <t>Importação Onda 4.xlsx</t>
  </si>
  <si>
    <t>/o=exchangelabs/ou=exchange administrative group (fydibohf23spdlt)/cn=recipients/cn=0163bfef0e474630bdcf0a3698e9ffd4-amanda ferr,/o=exchangelabs/ou=exchange administrative group (fydibohf23spdlt)/cn=recipients/cn=5865f7bdf6dd4e85886f125a03522b87-paulo ricar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a6ba306bde72439c8d608df7df1957f9-larice nasc,/o=exchangelabs/ou=exchange administrative group (fydibohf23spdlt)/cn=recipients/cn=bec14da9ad4d434b8151ce12587e9186-khassio mar,flavia@iclicconsultoria.com.br</t>
  </si>
  <si>
    <t>11/13/2019 11:04:10</t>
  </si>
  <si>
    <t>11/13/2019 11:09:31</t>
  </si>
  <si>
    <t>/o=exchangelabs/ou=exchange administrative group (fydibohf23spdlt)/cn=recipients/cn=670d10f0276c47ba89a984b1a225496b-victor gala;</t>
  </si>
  <si>
    <t>/o=exchangelabs/ou=exchange administrative group (fydibohf23spdlt)/cn=recipients/cn=670d10f0276c47ba89a984b1a225496b-victor gala</t>
  </si>
  <si>
    <t>11/13/2019 11:03:57</t>
  </si>
  <si>
    <t>\\acsfs\dsti\CIT- Coordenação de Inteligência de Tecnologia\05 - Gerenciamento Orçamento e Contabilização\5. Contabilidade 2019\11. Novembro\Despesas antecipadas\ANS_OC 44514\</t>
  </si>
  <si>
    <t>Formulário Despesa Antecipada_ANS.xls</t>
  </si>
  <si>
    <t>11/13/2019 11:08:06</t>
  </si>
  <si>
    <t>11/13/2019 11:10:31</t>
  </si>
  <si>
    <t>c:\users\gustavoas\downloads\</t>
  </si>
  <si>
    <t>11/13/2019 11:08:03</t>
  </si>
  <si>
    <t>11/13/2019 11:11:30</t>
  </si>
  <si>
    <t>OCORRENCIAS 01A11.11.xlsx</t>
  </si>
  <si>
    <t>/o=exchangelabs/ou=exchange administrative group (fydibohf23spdlt)/cn=recipients/cn=1262e099c0f24b3489b19e6494cd5fca-rayssa da c;/o=exchangelabs/ou=exchange administrative group (fydibohf23spdlt)/cn=recipients/cn=71d61cf74988455d8586a88b31233851-pablo mathe;/o=exchangelabs/ou=exchange administrative group (fydibohf23spdlt)/cn=recipients/cn=d05fd9144bc0407496937c19109e2ce7-jefferson r;</t>
  </si>
  <si>
    <t>/o=exchangelabs/ou=exchange administrative group (fydibohf23spdlt)/cn=recipients/cn=1262e099c0f24b3489b19e6494cd5fca-rayssa da c,/o=exchangelabs/ou=exchange administrative group (fydibohf23spdlt)/cn=recipients/cn=71d61cf74988455d8586a88b31233851-pablo mathe,/o=exchangelabs/ou=exchange administrative group (fydibohf23spdlt)/cn=recipients/cn=d05fd9144bc0407496937c19109e2ce7-jefferson r</t>
  </si>
  <si>
    <t>11/13/2019 11:09:23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a78f7dae304e472e9f75bd537683f6e5-hugo de oli;/o=exchangelabs/ou=exchange administrative group (fydibohf23spdlt)/cn=recipients/cn=b1d771656e5d46709d93295f07966125-pedro henri;/o=exchangelabs/ou=exchange administrative group (fydibohf23spdlt)/cn=recipients/cn=b284454839e94314a90d49e7ec00864f-antonio car;/o=exchangelabs/ou=exchange administrative group (fydibohf23spdlt)/cn=recipients/cn=b712c36eebee42428d3790abe2696417-romario gom;</t>
  </si>
  <si>
    <t>ENC: Usuário para liberação Power BI NEXT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a78f7dae304e472e9f75bd537683f6e5-hugo de oli,/o=exchangelabs/ou=exchange administrative group (fydibohf23spdlt)/cn=recipients/cn=b1d771656e5d46709d93295f07966125-pedro henri,/o=exchangelabs/ou=exchange administrative group (fydibohf23spdlt)/cn=recipients/cn=b284454839e94314a90d49e7ec00864f-antonio car,/o=exchangelabs/ou=exchange administrative group (fydibohf23spdlt)/cn=recipients/cn=b712c36eebee42428d3790abe2696417-romario gom</t>
  </si>
  <si>
    <t>11/13/2019 11:14:23</t>
  </si>
  <si>
    <t>11/13/2019 11:16:31</t>
  </si>
  <si>
    <t>11/13/2019 11:14:57</t>
  </si>
  <si>
    <t>11/13/2019 11:17:30</t>
  </si>
  <si>
    <t>mail.google.com/_/upload?authuser=0&amp;dcp=asu-n&amp;upload_id=AEnB2UqRqTkM8IYFbj9kyc_o-myLjo3XyR0Mmi_DaLtH7jDjlORDq-2TSxnKel7Nb6Zon1y6KNwNfE8a7BdRCsVlAbgP-CITVdFvy0dSU7vFLmO_ytTHAos&amp;upload_protocol=resumable</t>
  </si>
  <si>
    <t>\\acsfs\DEPTOS\PMO Governança\06 - GOVERNANÇA DO CAPEX\CAPEX LONGO PRAZO\CAPEX LP - REVISÃO_A19_M10\VALIDAÇÃO CAPEX LP - REUGER v2.pptx\</t>
  </si>
  <si>
    <t>11/13/2019 11:15:28</t>
  </si>
  <si>
    <t>11/13/2019 11:18:31</t>
  </si>
  <si>
    <t>11/13/2019 11:20:24</t>
  </si>
  <si>
    <t>11/13/2019 11:21:31</t>
  </si>
  <si>
    <t>Atividades-01 - BACKLOG ANF31_13_11_19 _ EDUARDA (2).xlsx</t>
  </si>
  <si>
    <t>11/13/2019 11:20:35</t>
  </si>
  <si>
    <t>11/13/2019 11:24:26</t>
  </si>
  <si>
    <t>11/13/2019 11:26:31</t>
  </si>
  <si>
    <t>11/13/2019 11:24:56</t>
  </si>
  <si>
    <t>11/13/2019 11:23:19</t>
  </si>
  <si>
    <t>11/13/2019 11:28:30</t>
  </si>
  <si>
    <t>10.200.99.40</t>
  </si>
  <si>
    <t>http://shareit.global.avon.com/sites/arrmcm/forca-de-vendas/_layouts/upload.aspx?list={49a50e3f-b4b4-49bc-b117-70e608bcb21b}&amp;rootfolder=/sites/arrmcm/forca-de-vendas/gerente de setor/incentivos&amp;source=http://shareit.global.avon.com/sites/arrmcm/forca-de-vendas/gerente de setor/forms/allitems.aspx?rootfolder=%2fsites%2farrmcm%2fforca%2dde%2dvendas%2fgerente%20de%20setor%2fincentivos&amp;folderctid=&amp;view=%7bd059265c%2dd14d%2d41b3%2d9614%2d5dc74317d84e%7d</t>
  </si>
  <si>
    <t>Recargas de vale presente - status de entrega.xls</t>
  </si>
  <si>
    <t>11/13/2019 11:24:17</t>
  </si>
  <si>
    <t>11/13/2019 11:24:58</t>
  </si>
  <si>
    <t>Consolidado - Bônus Vale Presente 2019.xls</t>
  </si>
  <si>
    <t>11/13/2019 11:27:01</t>
  </si>
  <si>
    <t>http://shareit.global.avon.com/sites/arrmcm/forca-de-vendas/_layouts/upload.aspx?list={49a50e3f-b4b4-49bc-b117-70e608bcb21b}&amp;rootfolder=/sites/arrmcm/forca-de-vendas/gerente de setor/incentivos&amp;source=http://shareit.global.avon.com/sites/arrmcm/forca-de-vendas/gerente de setor/forms/allitems.aspx?folderctid=&amp;rootfolder=%2fsites%2farrmcm%2fforca%2dde%2dvendas%2fgerente%20de%20setor%2fincentivos&amp;sortfield=modified&amp;sortdir=desc&amp;view=%7bd059265c%2dd14d%2d41b3%2d9614%2d5dc74317d84e%7d</t>
  </si>
  <si>
    <t>11/13/2019 11:27:48</t>
  </si>
  <si>
    <t>11/13/2019 11:31:30</t>
  </si>
  <si>
    <t>11/13/2019 11:30:11</t>
  </si>
  <si>
    <t>11/13/2019 11:33:31</t>
  </si>
  <si>
    <t>/o=exchangelabs/ou=exchange administrative group (fydibohf23spdlt)/cn=recipients/cn=0e2eb71726a34a0da705bbb0bf5c0367-leonardo me;/o=exchangelabs/ou=exchange administrative group (fydibohf23spdlt)/cn=recipients/cn=1e212ef08dab4f26b88cba944f2ab7cb-pmo.governa;/o=exchangelabs/ou=exchange administrative group (fydibohf23spdlt)/cn=recipients/cn=d5130784dc81436d9511788de4df376c-jeciene gom;</t>
  </si>
  <si>
    <t>PROJETO PRECIFICAÇÃO - CAPEX</t>
  </si>
  <si>
    <t>CAPEX APRESENTAÇÃO.xlsx</t>
  </si>
  <si>
    <t>/o=exchangelabs/ou=exchange administrative group (fydibohf23spdlt)/cn=recipients/cn=0e2eb71726a34a0da705bbb0bf5c0367-leonardo me,/o=exchangelabs/ou=exchange administrative group (fydibohf23spdlt)/cn=recipients/cn=1e212ef08dab4f26b88cba944f2ab7cb-pmo.governa,/o=exchangelabs/ou=exchange administrative group (fydibohf23spdlt)/cn=recipients/cn=d5130784dc81436d9511788de4df376c-jeciene gom</t>
  </si>
  <si>
    <t>11/13/2019 11:31:44</t>
  </si>
  <si>
    <t>11/13/2019 11:37:31</t>
  </si>
  <si>
    <t>/o=exchangelabs/ou=exchange administrative group (fydibohf23spdlt)/cn=recipients/cn=5d0ee7761c544528a373d2d279e26e82-gustavo hen;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e0001a1553fb4b9a9be687db68a2ec15-yuri ian fr;lucianagd@algartech.com;</t>
  </si>
  <si>
    <t>RES: Novo mailing</t>
  </si>
  <si>
    <t>/o=exchangelabs/ou=exchange administrative group (fydibohf23spdlt)/cn=recipients/cn=5d0ee7761c544528a373d2d279e26e82-gustavo hen,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e0001a1553fb4b9a9be687db68a2ec15-yuri ian fr,lucianagd@algartech.com</t>
  </si>
  <si>
    <t>11/13/2019 11:36:53</t>
  </si>
  <si>
    <t>11/13/2019 11:41:30</t>
  </si>
  <si>
    <t>mail.google.com/_/upload?authuser=0&amp;dcp=asu-n&amp;upload_id=AEnB2UpGM2bWGjNh5IVaNf5umgOTlg3e67P4qQAq50ZAbLD-8XOPebHojKBVeuIRFGu7h2e6Ze9RSx5WaAeZ_OxDuZ5kKgk5Yw&amp;upload_protocol=resumable</t>
  </si>
  <si>
    <t>amandacdr@algartech.com;fabiorb@algartech.com;felipe.pacheco@algartech.com;helderra@algartech.com;luiz.m.carvalho@algartech.com;wilsonaapn@algartech.com;</t>
  </si>
  <si>
    <t>amandacdr@algartech.com,fabiorb@algartech.com,felipe.pacheco@algartech.com,helderra@algartech.com,luiz.m.carvalho@algartech.com,wilsonaapn@algartech.com</t>
  </si>
  <si>
    <t>11/13/2019 11:35:08</t>
  </si>
  <si>
    <t>Campanha de trocas</t>
  </si>
  <si>
    <t>11/13/2019 11:38:57</t>
  </si>
  <si>
    <t>11/13/2019 11:40:54</t>
  </si>
  <si>
    <t>11/13/2019 11:40:19</t>
  </si>
  <si>
    <t>11/13/2019 11:44:31</t>
  </si>
  <si>
    <t>11/13/2019 11:42:32</t>
  </si>
  <si>
    <t>11/13/2019 11:46:31</t>
  </si>
  <si>
    <t>/o=exchangelabs/ou=exchange administrative group (fydibohf23spdlt)/cn=recipients/cn=6bc6ced03b1b4fafa41bb5c70c178940-antonio per;/o=exchangelabs/ou=exchange administrative group (fydibohf23spdlt)/cn=recipients/cn=a541140f84c0497d919eaa7797d6c613-vinicius mo;</t>
  </si>
  <si>
    <t>ENC: [Seleção] RECEITAS FATURADAS - 30.09 - GRUPO TI</t>
  </si>
  <si>
    <t>Seleção Receitas - Tecnologia - 30.09.xlsx</t>
  </si>
  <si>
    <t>/o=exchangelabs/ou=exchange administrative group (fydibohf23spdlt)/cn=recipients/cn=6bc6ced03b1b4fafa41bb5c70c178940-antonio per,/o=exchangelabs/ou=exchange administrative group (fydibohf23spdlt)/cn=recipients/cn=a541140f84c0497d919eaa7797d6c613-vinicius mo</t>
  </si>
  <si>
    <t>11/13/2019 11:47:18</t>
  </si>
  <si>
    <t>11/13/2019 11:52:31</t>
  </si>
  <si>
    <t>/o=exchangelabs/ou=exchange administrative group (fydibohf23spdlt)/cn=recipients/cn=ae5de8da93c7422fa6ba5be702b44cd5-renata apar;/o=exchangelabs/ou=exchange administrative group (fydibohf23spdlt)/cn=recipients/cn=d206cd06fb7b4255ae57b9ce929cb6b3-mateus land;</t>
  </si>
  <si>
    <t>RES: Caminho para colocar a base NPS</t>
  </si>
  <si>
    <t>Planilha para Power BI_NPS.xlsx</t>
  </si>
  <si>
    <t>/o=exchangelabs/ou=exchange administrative group (fydibohf23spdlt)/cn=recipients/cn=ae5de8da93c7422fa6ba5be702b44cd5-renata apar,/o=exchangelabs/ou=exchange administrative group (fydibohf23spdlt)/cn=recipients/cn=d206cd06fb7b4255ae57b9ce929cb6b3-mateus land</t>
  </si>
  <si>
    <t>11/13/2019 11:53:30</t>
  </si>
  <si>
    <t>11/13/2019 11:56:30</t>
  </si>
  <si>
    <t>C:\Users\joaobab\OneDrive - Grupo Algar\temp\Estudos\Apresentações\Algar_Xperience_Workshop_v02.pptx\</t>
  </si>
  <si>
    <t>11/13/2019 11:53:18</t>
  </si>
  <si>
    <t>11/13/2019 11:57:31</t>
  </si>
  <si>
    <t>Descontos PLR</t>
  </si>
  <si>
    <t>Desconto PPR_Base 2019_1º semestre.xlsx</t>
  </si>
  <si>
    <t>11/13/2019 12:01:16</t>
  </si>
  <si>
    <t>11/13/2019 12:01:31</t>
  </si>
  <si>
    <t>11/13/2019 12:03:09</t>
  </si>
  <si>
    <t>11/13/2019 12:05:31</t>
  </si>
  <si>
    <t>ENC: Volume Gerenciadas Amex e Visa - 13/11</t>
  </si>
  <si>
    <t>11/13/2019 12:03:17</t>
  </si>
  <si>
    <t>11/13/2019 12:06:30</t>
  </si>
  <si>
    <t>Apresentação REUGER (CAPEX 19 e 20)</t>
  </si>
  <si>
    <t>CAPEX 2020 12_11.pptx\</t>
  </si>
  <si>
    <t>11/13/2019 12:05:20</t>
  </si>
  <si>
    <t>11/13/2019 12:01:19</t>
  </si>
  <si>
    <t>mail.google.com/_/upload?authuser=0&amp;dcp=asu-n&amp;upload_id=AEnB2Uqol4LlTslHCkCSS1qTTnmTDUiowfR4TpylELoG_BflPZ12BEixUbysKBJS8kyv0tP-d4XgnG_F3jC_4NAG6P8FfOY1iyQn7NByTXluQJ-jSkECcuo&amp;upload_protocol=resumable</t>
  </si>
  <si>
    <t>11/13/2019 12:07:19</t>
  </si>
  <si>
    <t>11/13/2019 12:08:31</t>
  </si>
  <si>
    <t>/o=exchangelabs/ou=exchange administrative group (fydibohf23spdlt)/cn=recipients/cn=190a5958c4ec4cf68e1e85c8dae802b2-elisangela;/o=exchangelabs/ou=exchange administrative group (fydibohf23spdlt)/cn=recipients/cn=2144abc9537143519f505fcb8550b74c-juliana emi;/o=exchangelabs/ou=exchange administrative group (fydibohf23spdlt)/cn=recipients/cn=5ab64dc5178e4d66aadc5f660807b2c3-andre gomes;/o=exchangelabs/ou=exchange administrative group (fydibohf23spdlt)/cn=recipients/cn=aa95083c791042ddaef1eb09f98440e8-camila silv;</t>
  </si>
  <si>
    <t>Anotações TOP</t>
  </si>
  <si>
    <t>Insights_.xlsx</t>
  </si>
  <si>
    <t>/o=exchangelabs/ou=exchange administrative group (fydibohf23spdlt)/cn=recipients/cn=190a5958c4ec4cf68e1e85c8dae802b2-elisangela,/o=exchangelabs/ou=exchange administrative group (fydibohf23spdlt)/cn=recipients/cn=2144abc9537143519f505fcb8550b74c-juliana emi,/o=exchangelabs/ou=exchange administrative group (fydibohf23spdlt)/cn=recipients/cn=5ab64dc5178e4d66aadc5f660807b2c3-andre gomes,/o=exchangelabs/ou=exchange administrative group (fydibohf23spdlt)/cn=recipients/cn=aa95083c791042ddaef1eb09f98440e8-camila silv</t>
  </si>
  <si>
    <t>11/13/2019 12:06:17</t>
  </si>
  <si>
    <t>11/13/2019 12:09:30</t>
  </si>
  <si>
    <t>Marcos Paulo Pires - Cópia de Cópia de Prova de Excel e VBA_modelo 2.xlsx</t>
  </si>
  <si>
    <t>11/13/2019 12:10:58</t>
  </si>
  <si>
    <t>11/13/2019 12:13:30</t>
  </si>
  <si>
    <t>13_11_2019 - Relatório Pipeline - Key Account</t>
  </si>
  <si>
    <t>Relatório Pipeline_Dionizio_19_11_13.xlsx</t>
  </si>
  <si>
    <t>11/13/2019 12:12:46</t>
  </si>
  <si>
    <t>11/13/2019 12:16:31</t>
  </si>
  <si>
    <t>/o=exchangelabs/ou=exchange administrative group (fydibohf23spdlt)/cn=recipients/cn=109f6d628834480fabc1188cbdef64fa-antonia apa;/o=exchangelabs/ou=exchange administrative group (fydibohf23spdlt)/cn=recipients/cn=518d86a2f4064540845859796ca5563b-vinicius sc;/o=exchangelabs/ou=exchange administrative group (fydibohf23spdlt)/cn=recipients/cn=9036c60267804ebe88ce078c5e78649a-getulio mau;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usere11ed38c;</t>
  </si>
  <si>
    <t>/o=exchangelabs/ou=exchange administrative group (fydibohf23spdlt)/cn=recipients/cn=109f6d628834480fabc1188cbdef64fa-antonia apa,/o=exchangelabs/ou=exchange administrative group (fydibohf23spdlt)/cn=recipients/cn=518d86a2f4064540845859796ca5563b-vinicius sc,/o=exchangelabs/ou=exchange administrative group (fydibohf23spdlt)/cn=recipients/cn=9036c60267804ebe88ce078c5e78649a-getulio mau,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usere11ed38c</t>
  </si>
  <si>
    <t>11/13/2019 12:13:31</t>
  </si>
  <si>
    <t>ENC: Mailing CIMI</t>
  </si>
  <si>
    <t>11/13/2019 12:14:55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b712c36eebee42428d3790abe2696417-romario gom;/o=exchangelabs/ou=exchange administrative group (fydibohf23spdlt)/cn=recipients/cn=e4dbda4121b54299b4a719c6aa694894-algar tech;</t>
  </si>
  <si>
    <t>ENC: Consolidado dia 13/11.</t>
  </si>
  <si>
    <t>Consolidado atendimento 13.11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b712c36eebee42428d3790abe2696417-romario gom,/o=exchangelabs/ou=exchange administrative group (fydibohf23spdlt)/cn=recipients/cn=e4dbda4121b54299b4a719c6aa694894-algar tech</t>
  </si>
  <si>
    <t>11/13/2019 12:20:12</t>
  </si>
  <si>
    <t>11/13/2019 12:21:33</t>
  </si>
  <si>
    <t>/o=exchangelabs/ou=exchange administrative group (fydibohf23spdlt)/cn=recipients/cn=71d61cf74988455d8586a88b31233851-pablo mathe;/o=exchangelabs/ou=exchange administrative group (fydibohf23spdlt)/cn=recipients/cn=97bf0b4d6b424f9fbf91192510276150-renata de o;/o=exchangelabs/ou=exchange administrative group (fydibohf23spdlt)/cn=recipients/cn=c89277a86c7240d5b7de1f395d2f40ec-adriana rap;/o=exchangelabs/ou=exchange administrative group (fydibohf23spdlt)/cn=recipients/cn=fa51c9d13bf64a65807f2e4860c880b0-camila oliv;</t>
  </si>
  <si>
    <t>ENC: Transferência Erik Serra</t>
  </si>
  <si>
    <t>CustoFuncionario_112019_161334_20191108114616841.xls</t>
  </si>
  <si>
    <t>/o=exchangelabs/ou=exchange administrative group (fydibohf23spdlt)/cn=recipients/cn=71d61cf74988455d8586a88b31233851-pablo mathe,/o=exchangelabs/ou=exchange administrative group (fydibohf23spdlt)/cn=recipients/cn=97bf0b4d6b424f9fbf91192510276150-renata de o,/o=exchangelabs/ou=exchange administrative group (fydibohf23spdlt)/cn=recipients/cn=c89277a86c7240d5b7de1f395d2f40ec-adriana rap,/o=exchangelabs/ou=exchange administrative group (fydibohf23spdlt)/cn=recipients/cn=fa51c9d13bf64a65807f2e4860c880b0-camila oliv</t>
  </si>
  <si>
    <t>11/13/2019 13:14:50</t>
  </si>
  <si>
    <t>11/13/2019 13:18:32</t>
  </si>
  <si>
    <t>13_11_2019 - Relatório Pipeline</t>
  </si>
  <si>
    <t>Relatório Pipeline_Afonso_ 19_11_13.xlsx</t>
  </si>
  <si>
    <t>11/13/2019 13:31:38</t>
  </si>
  <si>
    <t>11/13/2019 13:32:32</t>
  </si>
  <si>
    <t>Extrato aprovadores x utilização - Engeset - Outubro.xls</t>
  </si>
  <si>
    <t>11/13/2019 13:36:32</t>
  </si>
  <si>
    <t>/o=exchangelabs/ou=exchange administrative group (fydibohf23spdlt)/cn=recipients/cn=3ab5db37e72d49469dabe5b57496dd5c-fabricio ra;/o=exchangelabs/ou=exchange administrative group (fydibohf23spdlt)/cn=recipients/cn=5337d7b73bdf49cdb93dda704a6dde96-maira da ro;/o=exchangelabs/ou=exchange administrative group (fydibohf23spdlt)/cn=recipients/cn=668a768851804aa4b0e4858ed2624f18-maria daian;/o=exchangelabs/ou=exchange administrative group (fydibohf23spdlt)/cn=recipients/cn=7a833dffdb3c4e9baa653653380e47b7-user;/o=exchangelabs/ou=exchange administrative group (fydibohf23spdlt)/cn=recipients/cn=e3c30a0666cf45d9a69e1308afc48b1c-edna rosa d;</t>
  </si>
  <si>
    <t>Distribuição - 2ª Dezena</t>
  </si>
  <si>
    <t>Distribuição - 2ª Dezena.xls</t>
  </si>
  <si>
    <t>/o=exchangelabs/ou=exchange administrative group (fydibohf23spdlt)/cn=recipients/cn=3ab5db37e72d49469dabe5b57496dd5c-fabricio ra,/o=exchangelabs/ou=exchange administrative group (fydibohf23spdlt)/cn=recipients/cn=5337d7b73bdf49cdb93dda704a6dde96-maira da ro,/o=exchangelabs/ou=exchange administrative group (fydibohf23spdlt)/cn=recipients/cn=668a768851804aa4b0e4858ed2624f18-maria daian,/o=exchangelabs/ou=exchange administrative group (fydibohf23spdlt)/cn=recipients/cn=7a833dffdb3c4e9baa653653380e47b7-user,/o=exchangelabs/ou=exchange administrative group (fydibohf23spdlt)/cn=recipients/cn=e3c30a0666cf45d9a69e1308afc48b1c-edna rosa d</t>
  </si>
  <si>
    <t>11/13/2019 13:43:02</t>
  </si>
  <si>
    <t>11/13/2019 13:47:32</t>
  </si>
  <si>
    <t>TRANSFERÊNCIAS ENTRE EMPRESAS INFRA.Out.xlsx</t>
  </si>
  <si>
    <t>11/13/2019 13:46:43</t>
  </si>
  <si>
    <t>11/13/2019 13:49:32</t>
  </si>
  <si>
    <t>11/13/2019 13:50:32</t>
  </si>
  <si>
    <t>11/13/2019 13:47:51</t>
  </si>
  <si>
    <t>11/13/2019 13:52:31</t>
  </si>
  <si>
    <t>Opiniões -Etapa Implantação e Ongoing.xlsx</t>
  </si>
  <si>
    <t>11/13/2019 13:54:54</t>
  </si>
  <si>
    <t>11/13/2019 13:57:32</t>
  </si>
  <si>
    <t>11/13/2019 13:54:28</t>
  </si>
  <si>
    <t>11/13/2019 13:58:33</t>
  </si>
  <si>
    <t>Relatório Pipeline_Raul_ 2019_11_13.xlsx</t>
  </si>
  <si>
    <t>11/13/2019 13:58:15</t>
  </si>
  <si>
    <t>11/13/2019 13:59:32</t>
  </si>
  <si>
    <t>11/13/2019 11:50:07</t>
  </si>
  <si>
    <t>11/13/2019 14:01:32</t>
  </si>
  <si>
    <t>RES: Ajustes Fusion</t>
  </si>
  <si>
    <t>11/13/2019 13:59:39</t>
  </si>
  <si>
    <t>11/13/2019 14:02:32</t>
  </si>
  <si>
    <t>11/13/2019 14:00:12</t>
  </si>
  <si>
    <t>11/13/2019 14:00:50</t>
  </si>
  <si>
    <t>11/13/2019 14:07:12</t>
  </si>
  <si>
    <t>11/13/2019 14:12:33</t>
  </si>
  <si>
    <t>11/13/2019 14:11:56</t>
  </si>
  <si>
    <t>11/13/2019 14:14:33</t>
  </si>
  <si>
    <t>mail.google.com/mail/u/1/?tab=wm&amp;ogbl#inbox</t>
  </si>
  <si>
    <t>C:\Users\igortfc\Documents\</t>
  </si>
  <si>
    <t>Algar Telecom - SAN Storage DC GM - 112019.xlsx</t>
  </si>
  <si>
    <t>11/13/2019 14:11:55</t>
  </si>
  <si>
    <t>11/13/2019 14:16:33</t>
  </si>
  <si>
    <t>ENC: Orçado x Real - IPO</t>
  </si>
  <si>
    <t>11/13/2019 14:12:34</t>
  </si>
  <si>
    <t>11/13/2019 14:17:32</t>
  </si>
  <si>
    <t>/o=exchangelabs/ou=exchange administrative group (fydibohf23spdlt)/cn=recipients/cn=ae5de8da93c7422fa6ba5be702b44cd5-renata apar;</t>
  </si>
  <si>
    <t>Plano de Engajamento CS.xlsx</t>
  </si>
  <si>
    <t>/o=exchangelabs/ou=exchange administrative group (fydibohf23spdlt)/cn=recipients/cn=ae5de8da93c7422fa6ba5be702b44cd5-renata apar</t>
  </si>
  <si>
    <t>11/13/2019 14:15:47</t>
  </si>
  <si>
    <t>11/13/2019 14:18:33</t>
  </si>
  <si>
    <t>ENC: IMPORTANTE - Motivos de cancelamento de OS</t>
  </si>
  <si>
    <t>Ação motivos de cancelamento.xlsx</t>
  </si>
  <si>
    <t>11/13/2019 14:19:59</t>
  </si>
  <si>
    <t>11/13/2019 14:21:34</t>
  </si>
  <si>
    <t>RESULTADO_19_ASO.xls</t>
  </si>
  <si>
    <t>11/13/2019 14:22:33</t>
  </si>
  <si>
    <t>/o=exchangelabs/ou=exchange administrative group (fydibohf23spdlt)/cn=recipients/cn=431e89e447c64969a76c7a83edd73ce0-jean cleber;</t>
  </si>
  <si>
    <t>EPIs</t>
  </si>
  <si>
    <t>/o=exchangelabs/ou=exchange administrative group (fydibohf23spdlt)/cn=recipients/cn=431e89e447c64969a76c7a83edd73ce0-jean cleber</t>
  </si>
  <si>
    <t>11/13/2019 14:19:48</t>
  </si>
  <si>
    <t>11/13/2019 14:24:33</t>
  </si>
  <si>
    <t>10.200.35.94</t>
  </si>
  <si>
    <t>mail.google.com/_/upload?authuser=0&amp;dcp=asu-n&amp;upload_id=AEnB2UohSTBTOug80P_B6yL3hfaBem5YNjYiQv6piD7rMXJsSl4YxGFIS4ADOJ3aiBG6Nx0zFj7MHDJ135GG8c3XkocJ2S9PvbsZV9IeGQU0Q2AFwHlTQIE&amp;upload_protocol=resumable</t>
  </si>
  <si>
    <t>dolvaner@algartech.com;jecienegs@algartech.com;leonardomcb@algartech.com;wanessabds@algartech.com;</t>
  </si>
  <si>
    <t>D:\Projetos\ACS\One_drive\OneDrive - Grupo Algar\Projetos\2019 Algar_-_Precificação\Escopo\</t>
  </si>
  <si>
    <t>Desenho modelo_BP por produto.xlsx</t>
  </si>
  <si>
    <t>dolvaner@algartech.com,jecienegs@algartech.com,leonardomcb@algartech.com,wanessabds@algartech.com</t>
  </si>
  <si>
    <t>11/13/2019 14:21:42</t>
  </si>
  <si>
    <t>11/13/2019 14:26:33</t>
  </si>
  <si>
    <t>11/13/2019 14:21:43</t>
  </si>
  <si>
    <t>11/13/2019 14:21:46</t>
  </si>
  <si>
    <t>11/13/2019 14:22:00</t>
  </si>
  <si>
    <t>11/13/2019 14:22:03</t>
  </si>
  <si>
    <t>11/13/2019 14:22:04</t>
  </si>
  <si>
    <t>11/13/2019 14:23:30</t>
  </si>
  <si>
    <t>11/13/2019 14:23:31</t>
  </si>
  <si>
    <t>11/13/2019 14:23:32</t>
  </si>
  <si>
    <t>11/13/2019 14:23:33</t>
  </si>
  <si>
    <t>11/13/2019 14:23:34</t>
  </si>
  <si>
    <t>11/13/2019 14:23:44</t>
  </si>
  <si>
    <t>11/13/2019 14:23:45</t>
  </si>
  <si>
    <t>11/13/2019 14:23:46</t>
  </si>
  <si>
    <t>11/13/2019 14:23:47</t>
  </si>
  <si>
    <t>11/13/2019 14:23:48</t>
  </si>
  <si>
    <t>11/13/2019 14:23:49</t>
  </si>
  <si>
    <t>11/13/2019 14:23:53</t>
  </si>
  <si>
    <t>11/13/2019 14:23:54</t>
  </si>
  <si>
    <t>11/13/2019 14:24:12</t>
  </si>
  <si>
    <t>11/13/2019 14:24:13</t>
  </si>
  <si>
    <t>11/13/2019 14:24:15</t>
  </si>
  <si>
    <t>11/13/2019 14:24:20</t>
  </si>
  <si>
    <t>11/13/2019 14:24:21</t>
  </si>
  <si>
    <t>11/13/2019 14:24:22</t>
  </si>
  <si>
    <t>11/13/2019 14:24:23</t>
  </si>
  <si>
    <t>11/13/2019 14:24:24</t>
  </si>
  <si>
    <t>11/13/2019 14:24:25</t>
  </si>
  <si>
    <t>11/13/2019 14:24:26</t>
  </si>
  <si>
    <t>11/13/2019 14:24:27</t>
  </si>
  <si>
    <t>11/13/2019 14:24:28</t>
  </si>
  <si>
    <t>11/13/2019 14:24:29</t>
  </si>
  <si>
    <t>11/13/2019 14:24:30</t>
  </si>
  <si>
    <t>11/13/2019 14:24:49</t>
  </si>
  <si>
    <t>11/13/2019 14:25:04</t>
  </si>
  <si>
    <t>11/13/2019 14:25:40</t>
  </si>
  <si>
    <t>11/13/2019 14:25:41</t>
  </si>
  <si>
    <t>11/13/2019 14:25:44</t>
  </si>
  <si>
    <t>11/13/2019 14:25:45</t>
  </si>
  <si>
    <t>11/13/2019 14:25:47</t>
  </si>
  <si>
    <t>11/13/2019 14:25:48</t>
  </si>
  <si>
    <t>11/13/2019 14:25:50</t>
  </si>
  <si>
    <t>11/13/2019 14:25:51</t>
  </si>
  <si>
    <t>11/13/2019 14:25:53</t>
  </si>
  <si>
    <t>11/13/2019 14:25:54</t>
  </si>
  <si>
    <t>11/13/2019 14:31:34</t>
  </si>
  <si>
    <t>11/13/2019 14:26:06</t>
  </si>
  <si>
    <t>11/13/2019 14:26:08</t>
  </si>
  <si>
    <t>11/13/2019 14:26:09</t>
  </si>
  <si>
    <t>11/13/2019 14:26:10</t>
  </si>
  <si>
    <t>11/13/2019 14:26:11</t>
  </si>
  <si>
    <t>11/13/2019 14:26:12</t>
  </si>
  <si>
    <t>11/13/2019 14:26:13</t>
  </si>
  <si>
    <t>11/13/2019 14:26:14</t>
  </si>
  <si>
    <t>11/13/2019 14:26:15</t>
  </si>
  <si>
    <t>11/13/2019 14:26:16</t>
  </si>
  <si>
    <t>11/13/2019 14:26:17</t>
  </si>
  <si>
    <t>11/13/2019 14:26:18</t>
  </si>
  <si>
    <t>11/13/2019 14:26:19</t>
  </si>
  <si>
    <t>11/13/2019 14:26:20</t>
  </si>
  <si>
    <t>11/13/2019 14:26:21</t>
  </si>
  <si>
    <t>11/13/2019 14:26:24</t>
  </si>
  <si>
    <t>11/13/2019 14:26:26</t>
  </si>
  <si>
    <t>11/13/2019 14:26:27</t>
  </si>
  <si>
    <t>11/13/2019 14:26:28</t>
  </si>
  <si>
    <t>11/13/2019 14:26:29</t>
  </si>
  <si>
    <t>11/13/2019 14:26:30</t>
  </si>
  <si>
    <t>11/13/2019 14:26:32</t>
  </si>
  <si>
    <t>11/13/2019 14:26:36</t>
  </si>
  <si>
    <t>11/13/2019 14:26:37</t>
  </si>
  <si>
    <t>11/13/2019 14:26:42</t>
  </si>
  <si>
    <t>11/13/2019 14:26:43</t>
  </si>
  <si>
    <t>11/13/2019 14:26:44</t>
  </si>
  <si>
    <t>11/13/2019 14:26:45</t>
  </si>
  <si>
    <t>11/13/2019 14:26:47</t>
  </si>
  <si>
    <t>11/13/2019 14:26:48</t>
  </si>
  <si>
    <t>11/13/2019 14:26:49</t>
  </si>
  <si>
    <t>11/13/2019 14:26:50</t>
  </si>
  <si>
    <t>11/13/2019 14:26:51</t>
  </si>
  <si>
    <t>11/13/2019 14:26:52</t>
  </si>
  <si>
    <t>11/13/2019 14:26:53</t>
  </si>
  <si>
    <t>11/13/2019 14:27:01</t>
  </si>
  <si>
    <t>11/13/2019 14:27:04</t>
  </si>
  <si>
    <t>11/13/2019 14:27:07</t>
  </si>
  <si>
    <t>11/13/2019 14:27:08</t>
  </si>
  <si>
    <t>11/13/2019 14:27:13</t>
  </si>
  <si>
    <t>11/13/2019 14:27:14</t>
  </si>
  <si>
    <t>11/13/2019 14:27:15</t>
  </si>
  <si>
    <t>11/13/2019 14:27:16</t>
  </si>
  <si>
    <t>11/13/2019 14:27:17</t>
  </si>
  <si>
    <t>11/13/2019 14:27:18</t>
  </si>
  <si>
    <t>11/13/2019 14:27:19</t>
  </si>
  <si>
    <t>11/13/2019 14:27:20</t>
  </si>
  <si>
    <t>11/13/2019 14:27:23</t>
  </si>
  <si>
    <t>11/13/2019 14:27:24</t>
  </si>
  <si>
    <t>11/13/2019 14:27:25</t>
  </si>
  <si>
    <t>11/13/2019 14:27:26</t>
  </si>
  <si>
    <t>11/13/2019 14:27:28</t>
  </si>
  <si>
    <t>11/13/2019 14:27:29</t>
  </si>
  <si>
    <t>11/13/2019 14:27:31</t>
  </si>
  <si>
    <t>11/13/2019 14:27:32</t>
  </si>
  <si>
    <t>11/13/2019 14:27:33</t>
  </si>
  <si>
    <t>11/13/2019 14:27:34</t>
  </si>
  <si>
    <t>11/13/2019 14:27:35</t>
  </si>
  <si>
    <t>11/13/2019 14:27:36</t>
  </si>
  <si>
    <t>11/13/2019 14:27:37</t>
  </si>
  <si>
    <t>11/13/2019 14:27:38</t>
  </si>
  <si>
    <t>11/13/2019 14:27:39</t>
  </si>
  <si>
    <t>11/13/2019 14:27:40</t>
  </si>
  <si>
    <t>11/13/2019 14:27:47</t>
  </si>
  <si>
    <t>11/13/2019 14:27:53</t>
  </si>
  <si>
    <t>11/13/2019 14:27:54</t>
  </si>
  <si>
    <t>11/13/2019 14:27:55</t>
  </si>
  <si>
    <t>11/13/2019 14:28:05</t>
  </si>
  <si>
    <t>11/13/2019 14:28:34</t>
  </si>
  <si>
    <t>11/13/2019 14:28:35</t>
  </si>
  <si>
    <t>11/13/2019 14:28:36</t>
  </si>
  <si>
    <t>11/13/2019 14:28:37</t>
  </si>
  <si>
    <t>11/13/2019 14:28:39</t>
  </si>
  <si>
    <t>11/13/2019 14:28:41</t>
  </si>
  <si>
    <t>11/13/2019 14:28:42</t>
  </si>
  <si>
    <t>11/13/2019 14:28:43</t>
  </si>
  <si>
    <t>11/13/2019 14:28:44</t>
  </si>
  <si>
    <t>11/13/2019 14:28:49</t>
  </si>
  <si>
    <t>11/13/2019 14:28:50</t>
  </si>
  <si>
    <t>11/13/2019 14:28:51</t>
  </si>
  <si>
    <t>11/13/2019 14:28:52</t>
  </si>
  <si>
    <t>11/13/2019 14:28:53</t>
  </si>
  <si>
    <t>11/13/2019 14:28:58</t>
  </si>
  <si>
    <t>11/13/2019 14:29:02</t>
  </si>
  <si>
    <t>11/13/2019 14:29:03</t>
  </si>
  <si>
    <t>11/13/2019 14:29:04</t>
  </si>
  <si>
    <t>11/13/2019 14:29:08</t>
  </si>
  <si>
    <t>11/13/2019 14:29:09</t>
  </si>
  <si>
    <t>11/13/2019 14:29:10</t>
  </si>
  <si>
    <t>11/13/2019 14:29:30</t>
  </si>
  <si>
    <t>11/13/2019 14:29:31</t>
  </si>
  <si>
    <t>11/13/2019 14:29:32</t>
  </si>
  <si>
    <t>11/13/2019 14:29:33</t>
  </si>
  <si>
    <t>11/13/2019 14:29:34</t>
  </si>
  <si>
    <t>11/13/2019 14:29:35</t>
  </si>
  <si>
    <t>11/13/2019 14:29:36</t>
  </si>
  <si>
    <t>11/13/2019 14:29:37</t>
  </si>
  <si>
    <t>11/13/2019 14:29:38</t>
  </si>
  <si>
    <t>11/13/2019 14:29:40</t>
  </si>
  <si>
    <t>11/13/2019 14:29:41</t>
  </si>
  <si>
    <t>11/13/2019 14:29:42</t>
  </si>
  <si>
    <t>11/13/2019 14:32:34</t>
  </si>
  <si>
    <t>11/13/2019 14:29:43</t>
  </si>
  <si>
    <t>11/13/2019 14:29:44</t>
  </si>
  <si>
    <t>11/13/2019 14:29:54</t>
  </si>
  <si>
    <t>11/13/2019 14:29:56</t>
  </si>
  <si>
    <t>11/13/2019 14:29:57</t>
  </si>
  <si>
    <t>11/13/2019 14:29:59</t>
  </si>
  <si>
    <t>11/13/2019 14:30:00</t>
  </si>
  <si>
    <t>11/13/2019 14:30:01</t>
  </si>
  <si>
    <t>11/13/2019 14:30:02</t>
  </si>
  <si>
    <t>11/13/2019 14:30:04</t>
  </si>
  <si>
    <t>11/13/2019 14:30:05</t>
  </si>
  <si>
    <t>11/13/2019 14:30:06</t>
  </si>
  <si>
    <t>11/13/2019 14:30:07</t>
  </si>
  <si>
    <t>11/13/2019 14:30:10</t>
  </si>
  <si>
    <t>11/13/2019 14:30:13</t>
  </si>
  <si>
    <t>11/13/2019 14:30:14</t>
  </si>
  <si>
    <t>11/13/2019 14:30:19</t>
  </si>
  <si>
    <t>11/13/2019 14:30:35</t>
  </si>
  <si>
    <t>11/13/2019 14:30:37</t>
  </si>
  <si>
    <t>11/13/2019 12:33:43</t>
  </si>
  <si>
    <t>11/13/2019 14:40:34</t>
  </si>
  <si>
    <t>11/13/2019 14:36:55</t>
  </si>
  <si>
    <t>/o=exchangelabs/ou=exchange administrative group (fydibohf23spdlt)/cn=recipients/cn=8c01e71056fe4e1a8ecc4e24420bd9ef-fellyp cros;adsilva_pronto@timbrasil.com.br;doliveira_pronto@timbrasil.com.br;logisticatimopm@grupotpc.com;</t>
  </si>
  <si>
    <t>RES: CORREÇÃO PN</t>
  </si>
  <si>
    <t>CORREÇÃO PN.msg\s1\</t>
  </si>
  <si>
    <t>/o=exchangelabs/ou=exchange administrative group (fydibohf23spdlt)/cn=recipients/cn=8c01e71056fe4e1a8ecc4e24420bd9ef-fellyp cros,adsilva_pronto@timbrasil.com.br,doliveira_pronto@timbrasil.com.br,logisticatimopm@grupotpc.com</t>
  </si>
  <si>
    <t>11/13/2019 14:38:21</t>
  </si>
  <si>
    <t>11/13/2019 14:41:33</t>
  </si>
  <si>
    <t>/o=exchangelabs/ou=exchange administrative group (fydibohf23spdlt)/cn=recipients/cn=5103a61947244f738c5588a523b85ec1-erica dos s;/o=exchangelabs/ou=exchange administrative group (fydibohf23spdlt)/cn=recipients/cn=8ffcdd39b62f4308b2f876f9624fa69a-wasley luiz;thallitaarg@algartech.com;</t>
  </si>
  <si>
    <t>/o=exchangelabs/ou=exchange administrative group (fydibohf23spdlt)/cn=recipients/cn=5103a61947244f738c5588a523b85ec1-erica dos s,/o=exchangelabs/ou=exchange administrative group (fydibohf23spdlt)/cn=recipients/cn=8ffcdd39b62f4308b2f876f9624fa69a-wasley luiz,thallitaarg@algartech.com</t>
  </si>
  <si>
    <t>11/13/2019 14:40:30</t>
  </si>
  <si>
    <t>11/13/2019 14:44:33</t>
  </si>
  <si>
    <t>BPO_HUS.xlsx</t>
  </si>
  <si>
    <t>11/13/2019 14:52:45</t>
  </si>
  <si>
    <t>11/13/2019 14:54:34</t>
  </si>
  <si>
    <t>mail.google.com/_/upload?authuser=0&amp;dcp=asu-n&amp;upload_id=AEnB2UpzltWWYMhyvd2J5YW89AZoVOSldJHDT9JyNLy_8WEKNST-5ppwV8Ss2g40CKJKTHFM1N4bu5CrArYq5wzW2yAyrjvs9w&amp;upload_protocol=resumable</t>
  </si>
  <si>
    <t>Oportunidades BP excel_v2.xlsx</t>
  </si>
  <si>
    <t>11/13/2019 14:53:03</t>
  </si>
  <si>
    <t>11/13/2019 14:56:34</t>
  </si>
  <si>
    <t>Sindicato</t>
  </si>
  <si>
    <t>Regras de calculo ponto Algar consolidado (005).xlsx</t>
  </si>
  <si>
    <t>11/13/2019 14:53:14</t>
  </si>
  <si>
    <t>11/13/2019 14:57:34</t>
  </si>
  <si>
    <t>11/13/2019 14:55:20</t>
  </si>
  <si>
    <t>11/13/2019 14:55:54</t>
  </si>
  <si>
    <t>11/13/2019 14:56:31</t>
  </si>
  <si>
    <t>11/13/2019 14:59:46</t>
  </si>
  <si>
    <t>11/13/2019 15:01:34</t>
  </si>
  <si>
    <t>/o=exchangelabs/ou=exchange administrative group (fydibohf23spdlt)/cn=recipients/cn=109f6d628834480fabc1188cbdef64fa-antonia apa;/o=exchangelabs/ou=exchange administrative group (fydibohf23spdlt)/cn=recipients/cn=518d86a2f4064540845859796ca5563b-vinicius sc;/o=exchangelabs/ou=exchange administrative group (fydibohf23spdlt)/cn=recipients/cn=8b1ee9849bf1448b965d2e381d782565-gabriel viv;/o=exchangelabs/ou=exchange administrative group (fydibohf23spdlt)/cn=recipients/cn=9036c60267804ebe88ce078c5e78649a-getulio mau;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usere11ed38c;</t>
  </si>
  <si>
    <t>RES: Mailing CIMI</t>
  </si>
  <si>
    <t>/o=exchangelabs/ou=exchange administrative group (fydibohf23spdlt)/cn=recipients/cn=109f6d628834480fabc1188cbdef64fa-antonia apa,/o=exchangelabs/ou=exchange administrative group (fydibohf23spdlt)/cn=recipients/cn=518d86a2f4064540845859796ca5563b-vinicius sc,/o=exchangelabs/ou=exchange administrative group (fydibohf23spdlt)/cn=recipients/cn=8b1ee9849bf1448b965d2e381d782565-gabriel viv,/o=exchangelabs/ou=exchange administrative group (fydibohf23spdlt)/cn=recipients/cn=9036c60267804ebe88ce078c5e78649a-getulio mau,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usere11ed38c</t>
  </si>
  <si>
    <t>11/13/2019 14:57:14</t>
  </si>
  <si>
    <t>11/13/2019 15:02:34</t>
  </si>
  <si>
    <t>11/13/2019 15:05:42</t>
  </si>
  <si>
    <t>11/13/2019 15:07:34</t>
  </si>
  <si>
    <t>ENC: ATA DE REUNIÃO - PROJETO PRECIFICAÇÃO</t>
  </si>
  <si>
    <t>11/13/2019 12:51:08</t>
  </si>
  <si>
    <t>11/13/2019 15:10:34</t>
  </si>
  <si>
    <t>C:\Users\elainemdlp\OD\_Projetos\Em andamento\Licitacao Goodyear\01 - Iniciacao\</t>
  </si>
  <si>
    <t>C:\Users\elainemdlp\OD\_Projetos\Em andamento\Licitacao Goodyear\01 - Iniciacao\BP 206431 - Goodyear v3.xlsb\</t>
  </si>
  <si>
    <t>11/13/2019 13:19:47</t>
  </si>
  <si>
    <t>C:\Users\elainemdlp\OD\_Projetos\Em andamento\Goodyear Licitacao\02 - Planejamento\</t>
  </si>
  <si>
    <t>Check list.xlsx</t>
  </si>
  <si>
    <t>11/13/2019 15:07:44</t>
  </si>
  <si>
    <t>11/13/2019 15:11:33</t>
  </si>
  <si>
    <t>11/13/2019 15:13:38</t>
  </si>
  <si>
    <t>11/13/2019 15:16:34</t>
  </si>
  <si>
    <t>ENC: (Análise Rateios))_GST vs Outras</t>
  </si>
  <si>
    <t>(Análise Rateios))_GST vs Outras.xls</t>
  </si>
  <si>
    <t>11/13/2019 15:14:02</t>
  </si>
  <si>
    <t>ENC: CR/Gerente</t>
  </si>
  <si>
    <t>11/13/2019 15:13:07</t>
  </si>
  <si>
    <t>11/13/2019 15:18:34</t>
  </si>
  <si>
    <t>RES: PLANILHA</t>
  </si>
  <si>
    <t>TOP Michelle.xlsx</t>
  </si>
  <si>
    <t>11/13/2019 15:17:15</t>
  </si>
  <si>
    <t>11/13/2019 15:19:33</t>
  </si>
  <si>
    <t>mail.google.com/mail/u/1/?ui=2&amp;view=btop&amp;ver=eyhxefjfd5dl&amp;q=Aslan.Ramos%40suse.com&amp;qs=true&amp;search=query&amp;th=%23thread-a%3Ar3708051651880850820|msg-f%3A1649565653456506505&amp;qt=aslan.ramos%40suse.com.1&amp;cvid=4</t>
  </si>
  <si>
    <t>ALGAR TECH - CEPH.xlsx</t>
  </si>
  <si>
    <t>11/13/2019 15:20:45</t>
  </si>
  <si>
    <t>11/13/2019 15:23:33</t>
  </si>
  <si>
    <t>Acompanhamento Mensal_Outubro_ 2019 Holding- Sem IFRS.xlsx</t>
  </si>
  <si>
    <t>11/13/2019 15:22:06</t>
  </si>
  <si>
    <t>11/13/2019 15:26:34</t>
  </si>
  <si>
    <t>CRs MKT - Rateio_.xlsx</t>
  </si>
  <si>
    <t>11/13/2019 15:26:02</t>
  </si>
  <si>
    <t>11/13/2019 15:27:34</t>
  </si>
  <si>
    <t>11/13/2019 15:26:29</t>
  </si>
  <si>
    <t>11/13/2019 15:26:59</t>
  </si>
  <si>
    <t>Cópia de Cópia de Curadoria MaiaPGFN Agosto.xlsx</t>
  </si>
  <si>
    <t>11/13/2019 15:26:01</t>
  </si>
  <si>
    <t>11/13/2019 15:28:34</t>
  </si>
  <si>
    <t>/o=exchangelabs/ou=exchange administrative group (fydibohf23spdlt)/cn=recipients/cn=6776a442e9d74eb38a4e02467843d314-juliana mar;/o=exchangelabs/ou=exchange administrative group (fydibohf23spdlt)/cn=recipients/cn=b16974d7de334bfabfe3dee1e8e47e59-sherley cri;/o=exchangelabs/ou=exchange administrative group (fydibohf23spdlt)/cn=recipients/cn=cd93dacc38404a95a829585c2e317a9f-dionizio ri;</t>
  </si>
  <si>
    <t>Product Catalog (3 níveis) 19-02-19 ...xlsx</t>
  </si>
  <si>
    <t>/o=exchangelabs/ou=exchange administrative group (fydibohf23spdlt)/cn=recipients/cn=6776a442e9d74eb38a4e02467843d314-juliana mar,/o=exchangelabs/ou=exchange administrative group (fydibohf23spdlt)/cn=recipients/cn=b16974d7de334bfabfe3dee1e8e47e59-sherley cri,/o=exchangelabs/ou=exchange administrative group (fydibohf23spdlt)/cn=recipients/cn=cd93dacc38404a95a829585c2e317a9f-dionizio ri</t>
  </si>
  <si>
    <t>11/13/2019 15:01:28</t>
  </si>
  <si>
    <t>11/13/2019 15:32:34</t>
  </si>
  <si>
    <t>marcellarr@algartech.com;</t>
  </si>
  <si>
    <t>marcellarr@algartech.com</t>
  </si>
  <si>
    <t>11/13/2019 15:31:39</t>
  </si>
  <si>
    <t>11/13/2019 15:33:33</t>
  </si>
  <si>
    <t>10.200.59.7</t>
  </si>
  <si>
    <t>/o=exchangelabs/ou=exchange administrative group (fydibohf23spdlt)/cn=recipients/cn=a2a95176ec8b4e558f3d0f3c2d9d370b-pablo dos s;/o=exchangelabs/ou=exchange administrative group (fydibohf23spdlt)/cn=recipients/cn=f50351055a2944cebcbdc18a918945d6-gustavo res;gvieira@toyota.com.br;rutiyama@toyota.com.br;</t>
  </si>
  <si>
    <t>Fechamento Mobility - Outubro/19</t>
  </si>
  <si>
    <t>/o=exchangelabs/ou=exchange administrative group (fydibohf23spdlt)/cn=recipients/cn=a2a95176ec8b4e558f3d0f3c2d9d370b-pablo dos s,/o=exchangelabs/ou=exchange administrative group (fydibohf23spdlt)/cn=recipients/cn=f50351055a2944cebcbdc18a918945d6-gustavo res,gvieira@toyota.com.br,rutiyama@toyota.com.br</t>
  </si>
  <si>
    <t>11/13/2019 15:30:47</t>
  </si>
  <si>
    <t>11/13/2019 15:35:33</t>
  </si>
  <si>
    <t>mail.google.com/_/upload?authuser=0&amp;dcp=asu-n&amp;upload_id=AEnB2Uq50rmjk5q27LAhA0jTYpz51MgjNSs7JVAbjGLIp8zjoZ1vzVGm9jBwiTEcZUtwIawXWrcHpGnlAEl_X_zWxY4t8rWPJQ&amp;upload_protocol=resumable</t>
  </si>
  <si>
    <t>mail.google.com/_/upload?authuser=0&amp;dcp=asu-n&amp;upload_id=AEnB2UowJinDxwav57VNhMs3GO4gPQaL-_vjP53ElVGFlSuhoaYmsvXZBI42tmIGAFQRkdY6osxDqPfPqjZTcSRxXURQtdM1Qg&amp;upload_protocol=resumable</t>
  </si>
  <si>
    <t>Formulario-Correcao_PO.v6.xlsx</t>
  </si>
  <si>
    <t>11/13/2019 15:32:28</t>
  </si>
  <si>
    <t>11/13/2019 15:37:33</t>
  </si>
  <si>
    <t>11/13/2019 15:32:59</t>
  </si>
  <si>
    <t>11/13/2019 15:33:44</t>
  </si>
  <si>
    <t>11/13/2019 15:34:17</t>
  </si>
  <si>
    <t>11/13/2019 15:35:31</t>
  </si>
  <si>
    <t>11/13/2019 15:38:33</t>
  </si>
  <si>
    <t>/o=exchangelabs/ou=exchange administrative group (fydibohf23spdlt)/cn=recipients/cn=6776a442e9d74eb38a4e02467843d314-juliana mar;/o=exchangelabs/ou=exchange administrative group (fydibohf23spdlt)/cn=recipients/cn=b16974d7de334bfabfe3dee1e8e47e59-sherley cri;</t>
  </si>
  <si>
    <t>Procedimento Aprova. Venda - Planilha Transacional - Planilha Mapeamento de Cláusula</t>
  </si>
  <si>
    <t>/o=exchangelabs/ou=exchange administrative group (fydibohf23spdlt)/cn=recipients/cn=6776a442e9d74eb38a4e02467843d314-juliana mar,/o=exchangelabs/ou=exchange administrative group (fydibohf23spdlt)/cn=recipients/cn=b16974d7de334bfabfe3dee1e8e47e59-sherley cri</t>
  </si>
  <si>
    <t>11/13/2019 15:37:42</t>
  </si>
  <si>
    <t>11/13/2019 15:40:34</t>
  </si>
  <si>
    <t>C:\Users\rodrigombu\OneDrive - Grupo Algar\Whirlpool\2019\11 - Novembro\Arquivo\Escala Feriado\</t>
  </si>
  <si>
    <t>Escala enviada pela operação.xlsx</t>
  </si>
  <si>
    <t>11/13/2019 15:37:43</t>
  </si>
  <si>
    <t>11-DIMENS_EH SAC_PJOTINHA_NOV - Escala Feriado 15-11.xlsm</t>
  </si>
  <si>
    <t>11/13/2019 15:40:28</t>
  </si>
  <si>
    <t>11/13/2019 15:41:33</t>
  </si>
  <si>
    <t>/o=exchangelabs/ou=exchange administrative group (fydibohf23spdlt)/cn=recipients/cn=2998281d701747ab8eab899908ad8907-isabel paz;</t>
  </si>
  <si>
    <t>Ferias Serasa</t>
  </si>
  <si>
    <t>FERIAS - SERASA.xlsx</t>
  </si>
  <si>
    <t>/o=exchangelabs/ou=exchange administrative group (fydibohf23spdlt)/cn=recipients/cn=2998281d701747ab8eab899908ad8907-isabel paz</t>
  </si>
  <si>
    <t>11/13/2019 15:42:41</t>
  </si>
  <si>
    <t>11/13/2019 15:43:33</t>
  </si>
  <si>
    <t>11/13/2019 15:42:54</t>
  </si>
  <si>
    <t>Cartão empresarial - Procedimento</t>
  </si>
  <si>
    <t>11/13/2019 15:45:13</t>
  </si>
  <si>
    <t>11/13/2019 15:47:33</t>
  </si>
  <si>
    <t>20191113 - Capex LP 2020_v2.xlsx</t>
  </si>
  <si>
    <t>11/13/2019 15:46:32</t>
  </si>
  <si>
    <t>heliel.xlsx</t>
  </si>
  <si>
    <t>11/13/2019 15:48:34</t>
  </si>
  <si>
    <t>/o=exchangelabs/ou=exchange administrative group (fydibohf23spdlt)/cn=recipients/cn=6776a442e9d74eb38a4e02467843d314-juliana mar;/o=exchangelabs/ou=exchange administrative group (fydibohf23spdlt)/cn=recipients/cn=cd93dacc38404a95a829585c2e317a9f-dionizio ri;</t>
  </si>
  <si>
    <t>Jurídico - Delegação de Responsabilidades</t>
  </si>
  <si>
    <t>14-08-19 ACADEMIA DE VENDAS Treinamento - Delegação de Responsabilidades.pptx\</t>
  </si>
  <si>
    <t>/o=exchangelabs/ou=exchange administrative group (fydibohf23spdlt)/cn=recipients/cn=6776a442e9d74eb38a4e02467843d314-juliana mar,/o=exchangelabs/ou=exchange administrative group (fydibohf23spdlt)/cn=recipients/cn=cd93dacc38404a95a829585c2e317a9f-dionizio ri</t>
  </si>
  <si>
    <t>11/13/2019 15:47:11</t>
  </si>
  <si>
    <t>11/13/2019 15:49:34</t>
  </si>
  <si>
    <t>CONSOLIDADO PRE FATURAMENTO 2019</t>
  </si>
  <si>
    <t>2019.Consolidado TI .xls</t>
  </si>
  <si>
    <t>11/13/2019 15:46:58</t>
  </si>
  <si>
    <t>11/13/2019 15:50:34</t>
  </si>
  <si>
    <t>Y:\financeiro_ula\FATURAMENTO\08. Relatórios Faturamento\03. 2019\10.2019\</t>
  </si>
  <si>
    <t>11/13/2019 15:48:45</t>
  </si>
  <si>
    <t>/o=exchangelabs/ou=exchange administrative group (fydibohf23spdlt)/cn=recipients/cn=080e83e29285438291c54f0de60e22c2-patricia me;/o=exchangelabs/ou=exchange administrative group (fydibohf23spdlt)/cn=recipients/cn=5dd03a66f797451390d7113259343399-aline da si;/o=exchangelabs/ou=exchange administrative group (fydibohf23spdlt)/cn=recipients/cn=e5206557a07d4b02b842e0181faecf51-isabela fer;/o=exchangelabs/ou=exchange administrative group (fydibohf23spdlt)/cn=recipients/cn=e651a71f124c43ddaaa0887cae33fb6b-jackeline g;/o=exchangelabs/ou=exchange administrative group (fydibohf23spdlt)/cn=recipients/cn=thiago oliveira reis;</t>
  </si>
  <si>
    <t>ERRATA: Lojinha MPE e Digital</t>
  </si>
  <si>
    <t>Fechar campanha lojinha Acompanhamento de Receita Telecom - Fechamento Out19.xlsx</t>
  </si>
  <si>
    <t>/o=exchangelabs/ou=exchange administrative group (fydibohf23spdlt)/cn=recipients/cn=080e83e29285438291c54f0de60e22c2-patricia me,/o=exchangelabs/ou=exchange administrative group (fydibohf23spdlt)/cn=recipients/cn=5dd03a66f797451390d7113259343399-aline da si,/o=exchangelabs/ou=exchange administrative group (fydibohf23spdlt)/cn=recipients/cn=e5206557a07d4b02b842e0181faecf51-isabela fer,/o=exchangelabs/ou=exchange administrative group (fydibohf23spdlt)/cn=recipients/cn=e651a71f124c43ddaaa0887cae33fb6b-jackeline g,/o=exchangelabs/ou=exchange administrative group (fydibohf23spdlt)/cn=recipients/cn=thiago oliveira reis</t>
  </si>
  <si>
    <t>11/13/2019 15:50:20</t>
  </si>
  <si>
    <t>11/13/2019 15:51:33</t>
  </si>
  <si>
    <t>Regra_TOP.xlsx</t>
  </si>
  <si>
    <t>11/13/2019 15:49:12</t>
  </si>
  <si>
    <t>11/13/2019 15:52:34</t>
  </si>
  <si>
    <t>11/13/2019 15:53:10</t>
  </si>
  <si>
    <t>11/13/2019 15:57:34</t>
  </si>
  <si>
    <t>/o=exchangelabs/ou=exchange administrative group (fydibohf23spdlt)/cn=recipients/cn=61af722dd06149089cf1c867d796b8bc-delso estre;/o=exchangelabs/ou=exchange administrative group (fydibohf23spdlt)/cn=recipients/cn=825e22489f504b16aae369306c36d2e0-olivar anto;/o=exchangelabs/ou=exchange administrative group (fydibohf23spdlt)/cn=recipients/cn=8c253c95243a40aa99c9416b7eb70a2a-julio cesar;/o=exchangelabs/ou=exchange administrative group (fydibohf23spdlt)/cn=recipients/cn=9ec15fdf8a374c6f80ea1bf33684216e-roberta alv;/o=exchangelabs/ou=exchange administrative group (fydibohf23spdlt)/cn=recipients/cn=a30d12803de94264a57a0656bab1cc89-jose mario;/o=exchangelabs/ou=exchange administrative group (fydibohf23spdlt)/cn=recipients/cn=c9ea031fea1c4d28a37208d7515cef44-mara rubia;/o=exchangelabs/ou=exchange administrative group (fydibohf23spdlt)/cn=recipients/cn=e46cd96e8e9e452c8cc8ba65a6c4ec57-gustavo hen;</t>
  </si>
  <si>
    <t>/o=exchangelabs/ou=exchange administrative group (fydibohf23spdlt)/cn=recipients/cn=61af722dd06149089cf1c867d796b8bc-delso estre,/o=exchangelabs/ou=exchange administrative group (fydibohf23spdlt)/cn=recipients/cn=825e22489f504b16aae369306c36d2e0-olivar anto,/o=exchangelabs/ou=exchange administrative group (fydibohf23spdlt)/cn=recipients/cn=8c253c95243a40aa99c9416b7eb70a2a-julio cesar,/o=exchangelabs/ou=exchange administrative group (fydibohf23spdlt)/cn=recipients/cn=9ec15fdf8a374c6f80ea1bf33684216e-roberta alv,/o=exchangelabs/ou=exchange administrative group (fydibohf23spdlt)/cn=recipients/cn=a30d12803de94264a57a0656bab1cc89-jose mario,/o=exchangelabs/ou=exchange administrative group (fydibohf23spdlt)/cn=recipients/cn=c9ea031fea1c4d28a37208d7515cef44-mara rubia,/o=exchangelabs/ou=exchange administrative group (fydibohf23spdlt)/cn=recipients/cn=e46cd96e8e9e452c8cc8ba65a6c4ec57-gustavo hen</t>
  </si>
  <si>
    <t>11/13/2019 15:52:33</t>
  </si>
  <si>
    <t>11/13/2019 15:53:56</t>
  </si>
  <si>
    <t>11/13/2019 15:59:35</t>
  </si>
  <si>
    <t>/o=exchangelabs/ou=exchange administrative group (fydibohf23spdlt)/cn=recipients/cn=a5fb24647d6e4c368aca7c8ad68585d5-jessica fer;</t>
  </si>
  <si>
    <t>/o=exchangelabs/ou=exchange administrative group (fydibohf23spdlt)/cn=recipients/cn=a5fb24647d6e4c368aca7c8ad68585d5-jessica fer</t>
  </si>
  <si>
    <t>11/13/2019 15:55:20</t>
  </si>
  <si>
    <t>ENC: Relatório Vendas CCS e GE</t>
  </si>
  <si>
    <t>07 - Relatório Electrolux CCS e GE _Setembro.zip\</t>
  </si>
  <si>
    <t>07 - Relat¢rio Electrolux CCS e GE _Setembro.xlsb</t>
  </si>
  <si>
    <t>11/13/2019 16:00:01</t>
  </si>
  <si>
    <t>11/13/2019 16:00:34</t>
  </si>
  <si>
    <t>11/13/2019 15:58:18</t>
  </si>
  <si>
    <t>11/13/2019 16:01:35</t>
  </si>
  <si>
    <t>ENC: Planilha Incentivo.xlsx</t>
  </si>
  <si>
    <t>1 Planilha Incentivo (1) Consolidada.xlsx</t>
  </si>
  <si>
    <t>11/13/2019 15:56:56</t>
  </si>
  <si>
    <t>11/13/2019 16:02:35</t>
  </si>
  <si>
    <t>C:\Users\maurojmdo_OLD\Documents\Meus Arquivos Recebidos\</t>
  </si>
  <si>
    <t>Topologia_URA_PS_Bradesco_V2.xlsx</t>
  </si>
  <si>
    <t>11/13/2019 15:59:37</t>
  </si>
  <si>
    <t>11/13/2019 16:03:35</t>
  </si>
  <si>
    <t>/o=exchangelabs/ou=exchange administrative group (fydibohf23spdlt)/cn=recipients/cn=6776a442e9d74eb38a4e02467843d314-juliana mar;</t>
  </si>
  <si>
    <t>Estrutura DMV _ Comercial Tech</t>
  </si>
  <si>
    <t>Estrutura DMV 2019 - SHER 11_11 v2.xlsx</t>
  </si>
  <si>
    <t>/o=exchangelabs/ou=exchange administrative group (fydibohf23spdlt)/cn=recipients/cn=6776a442e9d74eb38a4e02467843d314-juliana mar</t>
  </si>
  <si>
    <t>11/13/2019 16:03:03</t>
  </si>
  <si>
    <t>/o=exchangelabs/ou=exchange administrative group (fydibohf23spdlt)/cn=recipients/cn=3241a0d6cde94fd1bcaf7717d71a00b2-moira gnemm;/o=exchangelabs/ou=exchange administrative group (fydibohf23spdlt)/cn=recipients/cn=3d8a3ace44d54499a30000d5bd9dcba8-mirian tosh;/o=exchangelabs/ou=exchange administrative group (fydibohf23spdlt)/cn=recipients/cn=9e72be441e9e4b08a759859a5b3a336a-daniela de;/o=exchangelabs/ou=exchange administrative group (fydibohf23spdlt)/cn=recipients/cn=f7a4290a46314a3cbb0d392508a7b5c5-luciana sil;/o=exchangelabs/ou=exchange administrative group (fydibohf23spdlt)/cn=recipients/cn=f9fe932422d84c28aad0bc6079f59209-daniele dos;/o=exchangelabs/ou=exchange administrative group (fydibohf23spdlt)/cn=recipients/cn=group72a1a4ca;/o=exchangelabs/ou=exchange administrative group (fydibohf23spdlt)/cn=recipients/cn=valeria de mello lima;</t>
  </si>
  <si>
    <t>/o=exchangelabs/ou=exchange administrative group (fydibohf23spdlt)/cn=recipients/cn=3241a0d6cde94fd1bcaf7717d71a00b2-moira gnemm,/o=exchangelabs/ou=exchange administrative group (fydibohf23spdlt)/cn=recipients/cn=3d8a3ace44d54499a30000d5bd9dcba8-mirian tosh,/o=exchangelabs/ou=exchange administrative group (fydibohf23spdlt)/cn=recipients/cn=9e72be441e9e4b08a759859a5b3a336a-daniela de,/o=exchangelabs/ou=exchange administrative group (fydibohf23spdlt)/cn=recipients/cn=f7a4290a46314a3cbb0d392508a7b5c5-luciana sil,/o=exchangelabs/ou=exchange administrative group (fydibohf23spdlt)/cn=recipients/cn=f9fe932422d84c28aad0bc6079f59209-daniele dos,/o=exchangelabs/ou=exchange administrative group (fydibohf23spdlt)/cn=recipients/cn=group72a1a4ca,/o=exchangelabs/ou=exchange administrative group (fydibohf23spdlt)/cn=recipients/cn=valeria de mello lima</t>
  </si>
  <si>
    <t>11/13/2019 16:03:17</t>
  </si>
  <si>
    <t>ENC: Estrutura DMV _ Comercial Tech</t>
  </si>
  <si>
    <t>11/13/2019 16:02:13</t>
  </si>
  <si>
    <t>11/13/2019 16:05:35</t>
  </si>
  <si>
    <t>UPH em Novembro</t>
  </si>
  <si>
    <t>11/13/2019 16:02:01</t>
  </si>
  <si>
    <t>11/13/2019 16:06:35</t>
  </si>
  <si>
    <t>C:\Users\ericsonns\Documents\Desligamentos\</t>
  </si>
  <si>
    <t>11/13/2019 16:03:42</t>
  </si>
  <si>
    <t>11/13/2019 16:07:35</t>
  </si>
  <si>
    <t>11/13/2019 16:06:27</t>
  </si>
  <si>
    <t>11/13/2019 16:10:17</t>
  </si>
  <si>
    <t>11/13/2019 16:12:35</t>
  </si>
  <si>
    <t>11/13/2019 16:10:51</t>
  </si>
  <si>
    <t>11/13/2019 16:11:24</t>
  </si>
  <si>
    <t>11/13/2019 16:15:13</t>
  </si>
  <si>
    <t>11/13/2019 16:18:35</t>
  </si>
  <si>
    <t>10.200.99.165</t>
  </si>
  <si>
    <t>/o=exchangelabs/ou=exchange administrative group (fydibohf23spdlt)/cn=recipients/cn=121c8267f1584a98857fb6213f8090c2-fernanda al;/o=exchangelabs/ou=exchange administrative group (fydibohf23spdlt)/cn=recipients/cn=545f738e0fe740ba856f4eb6ef0135e0-vinicius si;/o=exchangelabs/ou=exchange administrative group (fydibohf23spdlt)/cn=recipients/cn=80fb880d4e904fd9990f1ffec561717a-avon - supe;/o=exchangelabs/ou=exchange administrative group (fydibohf23spdlt)/cn=recipients/cn=a0a64fc8533c4300a3c3e08700ae15a5-cqt avon -;/o=exchangelabs/ou=exchange administrative group (fydibohf23spdlt)/cn=recipients/cn=d1d015f213f648abbf348b5ccdf8e9d9-senilda per;/o=exchangelabs/ou=exchange administrative group (fydibohf23spdlt)/cn=recipients/cn=d9131dffd0564c2d927528011a4afe36-cqt avon -;/o=exchangelabs/ou=exchange administrative group (fydibohf23spdlt)/cn=recipients/cn=eb3a8d47e16546c381d649c124fcfbb7-cpc - contr;/o=exchangelabs/ou=exchange administrative group (fydibohf23spdlt)/cn=recipients/cn=f0ff087361a245daa16e71ac77ecc3f0-ivan c</t>
  </si>
  <si>
    <t>/o=exchangelabs/ou=exchange administrative group (fydibohf23spdlt)/cn=recipients/cn=121c8267f1584a98857fb6213f8090c2-fernanda al,/o=exchangelabs/ou=exchange administrative group (fydibohf23spdlt)/cn=recipients/cn=545f738e0fe740ba856f4eb6ef0135e0-vinicius si,/o=exchangelabs/ou=exchange administrative group (fydibohf23spdlt)/cn=recipients/cn=80fb880d4e904fd9990f1ffec561717a-avon - supe,/o=exchangelabs/ou=exchange administrative group (fydibohf23spdlt)/cn=recipients/cn=a0a64fc8533c4300a3c3e08700ae15a5-cqt avon -,/o=exchangelabs/ou=exchange administrative group (fydibohf23spdlt)/cn=recipients/cn=d1d015f213f648abbf348b5ccdf8e9d9-senilda per,/o=exchangelabs/ou=exchange administrative group (fydibohf23spdlt)/cn=recipients/cn=d9131dffd0564c2d927528011a4afe36-cqt avon -,/o=exchangelabs/ou=exchange administrative group (fydibohf23spdlt)/cn=recipients/cn=eb3a8d47e16546c381d649c124fcfbb7-cpc - contr,/o=exchangelabs/ou=exchange administrative group (fydibohf23spdlt)/cn=recipients/cn=f0ff087361a245daa16e71ac77ecc3f0-ivan c</t>
  </si>
  <si>
    <t>11/13/2019 16:16:14</t>
  </si>
  <si>
    <t>mail.google.com/_/upload?authuser=0&amp;dcp=asu-n&amp;upload_id=AEnB2UpRj8ELdptzWoR3N_y1GozsqXUGjCjNFMsb_jAxz9cEYvq2dqEodMw6WLzZlJG_fuiqgFVHDxmcACecaLUV4C3D8bq98g&amp;upload_protocol=resumable</t>
  </si>
  <si>
    <t>\\acsfs\DEPTOS\PMO Governança\06 - GOVERNANÇA DO CAPEX\CAPEX LONGO PRAZO\CAPEX LP - REVISÃO_A19_M10\VALIDAÇÃO CAPEX LP 20 a 24.pptx\</t>
  </si>
  <si>
    <t>11/13/2019 16:16:39</t>
  </si>
  <si>
    <t>/o=exchangelabs/ou=exchange administrative group (fydibohf23spdlt)/cn=recipients/cn=545f738e0fe740ba856f4eb6ef0135e0-vinicius si;/o=exchangelabs/ou=exchange administrative group (fydibohf23spdlt)/cn=recipients/cn=a72a765de829420582b78941417073ac-karina rodr;/o=exchangelabs/ou=exchange administrative group (fydibohf23spdlt)/cn=recipients/cn=a78f7dae304e472e9f75bd537683f6e5-hugo de oli;/o=exchangelabs/ou=exchange administrative group (fydibohf23spdlt)/cn=recipients/cn=d1bcfb1498124af49c7d3ae622d9e2da-iara agosti;/o=exchangelabs/ou=exchange administrative group (fydibohf23spdlt)/cn=recipients/cn=de309567271c4871b341e820d0b7364e-luiz carlos;</t>
  </si>
  <si>
    <t>ENC: Relatórios/ MIS legado Ecohouse</t>
  </si>
  <si>
    <t>/o=exchangelabs/ou=exchange administrative group (fydibohf23spdlt)/cn=recipients/cn=545f738e0fe740ba856f4eb6ef0135e0-vinicius si,/o=exchangelabs/ou=exchange administrative group (fydibohf23spdlt)/cn=recipients/cn=a72a765de829420582b78941417073ac-karina rodr,/o=exchangelabs/ou=exchange administrative group (fydibohf23spdlt)/cn=recipients/cn=a78f7dae304e472e9f75bd537683f6e5-hugo de oli,/o=exchangelabs/ou=exchange administrative group (fydibohf23spdlt)/cn=recipients/cn=d1bcfb1498124af49c7d3ae622d9e2da-iara agosti,/o=exchangelabs/ou=exchange administrative group (fydibohf23spdlt)/cn=recipients/cn=de309567271c4871b341e820d0b7364e-luiz carlos</t>
  </si>
  <si>
    <t>11/13/2019 16:19:21</t>
  </si>
  <si>
    <t>11/13/2019 16:21:35</t>
  </si>
  <si>
    <t>11/13/2019 16:22:39</t>
  </si>
  <si>
    <t>11/13/2019 16:28:34</t>
  </si>
  <si>
    <t>Planilha comercial de cotação (CENÁRIO 1 RFP) - Processo 40143349H Algar Tech_v2.xlsx</t>
  </si>
  <si>
    <t>11/13/2019 16:28:49</t>
  </si>
  <si>
    <t>11/13/2019 16:31:35</t>
  </si>
  <si>
    <t>Escala final de Semana - 23/11 e 23/11 - 30/11 e 01/12</t>
  </si>
  <si>
    <t>11/13/2019 16:27:23</t>
  </si>
  <si>
    <t>11/13/2019 16:32:35</t>
  </si>
  <si>
    <t>/o=exchangelabs/ou=exchange administrative group (fydibohf23spdlt)/cn=recipients/cn=f686c6cfcd464225892fe608e52efbcf-bruno apare;francisco.gouveia@temposervicos.com.br;hugonmo@algartech.com;vanusaos@algartech.com.br;</t>
  </si>
  <si>
    <t>RES: Filas Splitter</t>
  </si>
  <si>
    <t>UCB_ SPLITTER.xlsx</t>
  </si>
  <si>
    <t>/o=exchangelabs/ou=exchange administrative group (fydibohf23spdlt)/cn=recipients/cn=f686c6cfcd464225892fe608e52efbcf-bruno apare,francisco.gouveia@temposervicos.com.br,hugonmo@algartech.com,vanusaos@algartech.com.br</t>
  </si>
  <si>
    <t>11/13/2019 16:29:37</t>
  </si>
  <si>
    <t>/o=exchangelabs/ou=exchange administrative group (fydibohf23spdlt)/cn=recipients/cn=8b5b63d67af648d081a40c45cc800804-fabiana per;/o=exchangelabs/ou=exchange administrative group (fydibohf23spdlt)/cn=recipients/cn=b1a72fc2d0234efca84c7771ea70c7ee-roberta cri;douglas.r.almeida@bradesco.com.br;hugonmo@algartech.com;jhonatan.ventino@bradesco.com.br;poliane.amaral@bradesco.com.br;suzane.b.rodrigues@bradesco.com.br;vanusaos@algartech.com.br;</t>
  </si>
  <si>
    <t>/o=exchangelabs/ou=exchange administrative group (fydibohf23spdlt)/cn=recipients/cn=8b5b63d67af648d081a40c45cc800804-fabiana per,/o=exchangelabs/ou=exchange administrative group (fydibohf23spdlt)/cn=recipients/cn=b1a72fc2d0234efca84c7771ea70c7ee-roberta cri,douglas.r.almeida@bradesco.com.br,hugonmo@algartech.com,jhonatan.ventino@bradesco.com.br,poliane.amaral@bradesco.com.br,suzane.b.rodrigues@bradesco.com.br,vanusaos@algartech.com.br</t>
  </si>
  <si>
    <t>11/13/2019 16:35:05</t>
  </si>
  <si>
    <t>11/13/2019 16:37:35</t>
  </si>
  <si>
    <t>Postergação de fornecedores</t>
  </si>
  <si>
    <t>XXALGAR___AP___Relatorio_de_Consolidado_131119.xlsx</t>
  </si>
  <si>
    <t>11/13/2019 16:35:52</t>
  </si>
  <si>
    <t>11/13/2019 16:40:34</t>
  </si>
  <si>
    <t>mail.google.com/_/upload?authuser=0&amp;dcp=asu-n&amp;upload_id=AEnB2Uq9qdYGrxZUopUEUJs5ZU0maxUqDmMQnjrOrAb5BehnMD_MF1mTPhyQL-ykvBdGfdkcKj_SHo4iIoToHOkWfRHh-0wEsw&amp;upload_protocol=resumable</t>
  </si>
  <si>
    <t>\\acsfs\DEPTOS\Controladoria\Planejamento\GFC\04. Não Faturado\2019\10.Outubro\</t>
  </si>
  <si>
    <t>Consolidado Não Faturado Outubro.xlsx</t>
  </si>
  <si>
    <t>11/13/2019 16:36:12</t>
  </si>
  <si>
    <t>mail.google.com/_/upload?authuser=0&amp;dcp=asu-n&amp;upload_id=AEnB2UpvC3fgdjMvIFX_IZVHrtFZm08gJL0JD9u9pfgaIxiYjqwIuJFSxIuJjyQd_jj9lCNIYe36U6rbTTm0Glv4Fm9kP0CUUg&amp;upload_protocol=resumable</t>
  </si>
  <si>
    <t>\\acsfs\DEPTOS\Controladoria\Planejamento\GFC\04. Não Faturado\2019\09.Setembro\</t>
  </si>
  <si>
    <t>Consolidado Não Faturado Setembro.xlsx</t>
  </si>
  <si>
    <t>11/13/2019 16:40:21</t>
  </si>
  <si>
    <t>11/13/2019 16:41:35</t>
  </si>
  <si>
    <t>11/13/2019 16:40:51</t>
  </si>
  <si>
    <t>11/13/2019 16:46:53</t>
  </si>
  <si>
    <t>11/13/2019 16:50:34</t>
  </si>
  <si>
    <t>ENC: Tabulação Ecenter</t>
  </si>
  <si>
    <t>11/13/2019 16:48:34</t>
  </si>
  <si>
    <t>11/13/2019 16:53:35</t>
  </si>
  <si>
    <t>C:\suporte\Algar\bradesco telecom\</t>
  </si>
  <si>
    <t>Topologia_URA_Bradesco_Survey_Prod.xlsx</t>
  </si>
  <si>
    <t>11/13/2019 16:52:46</t>
  </si>
  <si>
    <t>11/13/2019 16:58:35</t>
  </si>
  <si>
    <t>RES: Maturidade Digital</t>
  </si>
  <si>
    <t>ASSESSMENT DA MOBILIDADE CORPORATIVA.xlsx</t>
  </si>
  <si>
    <t>11/13/2019 16:56:48</t>
  </si>
  <si>
    <t>11/13/2019 17:00:34</t>
  </si>
  <si>
    <t>/o=exchangelabs/ou=exchange administrative group (fydibohf23spdlt)/cn=recipients/cn=16a29ec14a2c4cceae5d6ba9fc205b24-jaqueline a;/o=exchangelabs/ou=exchange administrative group (fydibohf23spdlt)/cn=recipients/cn=5cff907b7abb465c8dbe10257a462656-diego iure;/o=exchangelabs/ou=exchange administrative group (fydibohf23spdlt)/cn=recipients/cn=8e974a0c2c3f4521ad84c5b1aa62616e-caroline fe;/o=exchangelabs/ou=exchange administrative group (fydibohf23spdlt)/cn=recipients/cn=ca5634aac17d42dc9af0f58d88acc615-simone rodr;/o=exchangelabs/ou=exchange administrative group (fydibohf23spdlt)/cn=recipients/cn=daea76c116d14ba69bf57b6e77a4327e-luana almei;/o=exchangelabs/ou=exchange administrative group (fydibohf23spdlt)/cn=recipients/cn=f9e751102def46a896bc3ec6e90e1aed-katia dos r;alessandracm@algartech.com.br;marianasilm@algartech.com.br;</t>
  </si>
  <si>
    <t>CONTROLE DE FÉRIAS MANIFESTAÇÕES</t>
  </si>
  <si>
    <t>CONTROLE DE FERIAS MANIFESTAÇÕES.xls</t>
  </si>
  <si>
    <t>/o=exchangelabs/ou=exchange administrative group (fydibohf23spdlt)/cn=recipients/cn=16a29ec14a2c4cceae5d6ba9fc205b24-jaqueline a,/o=exchangelabs/ou=exchange administrative group (fydibohf23spdlt)/cn=recipients/cn=5cff907b7abb465c8dbe10257a462656-diego iure,/o=exchangelabs/ou=exchange administrative group (fydibohf23spdlt)/cn=recipients/cn=8e974a0c2c3f4521ad84c5b1aa62616e-caroline fe,/o=exchangelabs/ou=exchange administrative group (fydibohf23spdlt)/cn=recipients/cn=ca5634aac17d42dc9af0f58d88acc615-simone rodr,/o=exchangelabs/ou=exchange administrative group (fydibohf23spdlt)/cn=recipients/cn=daea76c116d14ba69bf57b6e77a4327e-luana almei,/o=exchangelabs/ou=exchange administrative group (fydibohf23spdlt)/cn=recipients/cn=f9e751102def46a896bc3ec6e90e1aed-katia dos r,alessandracm@algartech.com.br,marianasilm@algartech.com.br</t>
  </si>
  <si>
    <t>11/13/2019 16:57:34</t>
  </si>
  <si>
    <t>11/13/2019 17:01:35</t>
  </si>
  <si>
    <t>Entrega Fácil 13-11 (1) (1).xlsx</t>
  </si>
  <si>
    <t>11/13/2019 17:04:35</t>
  </si>
  <si>
    <t>Remanejamento CAIXA SITE 1 BLOCO 4 INFERIOR.xlsx</t>
  </si>
  <si>
    <t>11/13/2019 16:40:27</t>
  </si>
  <si>
    <t>mariasergia.rodrigues@bradesco.com.br;rafael@bvgroup.com.br;</t>
  </si>
  <si>
    <t>RES: PRIMUS turismo</t>
  </si>
  <si>
    <t>PRIMUS TURISMO E VIAGENS LTDA (vencimento 20).xlsx</t>
  </si>
  <si>
    <t>mariasergia.rodrigues@bradesco.com.br,rafael@bvgroup.com.br</t>
  </si>
  <si>
    <t>11/13/2019 17:00:33</t>
  </si>
  <si>
    <t>11/13/2019 17:05:35</t>
  </si>
  <si>
    <t>simoners@algartech.com.br;</t>
  </si>
  <si>
    <t>ENC: CONTROLE DE FÉRIAS MANIFESTAÇÕES</t>
  </si>
  <si>
    <t>simoners@algartech.com.br</t>
  </si>
  <si>
    <t>11/13/2019 17:04:02</t>
  </si>
  <si>
    <t>11/13/2019 17:06:35</t>
  </si>
  <si>
    <t>/o=exchangelabs/ou=exchange administrative group (fydibohf23spdlt)/cn=recipients/cn=8fc182d8ec964190abd5d149ac41ad8b-fabricio de;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/o=exchangelabs/ou=exchange administrative group (fydibohf23spdlt)/cn=recipients/cn=usere11ed38c;ligiamss@algartech.com;</t>
  </si>
  <si>
    <t>RES: Squad DC - Gestão de Demandas/Entregáveis 13/11</t>
  </si>
  <si>
    <t>/o=exchangelabs/ou=exchange administrative group (fydibohf23spdlt)/cn=recipients/cn=8fc182d8ec964190abd5d149ac41ad8b-fabricio de,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,/o=exchangelabs/ou=exchange administrative group (fydibohf23spdlt)/cn=recipients/cn=usere11ed38c,ligiamss@algartech.com</t>
  </si>
  <si>
    <t>11/13/2019 17:01:21</t>
  </si>
  <si>
    <t>11/13/2019 17:07:35</t>
  </si>
  <si>
    <t>/o=exchangelabs/ou=exchange administrative group (fydibohf23spdlt)/cn=recipients/cn=109f6d628834480fabc1188cbdef64fa-antonia apa;/o=exchangelabs/ou=exchange administrative group (fydibohf23spdlt)/cn=recipients/cn=569d7198742e4440ae175f4e06d6c6a9-thiago rodr;/o=exchangelabs/ou=exchange administrative group (fydibohf23spdlt)/cn=recipients/cn=8f185d9b3bd9437bbda2e6edb3323202-natalia men;/o=exchangelabs/ou=exchange administrative group (fydibohf23spdlt)/cn=recipients/cn=9932c4aaf3fc41ea840766c299f76e8d-andrea lace;/o=exchangelabs/ou=exchange administrative group (fydibohf23spdlt)/cn=recipients/cn=c29ec9dae022497281c840087cccddec-patricia ar;/o=exchangelabs/ou=exchange administrative group (fydibohf23spdlt)/cn=recipients/cn=ec17dc6bdb7449c1bc970fda7acc675b-leonardo tr;giovanne.3gs@yahoo.com;</t>
  </si>
  <si>
    <t>RES: Mapeamentos RPA's Whirlpool</t>
  </si>
  <si>
    <t>Demandas pendentes - Whirlpool.xlsx</t>
  </si>
  <si>
    <t>/o=exchangelabs/ou=exchange administrative group (fydibohf23spdlt)/cn=recipients/cn=109f6d628834480fabc1188cbdef64fa-antonia apa,/o=exchangelabs/ou=exchange administrative group (fydibohf23spdlt)/cn=recipients/cn=569d7198742e4440ae175f4e06d6c6a9-thiago rodr,/o=exchangelabs/ou=exchange administrative group (fydibohf23spdlt)/cn=recipients/cn=8f185d9b3bd9437bbda2e6edb3323202-natalia men,/o=exchangelabs/ou=exchange administrative group (fydibohf23spdlt)/cn=recipients/cn=9932c4aaf3fc41ea840766c299f76e8d-andrea lace,/o=exchangelabs/ou=exchange administrative group (fydibohf23spdlt)/cn=recipients/cn=c29ec9dae022497281c840087cccddec-patricia ar,/o=exchangelabs/ou=exchange administrative group (fydibohf23spdlt)/cn=recipients/cn=ec17dc6bdb7449c1bc970fda7acc675b-leonardo tr,giovanne.3gs@yahoo.com</t>
  </si>
  <si>
    <t>11/13/2019 17:05:57</t>
  </si>
  <si>
    <t>11/13/2019 17:10:34</t>
  </si>
  <si>
    <t>/o=exchangelabs/ou=exchange administrative group (fydibohf23spdlt)/cn=recipients/cn=1023d5718cf74aad8f1f7f0d507959c2-michel ribe;/o=exchangelabs/ou=exchange administrative group (fydibohf23spdlt)/cn=recipients/cn=c22b2d8de1594760baec681322c0933f-fernanda ma;</t>
  </si>
  <si>
    <t>Mailing Confirmação Agenda</t>
  </si>
  <si>
    <t>20191105 INSTALACAO.csv</t>
  </si>
  <si>
    <t>/o=exchangelabs/ou=exchange administrative group (fydibohf23spdlt)/cn=recipients/cn=1023d5718cf74aad8f1f7f0d507959c2-michel ribe,/o=exchangelabs/ou=exchange administrative group (fydibohf23spdlt)/cn=recipients/cn=c22b2d8de1594760baec681322c0933f-fernanda ma</t>
  </si>
  <si>
    <t>11/13/2019 17:05:36</t>
  </si>
  <si>
    <t>mail.google.com/_/upload?authuser=0&amp;dcp=asu-n&amp;upload_id=AEnB2UpTym0fMRxZRvBc6q4LyTTHVI4WLjVEk0Aqic1GgD2hEKWiUd0UfebwCB6XJiW_knC7N_Yqm9SrJYF-RrxapbirUswLQw&amp;upload_protocol=resumable</t>
  </si>
  <si>
    <t>mail.google.com/_/upload?authuser=0&amp;dcp=asu-n&amp;upload_id=AEnB2Uo0G5XMdS8niBc02KblUdu8Cco8SIPNBrXolDnMRTgGGdM5B4sUN3pKGsleSmsroQYtdI7W4NuhoYr4HsoNZSqzIy4SrA&amp;upload_protocol=resumable</t>
  </si>
  <si>
    <t>11/13/2019 17:11:26</t>
  </si>
  <si>
    <t>11/13/2019 17:11:34</t>
  </si>
  <si>
    <t>mail.google.com/_/upload?authuser=0&amp;dcp=asu-n&amp;upload_id=AEnB2Up_6b9qK8YT0kWauzt-k45zDWy65VPhFExWSEyWuVsQfQQrhBgej3emwh3JFjKQT8HAKnM6kegX29zImtfdiiqlfUDZ1mZnzDE4CcqRYqqbJwSwbTU&amp;upload_protocol=resumable</t>
  </si>
  <si>
    <t>Ativos. Busca Simples.xlsx</t>
  </si>
  <si>
    <t>11/13/2019 17:17:52</t>
  </si>
  <si>
    <t>11/13/2019 17:18:35</t>
  </si>
  <si>
    <t>/o=exchangelabs/ou=exchange administrative group (fydibohf23spdlt)/cn=recipients/cn=1e2e97da71ef410ba6f7bc3d1bfa9175-antonio car;/o=exchangelabs/ou=exchange administrative group (fydibohf23spdlt)/cn=recipients/cn=546d63420d554c4d858776a48a93ef0f-gustavo de;</t>
  </si>
  <si>
    <t>RES: 217402 - RFP Cobrança Carrefour</t>
  </si>
  <si>
    <t>Dúvidas_Carrefour Cobrança.xlsx</t>
  </si>
  <si>
    <t>/o=exchangelabs/ou=exchange administrative group (fydibohf23spdlt)/cn=recipients/cn=1e2e97da71ef410ba6f7bc3d1bfa9175-antonio car,/o=exchangelabs/ou=exchange administrative group (fydibohf23spdlt)/cn=recipients/cn=546d63420d554c4d858776a48a93ef0f-gustavo de</t>
  </si>
  <si>
    <t>11/13/2019 17:04:40</t>
  </si>
  <si>
    <t>11/13/2019 17:23:34</t>
  </si>
  <si>
    <t>/o=exchangelabs/ou=exchange administrative group (fydibohf23spdlt)/cn=recipients/cn=d88356e5298a4a49acbf5c81d99047c7-walter torr;</t>
  </si>
  <si>
    <t>BP Gestão de Acesso</t>
  </si>
  <si>
    <t>181286_v4.1 - TSystems - Gestão Acessos - BP Preço C015 B014 Desonerada_RV PL SL. Mín.xlsb</t>
  </si>
  <si>
    <t>/o=exchangelabs/ou=exchange administrative group (fydibohf23spdlt)/cn=recipients/cn=d88356e5298a4a49acbf5c81d99047c7-walter torr</t>
  </si>
  <si>
    <t>11/13/2019 17:26:01</t>
  </si>
  <si>
    <t>11/13/2019 17:28:35</t>
  </si>
  <si>
    <t>FTE 13_11.xlsx</t>
  </si>
  <si>
    <t>11/13/2019 17:27:50</t>
  </si>
  <si>
    <t>11/13/2019 17:29:34</t>
  </si>
  <si>
    <t>C:\Users\daniloma\Desktop\NEXT\</t>
  </si>
  <si>
    <t>PCN custos Next.xlsx</t>
  </si>
  <si>
    <t>11/13/2019 17:33:23</t>
  </si>
  <si>
    <t>11/13/2019 17:34:34</t>
  </si>
  <si>
    <t>/o=exchangelabs/ou=exchange administrative group (fydibohf23spdlt)/cn=recipients/cn=545f738e0fe740ba856f4eb6ef0135e0-vinicius si;/o=exchangelabs/ou=exchange administrative group (fydibohf23spdlt)/cn=recipients/cn=7903c13fa0504ff0bc7dd2644020b0e8-mirna prado;/o=exchangelabs/ou=exchange administrative group (fydibohf23spdlt)/cn=recipients/cn=81f72ed6e9d042e3bed0cec08d488854-vinicius go;/o=exchangelabs/ou=exchange administrative group (fydibohf23spdlt)/cn=recipients/cn=98e18f75c1d448d18c2b385d101db11f-luiz alfred;/o=exchangelabs/ou=exchange administrative group (fydibohf23spdlt)/cn=recipients/cn=c22b2d8de1594760baec681322c0933f-fernanda ma;/o=exchangelabs/ou=exchange administrative group (fydibohf23spdlt)/cn=recipients/cn=e174366906884bd1b4d4c5ddfc8c9433-rodrigo men;</t>
  </si>
  <si>
    <t>Dados - Planejamento Whirlpool // Dezembro/2019</t>
  </si>
  <si>
    <t>Operações Whirlpool_Dezembro 2019.xlsx</t>
  </si>
  <si>
    <t>/o=exchangelabs/ou=exchange administrative group (fydibohf23spdlt)/cn=recipients/cn=545f738e0fe740ba856f4eb6ef0135e0-vinicius si,/o=exchangelabs/ou=exchange administrative group (fydibohf23spdlt)/cn=recipients/cn=7903c13fa0504ff0bc7dd2644020b0e8-mirna prado,/o=exchangelabs/ou=exchange administrative group (fydibohf23spdlt)/cn=recipients/cn=81f72ed6e9d042e3bed0cec08d488854-vinicius go,/o=exchangelabs/ou=exchange administrative group (fydibohf23spdlt)/cn=recipients/cn=98e18f75c1d448d18c2b385d101db11f-luiz alfred,/o=exchangelabs/ou=exchange administrative group (fydibohf23spdlt)/cn=recipients/cn=c22b2d8de1594760baec681322c0933f-fernanda ma,/o=exchangelabs/ou=exchange administrative group (fydibohf23spdlt)/cn=recipients/cn=e174366906884bd1b4d4c5ddfc8c9433-rodrigo men</t>
  </si>
  <si>
    <t>11/13/2019 16:38:25</t>
  </si>
  <si>
    <t>11/13/2019 17:36:34</t>
  </si>
  <si>
    <t>/o=exchangelabs/ou=exchange administrative group (fydibohf23spdlt)/cn=recipients/cn=24e9a045d8f54be4b10091040f36aa67-cristiane f;</t>
  </si>
  <si>
    <t>PMO - Status de Governança - Rollout ISD-NOV-2019.pptx\</t>
  </si>
  <si>
    <t>/o=exchangelabs/ou=exchange administrative group (fydibohf23spdlt)/cn=recipients/cn=24e9a045d8f54be4b10091040f36aa67-cristiane f</t>
  </si>
  <si>
    <t>11/13/2019 17:33:04</t>
  </si>
  <si>
    <t>11/13/2019 17:37:35</t>
  </si>
  <si>
    <t>11/13/2019 17:34:08</t>
  </si>
  <si>
    <t>11/13/2019 17:38:34</t>
  </si>
  <si>
    <t>ENC: Consolidado 13/11</t>
  </si>
  <si>
    <t>11/13/2019 17:40:14</t>
  </si>
  <si>
    <t>11/13/2019 17:43:34</t>
  </si>
  <si>
    <t>lucasfra@algartech.com;regis.cunha@bradesco.com.br;</t>
  </si>
  <si>
    <t>RES: Fatura Cartão Corporativo Amex e Visa</t>
  </si>
  <si>
    <t>lucasfra@algartech.com,regis.cunha@bradesco.com.br</t>
  </si>
  <si>
    <t>11/13/2019 17:38:32</t>
  </si>
  <si>
    <t>/o=exchangelabs/ou=exchange administrative group (fydibohf23spdlt)/cn=recipients/cn=bb3e654013ba45d5b07da1bcdc47e1d4-larrynir ma;</t>
  </si>
  <si>
    <t>Aniversariantes</t>
  </si>
  <si>
    <t>Aniversariantes.xlsx</t>
  </si>
  <si>
    <t>/o=exchangelabs/ou=exchange administrative group (fydibohf23spdlt)/cn=recipients/cn=bb3e654013ba45d5b07da1bcdc47e1d4-larrynir ma</t>
  </si>
  <si>
    <t>11/13/2019 17:38:55</t>
  </si>
  <si>
    <t>C:\Users\waleskamms\OneDrive - Grupo Algar\Projetos\Indices Governo\</t>
  </si>
  <si>
    <t>2. Clientes governo_160919.xlsx</t>
  </si>
  <si>
    <t>11/13/2019 17:41:27</t>
  </si>
  <si>
    <t>Cópia de Indicações Martins V3.xlsx</t>
  </si>
  <si>
    <t>11/13/2019 17:42:30</t>
  </si>
  <si>
    <t>11/13/2019 17:47:34</t>
  </si>
  <si>
    <t>\\acsfs\deptos\DME\CME - Coordenacao de Marketing e Estrategia\Gestão de Vendas\Receita\Longo Prazo\2020\Final\</t>
  </si>
  <si>
    <t>Resumo Receita Líquida LP.xlsx</t>
  </si>
  <si>
    <t>11/13/2019 17:53:54</t>
  </si>
  <si>
    <t>11/13/2019 17:56:35</t>
  </si>
  <si>
    <t>/o=exchangelabs/ou=exchange administrative group (fydibohf23spdlt)/cn=recipients/cn=5c0e0b883c0f4ccbb2cf13db05a00b36-luciene ivo;/o=exchangelabs/ou=exchange administrative group (fydibohf23spdlt)/cn=recipients/cn=90878932db2a45bb924c0e3aac6d5da2-jonatas lem;adriana.moraes@bradesco.com.br;adriana.omarques@bradesco.com.br;bruna.alves.dias@bradesco.com.br;claudia.m.barbosa@bradesco.com.br;fernandasantos.ferreira@bradesco.com.br;juliana.galardo@bradesco.com.br;khadja.sousa@bradesco.com.br;nirlene.figueira@bradesco.com.br;paula.tavares@bradesco.com.br;renatag.medeiros@bradesco.com.br;</t>
  </si>
  <si>
    <t>RES: FECHAMENTO: Nível de serviço - Crédito PF e PJ - 04/11/2019</t>
  </si>
  <si>
    <t>Atendimento PF.xlsx</t>
  </si>
  <si>
    <t>/o=exchangelabs/ou=exchange administrative group (fydibohf23spdlt)/cn=recipients/cn=5c0e0b883c0f4ccbb2cf13db05a00b36-luciene ivo,/o=exchangelabs/ou=exchange administrative group (fydibohf23spdlt)/cn=recipients/cn=90878932db2a45bb924c0e3aac6d5da2-jonatas lem,adriana.moraes@bradesco.com.br,adriana.omarques@bradesco.com.br,bruna.alves.dias@bradesco.com.br,claudia.m.barbosa@bradesco.com.br,fernandasantos.ferreira@bradesco.com.br,juliana.galardo@bradesco.com.br,khadja.sousa@bradesco.com.br,nirlene.figueira@bradesco.com.br,paula.tavares@bradesco.com.br,renatag.medeiros@bradesco.com.br</t>
  </si>
  <si>
    <t>11/13/2019 17:57:36</t>
  </si>
  <si>
    <t>11/13/2019 18:02:35</t>
  </si>
  <si>
    <t>Levamentamento_Dados_SD-ISD (2).xlsx</t>
  </si>
  <si>
    <t>11/13/2019 18:05:38</t>
  </si>
  <si>
    <t>11/13/2019 18:10:35</t>
  </si>
  <si>
    <t>Lucianafaa</t>
  </si>
  <si>
    <t>status 08-11.xlsx</t>
  </si>
  <si>
    <t>11/13/2019 18:09:34</t>
  </si>
  <si>
    <t>Consolidado tarde 13.11.xlsx</t>
  </si>
  <si>
    <t>11/13/2019 18:09:59</t>
  </si>
  <si>
    <t>11/13/2019 18:13:35</t>
  </si>
  <si>
    <t>ENC: Relatório Pesquisa Falhas CP.13</t>
  </si>
  <si>
    <t>20191113 PESQUISA DE FALHAS CP13.xlsm</t>
  </si>
  <si>
    <t>11/13/2019 17:48:14</t>
  </si>
  <si>
    <t>11/13/2019 18:15:35</t>
  </si>
  <si>
    <t>DESMOBILIZAÇÃO LEGADO_v2.xlsx</t>
  </si>
  <si>
    <t>11/13/2019 18:20:59</t>
  </si>
  <si>
    <t>11/13/2019 18:25:35</t>
  </si>
  <si>
    <t>Curso #SouAlgar</t>
  </si>
  <si>
    <t>11/13/2019 18:27:42</t>
  </si>
  <si>
    <t>11/13/2019 18:30:34</t>
  </si>
  <si>
    <t>11/13/2019 18:28:26</t>
  </si>
  <si>
    <t>C:\Users\lucasfbr\OneDrive - Grupo Algar\Área de Trabalho\Organizer Outubro-2019\</t>
  </si>
  <si>
    <t>Conversão_proc_para_core.xlsx</t>
  </si>
  <si>
    <t>11/13/2019 18:26:47</t>
  </si>
  <si>
    <t>11/13/2019 18:31:35</t>
  </si>
  <si>
    <t>/o=exchangelabs/ou=exchange administrative group (fydibohf23spdlt)/cn=recipients/cn=4adb6e0b3de84bf2bfdb543494159749-leandro lim;/o=exchangelabs/ou=exchange administrative group (fydibohf23spdlt)/cn=recipients/cn=56c2af2d07fd48c0aebfc00ddc006494-alessio rod;/o=exchangelabs/ou=exchange administrative group (fydibohf23spdlt)/cn=recipients/cn=5dc660c055e14f5ab5647ab38237cbdc-eduardo aug;/o=exchangelabs/ou=exchange administrative group (fydibohf23spdlt)/cn=recipients/cn=6bc6ced03b1b4fafa41bb5c70c178940-antonio per;/o=exchangelabs/ou=exchange administrative group (fydibohf23spdlt)/cn=recipients/cn=8e4869266a924042a8d9b8e9156c0081-gilson da s;/o=exchangelabs/ou=exchange administrative group (fydibohf23spdlt)/cn=recipients/cn=a72a765de829420582b78941417073ac-karina rodr;/o=exchangelabs/ou=exchange administrative group (fydibohf23spdlt)/cn=recipients/cn=c29ec9dae022497281c840087cccddec-patricia ar;</t>
  </si>
  <si>
    <t>DE-PARA ESTRUTURAS NÍVEIS.xlsx</t>
  </si>
  <si>
    <t>/o=exchangelabs/ou=exchange administrative group (fydibohf23spdlt)/cn=recipients/cn=4adb6e0b3de84bf2bfdb543494159749-leandro lim,/o=exchangelabs/ou=exchange administrative group (fydibohf23spdlt)/cn=recipients/cn=56c2af2d07fd48c0aebfc00ddc006494-alessio rod,/o=exchangelabs/ou=exchange administrative group (fydibohf23spdlt)/cn=recipients/cn=5dc660c055e14f5ab5647ab38237cbdc-eduardo aug,/o=exchangelabs/ou=exchange administrative group (fydibohf23spdlt)/cn=recipients/cn=6bc6ced03b1b4fafa41bb5c70c178940-antonio per,/o=exchangelabs/ou=exchange administrative group (fydibohf23spdlt)/cn=recipients/cn=8e4869266a924042a8d9b8e9156c0081-gilson da s,/o=exchangelabs/ou=exchange administrative group (fydibohf23spdlt)/cn=recipients/cn=a72a765de829420582b78941417073ac-karina rodr,/o=exchangelabs/ou=exchange administrative group (fydibohf23spdlt)/cn=recipients/cn=c29ec9dae022497281c840087cccddec-patricia ar</t>
  </si>
  <si>
    <t>11/13/2019 18:33:47</t>
  </si>
  <si>
    <t>11/13/2019 18:35:35</t>
  </si>
  <si>
    <t>mail.google.com/_/upload?authuser=0&amp;dcp=asu-n&amp;upload_id=AEnB2UrwuC4yNJTL5g2klAoA9DU1PcLbgoIZHpGIf-7R-Z7yUKqNAILjFmddWMvgX9I4s_VNPnOsuvom6Hfi7jK-NKCxeS6qWg&amp;upload_protocol=resumable</t>
  </si>
  <si>
    <t>\\acsfs\DSTI\CIT- Coordenação de Inteligência de Tecnologia\17 - Gerenciamento da Configuração\02 - DO (EXECUTAR)\01 - CONTROLE DE LIC\00 - FORNECEDORES\01 - MICROSOFT\18 - EAS\RENEW\</t>
  </si>
  <si>
    <t>Estudo Renovação MS_v3.xlsx</t>
  </si>
  <si>
    <t>11/13/2019 18:35:09</t>
  </si>
  <si>
    <t>mail.google.com/_/upload?authuser=0&amp;dcp=asu-n&amp;upload_id=AEnB2Uotwjxk18bWhD_scKC7ujERkY9vd_6HBOI95fd55GgJkSWoPWqucjQWXbkxqM4r_23zIU60goLUNwXfnvtJhBmEa_oZGQ&amp;upload_protocol=resumable</t>
  </si>
  <si>
    <t>True-up MS EAS 2020_Negociação.xlsx</t>
  </si>
  <si>
    <t>11/13/2019 18:38:10</t>
  </si>
  <si>
    <t>11/13/2019 18:43:34</t>
  </si>
  <si>
    <t>ENC: Pesquisa com EVAs</t>
  </si>
  <si>
    <t>Pesquisa FMP.xlsx</t>
  </si>
  <si>
    <t>11/13/2019 18:42:21</t>
  </si>
  <si>
    <t>11/13/2019 18:46:35</t>
  </si>
  <si>
    <t>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90878932db2a45bb924c0e3aac6d5da2-jonatas lem;/o=exchangelabs/ou=exchange administrative group (fydibohf23spdlt)/cn=recipients/cn=a4ba92cba10f4fe498074594f937f3b6-leandro lop;/o=exchangelabs/ou=exchange administrative group (fydibohf23spdlt)/cn=recipients/cn=a78f7dae304e472e9f75bd537683f6e5-hugo de oli;/o=exchangelabs/ou=exchange administrative group (fydibohf23spdlt)/cn=recipients/cn=e894bfa401c848dc9e25ced4ad1f3dd7-luciana fer;</t>
  </si>
  <si>
    <t>Relatório de Performance URR</t>
  </si>
  <si>
    <t>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90878932db2a45bb924c0e3aac6d5da2-jonatas lem,/o=exchangelabs/ou=exchange administrative group (fydibohf23spdlt)/cn=recipients/cn=a4ba92cba10f4fe498074594f937f3b6-leandro lop,/o=exchangelabs/ou=exchange administrative group (fydibohf23spdlt)/cn=recipients/cn=a78f7dae304e472e9f75bd537683f6e5-hugo de oli,/o=exchangelabs/ou=exchange administrative group (fydibohf23spdlt)/cn=recipients/cn=e894bfa401c848dc9e25ced4ad1f3dd7-luciana fer</t>
  </si>
  <si>
    <t>11/13/2019 17:12:50</t>
  </si>
  <si>
    <t>11/13/2019 19:03:35</t>
  </si>
  <si>
    <t>11/13/2019 17:12:51</t>
  </si>
  <si>
    <t>11/13/2019 17:12:52</t>
  </si>
  <si>
    <t>11/13/2019 17:12:53</t>
  </si>
  <si>
    <t>11/13/2019 17:12:54</t>
  </si>
  <si>
    <t>11/13/2019 17:12:59</t>
  </si>
  <si>
    <t>11/13/2019 17:13:00</t>
  </si>
  <si>
    <t>11/13/2019 17:13:01</t>
  </si>
  <si>
    <t>11/13/2019 17:13:03</t>
  </si>
  <si>
    <t>11/13/2019 17:13:04</t>
  </si>
  <si>
    <t>11/13/2019 17:13:05</t>
  </si>
  <si>
    <t>11/13/2019 17:13:24</t>
  </si>
  <si>
    <t>11/13/2019 17:13:28</t>
  </si>
  <si>
    <t>11/13/2019 17:13:29</t>
  </si>
  <si>
    <t>11/13/2019 17:13:41</t>
  </si>
  <si>
    <t>11/13/2019 17:13:42</t>
  </si>
  <si>
    <t>Chamadas-Tech.xlsx</t>
  </si>
  <si>
    <t>11/13/2019 17:13:43</t>
  </si>
  <si>
    <t>11/13/2019 17:13:52</t>
  </si>
  <si>
    <t>Programacao_Ferias_2020.csv</t>
  </si>
  <si>
    <t>11/13/2019 17:14:12</t>
  </si>
  <si>
    <t>Departamental_ALGAR TI.csv</t>
  </si>
  <si>
    <t>11/13/2019 17:20:24</t>
  </si>
  <si>
    <t>C:\Users\douglasxm\OneDrive - Grupo Algar\Documentos - Algar Tech\</t>
  </si>
  <si>
    <t>11/13/2019 17:20:27</t>
  </si>
  <si>
    <t>11/13/2019 17:20:28</t>
  </si>
  <si>
    <t>11/13/2019 17:20:29</t>
  </si>
  <si>
    <t>11/13/2019 17:20:30</t>
  </si>
  <si>
    <t>11/13/2019 17:20:31</t>
  </si>
  <si>
    <t>11/13/2019 17:20:44</t>
  </si>
  <si>
    <t>C:\Users\douglasxm\OneDrive - Grupo Algar\Documentos - Algar Tech\Resumo Final - 174252-AlgarTelecom-Serviços GPON - Passagem de Pasta.msg\s1\</t>
  </si>
  <si>
    <t>11/13/2019 17:20:47</t>
  </si>
  <si>
    <t>11/13/2019 17:20:48</t>
  </si>
  <si>
    <t>11/13/2019 17:20:49</t>
  </si>
  <si>
    <t>11/13/2019 17:20:50</t>
  </si>
  <si>
    <t>11/13/2019 17:20:56</t>
  </si>
  <si>
    <t>11/13/2019 17:21:09</t>
  </si>
  <si>
    <t>C:\Users\douglasxm\OneDrive - Grupo Algar\Documentos - Algar Tech\Itens Somar_ativos e inativos_03.07.zip\</t>
  </si>
  <si>
    <t>11/13/2019 17:21:12</t>
  </si>
  <si>
    <t>11/13/2019 17:21:13</t>
  </si>
  <si>
    <t>11/13/2019 17:21:16</t>
  </si>
  <si>
    <t>11/13/2019 17:21:19</t>
  </si>
  <si>
    <t>Departamental_Julh0_2019.csv</t>
  </si>
  <si>
    <t>11/13/2019 17:21:20</t>
  </si>
  <si>
    <t>11/13/2019 17:21:22</t>
  </si>
  <si>
    <t>11/13/2019 17:21:23</t>
  </si>
  <si>
    <t>11/13/2019 17:21:24</t>
  </si>
  <si>
    <t>11/13/2019 17:21:27</t>
  </si>
  <si>
    <t>11/13/2019 17:21:30</t>
  </si>
  <si>
    <t>C:\Users\douglasxm\OneDrive - Grupo Algar\Documentos - Algar Tech\BP Homologação DataCom rev1.xlsb\</t>
  </si>
  <si>
    <t>11/13/2019 17:21:31</t>
  </si>
  <si>
    <t>11/13/2019 17:21:35</t>
  </si>
  <si>
    <t>11/13/2019 17:21:39</t>
  </si>
  <si>
    <t>11/13/2019 17:21:47</t>
  </si>
  <si>
    <t>C:\Users\douglasxm\OneDrive - Grupo Algar\Documentos - Algar Tech\174261-INGRAM-Homologação APs HP.msg\s1\</t>
  </si>
  <si>
    <t>C:\Users\douglasxm\OneDrive - Grupo Algar\Documentos - Algar Tech\CASA\</t>
  </si>
  <si>
    <t>11/13/2019 17:22:08</t>
  </si>
  <si>
    <t>C:\Users\douglasxm\OneDrive - Grupo Algar\Documentos - Algar Tech\Itens Somar_ativos e inativos_03.07\</t>
  </si>
  <si>
    <t>11/13/2019 19:05:04</t>
  </si>
  <si>
    <t>11/13/2019 19:07:35</t>
  </si>
  <si>
    <t>11/13/2019 19:06:14</t>
  </si>
  <si>
    <t>11/13/2019 19:03:15</t>
  </si>
  <si>
    <t>ENC: IMPORTANTE_ALGAR TI_LEGADO ASYST [TRATATIVAS PAGAMENTO]</t>
  </si>
  <si>
    <t>Atualização Selic - Créditos e Débitos Asyst - 25-03-2019.xlsx</t>
  </si>
  <si>
    <t>11/13/2019 20:02:37</t>
  </si>
  <si>
    <t>11/13/2019 20:12:36</t>
  </si>
  <si>
    <t>11/13/2019 20:16:25</t>
  </si>
  <si>
    <t>11/13/2019 20:17:36</t>
  </si>
  <si>
    <t>ENC: Flujo de caja</t>
  </si>
  <si>
    <t>31 Fluxo de Caixa Colômbia 16-11-2019.xlsx</t>
  </si>
  <si>
    <t>11/13/2019 20:40:12</t>
  </si>
  <si>
    <t>11/13/2019 20:42:37</t>
  </si>
  <si>
    <t>C:\Users\filemoncmj\OneDrive - Grupo Algar\01. Algar Tech\01. Projetos de Clientes\47. Prudential\02. BP\Prudential - BP ISD - Versão Novembro 2019.xlsb\</t>
  </si>
  <si>
    <t>11/13/2019 20:40:16</t>
  </si>
  <si>
    <t>11/13/2019 21:15:01</t>
  </si>
  <si>
    <t>11/13/2019 21:19:37</t>
  </si>
  <si>
    <t>Bradesco 2019.xls</t>
  </si>
  <si>
    <t>11/13/2019 21:26:50</t>
  </si>
  <si>
    <t>11/13/2019 21:30:37</t>
  </si>
  <si>
    <t>/o=exchangelabs/ou=exchange administrative group (fydibohf23spdlt)/cn=recipients/cn=168e05cabbf14ae289464a0c09955b31-sara ferrei;/o=exchangelabs/ou=exchange administrative group (fydibohf23spdlt)/cn=recipients/cn=2d3379e2d04c40db810b4b1f41dd2aea-erica carol;/o=exchangelabs/ou=exchange administrative group (fydibohf23spdlt)/cn=recipients/cn=3d85af75e9a44da5bad9ced68d6c53ed-rosana peix;/o=exchangelabs/ou=exchange administrative group (fydibohf23spdlt)/cn=recipients/cn=9e7c445894a4474a86a42a5f271a0d12-viviane res;/o=exchangelabs/ou=exchange administrative group (fydibohf23spdlt)/cn=recipients/cn=d54ee4de981948cf993ae0c9e1a3aecc-andrea regi;</t>
  </si>
  <si>
    <t>Fechados de JAN -SET-19_GAT_Tatiane.xlsx</t>
  </si>
  <si>
    <t>/o=exchangelabs/ou=exchange administrative group (fydibohf23spdlt)/cn=recipients/cn=168e05cabbf14ae289464a0c09955b31-sara ferrei,/o=exchangelabs/ou=exchange administrative group (fydibohf23spdlt)/cn=recipients/cn=2d3379e2d04c40db810b4b1f41dd2aea-erica carol,/o=exchangelabs/ou=exchange administrative group (fydibohf23spdlt)/cn=recipients/cn=3d85af75e9a44da5bad9ced68d6c53ed-rosana peix,/o=exchangelabs/ou=exchange administrative group (fydibohf23spdlt)/cn=recipients/cn=9e7c445894a4474a86a42a5f271a0d12-viviane res,/o=exchangelabs/ou=exchange administrative group (fydibohf23spdlt)/cn=recipients/cn=d54ee4de981948cf993ae0c9e1a3aecc-andrea regi</t>
  </si>
  <si>
    <t>11/13/2019 22:13:39</t>
  </si>
  <si>
    <t>11/13/2019 22:14:31</t>
  </si>
  <si>
    <t>/o=exchangelabs/ou=exchange administrative group (fydibohf23spdlt)/cn=recipients/cn=2d3379e2d04c40db810b4b1f41dd2aea-erica carol;/o=exchangelabs/ou=exchange administrative group (fydibohf23spdlt)/cn=recipients/cn=55f846c335d7437f892f0b0d49c89e92-celma ribei;</t>
  </si>
  <si>
    <t>Desafios Pontuais - Fornecedores 2019 e 2020</t>
  </si>
  <si>
    <t>DESAFIOS_PONTUAIS_Fornecedores_2019_2020.xlsx</t>
  </si>
  <si>
    <t>/o=exchangelabs/ou=exchange administrative group (fydibohf23spdlt)/cn=recipients/cn=2d3379e2d04c40db810b4b1f41dd2aea-erica carol,/o=exchangelabs/ou=exchange administrative group (fydibohf23spdlt)/cn=recipients/cn=55f846c335d7437f892f0b0d49c89e92-celma ribei</t>
  </si>
  <si>
    <t>11/13/2019 23:27:32</t>
  </si>
  <si>
    <t>11/13/2019 23:31:32</t>
  </si>
  <si>
    <t>/o=exchangelabs/ou=exchange administrative group (fydibohf23spdlt)/cn=recipients/cn=2d3379e2d04c40db810b4b1f41dd2aea-erica carol;/o=exchangelabs/ou=exchange administrative group (fydibohf23spdlt)/cn=recipients/cn=509f93c55ee04a2db0c238b7a3e5d9a0-edval jose;/o=exchangelabs/ou=exchange administrative group (fydibohf23spdlt)/cn=recipients/cn=704ce6c3da8c45c9a4fbd113173d101c-tatiane sil;/o=exchangelabs/ou=exchange administrative group (fydibohf23spdlt)/cn=recipients/cn=c82d742f5f1e4122a86db0495b71e095-nilton j. g;/o=exchangelabs/ou=exchange administrative group (fydibohf23spdlt)/cn=recipients/cn=userd5d32f69;casantos@br.ibm.com;ingrid.marcella.silva@ibm.com;</t>
  </si>
  <si>
    <t>RES: RES: PENDENCIAS : Inadimplência IBM - Algar TI - CMOC - OC AB8YML01 *** VALIDACAO ***</t>
  </si>
  <si>
    <t>IBM_Validacao Erro Input_13.11_faturamentos.xlsx</t>
  </si>
  <si>
    <t>/o=exchangelabs/ou=exchange administrative group (fydibohf23spdlt)/cn=recipients/cn=2d3379e2d04c40db810b4b1f41dd2aea-erica carol,/o=exchangelabs/ou=exchange administrative group (fydibohf23spdlt)/cn=recipients/cn=509f93c55ee04a2db0c238b7a3e5d9a0-edval jose,/o=exchangelabs/ou=exchange administrative group (fydibohf23spdlt)/cn=recipients/cn=704ce6c3da8c45c9a4fbd113173d101c-tatiane sil,/o=exchangelabs/ou=exchange administrative group (fydibohf23spdlt)/cn=recipients/cn=c82d742f5f1e4122a86db0495b71e095-nilton j. g,/o=exchangelabs/ou=exchange administrative group (fydibohf23spdlt)/cn=recipients/cn=userd5d32f69,casantos@br.ibm.com,ingrid.marcella.silva@ibm.com</t>
  </si>
  <si>
    <t>11/14/2019 01:34:23</t>
  </si>
  <si>
    <t>11/14/2019 01:39:35</t>
  </si>
  <si>
    <t>/o=exchangelabs/ou=exchange administrative group (fydibohf23spdlt)/cn=recipients/cn=9e72be441e9e4b08a759859a5b3a336a-daniela de;/o=exchangelabs/ou=exchange administrative group (fydibohf23spdlt)/cn=recipients/cn=ae5de8da93c7422fa6ba5be702b44cd5-renata apar;/o=exchangelabs/ou=exchange administrative group (fydibohf23spdlt)/cn=recipients/cn=f7a4290a46314a3cbb0d392508a7b5c5-luciana sil;</t>
  </si>
  <si>
    <t>Report Semanal Customer Success_13-11_Resumido.pptx</t>
  </si>
  <si>
    <t>Report Semanal Customer Success_13-11_Resumido.pptx\</t>
  </si>
  <si>
    <t>/o=exchangelabs/ou=exchange administrative group (fydibohf23spdlt)/cn=recipients/cn=9e72be441e9e4b08a759859a5b3a336a-daniela de,/o=exchangelabs/ou=exchange administrative group (fydibohf23spdlt)/cn=recipients/cn=ae5de8da93c7422fa6ba5be702b44cd5-renata apar,/o=exchangelabs/ou=exchange administrative group (fydibohf23spdlt)/cn=recipients/cn=f7a4290a46314a3cbb0d392508a7b5c5-luciana sil</t>
  </si>
  <si>
    <t>11/14/2019 07:33:58</t>
  </si>
  <si>
    <t>11/14/2019 07:36:41</t>
  </si>
  <si>
    <t>11/14/2019 07:37:33</t>
  </si>
  <si>
    <t>11/14/2019 07:40:40</t>
  </si>
  <si>
    <t>C:\Users\filemoncmj\OneDrive - Grupo Algar\01. Algar Tech\01. Projetos de Clientes\47. Prudential\20. Dia D\Planejamento Marketing WEG.pptx\</t>
  </si>
  <si>
    <t>C:\Users\filemoncmj\OneDrive - Grupo Algar\01. Algar Tech\01. Projetos de Clientes\47. Prudential\20. Dia D\Apresentação Dia D WEG.pptx\</t>
  </si>
  <si>
    <t>11/14/2019 07:49:22</t>
  </si>
  <si>
    <t>11/14/2019 07:51:40</t>
  </si>
  <si>
    <t>11/14/2019 07:51:29</t>
  </si>
  <si>
    <t>11/14/2019 07:52:41</t>
  </si>
  <si>
    <t>alessandroam@algartech.com;diegorbo@algartech.com;felipemda@algartech.com;fernanda.freitas@cscalgar.com.br;joseasn@algartech.com;sesmt-regionaludi@algartech.com;</t>
  </si>
  <si>
    <t>CLASSIFICAÇÃO DE RISCO Felipe.xlsx</t>
  </si>
  <si>
    <t>alessandroam@algartech.com,diegorbo@algartech.com,felipemda@algartech.com,fernanda.freitas@cscalgar.com.br,joseasn@algartech.com,sesmt-regionaludi@algartech.com</t>
  </si>
  <si>
    <t>11/14/2019 08:14:47</t>
  </si>
  <si>
    <t>11/14/2019 08:18:41</t>
  </si>
  <si>
    <t>11/13/2019 23:00:54</t>
  </si>
  <si>
    <t>11/14/2019 08:20:41</t>
  </si>
  <si>
    <t>/o=exchangelabs/ou=exchange administrative group (fydibohf23spdlt)/cn=recipients/cn=2b69c7de1a3641269a7eed0596e1ddc2-wayner oliv;/o=exchangelabs/ou=exchange administrative group (fydibohf23spdlt)/cn=recipients/cn=54abac0a4fdc4ad1bec39bb51d85eab1-victor hugo;/o=exchangelabs/ou=exchange administrative group (fydibohf23spdlt)/cn=recipients/cn=5cdf7c02d3784fda99b7b159b2a127b2-rudney leme;/o=exchangelabs/ou=exchange administrative group (fydibohf23spdlt)/cn=recipients/cn=6bc6ced03b1b4fafa41bb5c70c178940-antonio per;/o=exchangelabs/ou=exchange administrative group (fydibohf23spdlt)/cn=recipients/cn=a4d4dbc88c434f8ba2bceed730d83878-marcellus r;/o=exchangelabs/ou=exchange administrative group (fydibohf23spdlt)/cn=recipients/cn=c5057601f2364b0db7ea84dbec10baa4-matheus mor;</t>
  </si>
  <si>
    <t>ENC: Desafios Pontuais - Fornecedores 2019 e 2020</t>
  </si>
  <si>
    <t>/o=exchangelabs/ou=exchange administrative group (fydibohf23spdlt)/cn=recipients/cn=2b69c7de1a3641269a7eed0596e1ddc2-wayner oliv,/o=exchangelabs/ou=exchange administrative group (fydibohf23spdlt)/cn=recipients/cn=54abac0a4fdc4ad1bec39bb51d85eab1-victor hugo,/o=exchangelabs/ou=exchange administrative group (fydibohf23spdlt)/cn=recipients/cn=5cdf7c02d3784fda99b7b159b2a127b2-rudney leme,/o=exchangelabs/ou=exchange administrative group (fydibohf23spdlt)/cn=recipients/cn=6bc6ced03b1b4fafa41bb5c70c178940-antonio per,/o=exchangelabs/ou=exchange administrative group (fydibohf23spdlt)/cn=recipients/cn=a4d4dbc88c434f8ba2bceed730d83878-marcellus r,/o=exchangelabs/ou=exchange administrative group (fydibohf23spdlt)/cn=recipients/cn=c5057601f2364b0db7ea84dbec10baa4-matheus mor</t>
  </si>
  <si>
    <t>11/13/2019 17:00:18</t>
  </si>
  <si>
    <t>11/14/2019 08:25:41</t>
  </si>
  <si>
    <t>9563;</t>
  </si>
  <si>
    <t>C:\Users\milenepf\Desktop\</t>
  </si>
  <si>
    <t>https://9563</t>
  </si>
  <si>
    <t>11/13/2019 11:58:48</t>
  </si>
  <si>
    <t>11/14/2019 08:35:41</t>
  </si>
  <si>
    <t>11/14/2019 08:51:06</t>
  </si>
  <si>
    <t>11/14/2019 08:51:40</t>
  </si>
  <si>
    <t>11/14/2019 08:48:58</t>
  </si>
  <si>
    <t>11/14/2019 08:52:41</t>
  </si>
  <si>
    <t>jimmylapdn@algartech.com.br;sandra.b.bezerra@bradesco.com.br;sandrabb@algartech.com.br;</t>
  </si>
  <si>
    <t>\\acsfs\deptos\Seguranca do Trabalho\7 - Treinamentos NRs - GERAL\7.7 - Integração de Terceiros\2018\</t>
  </si>
  <si>
    <t>LISTA DE PRESENÇA.xls</t>
  </si>
  <si>
    <t>jimmylapdn@algartech.com.br,sandra.b.bezerra@bradesco.com.br,sandrabb@algartech.com.br</t>
  </si>
  <si>
    <t>11/14/2019 09:01:43</t>
  </si>
  <si>
    <t>11/14/2019 09:04:41</t>
  </si>
  <si>
    <t>Template.csv</t>
  </si>
  <si>
    <t>11/14/2019 08:32:14</t>
  </si>
  <si>
    <t>11/14/2019 09:05:40</t>
  </si>
  <si>
    <t>11/14/2019 08:32:15</t>
  </si>
  <si>
    <t>11/14/2019 07:09:53</t>
  </si>
  <si>
    <t>11/14/2019 09:06:41</t>
  </si>
  <si>
    <t>11/14/2019 09:04:42</t>
  </si>
  <si>
    <t>11/14/2019 09:08:41</t>
  </si>
  <si>
    <t>11/14/2019 09:05:32</t>
  </si>
  <si>
    <t>11/14/2019 09:10:41</t>
  </si>
  <si>
    <t>mail.google.com/_/upload?authuser=0&amp;dcp=asu-n&amp;upload_id=AEnB2UpWQbeXmtAnIU8TF9NHus4wwVyuagyYc6pp2ScME2OW-RwqDP2xD1qnzMrSZ1QO7FWLhNRXbvgknIYVPdbrvTDl0jDQZQ6snAqYFtB6aHCro_vIaC4&amp;upload_protocol=resumable</t>
  </si>
  <si>
    <t>11/13/2019 19:35:34</t>
  </si>
  <si>
    <t>11/14/2019 09:11:41</t>
  </si>
  <si>
    <t>11/14/2019 09:12:17</t>
  </si>
  <si>
    <t>11/14/2019 09:13:41</t>
  </si>
  <si>
    <t>11/14/2019 09:12:47</t>
  </si>
  <si>
    <t>11/14/2019 09:15:41</t>
  </si>
  <si>
    <t>11/14/2019 09:11:46</t>
  </si>
  <si>
    <t>11/14/2019 09:16:41</t>
  </si>
  <si>
    <t>Volume UCB_ 14/11</t>
  </si>
  <si>
    <t>VOL. UCB.xlsx</t>
  </si>
  <si>
    <t>11/13/2019 15:46:09</t>
  </si>
  <si>
    <t>11/14/2019 09:17:40</t>
  </si>
  <si>
    <t>ENC: BP's Elux - Pagamento Á Vista</t>
  </si>
  <si>
    <t>216357 - URA para Continental_(Mensalidade).xlsb</t>
  </si>
  <si>
    <t>11/14/2019 09:20:48</t>
  </si>
  <si>
    <t>11/14/2019 09:23:41</t>
  </si>
  <si>
    <t>/o=exchangelabs/ou=exchange administrative group (fydibohf23spdlt)/cn=recipients/cn=1698f5af44b14116ad2d0b751d584c7d-danilo rafa;/o=exchangelabs/ou=exchange administrative group (fydibohf23spdlt)/cn=recipients/cn=2d38a20c1128454e96f537150116f708-jose antoni;/o=exchangelabs/ou=exchange administrative group (fydibohf23spdlt)/cn=recipients/cn=31b0fcd46c8d45f29253036e2256d5aa-jose paulin;/o=exchangelabs/ou=exchange administrative group (fydibohf23spdlt)/cn=recipients/cn=43665a5b9e7b4a1eb03aa2abdd30ebf4-virginia me;/o=exchangelabs/ou=exchange administrative group (fydibohf23spdlt)/cn=recipients/cn=503a4cae25a0474e8b364b01d4d28bc4-thais mozel;/o=exchangelabs/ou=exchange administrative group (fydibohf23spdlt)/cn=recipients/cn=626f88f0427049a1bc09ea3f8adf9b1d-marcio rica;/o=exchangelabs/ou=exchange administrative group (fydibohf23spdlt)/cn=recipients/cn=7401cdb0284f4d16ab5ec2851ef92cf2-nilsio silv;/o=exchangelabs/ou=exchange administrative group (fydibohf23spdlt)/cn=recipients/cn=748626653e664517a8268bc0a35e32b6-henr</t>
  </si>
  <si>
    <t>Avaliação Contratos que abrangem a empresa Engeset</t>
  </si>
  <si>
    <t>Contratos Abrange Engeset.xlsx</t>
  </si>
  <si>
    <t>/o=exchangelabs/ou=exchange administrative group (fydibohf23spdlt)/cn=recipients/cn=1698f5af44b14116ad2d0b751d584c7d-danilo rafa,/o=exchangelabs/ou=exchange administrative group (fydibohf23spdlt)/cn=recipients/cn=2d38a20c1128454e96f537150116f708-jose antoni,/o=exchangelabs/ou=exchange administrative group (fydibohf23spdlt)/cn=recipients/cn=31b0fcd46c8d45f29253036e2256d5aa-jose paulin,/o=exchangelabs/ou=exchange administrative group (fydibohf23spdlt)/cn=recipients/cn=43665a5b9e7b4a1eb03aa2abdd30ebf4-virginia me,/o=exchangelabs/ou=exchange administrative group (fydibohf23spdlt)/cn=recipients/cn=503a4cae25a0474e8b364b01d4d28bc4-thais mozel,/o=exchangelabs/ou=exchange administrative group (fydibohf23spdlt)/cn=recipients/cn=626f88f0427049a1bc09ea3f8adf9b1d-marcio rica,/o=exchangelabs/ou=exchange administrative group (fydibohf23spdlt)/cn=recipients/cn=7401cdb0284f4d16ab5ec2851ef92cf2-nilsio silv,/o=exchangelabs/ou=exchange administrative group (fydibohf23spdlt)/cn=recipients/cn=748626653e664517a8268bc0a35e32b6-henr</t>
  </si>
  <si>
    <t>11/13/2019 09:50:33</t>
  </si>
  <si>
    <t>C:\Users\gustavohdsa\Downloads\parecerjurdicourgente.zip\</t>
  </si>
  <si>
    <t>RELATÃ“RIO DE DESCONEXÃƒO.xls</t>
  </si>
  <si>
    <t>11/13/2019 17:12:09</t>
  </si>
  <si>
    <t>11/14/2019 09:28:41</t>
  </si>
  <si>
    <t>11/13/2019 17:12:17</t>
  </si>
  <si>
    <t>11/13/2019 17:12:32</t>
  </si>
  <si>
    <t>11/13/2019 17:12:34</t>
  </si>
  <si>
    <t>11/13/2019 17:12:35</t>
  </si>
  <si>
    <t>11/13/2019 17:12:37</t>
  </si>
  <si>
    <t>11/13/2019 17:12:39</t>
  </si>
  <si>
    <t>11/13/2019 17:12:49</t>
  </si>
  <si>
    <t>11/14/2019 09:24:32</t>
  </si>
  <si>
    <t>fabiolacc@algartecnologia.com.br;fernandodps@algartech.com;jheniffergs@algartech.com;lilianbcr@algartech.com;ricardomi@algartech.com;</t>
  </si>
  <si>
    <t>SLA GRC (1).xlsx</t>
  </si>
  <si>
    <t>fabiolacc@algartecnologia.com.br,fernandodps@algartech.com,jheniffergs@algartech.com,lilianbcr@algartech.com,ricardomi@algartech.com</t>
  </si>
  <si>
    <t>11/14/2019 09:23:49</t>
  </si>
  <si>
    <t>/o=exchangelabs/ou=exchange administrative group (fydibohf23spdlt)/cn=recipients/cn=5ab64dc5178e4d66aadc5f660807b2c3-andre gomes;/o=exchangelabs/ou=exchange administrative group (fydibohf23spdlt)/cn=recipients/cn=b36412a54b154c07b0a876537a78fce8-jheniffer g;</t>
  </si>
  <si>
    <t>RESUMOIPO.xlsb</t>
  </si>
  <si>
    <t>/o=exchangelabs/ou=exchange administrative group (fydibohf23spdlt)/cn=recipients/cn=5ab64dc5178e4d66aadc5f660807b2c3-andre gomes,/o=exchangelabs/ou=exchange administrative group (fydibohf23spdlt)/cn=recipients/cn=b36412a54b154c07b0a876537a78fce8-jheniffer g</t>
  </si>
  <si>
    <t>11/14/2019 09:25:26</t>
  </si>
  <si>
    <t>11/14/2019 09:29:42</t>
  </si>
  <si>
    <t>brjcarvalho@yahoo.com.br;mariajcb@algartech.com;</t>
  </si>
  <si>
    <t>RES: Estou compartilhando o arquivo 'PLANTAO MAMI 2019.xlsx' com você</t>
  </si>
  <si>
    <t>PLANTAO MAMI 2020.xlsx</t>
  </si>
  <si>
    <t>brjcarvalho@yahoo.com.br,mariajcb@algartech.com</t>
  </si>
  <si>
    <t>11/13/2019 17:12:03</t>
  </si>
  <si>
    <t>11/14/2019 09:33:42</t>
  </si>
  <si>
    <t>11/13/2019 17:12:04</t>
  </si>
  <si>
    <t>11/14/2019 09:32:37</t>
  </si>
  <si>
    <t>11/14/2019 09:35:41</t>
  </si>
  <si>
    <t>mail.google.com/_/upload?authuser=0&amp;dcp=asu-n&amp;upload_id=AEnB2UoGJDXwF059pkRexFRCeN4ZSoG59uTlbX0_8LeXg68snZ3xZcEiJxgjh-hOy5wLUDSPwjMa8lxRRCnQTh-k2JYn2wABOQ&amp;upload_protocol=resumable</t>
  </si>
  <si>
    <t>Atividades-ANF33 - GV_14_11_19 MARIA.xlsx</t>
  </si>
  <si>
    <t>11/14/2019 09:34:05</t>
  </si>
  <si>
    <t>11/14/2019 09:38:41</t>
  </si>
  <si>
    <t>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e0001a1553fb4b9a9be687db68a2ec15-yuri ian fr;institutocado@yahoo.com;</t>
  </si>
  <si>
    <t>RES: Resultados campanha - CIMI</t>
  </si>
  <si>
    <t>Status report_13112019_envio.xlsx</t>
  </si>
  <si>
    <t>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e0001a1553fb4b9a9be687db68a2ec15-yuri ian fr,institutocado@yahoo.com</t>
  </si>
  <si>
    <t>11/14/2019 09:33:46</t>
  </si>
  <si>
    <t>11/14/2019 09:38:36</t>
  </si>
  <si>
    <t>11/14/2019 09:39:42</t>
  </si>
  <si>
    <t>ENC: Análise de Score por Operador Champion Julho/19</t>
  </si>
  <si>
    <t>Analise de Quadrante Champion Julho Parcial 3.xlsx</t>
  </si>
  <si>
    <t>11/14/2019 09:37:35</t>
  </si>
  <si>
    <t>/o=exchangelabs/ou=exchange administrative group (fydibohf23spdlt)/cn=recipients/cn=067d1ea266fb4f35946ec136606237ec-lucia helen;/o=exchangelabs/ou=exchange administrative group (fydibohf23spdlt)/cn=recipients/cn=685a6c7fa4684b9ab51c683ec151a83c-kelly crist;/o=exchangelabs/ou=exchange administrative group (fydibohf23spdlt)/cn=recipients/cn=fa4fe69c1dfb4d71beaaa5d64a4e88f8-carlos rodr;</t>
  </si>
  <si>
    <t>ENC: Resultado Consultoria Brasiliano</t>
  </si>
  <si>
    <t>/o=exchangelabs/ou=exchange administrative group (fydibohf23spdlt)/cn=recipients/cn=067d1ea266fb4f35946ec136606237ec-lucia helen,/o=exchangelabs/ou=exchange administrative group (fydibohf23spdlt)/cn=recipients/cn=685a6c7fa4684b9ab51c683ec151a83c-kelly crist,/o=exchangelabs/ou=exchange administrative group (fydibohf23spdlt)/cn=recipients/cn=fa4fe69c1dfb4d71beaaa5d64a4e88f8-carlos rodr</t>
  </si>
  <si>
    <t>11/13/2019 11:33:30</t>
  </si>
  <si>
    <t>11/14/2019 09:45:41</t>
  </si>
  <si>
    <t>Proposta SAGE</t>
  </si>
  <si>
    <t>200262 Sage Data Center_Produto Formatado_ v6 02 BPs de Setup.xlsb</t>
  </si>
  <si>
    <t>11/13/2019 14:16:37</t>
  </si>
  <si>
    <t>BP LDC</t>
  </si>
  <si>
    <t>189257 Command Center NOC+PS LDC Precificacao C017 B017_v11 com WIT.xlsb</t>
  </si>
  <si>
    <t>11/13/2019 14:19:02</t>
  </si>
  <si>
    <t>BPs SAGE</t>
  </si>
  <si>
    <t>200262 Sage Data Center_Produto Formatado_ v1.xlsb</t>
  </si>
  <si>
    <t>11/14/2019 09:43:19</t>
  </si>
  <si>
    <t>11/14/2019 09:46:42</t>
  </si>
  <si>
    <t>/o=exchangelabs/ou=exchange administrative group (fydibohf23spdlt)/cn=recipients/cn=e16aefd3b5634d7c8e23624cb89b8c14-lauane de j;</t>
  </si>
  <si>
    <t>Relatórios</t>
  </si>
  <si>
    <t>Relatórios.xlsx</t>
  </si>
  <si>
    <t>/o=exchangelabs/ou=exchange administrative group (fydibohf23spdlt)/cn=recipients/cn=e16aefd3b5634d7c8e23624cb89b8c14-lauane de j</t>
  </si>
  <si>
    <t>11/14/2019 09:49:58</t>
  </si>
  <si>
    <t>11/14/2019 09:51:41</t>
  </si>
  <si>
    <t>10.211.2.76</t>
  </si>
  <si>
    <t>11/14/2019 09:51:22</t>
  </si>
  <si>
    <t>11/14/2019 09:52:42</t>
  </si>
  <si>
    <t>11/14/2019 09:44:22</t>
  </si>
  <si>
    <t>11/14/2019 09:53:41</t>
  </si>
  <si>
    <t>ENC: Simulação Ofensores Custo PA</t>
  </si>
  <si>
    <t>11/13/2019 22:16:40</t>
  </si>
  <si>
    <t>11/14/2019 10:02:42</t>
  </si>
  <si>
    <t>11/14/2019 10:05:14</t>
  </si>
  <si>
    <t>11/14/2019 10:09:42</t>
  </si>
  <si>
    <t>11/14/2019 10:12:20</t>
  </si>
  <si>
    <t>11/14/2019 10:13:42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b712c36eebee42428d3790abe2696417-romario gom;/o=exchangelabs/ou=exchange administrative group (fydibohf23spdlt)/cn=recipients/cn=e4dbda4121b54299b4a719c6aa694894-algar tech;gustavosca@algartech.com.br;supervisaonext@algartech.com.br;</t>
  </si>
  <si>
    <t>11 - ADERENCIA NOVEMBRO_19 NEXT ( ATIVO / SAC / MANIFESTAÇÕES / HIBRIDO).</t>
  </si>
  <si>
    <t>12 - ADERENCIA DEZEMBRO_19 NEXT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b712c36eebee42428d3790abe2696417-romario gom,/o=exchangelabs/ou=exchange administrative group (fydibohf23spdlt)/cn=recipients/cn=e4dbda4121b54299b4a719c6aa694894-algar tech,gustavosca@algartech.com.br,supervisaonext@algartech.com.br</t>
  </si>
  <si>
    <t>11/14/2019 10:17:42</t>
  </si>
  <si>
    <t>11/14/2019 10:20:41</t>
  </si>
  <si>
    <t>ENC: Planejador de projetos AnaCarla.xlsx</t>
  </si>
  <si>
    <t>Planejador de projetos AnaCarla.xlsx</t>
  </si>
  <si>
    <t>11/14/2019 10:23:01</t>
  </si>
  <si>
    <t>11/14/2019 10:24:41</t>
  </si>
  <si>
    <t>10.200.62.8</t>
  </si>
  <si>
    <t>senildapdo@algartecnologia.com.br;</t>
  </si>
  <si>
    <t>C:\Users\victorvgar\Desktop\AVON\</t>
  </si>
  <si>
    <t>Planejamento - Treinamento Atualizado.xlsx</t>
  </si>
  <si>
    <t>senildapdo@algartecnologia.com.br</t>
  </si>
  <si>
    <t>11/14/2019 10:24:58</t>
  </si>
  <si>
    <t>11/14/2019 10:30:42</t>
  </si>
  <si>
    <t>MovimentaçõesIPO.xlsx</t>
  </si>
  <si>
    <t>11/14/2019 10:28:30</t>
  </si>
  <si>
    <t>11/14/2019 10:31:42</t>
  </si>
  <si>
    <t>ENC: Grupo de Rateio 12-11-2019.xlsx</t>
  </si>
  <si>
    <t>11/14/2019 10:28:53</t>
  </si>
  <si>
    <t>11/14/2019 10:32:42</t>
  </si>
  <si>
    <t>ENC: Medição ASCENTY - OUTUBRO 2019</t>
  </si>
  <si>
    <t>11 - RELATÓRIO ASCENTY - OUTUBRO - 2019.xlsx</t>
  </si>
  <si>
    <t>11/14/2019 10:32:36</t>
  </si>
  <si>
    <t>11/14/2019 10:35:42</t>
  </si>
  <si>
    <t>mail.google.com/_/upload?authuser=0&amp;dcp=asu-n&amp;upload_id=AEnB2Uobwh5TRl4ZXjIs8bu7oRcPsQvBh0QW4jt-8rNzGDsXHbMWvwi3a52hjvuLkvdLsO9Da8y-E90s4h1WGfBxK8DNsncVBA&amp;upload_protocol=resumable</t>
  </si>
  <si>
    <t>BACKLOG JULIANO.xlsx</t>
  </si>
  <si>
    <t>11/14/2019 10:42:42</t>
  </si>
  <si>
    <t>11/14/2019 10:44:41</t>
  </si>
  <si>
    <t>mail.google.com/_/upload?authuser=0&amp;dcp=asu-n&amp;upload_id=AEnB2UpVeCUETasZ_nh7oLvN7lDg6Nc_GM7GMQMdzcY5qmSunhrQH3Z_vl-oFj8its7uv5UnoD-2SjrlMJf2TBG2TuJlM6kMFg&amp;upload_protocol=resumable</t>
  </si>
  <si>
    <t>11/14/2019 10:39:57</t>
  </si>
  <si>
    <t>11/14/2019 10:45:42</t>
  </si>
  <si>
    <t>/o=exchangelabs/ou=exchange administrative group (fydibohf23spdlt)/cn=recipients/cn=2144abc9537143519f505fcb8550b74c-juliana emi;/o=exchangelabs/ou=exchange administrative group (fydibohf23spdlt)/cn=recipients/cn=a44038b29f734512bb2c91232d0f4f33-manuella sa;pamelatc@algartech.com;</t>
  </si>
  <si>
    <t>/o=exchangelabs/ou=exchange administrative group (fydibohf23spdlt)/cn=recipients/cn=2144abc9537143519f505fcb8550b74c-juliana emi,/o=exchangelabs/ou=exchange administrative group (fydibohf23spdlt)/cn=recipients/cn=a44038b29f734512bb2c91232d0f4f33-manuella sa,pamelatc@algartech.com</t>
  </si>
  <si>
    <t>11/14/2019 10:45:40</t>
  </si>
  <si>
    <t>11/14/2019 10:48:41</t>
  </si>
  <si>
    <t>Mailing_TechDayeVisitaRepublica.xlsx</t>
  </si>
  <si>
    <t>11/14/2019 10:46:22</t>
  </si>
  <si>
    <t>11/14/2019 10:49:41</t>
  </si>
  <si>
    <t>/o=exchangelabs/ou=exchange administrative group (fydibohf23spdlt)/cn=recipients/cn=5b1a099146bc4a0ba038a5237a044b28-lucas augus;</t>
  </si>
  <si>
    <t>/o=exchangelabs/ou=exchange administrative group (fydibohf23spdlt)/cn=recipients/cn=5b1a099146bc4a0ba038a5237a044b28-lucas augus</t>
  </si>
  <si>
    <t>11/14/2019 11:01:54</t>
  </si>
  <si>
    <t>11/14/2019 11:04:42</t>
  </si>
  <si>
    <t>11/14/2019 11:01:33</t>
  </si>
  <si>
    <t>11/14/2019 11:05:42</t>
  </si>
  <si>
    <t>/o=exchangelabs/ou=exchange administrative group (fydibohf23spdlt)/cn=recipients/cn=32fe8a14424941da83c2bf35a8a5709e-fabiana car;/o=exchangelabs/ou=exchange administrative group (fydibohf23spdlt)/cn=recipients/cn=545f738e0fe740ba856f4eb6ef0135e0-vinicius si;/o=exchangelabs/ou=exchange administrative group (fydibohf23spdlt)/cn=recipients/cn=5ab64dc5178e4d66aadc5f660807b2c3-andre gomes;/o=exchangelabs/ou=exchange administrative group (fydibohf23spdlt)/cn=recipients/cn=9c71bc5f5a3648bbbb5f6bedb86e15a6-marcelo buz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c08089b92f0643f18c949cb099a06593-tamara luis;</t>
  </si>
  <si>
    <t>Real x Orçado IPO</t>
  </si>
  <si>
    <t>/o=exchangelabs/ou=exchange administrative group (fydibohf23spdlt)/cn=recipients/cn=32fe8a14424941da83c2bf35a8a5709e-fabiana car,/o=exchangelabs/ou=exchange administrative group (fydibohf23spdlt)/cn=recipients/cn=545f738e0fe740ba856f4eb6ef0135e0-vinicius si,/o=exchangelabs/ou=exchange administrative group (fydibohf23spdlt)/cn=recipients/cn=5ab64dc5178e4d66aadc5f660807b2c3-andre gomes,/o=exchangelabs/ou=exchange administrative group (fydibohf23spdlt)/cn=recipients/cn=9c71bc5f5a3648bbbb5f6bedb86e15a6-marcelo buz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c08089b92f0643f18c949cb099a06593-tamara luis</t>
  </si>
  <si>
    <t>11/14/2019 10:58:49</t>
  </si>
  <si>
    <t>10.200.200.83</t>
  </si>
  <si>
    <t>/o=exchangelabs/ou=exchange administrative group (fydibohf23spdlt)/cn=recipients/cn=2072905e221e44cd93713caf57a4301f-roberta igi;/o=exchangelabs/ou=exchange administrative group (fydibohf23spdlt)/cn=recipients/cn=ff108780077c4fa998b7a0fae2af79d6-larissa fer;</t>
  </si>
  <si>
    <t>ENC: leads</t>
  </si>
  <si>
    <t>/o=exchangelabs/ou=exchange administrative group (fydibohf23spdlt)/cn=recipients/cn=2072905e221e44cd93713caf57a4301f-roberta igi,/o=exchangelabs/ou=exchange administrative group (fydibohf23spdlt)/cn=recipients/cn=ff108780077c4fa998b7a0fae2af79d6-larissa fer</t>
  </si>
  <si>
    <t>11/14/2019 10:59:42</t>
  </si>
  <si>
    <t>11/14/2019 11:07:19</t>
  </si>
  <si>
    <t>11/14/2019 11:10:41</t>
  </si>
  <si>
    <t>ENC: DESMOBILIZAÇÃO LEGADO_v2.xlsx</t>
  </si>
  <si>
    <t>11/14/2019 06:10:14</t>
  </si>
  <si>
    <t>11/14/2019 11:14:41</t>
  </si>
  <si>
    <t>RES: Planilhas de apuração premio</t>
  </si>
  <si>
    <t>CSC_Apuração Executivos_v3.xlsb</t>
  </si>
  <si>
    <t>11/14/2019 09:15:46</t>
  </si>
  <si>
    <t>PLR que vc pediu</t>
  </si>
  <si>
    <t>Resultado Consolidado EBIT_1ºsem2019_V15.xlsx</t>
  </si>
  <si>
    <t>11/14/2019 09:44:25</t>
  </si>
  <si>
    <t>CSC_Apuração Não-Executivos_v2.xlsb</t>
  </si>
  <si>
    <t>11/14/2019 11:10:40</t>
  </si>
  <si>
    <t>11/14/2019 11:15:42</t>
  </si>
  <si>
    <t>Governança_EPO.pptx</t>
  </si>
  <si>
    <t>11/14/2019 11:16:47</t>
  </si>
  <si>
    <t>11/14/2019 11:18:41</t>
  </si>
  <si>
    <t>10.213.2.3</t>
  </si>
  <si>
    <t>A0-88-69-CE-EB-AE</t>
  </si>
  <si>
    <t>/o=exchangelabs/ou=exchange administrative group (fydibohf23spdlt)/cn=recipients/cn=0a343ab60c904ee9b25c54f941bc50a2-elincon pis;/o=exchangelabs/ou=exchange administrative group (fydibohf23spdlt)/cn=recipients/cn=1698f5af44b14116ad2d0b751d584c7d-danilo rafa;/o=exchangelabs/ou=exchange administrative group (fydibohf23spdlt)/cn=recipients/cn=3bff4ffb267e4ea2a4a3347f6a4c5cf8-tatiane mag;/o=exchangelabs/ou=exchange administrative group (fydibohf23spdlt)/cn=recipients/cn=d4969550e41b4ec9b728d4bfe5cf6031-patricia ro;</t>
  </si>
  <si>
    <t>Relatório de Pendencias ENEL/TIM</t>
  </si>
  <si>
    <t>Relatorio de Pendencias ENEL.TIM 14.11.19 .xlsx</t>
  </si>
  <si>
    <t>/o=exchangelabs/ou=exchange administrative group (fydibohf23spdlt)/cn=recipients/cn=0a343ab60c904ee9b25c54f941bc50a2-elincon pis,/o=exchangelabs/ou=exchange administrative group (fydibohf23spdlt)/cn=recipients/cn=1698f5af44b14116ad2d0b751d584c7d-danilo rafa,/o=exchangelabs/ou=exchange administrative group (fydibohf23spdlt)/cn=recipients/cn=3bff4ffb267e4ea2a4a3347f6a4c5cf8-tatiane mag,/o=exchangelabs/ou=exchange administrative group (fydibohf23spdlt)/cn=recipients/cn=d4969550e41b4ec9b728d4bfe5cf6031-patricia ro</t>
  </si>
  <si>
    <t>11/14/2019 11:14:04</t>
  </si>
  <si>
    <t>11/14/2019 11:19:42</t>
  </si>
  <si>
    <t>10.12.243.91</t>
  </si>
  <si>
    <t>Indicadores Algar - Versão Final ECH - Set a Out-2019.xlsx</t>
  </si>
  <si>
    <t>11/14/2019 11:17:20</t>
  </si>
  <si>
    <t>11/14/2019 11:20:42</t>
  </si>
  <si>
    <t>/o=exchangelabs/ou=exchange administrative group (fydibohf23spdlt)/cn=recipients/cn=56f1ed18d0b4438e8484a989403b0f53-ana paula c;/o=exchangelabs/ou=exchange administrative group (fydibohf23spdlt)/cn=recipients/cn=780b9404adbb490eb0a80de60612f32d-filemon can;/o=exchangelabs/ou=exchange administrative group (fydibohf23spdlt)/cn=recipients/cn=80a7fcb64979407494064f31427e5974-helder ribe;/o=exchangelabs/ou=exchange administrative group (fydibohf23spdlt)/cn=recipients/cn=b194f014572c4c36b52132f9199df1aa-jairo junio;</t>
  </si>
  <si>
    <t>ENC: CON-3140821 (projeto Prudential)</t>
  </si>
  <si>
    <t>44DETALHAMENTO_DE_ITENS_-_PRUDENTIAL_ Classificado.xlsx</t>
  </si>
  <si>
    <t>/o=exchangelabs/ou=exchange administrative group (fydibohf23spdlt)/cn=recipients/cn=56f1ed18d0b4438e8484a989403b0f53-ana paula c,/o=exchangelabs/ou=exchange administrative group (fydibohf23spdlt)/cn=recipients/cn=780b9404adbb490eb0a80de60612f32d-filemon can,/o=exchangelabs/ou=exchange administrative group (fydibohf23spdlt)/cn=recipients/cn=80a7fcb64979407494064f31427e5974-helder ribe,/o=exchangelabs/ou=exchange administrative group (fydibohf23spdlt)/cn=recipients/cn=b194f014572c4c36b52132f9199df1aa-jairo junio</t>
  </si>
  <si>
    <t>11/14/2019 11:28:32</t>
  </si>
  <si>
    <t>11/14/2019 11:29:42</t>
  </si>
  <si>
    <t>https://smartdata.mastercard.com/sdpc/paymentcontrol/uploadbatch.do</t>
  </si>
  <si>
    <t>C:\Users\suzidarlengarf\Desktop\</t>
  </si>
  <si>
    <t>Arquivo CSV 11.27.41.csv</t>
  </si>
  <si>
    <t>11/14/2019 11:28:48</t>
  </si>
  <si>
    <t>11/14/2019 11:29:57</t>
  </si>
  <si>
    <t>11/14/2019 11:33:42</t>
  </si>
  <si>
    <t>Demandas Tecnologia 2020.xlsx</t>
  </si>
  <si>
    <t>11/14/2019 11:35:05</t>
  </si>
  <si>
    <t>11/14/2019 11:39:42</t>
  </si>
  <si>
    <t>Arquivo CSV 11.34.40.csv</t>
  </si>
  <si>
    <t>11/14/2019 11:38:13</t>
  </si>
  <si>
    <t>Arquivo CSV 11.37.11.csv</t>
  </si>
  <si>
    <t>11/14/2019 11:37:24</t>
  </si>
  <si>
    <t>11/14/2019 11:40:41</t>
  </si>
  <si>
    <t>Aprovações Expense Mobi - Diretoria</t>
  </si>
  <si>
    <t>11/14/2019 11:43:30</t>
  </si>
  <si>
    <t>11/14/2019 11:47:42</t>
  </si>
  <si>
    <t>/o=exchangelabs/ou=exchange administrative group (fydibohf23spdlt)/cn=recipients/cn=80a7fcb64979407494064f31427e5974-helder ribe;</t>
  </si>
  <si>
    <t>Enviando email: Prudential - BP GIAT - Versão Novembro 2019.xlsb, Prudential - BP ISD - Versão Novembro 2019.xlsb</t>
  </si>
  <si>
    <t>/o=exchangelabs/ou=exchange administrative group (fydibohf23spdlt)/cn=recipients/cn=80a7fcb64979407494064f31427e5974-helder ribe</t>
  </si>
  <si>
    <t>11/14/2019 11:44:50</t>
  </si>
  <si>
    <t>alefl@algartech.com;cristinahe@algartech.com;deborahvhw@algartech.com;fabriciovs@algartech.com;helbertbb@algartech.com;isabelladab@algartech.com;lucasm@algartecnologia.com.br;lucioms@algartech.com;marianesg@algartech.com;mayraneapl@algartech.com;nikellydcs@algartech.com;polati@algartech.com;reginaldort@algartech.com;renatobrl@algartech.com;si@algartech.com;suporteso@algartech.com;</t>
  </si>
  <si>
    <t>alefl@algartech.com,cristinahe@algartech.com,deborahvhw@algartech.com,fabriciovs@algartech.com,helbertbb@algartech.com,isabelladab@algartech.com,lucasm@algartecnologia.com.br,lucioms@algartech.com,marianesg@algartech.com,mayraneapl@algartech.com,nikellydcs@algartech.com,polati@algartech.com,reginaldort@algartech.com,renatobrl@algartech.com,si@algartech.com,suporteso@algartech.com</t>
  </si>
  <si>
    <t>11/14/2019 11:48:10</t>
  </si>
  <si>
    <t>11/14/2019 11:49:42</t>
  </si>
  <si>
    <t>/o=exchangelabs/ou=exchange administrative group (fydibohf23spdlt)/cn=recipients/cn=363af2e6e56746febce0b409a64e9677-anne caroli;/o=exchangelabs/ou=exchange administrative group (fydibohf23spdlt)/cn=recipients/cn=3ab5db37e72d49469dabe5b57496dd5c-fabricio ra;/o=exchangelabs/ou=exchange administrative group (fydibohf23spdlt)/cn=recipients/cn=5337d7b73bdf49cdb93dda704a6dde96-maira da ro;/o=exchangelabs/ou=exchange administrative group (fydibohf23spdlt)/cn=recipients/cn=668a768851804aa4b0e4858ed2624f18-maria daian;/o=exchangelabs/ou=exchange administrative group (fydibohf23spdlt)/cn=recipients/cn=7a833dffdb3c4e9baa653653380e47b7-user;/o=exchangelabs/ou=exchange administrative group (fydibohf23spdlt)/cn=recipients/cn=e3c30a0666cf45d9a69e1308afc48b1c-edna rosa d;thallitaarg@algartech.com;</t>
  </si>
  <si>
    <t>Distribuição OTJ</t>
  </si>
  <si>
    <t>Distribuição - On The Job.xls</t>
  </si>
  <si>
    <t>/o=exchangelabs/ou=exchange administrative group (fydibohf23spdlt)/cn=recipients/cn=363af2e6e56746febce0b409a64e9677-anne caroli,/o=exchangelabs/ou=exchange administrative group (fydibohf23spdlt)/cn=recipients/cn=3ab5db37e72d49469dabe5b57496dd5c-fabricio ra,/o=exchangelabs/ou=exchange administrative group (fydibohf23spdlt)/cn=recipients/cn=5337d7b73bdf49cdb93dda704a6dde96-maira da ro,/o=exchangelabs/ou=exchange administrative group (fydibohf23spdlt)/cn=recipients/cn=668a768851804aa4b0e4858ed2624f18-maria daian,/o=exchangelabs/ou=exchange administrative group (fydibohf23spdlt)/cn=recipients/cn=7a833dffdb3c4e9baa653653380e47b7-user,/o=exchangelabs/ou=exchange administrative group (fydibohf23spdlt)/cn=recipients/cn=e3c30a0666cf45d9a69e1308afc48b1c-edna rosa d,thallitaarg@algartech.com</t>
  </si>
  <si>
    <t>11/14/2019 11:49:25</t>
  </si>
  <si>
    <t>sheila.lopes@youse.com.br;</t>
  </si>
  <si>
    <t>Volume intra-diário - SAC</t>
  </si>
  <si>
    <t>SAC.xlsx</t>
  </si>
  <si>
    <t>sheila.lopes@youse.com.br</t>
  </si>
  <si>
    <t>11/14/2019 11:48:19</t>
  </si>
  <si>
    <t>11/14/2019 11:52:42</t>
  </si>
  <si>
    <t>C:\Users\leonardoefo\Grupo Algar\Waleska Maria Miranda Storti - Apresentações\</t>
  </si>
  <si>
    <t>Telecobrança_Desoneração_Prazos Recursais.xlsx</t>
  </si>
  <si>
    <t>11/14/2019 11:51:59</t>
  </si>
  <si>
    <t>11/14/2019 11:53:41</t>
  </si>
  <si>
    <t>Pipeline Detalhado Colombia 2019_11_14.xlsx</t>
  </si>
  <si>
    <t>11/14/2019 11:55:35</t>
  </si>
  <si>
    <t>11/14/2019 11:58:42</t>
  </si>
  <si>
    <t>11/14/2019 11:57:51</t>
  </si>
  <si>
    <t>/o=exchangelabs/ou=exchange administrative group (fydibohf23spdlt)/cn=recipients/cn=372a4aee70df4061aed129651510b96b-raul montei;/o=exchangelabs/ou=exchange administrative group (fydibohf23spdlt)/cn=recipients/cn=7b70aa18debb49fb8da0f7282594e513-ricardo ale;/o=exchangelabs/ou=exchange administrative group (fydibohf23spdlt)/cn=recipients/cn=909e770c97ed4b8fa033c30357f65607-juan carlos;/o=exchangelabs/ou=exchange administrative group (fydibohf23spdlt)/cn=recipients/cn=cd3b5b481f524fe68902e02768910038-koldo alcal;/o=exchangelabs/ou=exchange administrative group (fydibohf23spdlt)/cn=recipients/cn=d2c2c8150e204f7790f9c21d1df1eff0-jorge allan;</t>
  </si>
  <si>
    <t>Pipeline Detalhado Mexico 2019_11_14.xlsx</t>
  </si>
  <si>
    <t>/o=exchangelabs/ou=exchange administrative group (fydibohf23spdlt)/cn=recipients/cn=372a4aee70df4061aed129651510b96b-raul montei,/o=exchangelabs/ou=exchange administrative group (fydibohf23spdlt)/cn=recipients/cn=7b70aa18debb49fb8da0f7282594e513-ricardo ale,/o=exchangelabs/ou=exchange administrative group (fydibohf23spdlt)/cn=recipients/cn=909e770c97ed4b8fa033c30357f65607-juan carlos,/o=exchangelabs/ou=exchange administrative group (fydibohf23spdlt)/cn=recipients/cn=cd3b5b481f524fe68902e02768910038-koldo alcal,/o=exchangelabs/ou=exchange administrative group (fydibohf23spdlt)/cn=recipients/cn=d2c2c8150e204f7790f9c21d1df1eff0-jorge allan</t>
  </si>
  <si>
    <t>11/14/2019 12:01:39</t>
  </si>
  <si>
    <t>11/14/2019 12:01:43</t>
  </si>
  <si>
    <t>11/14/2019 11:57:19</t>
  </si>
  <si>
    <t>11/14/2019 12:02:42</t>
  </si>
  <si>
    <t>\\acsfs\DEPTOS\Controladoria\3. CSC\CONTROLES CSC\7-Orçamento 2020\Revisão Volumes 2020\TAX\</t>
  </si>
  <si>
    <t>DRAFT_BASE.XLSX</t>
  </si>
  <si>
    <t>11/14/2019 11:57:29</t>
  </si>
  <si>
    <t>/o=exchangelabs/ou=exchange administrative group (fydibohf23spdlt)/cn=recipients/cn=1d548783c10f4c62bcdf5de7a0f55a3e-lucas marqu;/o=exchangelabs/ou=exchange administrative group (fydibohf23spdlt)/cn=recipients/cn=user9f44a979;</t>
  </si>
  <si>
    <t>Base custo indiretos historico.xlsx</t>
  </si>
  <si>
    <t>/o=exchangelabs/ou=exchange administrative group (fydibohf23spdlt)/cn=recipients/cn=1d548783c10f4c62bcdf5de7a0f55a3e-lucas marqu,/o=exchangelabs/ou=exchange administrative group (fydibohf23spdlt)/cn=recipients/cn=user9f44a979</t>
  </si>
  <si>
    <t>11/14/2019 12:00:13</t>
  </si>
  <si>
    <t>11/14/2019 12:03:43</t>
  </si>
  <si>
    <t>Pipeline Detalhado Argentina 2019_11_14.xlsx</t>
  </si>
  <si>
    <t>11/14/2019 12:01:48</t>
  </si>
  <si>
    <t>/o=exchangelabs/ou=exchange administrative group (fydibohf23spdlt)/cn=recipients/cn=372a4aee70df4061aed129651510b96b-raul montei;/o=exchangelabs/ou=exchange administrative group (fydibohf23spdlt)/cn=recipients/cn=b79663656cc44aa3bf06617d1695ae51-carlos faci;</t>
  </si>
  <si>
    <t>Pipeline Detalhado Latam 2019_11_14.xlsx</t>
  </si>
  <si>
    <t>/o=exchangelabs/ou=exchange administrative group (fydibohf23spdlt)/cn=recipients/cn=372a4aee70df4061aed129651510b96b-raul montei,/o=exchangelabs/ou=exchange administrative group (fydibohf23spdlt)/cn=recipients/cn=b79663656cc44aa3bf06617d1695ae51-carlos faci</t>
  </si>
  <si>
    <t>11/14/2019 12:06:31</t>
  </si>
  <si>
    <t>11/14/2019 12:07:42</t>
  </si>
  <si>
    <t>adrianoms@algartech.com;alinemds@algartech.com;anapscl@algartech.com;andrelpsa@algartech.com;andremds@algartech.com;antoniocoj@algartech.com;brunocss@algartech.com;cpccontroldeskctbc@algartech.com;cqe-qualidadeudi@algartech.com;cqe-regionalcps@algartech.com;cqe-uberaba@algartech.com;cristinahe@algartech.com;danilormo@algartech.com;dgrc.coordenadores.cps.cwb@algartech.com;dgrc.coordenadores.udi.iua@algartech.com;dgrc.gerentes@algartech.com;dgrc.supervisores.cps@algartech.com;dgrc.supervisores.cwb@algartech.com;dgrc.supervisores.udi.iua@algartech.com;diegobg@algartech.com;diegoodz@algartech.com;diogogbb@algartech.com;eunice.pimenta@algartech.com;fabianapm@algartech.com;fabiolacc@algartecnologia.com.br;filiperve@algartech.com;gabrielaf@algartech.com;grazielabo@algartech.com;guilhermecst@algartech.com;hugooc@algartech.com;irisen@algartech.com;karolynecj@algartech.com;katiargf@algartech.com;liviafgg@algartech.com;lucianarba@algartecnologia.com.br;lucieneili@algartech.com;marcusgm@algartech.com;mariliafsc@algartech</t>
  </si>
  <si>
    <t>Farol NR-17 - 34ª Parcial 2019.xlsb</t>
  </si>
  <si>
    <t>adrianoms@algartech.com,alinemds@algartech.com,anapscl@algartech.com,andrelpsa@algartech.com,andremds@algartech.com,antoniocoj@algartech.com,brunocss@algartech.com,cpccontroldeskctbc@algartech.com,cqe-qualidadeudi@algartech.com,cqe-regionalcps@algartech.com,cqe-uberaba@algartech.com,cristinahe@algartech.com,danilormo@algartech.com,dgrc.coordenadores.cps.cwb@algartech.com,dgrc.coordenadores.udi.iua@algartech.com,dgrc.gerentes@algartech.com,dgrc.supervisores.cps@algartech.com,dgrc.supervisores.cwb@algartech.com,dgrc.supervisores.udi.iua@algartech.com,diegobg@algartech.com,diegoodz@algartech.com,diogogbb@algartech.com,eunice.pimenta@algartech.com,fabianapm@algartech.com,fabiolacc@algartecnologia.com.br,filiperve@algartech.com,gabrielaf@algartech.com,grazielabo@algartech.com,guilhermecst@algartech.com,hugooc@algartech.com,irisen@algartech.com,karolynecj@algartech.com,katiargf@algartech.com,liviafgg@algartech.com,lucianarba@algartecnologia.com.br,lucieneili@algartech.com,marcusgm@algartech.com,mariliafsc@algartech</t>
  </si>
  <si>
    <t>11/14/2019 12:05:59</t>
  </si>
  <si>
    <t>/o=exchangelabs/ou=exchange administrative group (fydibohf23spdlt)/cn=recipients/cn=0ee39e9e189c42369588db5cf6d2866d-celia regin;/o=exchangelabs/ou=exchange administrative group (fydibohf23spdlt)/cn=recipients/cn=2144abc9537143519f505fcb8550b74c-juliana emi;/o=exchangelabs/ou=exchange administrative group (fydibohf23spdlt)/cn=recipients/cn=685a6c7fa4684b9ab51c683ec151a83c-kelly crist;/o=exchangelabs/ou=exchange administrative group (fydibohf23spdlt)/cn=recipients/cn=9ec15fdf8a374c6f80ea1bf33684216e-roberta alv;/o=exchangelabs/ou=exchange administrative group (fydibohf23spdlt)/cn=recipients/cn=ab45243d601947128cfe3dec663408bf-pamela tava;/o=exchangelabs/ou=exchange administrative group (fydibohf23spdlt)/cn=recipients/cn=f6cbd0513564419dbd829242338a05f3-wilsiane ma;</t>
  </si>
  <si>
    <t>Descontos PPR - Dê asas a sua carreira</t>
  </si>
  <si>
    <t>/o=exchangelabs/ou=exchange administrative group (fydibohf23spdlt)/cn=recipients/cn=0ee39e9e189c42369588db5cf6d2866d-celia regin,/o=exchangelabs/ou=exchange administrative group (fydibohf23spdlt)/cn=recipients/cn=2144abc9537143519f505fcb8550b74c-juliana emi,/o=exchangelabs/ou=exchange administrative group (fydibohf23spdlt)/cn=recipients/cn=685a6c7fa4684b9ab51c683ec151a83c-kelly crist,/o=exchangelabs/ou=exchange administrative group (fydibohf23spdlt)/cn=recipients/cn=9ec15fdf8a374c6f80ea1bf33684216e-roberta alv,/o=exchangelabs/ou=exchange administrative group (fydibohf23spdlt)/cn=recipients/cn=ab45243d601947128cfe3dec663408bf-pamela tava,/o=exchangelabs/ou=exchange administrative group (fydibohf23spdlt)/cn=recipients/cn=f6cbd0513564419dbd829242338a05f3-wilsiane ma</t>
  </si>
  <si>
    <t>11/14/2019 12:05:37</t>
  </si>
  <si>
    <t>11/14/2019 12:10:43</t>
  </si>
  <si>
    <t>ENC: Produtividade CRCe 13/11</t>
  </si>
  <si>
    <t>11/14/2019 12:08:35</t>
  </si>
  <si>
    <t>/o=exchangelabs/ou=exchange administrative group (fydibohf23spdlt)/cn=recipients/cn=168e05cabbf14ae289464a0c09955b31-sara ferrei;/o=exchangelabs/ou=exchange administrative group (fydibohf23spdlt)/cn=recipients/cn=4911a634c3d94c7b874eeced615e3a90-luciana fer;/o=exchangelabs/ou=exchange administrative group (fydibohf23spdlt)/cn=recipients/cn=d54ee4de981948cf993ae0c9e1a3aecc-andrea regi;</t>
  </si>
  <si>
    <t>Fechados de JAN -SET19.xlsx</t>
  </si>
  <si>
    <t>/o=exchangelabs/ou=exchange administrative group (fydibohf23spdlt)/cn=recipients/cn=168e05cabbf14ae289464a0c09955b31-sara ferrei,/o=exchangelabs/ou=exchange administrative group (fydibohf23spdlt)/cn=recipients/cn=4911a634c3d94c7b874eeced615e3a90-luciana fer,/o=exchangelabs/ou=exchange administrative group (fydibohf23spdlt)/cn=recipients/cn=d54ee4de981948cf993ae0c9e1a3aecc-andrea regi</t>
  </si>
  <si>
    <t>11/14/2019 12:19:16</t>
  </si>
  <si>
    <t>11/14/2019 12:21:43</t>
  </si>
  <si>
    <t>karolinasr@algartech.com;patriciaac@algartech.com;paulohm@algartech.com;vivianeppe@algartech.com;</t>
  </si>
  <si>
    <t>Daily Operador_13-11-2019.xlsx</t>
  </si>
  <si>
    <t>karolinasr@algartech.com,patriciaac@algartech.com,paulohm@algartech.com,vivianeppe@algartech.com</t>
  </si>
  <si>
    <t>11/14/2019 12:20:46</t>
  </si>
  <si>
    <t>11/14/2019 12:23:43</t>
  </si>
  <si>
    <t>14_11_2019 _ Ata da reunião / Relatório Pipeline / Cronograma Account Plan Atualizado - Time Dionízio</t>
  </si>
  <si>
    <t>Relatório Pipeline_Dionizio_19_11_14.xlsx</t>
  </si>
  <si>
    <t>11/14/2019 12:27:55</t>
  </si>
  <si>
    <t>11/14/2019 12:29:43</t>
  </si>
  <si>
    <t>Auditoria Rechamada.xlsx</t>
  </si>
  <si>
    <t>11/14/2019 12:56:46</t>
  </si>
  <si>
    <t>11/14/2019 12:58:43</t>
  </si>
  <si>
    <t>https://caey.fa.us2.oraclecloud.com/crmui/faces/fusewelcome?_adf.ctrl-state=i85cgfe3t_5</t>
  </si>
  <si>
    <t>TRANSACIONAIS AGR OPP 217443 (CONTRATO 141147).xlsx</t>
  </si>
  <si>
    <t>11/14/2019 13:02:50</t>
  </si>
  <si>
    <t>11/14/2019 13:04:43</t>
  </si>
  <si>
    <t>/o=exchangelabs/ou=exchange administrative group (fydibohf23spdlt)/cn=recipients/cn=2504d5028b6b4fb89d14a5df6031358d-jane carla;/o=exchangelabs/ou=exchange administrative group (fydibohf23spdlt)/cn=recipients/cn=33eadc062e4e444685992c7de4b20cbb-ana carolin;/o=exchangelabs/ou=exchange administrative group (fydibohf23spdlt)/cn=recipients/cn=55f846c335d7437f892f0b0d49c89e92-celma ribei;/o=exchangelabs/ou=exchange administrative group (fydibohf23spdlt)/cn=recipients/cn=61af722dd06149089cf1c867d796b8bc-delso estre;/o=exchangelabs/ou=exchange administrative group (fydibohf23spdlt)/cn=recipients/cn=e46cd96e8e9e452c8cc8ba65a6c4ec57-gustavo hen;</t>
  </si>
  <si>
    <t>RES: Ebit 2° Semestre</t>
  </si>
  <si>
    <t>Ebit 2 Semestre.msg\s1\</t>
  </si>
  <si>
    <t>/o=exchangelabs/ou=exchange administrative group (fydibohf23spdlt)/cn=recipients/cn=2504d5028b6b4fb89d14a5df6031358d-jane carla,/o=exchangelabs/ou=exchange administrative group (fydibohf23spdlt)/cn=recipients/cn=33eadc062e4e444685992c7de4b20cbb-ana carolin,/o=exchangelabs/ou=exchange administrative group (fydibohf23spdlt)/cn=recipients/cn=55f846c335d7437f892f0b0d49c89e92-celma ribei,/o=exchangelabs/ou=exchange administrative group (fydibohf23spdlt)/cn=recipients/cn=61af722dd06149089cf1c867d796b8bc-delso estre,/o=exchangelabs/ou=exchange administrative group (fydibohf23spdlt)/cn=recipients/cn=e46cd96e8e9e452c8cc8ba65a6c4ec57-gustavo hen</t>
  </si>
  <si>
    <t>11/14/2019 13:04:28</t>
  </si>
  <si>
    <t>11/14/2019 13:07:42</t>
  </si>
  <si>
    <t>ENC: Enviando email: Prudential - BP GIAT - Versão Novembro 2019.xlsb, Prudential - BP ISD - Versão Novembro 2019.xlsb</t>
  </si>
  <si>
    <t>Prudential - BP ISD - Versão Novembro 2019 - v2.xlsb</t>
  </si>
  <si>
    <t>11/14/2019 13:04:11</t>
  </si>
  <si>
    <t>11/14/2019 13:08:43</t>
  </si>
  <si>
    <t>/o=exchangelabs/ou=exchange administrative group (fydibohf23spdlt)/cn=recipients/cn=027c2da1ea5a42378a892f895ed29947-andressa tu;/o=exchangelabs/ou=exchange administrative group (fydibohf23spdlt)/cn=recipients/cn=372a4aee70df4061aed129651510b96b-raul montei;/o=exchangelabs/ou=exchange administrative group (fydibohf23spdlt)/cn=recipients/cn=38cb943dd1ac413a953757a4a5a53053-fabio welze;/o=exchangelabs/ou=exchange administrative group (fydibohf23spdlt)/cn=recipients/cn=5676353c001f41558e00d4c7fa4fd023-aprova.vend;</t>
  </si>
  <si>
    <t>RES: 217443 - WEG - 01 TECN SUP PL - 3 TURNO DC</t>
  </si>
  <si>
    <t>/o=exchangelabs/ou=exchange administrative group (fydibohf23spdlt)/cn=recipients/cn=027c2da1ea5a42378a892f895ed29947-andressa tu,/o=exchangelabs/ou=exchange administrative group (fydibohf23spdlt)/cn=recipients/cn=372a4aee70df4061aed129651510b96b-raul montei,/o=exchangelabs/ou=exchange administrative group (fydibohf23spdlt)/cn=recipients/cn=38cb943dd1ac413a953757a4a5a53053-fabio welze,/o=exchangelabs/ou=exchange administrative group (fydibohf23spdlt)/cn=recipients/cn=5676353c001f41558e00d4c7fa4fd023-aprova.vend</t>
  </si>
  <si>
    <t>11/14/2019 08:47:02</t>
  </si>
  <si>
    <t>11/14/2019 13:15:43</t>
  </si>
  <si>
    <t>11/14/2019 08:47:03</t>
  </si>
  <si>
    <t>11/14/2019 08:47:06</t>
  </si>
  <si>
    <t>11/14/2019 08:47:16</t>
  </si>
  <si>
    <t>11/14/2019 08:47:18</t>
  </si>
  <si>
    <t>11/14/2019 08:47:19</t>
  </si>
  <si>
    <t>11/14/2019 08:48:48</t>
  </si>
  <si>
    <t>11/14/2019 08:48:49</t>
  </si>
  <si>
    <t>11/14/2019 08:48:50</t>
  </si>
  <si>
    <t>11/14/2019 08:48:52</t>
  </si>
  <si>
    <t>11/14/2019 08:48:53</t>
  </si>
  <si>
    <t>11/14/2019 08:48:54</t>
  </si>
  <si>
    <t>11/14/2019 08:49:11</t>
  </si>
  <si>
    <t>11/14/2019 08:49:12</t>
  </si>
  <si>
    <t>11/14/2019 08:49:14</t>
  </si>
  <si>
    <t>11/14/2019 08:49:16</t>
  </si>
  <si>
    <t>11/14/2019 08:49:17</t>
  </si>
  <si>
    <t>11/14/2019 08:49:18</t>
  </si>
  <si>
    <t>11/14/2019 08:49:19</t>
  </si>
  <si>
    <t>11/14/2019 08:49:20</t>
  </si>
  <si>
    <t>11/14/2019 08:49:28</t>
  </si>
  <si>
    <t>11/14/2019 08:49:29</t>
  </si>
  <si>
    <t>11/14/2019 08:49:51</t>
  </si>
  <si>
    <t>11/14/2019 08:49:52</t>
  </si>
  <si>
    <t>11/14/2019 08:49:55</t>
  </si>
  <si>
    <t>11/14/2019 08:49:59</t>
  </si>
  <si>
    <t>11/14/2019 08:50:00</t>
  </si>
  <si>
    <t>11/14/2019 08:50:01</t>
  </si>
  <si>
    <t>11/14/2019 08:50:02</t>
  </si>
  <si>
    <t>11/14/2019 08:50:03</t>
  </si>
  <si>
    <t>11/14/2019 08:50:04</t>
  </si>
  <si>
    <t>11/14/2019 08:50:05</t>
  </si>
  <si>
    <t>11/14/2019 08:50:06</t>
  </si>
  <si>
    <t>11/14/2019 08:50:07</t>
  </si>
  <si>
    <t>11/14/2019 08:50:08</t>
  </si>
  <si>
    <t>11/14/2019 08:50:09</t>
  </si>
  <si>
    <t>11/14/2019 08:50:30</t>
  </si>
  <si>
    <t>11/14/2019 08:50:50</t>
  </si>
  <si>
    <t>11/14/2019 08:51:45</t>
  </si>
  <si>
    <t>11/14/2019 08:51:46</t>
  </si>
  <si>
    <t>11/14/2019 08:51:47</t>
  </si>
  <si>
    <t>11/14/2019 08:51:49</t>
  </si>
  <si>
    <t>11/14/2019 08:51:50</t>
  </si>
  <si>
    <t>11/14/2019 08:51:52</t>
  </si>
  <si>
    <t>11/14/2019 08:51:53</t>
  </si>
  <si>
    <t>11/14/2019 08:51:54</t>
  </si>
  <si>
    <t>11/14/2019 08:51:57</t>
  </si>
  <si>
    <t>11/14/2019 08:52:00</t>
  </si>
  <si>
    <t>11/14/2019 08:52:01</t>
  </si>
  <si>
    <t>11/14/2019 08:52:02</t>
  </si>
  <si>
    <t>11/14/2019 08:52:28</t>
  </si>
  <si>
    <t>11/14/2019 08:52:33</t>
  </si>
  <si>
    <t>11/14/2019 08:52:34</t>
  </si>
  <si>
    <t>11/14/2019 08:52:35</t>
  </si>
  <si>
    <t>11/14/2019 08:52:36</t>
  </si>
  <si>
    <t>11/14/2019 08:52:37</t>
  </si>
  <si>
    <t>11/14/2019 08:52:38</t>
  </si>
  <si>
    <t>11/14/2019 08:52:39</t>
  </si>
  <si>
    <t>11/14/2019 08:52:40</t>
  </si>
  <si>
    <t>11/14/2019 08:52:42</t>
  </si>
  <si>
    <t>11/14/2019 08:52:43</t>
  </si>
  <si>
    <t>11/14/2019 08:52:44</t>
  </si>
  <si>
    <t>11/14/2019 08:52:45</t>
  </si>
  <si>
    <t>11/14/2019 08:52:46</t>
  </si>
  <si>
    <t>11/14/2019 08:52:47</t>
  </si>
  <si>
    <t>11/14/2019 08:52:48</t>
  </si>
  <si>
    <t>11/14/2019 08:52:49</t>
  </si>
  <si>
    <t>11/14/2019 08:52:50</t>
  </si>
  <si>
    <t>11/14/2019 08:52:54</t>
  </si>
  <si>
    <t>11/14/2019 08:52:58</t>
  </si>
  <si>
    <t>11/14/2019 08:53:01</t>
  </si>
  <si>
    <t>11/14/2019 08:53:03</t>
  </si>
  <si>
    <t>11/14/2019 08:53:05</t>
  </si>
  <si>
    <t>11/14/2019 08:53:06</t>
  </si>
  <si>
    <t>11/14/2019 08:53:09</t>
  </si>
  <si>
    <t>11/14/2019 08:53:10</t>
  </si>
  <si>
    <t>11/14/2019 08:53:14</t>
  </si>
  <si>
    <t>11/14/2019 08:53:15</t>
  </si>
  <si>
    <t>11/14/2019 08:53:24</t>
  </si>
  <si>
    <t>11/14/2019 08:53:25</t>
  </si>
  <si>
    <t>11/14/2019 08:53:26</t>
  </si>
  <si>
    <t>11/14/2019 08:53:28</t>
  </si>
  <si>
    <t>11/14/2019 08:53:29</t>
  </si>
  <si>
    <t>11/14/2019 08:53:34</t>
  </si>
  <si>
    <t>11/14/2019 08:53:35</t>
  </si>
  <si>
    <t>11/14/2019 08:53:37</t>
  </si>
  <si>
    <t>11/14/2019 08:53:38</t>
  </si>
  <si>
    <t>11/14/2019 08:53:39</t>
  </si>
  <si>
    <t>11/14/2019 08:53:40</t>
  </si>
  <si>
    <t>11/14/2019 08:53:43</t>
  </si>
  <si>
    <t>11/14/2019 08:53:59</t>
  </si>
  <si>
    <t>11/14/2019 08:54:04</t>
  </si>
  <si>
    <t>11/14/2019 08:54:08</t>
  </si>
  <si>
    <t>11/14/2019 08:54:10</t>
  </si>
  <si>
    <t>11/14/2019 08:54:11</t>
  </si>
  <si>
    <t>11/14/2019 08:54:12</t>
  </si>
  <si>
    <t>11/14/2019 08:54:13</t>
  </si>
  <si>
    <t>11/14/2019 08:54:14</t>
  </si>
  <si>
    <t>11/14/2019 08:54:16</t>
  </si>
  <si>
    <t>11/14/2019 08:54:17</t>
  </si>
  <si>
    <t>11/14/2019 08:54:18</t>
  </si>
  <si>
    <t>11/14/2019 08:54:19</t>
  </si>
  <si>
    <t>11/14/2019 08:54:20</t>
  </si>
  <si>
    <t>11/14/2019 08:54:21</t>
  </si>
  <si>
    <t>11/14/2019 08:54:22</t>
  </si>
  <si>
    <t>11/14/2019 08:54:23</t>
  </si>
  <si>
    <t>11/14/2019 08:54:24</t>
  </si>
  <si>
    <t>11/14/2019 08:54:25</t>
  </si>
  <si>
    <t>11/14/2019 08:54:26</t>
  </si>
  <si>
    <t>11/14/2019 08:54:32</t>
  </si>
  <si>
    <t>11/14/2019 08:54:33</t>
  </si>
  <si>
    <t>11/14/2019 08:54:37</t>
  </si>
  <si>
    <t>11/14/2019 08:54:38</t>
  </si>
  <si>
    <t>11/14/2019 08:54:39</t>
  </si>
  <si>
    <t>11/14/2019 08:54:41</t>
  </si>
  <si>
    <t>11/14/2019 08:54:43</t>
  </si>
  <si>
    <t>11/14/2019 08:54:45</t>
  </si>
  <si>
    <t>11/14/2019 08:54:46</t>
  </si>
  <si>
    <t>11/14/2019 08:54:57</t>
  </si>
  <si>
    <t>11/14/2019 08:55:10</t>
  </si>
  <si>
    <t>11/14/2019 08:55:11</t>
  </si>
  <si>
    <t>11/14/2019 08:55:12</t>
  </si>
  <si>
    <t>11/14/2019 08:55:32</t>
  </si>
  <si>
    <t>11/14/2019 08:56:12</t>
  </si>
  <si>
    <t>11/14/2019 08:56:13</t>
  </si>
  <si>
    <t>11/14/2019 08:56:15</t>
  </si>
  <si>
    <t>11/14/2019 08:56:17</t>
  </si>
  <si>
    <t>11/14/2019 08:56:18</t>
  </si>
  <si>
    <t>11/14/2019 08:56:20</t>
  </si>
  <si>
    <t>11/14/2019 08:56:22</t>
  </si>
  <si>
    <t>11/14/2019 08:56:23</t>
  </si>
  <si>
    <t>11/14/2019 08:56:24</t>
  </si>
  <si>
    <t>11/14/2019 08:56:25</t>
  </si>
  <si>
    <t>11/14/2019 08:56:26</t>
  </si>
  <si>
    <t>11/14/2019 08:56:38</t>
  </si>
  <si>
    <t>11/14/2019 08:56:39</t>
  </si>
  <si>
    <t>11/14/2019 08:56:40</t>
  </si>
  <si>
    <t>11/14/2019 08:56:41</t>
  </si>
  <si>
    <t>11/14/2019 08:56:42</t>
  </si>
  <si>
    <t>11/14/2019 08:56:43</t>
  </si>
  <si>
    <t>11/14/2019 08:56:44</t>
  </si>
  <si>
    <t>11/14/2019 08:56:45</t>
  </si>
  <si>
    <t>11/14/2019 08:56:46</t>
  </si>
  <si>
    <t>11/14/2019 08:56:53</t>
  </si>
  <si>
    <t>11/14/2019 08:57:01</t>
  </si>
  <si>
    <t>11/14/2019 08:57:03</t>
  </si>
  <si>
    <t>11/14/2019 08:57:07</t>
  </si>
  <si>
    <t>11/14/2019 08:57:08</t>
  </si>
  <si>
    <t>11/14/2019 08:57:09</t>
  </si>
  <si>
    <t>11/14/2019 08:57:10</t>
  </si>
  <si>
    <t>11/14/2019 08:57:11</t>
  </si>
  <si>
    <t>11/14/2019 08:57:12</t>
  </si>
  <si>
    <t>11/14/2019 08:57:50</t>
  </si>
  <si>
    <t>11/14/2019 08:57:51</t>
  </si>
  <si>
    <t>11/14/2019 08:57:52</t>
  </si>
  <si>
    <t>11/14/2019 08:57:54</t>
  </si>
  <si>
    <t>11/14/2019 08:57:55</t>
  </si>
  <si>
    <t>11/14/2019 08:57:57</t>
  </si>
  <si>
    <t>11/14/2019 08:57:59</t>
  </si>
  <si>
    <t>11/14/2019 13:15:44</t>
  </si>
  <si>
    <t>11/14/2019 08:58:00</t>
  </si>
  <si>
    <t>11/14/2019 08:58:01</t>
  </si>
  <si>
    <t>11/14/2019 08:58:02</t>
  </si>
  <si>
    <t>11/14/2019 08:58:03</t>
  </si>
  <si>
    <t>11/14/2019 08:58:04</t>
  </si>
  <si>
    <t>11/14/2019 08:58:05</t>
  </si>
  <si>
    <t>11/14/2019 08:58:06</t>
  </si>
  <si>
    <t>11/14/2019 08:58:07</t>
  </si>
  <si>
    <t>11/14/2019 08:58:08</t>
  </si>
  <si>
    <t>11/14/2019 08:58:22</t>
  </si>
  <si>
    <t>11/14/2019 08:58:23</t>
  </si>
  <si>
    <t>11/14/2019 08:58:24</t>
  </si>
  <si>
    <t>11/14/2019 08:58:25</t>
  </si>
  <si>
    <t>11/14/2019 08:58:26</t>
  </si>
  <si>
    <t>11/14/2019 08:58:27</t>
  </si>
  <si>
    <t>11/14/2019 08:58:30</t>
  </si>
  <si>
    <t>11/14/2019 08:58:31</t>
  </si>
  <si>
    <t>11/14/2019 08:58:32</t>
  </si>
  <si>
    <t>11/14/2019 08:58:33</t>
  </si>
  <si>
    <t>11/14/2019 08:58:34</t>
  </si>
  <si>
    <t>11/14/2019 08:58:38</t>
  </si>
  <si>
    <t>11/14/2019 08:58:42</t>
  </si>
  <si>
    <t>11/14/2019 08:58:43</t>
  </si>
  <si>
    <t>11/14/2019 08:58:52</t>
  </si>
  <si>
    <t>11/14/2019 08:59:20</t>
  </si>
  <si>
    <t>11/14/2019 08:59:21</t>
  </si>
  <si>
    <t>11/14/2019 08:59:22</t>
  </si>
  <si>
    <t>11/14/2019 08:59:24</t>
  </si>
  <si>
    <t>11/14/2019 13:18:21</t>
  </si>
  <si>
    <t>11/14/2019 13:22:43</t>
  </si>
  <si>
    <t>camiladps@algartech.com;ivanetesd@algartech.com;mayaratl@algartech.com.br;</t>
  </si>
  <si>
    <t>camiladps@algartech.com,ivanetesd@algartech.com,mayaratl@algartech.com.br</t>
  </si>
  <si>
    <t>11/14/2019 13:22:58</t>
  </si>
  <si>
    <t>11/14/2019 13:25:43</t>
  </si>
  <si>
    <t>Associados Algar.xlsx</t>
  </si>
  <si>
    <t>11/14/2019 13:25:59</t>
  </si>
  <si>
    <t>11/14/2019 13:30:43</t>
  </si>
  <si>
    <t>11/14/2019 13:39:50</t>
  </si>
  <si>
    <t>11/14/2019 13:40:42</t>
  </si>
  <si>
    <t>mail.google.com/_/upload?authuser=0&amp;dcp=asu-n&amp;upload_id=AEnB2UrUptFnllyDaQdMJLIFPMVN14KQORe8rgQ94JOq3W3kXQq426MBNwXPHFsqa2vqAK8VXXmDHfUFGLCR3UB6nRVwYbuvqA&amp;upload_protocol=resumable</t>
  </si>
  <si>
    <t>11/14/2019 13:44:44</t>
  </si>
  <si>
    <t>11/14/2019 13:45:43</t>
  </si>
  <si>
    <t>Prudential - BP GIAT - Versão Novembro 2019 - v2.xlsb</t>
  </si>
  <si>
    <t>C:\Users\filemoncmj\OneDrive - Grupo Algar\01. Algar Tech\01. Projetos de Clientes\47. Prudential\02. BP\Prudential - BP GIAT - Versão Novembro 2019 - v2.xlsb\</t>
  </si>
  <si>
    <t>11/13/2019 01:03:44</t>
  </si>
  <si>
    <t>11/14/2019 13:49:42</t>
  </si>
  <si>
    <t>10.200.61.78</t>
  </si>
  <si>
    <t>/o=exchangelabs/ou=exchange administrative group (fydibohf23spdlt)/cn=recipients/cn=2946605dcf554cb389220dec598b84fa-adriano mon;/o=exchangelabs/ou=exchange administrative group (fydibohf23spdlt)/cn=recipients/cn=b1a72fc2d0234efca84c7771ea70c7ee-roberta cri;</t>
  </si>
  <si>
    <t>RES: MC 4T - Operações Adriano</t>
  </si>
  <si>
    <t>Amex Disputa.xls</t>
  </si>
  <si>
    <t>/o=exchangelabs/ou=exchange administrative group (fydibohf23spdlt)/cn=recipients/cn=2946605dcf554cb389220dec598b84fa-adriano mon,/o=exchangelabs/ou=exchange administrative group (fydibohf23spdlt)/cn=recipients/cn=b1a72fc2d0234efca84c7771ea70c7ee-roberta cri</t>
  </si>
  <si>
    <t>11/14/2019 13:46:11</t>
  </si>
  <si>
    <t>brenocfm@algartech.com</t>
  </si>
  <si>
    <t>joelsonfs@algartech.com;rafaelmpe@algartech.com;</t>
  </si>
  <si>
    <t>C:\Users\brenocfm\Downloads\</t>
  </si>
  <si>
    <t>WHIRLP_UraEntradav2_1.xlsx</t>
  </si>
  <si>
    <t>joelsonfs@algartech.com,rafaelmpe@algartech.com</t>
  </si>
  <si>
    <t>11/14/2019 13:56:00</t>
  </si>
  <si>
    <t>11/14/2019 13:57:42</t>
  </si>
  <si>
    <t>BRA - Lista URL Bradesco PF.xlsx</t>
  </si>
  <si>
    <t>11/14/2019 13:58:41</t>
  </si>
  <si>
    <t>11/14/2019 13:59:42</t>
  </si>
  <si>
    <t>11/14/2019 13:57:29</t>
  </si>
  <si>
    <t>11/14/2019 13:57:07</t>
  </si>
  <si>
    <t>11/14/2019 13:58:28</t>
  </si>
  <si>
    <t>11/14/2019 14:00:43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ganunes@tripag.com.br;marcosnf@tripag.com.br;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,ganunes@tripag.com.br,marcosnf@tripag.com.br</t>
  </si>
  <si>
    <t>11/14/2019 14:01:13</t>
  </si>
  <si>
    <t>11/14/2019 14:04:43</t>
  </si>
  <si>
    <t>UPH Cnovas e Formalização 1211 (2).xlsx</t>
  </si>
  <si>
    <t>11/14/2019 14:00:52</t>
  </si>
  <si>
    <t>11/14/2019 14:05:43</t>
  </si>
  <si>
    <t>Relatorio CIMI.xlsx</t>
  </si>
  <si>
    <t>11/14/2019 14:04:01</t>
  </si>
  <si>
    <t>11/14/2019 14:09:43</t>
  </si>
  <si>
    <t>Semana do Conhecimento Lista Atualizada Até 12.11.xlsx</t>
  </si>
  <si>
    <t>11/14/2019 14:05:49</t>
  </si>
  <si>
    <t>mail.google.com/_/upload?authuser=0&amp;dcp=asu-n&amp;upload_id=AEnB2UpsxiOveqndbc-yKw7noMNRpiqb8wRowLydASrywmP-t90tCzJgyKtpo89FRBVAoHc42zoZO80_bZAvnEiIJ1YJL_LTvQ&amp;upload_protocol=resumable</t>
  </si>
  <si>
    <t>11/14/2019 14:13:30</t>
  </si>
  <si>
    <t>11/14/2019 14:17:43</t>
  </si>
  <si>
    <t>D:\Projetos\ACS\One_drive\OneDrive - Grupo Algar\Projetos\2019 Whirlpool_-_Dashboards\</t>
  </si>
  <si>
    <t>Controle demandas - Whirlpool.xlsx</t>
  </si>
  <si>
    <t>11/14/2019 14:13:16</t>
  </si>
  <si>
    <t>11/14/2019 14:19:23</t>
  </si>
  <si>
    <t>11/14/2019 14:20:42</t>
  </si>
  <si>
    <t>mail.google.com/_/upload?authuser=0&amp;dcp=asu-n&amp;upload_id=AEnB2UrNeQiZbAeGtkE5uNGoBYr-n7zSPMMYVp6bHwAad9wc8WzXMLJ4dnDzbUWzbvzUHYmqjBu_bh8FXVFJielU2ffPEO4ekA&amp;upload_protocol=resumable</t>
  </si>
  <si>
    <t>mail.google.com/_/upload?authuser=0&amp;dcp=asu-n&amp;upload_id=AEnB2Uqj67hWoFsAvBzh1oPzvqu8g4TQAGEhBPbpz8Q9DVZTC6SjF3ueJfao7S3xwyIUnOjVzZxu7whqQWDyX8e4AgxSS3OdhQ&amp;upload_protocol=resumable</t>
  </si>
  <si>
    <t>11/14/2019 14:17:46</t>
  </si>
  <si>
    <t>11/14/2019 14:21:42</t>
  </si>
  <si>
    <t>RES: 215380 - Commercial Proposal - A100 - Rack Office - Additional Circuit - rev00</t>
  </si>
  <si>
    <t>11/14/2019 14:18:57</t>
  </si>
  <si>
    <t>11/14/2019 14:22:43</t>
  </si>
  <si>
    <t>mail.google.com/_/upload?authuser=0&amp;dcp=asu-n&amp;upload_id=AEnB2UoXqRiOtaiDn14icu_-eeZ03PLH4xwe0E-is2tVIe0wXKxNjUvJqxov8w5dIb9j-Z-0fGxeTM3NJVvI7t9gEdTNXn5bdQ&amp;upload_protocol=resumable</t>
  </si>
  <si>
    <t>camilaammm@algartech.com;fernandorsju@algartech.com;</t>
  </si>
  <si>
    <t>2019_11_BAD_CALLS_TLV_MPE.xlsx</t>
  </si>
  <si>
    <t>camilaammm@algartech.com,fernandorsju@algartech.com</t>
  </si>
  <si>
    <t>11/14/2019 14:21:58</t>
  </si>
  <si>
    <t>11/14/2019 14:25:43</t>
  </si>
  <si>
    <t>11/14/2019 14:24:22</t>
  </si>
  <si>
    <t>11/14/2019 14:28:42</t>
  </si>
  <si>
    <t>Arquivo CSV 14.23.04.csv</t>
  </si>
  <si>
    <t>11/14/2019 14:32:57</t>
  </si>
  <si>
    <t>11/14/2019 14:35:43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kellyc@tripag.com.br;</t>
  </si>
  <si>
    <t>RES: Relatório de Pagamento Rejeitado 13/11/2019</t>
  </si>
  <si>
    <t>Controle de pagamentos Rejeitados Algar 13112019.xlsx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,kellyc@tripag.com.br</t>
  </si>
  <si>
    <t>11/14/2019 14:34:07</t>
  </si>
  <si>
    <t>sheila.lopes@youse.com.br;tatiana.varela@youse.com.br;wasleylc@algartech.com;william.koyama@youse.com.br;</t>
  </si>
  <si>
    <t>RES: Volumetria Pos Venda/Ouvidoria</t>
  </si>
  <si>
    <t>SAC1.xlsx</t>
  </si>
  <si>
    <t>sheila.lopes@youse.com.br,tatiana.varela@youse.com.br,wasleylc@algartech.com,william.koyama@youse.com.br</t>
  </si>
  <si>
    <t>11/14/2019 14:41:25</t>
  </si>
  <si>
    <t>11/14/2019 14:43:42</t>
  </si>
  <si>
    <t>IMPORTANTE - Ocorrências no ponto período de 01 A 13/11</t>
  </si>
  <si>
    <t>Ocorrência0111a13112019.xlsm</t>
  </si>
  <si>
    <t>11/14/2019 14:41:56</t>
  </si>
  <si>
    <t>Arquivo CSV 14.41.28.csv</t>
  </si>
  <si>
    <t>11/14/2019 14:50:49</t>
  </si>
  <si>
    <t>11/14/2019 14:52:44</t>
  </si>
  <si>
    <t>11/14/2019 14:48:50</t>
  </si>
  <si>
    <t>11/14/2019 14:53:43</t>
  </si>
  <si>
    <t>Arquivo CSV 14.48.40.csv</t>
  </si>
  <si>
    <t>11/14/2019 14:49:06</t>
  </si>
  <si>
    <t>11/14/2019 15:12:02</t>
  </si>
  <si>
    <t>11/14/2019 15:17:44</t>
  </si>
  <si>
    <t>10.200.206.9</t>
  </si>
  <si>
    <t>ENC: Relatório ASC</t>
  </si>
  <si>
    <t>ASC.csv</t>
  </si>
  <si>
    <t>11/14/2019 15:20:43</t>
  </si>
  <si>
    <t>9C-30-5B-F7-E1-6F</t>
  </si>
  <si>
    <t>/o=exchangelabs/ou=exchange administrative group (fydibohf23spdlt)/cn=recipients/cn=6f1e854114534422b54fccf103cdd81d-gabriel da;/o=exchangelabs/ou=exchange administrative group (fydibohf23spdlt)/cn=recipients/cn=9b52022a6e624c30a92f50cf4538a4bf-talmaia rod;/o=exchangelabs/ou=exchange administrative group (fydibohf23spdlt)/cn=recipients/cn=db4783aa152745d2a683beb0f57fe5d4-rai carlos;/o=exchangelabs/ou=exchange administrative group (fydibohf23spdlt)/cn=recipients/cn=groupd5c96cfa;/o=exchangelabs/ou=exchange administrative group (fydibohf23spdlt)/cn=recipients/cn=user8e89d2d7;gabrielsma@bv.algartech.com;</t>
  </si>
  <si>
    <t>RES: Controle de Erros operacionais - Outubro.xlsb</t>
  </si>
  <si>
    <t>Controle de Erros operacionais - Outubro.xlsb</t>
  </si>
  <si>
    <t>/o=exchangelabs/ou=exchange administrative group (fydibohf23spdlt)/cn=recipients/cn=6f1e854114534422b54fccf103cdd81d-gabriel da,/o=exchangelabs/ou=exchange administrative group (fydibohf23spdlt)/cn=recipients/cn=9b52022a6e624c30a92f50cf4538a4bf-talmaia rod,/o=exchangelabs/ou=exchange administrative group (fydibohf23spdlt)/cn=recipients/cn=db4783aa152745d2a683beb0f57fe5d4-rai carlos,/o=exchangelabs/ou=exchange administrative group (fydibohf23spdlt)/cn=recipients/cn=groupd5c96cfa,/o=exchangelabs/ou=exchange administrative group (fydibohf23spdlt)/cn=recipients/cn=user8e89d2d7,gabrielsma@bv.algartech.com</t>
  </si>
  <si>
    <t>11/13/2019 10:48:57</t>
  </si>
  <si>
    <t>/o=exchangelabs/ou=exchange administrative group (fydibohf23spdlt)/cn=recipients/cn=9b52022a6e624c30a92f50cf4538a4bf-talmaia rod;/o=exchangelabs/ou=exchange administrative group (fydibohf23spdlt)/cn=recipients/cn=a19b321d5b334e5aadd5d63abdb84bd8-karine fern;</t>
  </si>
  <si>
    <t>ENC: NPS e Transferência SAC, Novembro</t>
  </si>
  <si>
    <t>NPS SAC.xlsx</t>
  </si>
  <si>
    <t>/o=exchangelabs/ou=exchange administrative group (fydibohf23spdlt)/cn=recipients/cn=9b52022a6e624c30a92f50cf4538a4bf-talmaia rod,/o=exchangelabs/ou=exchange administrative group (fydibohf23spdlt)/cn=recipients/cn=a19b321d5b334e5aadd5d63abdb84bd8-karine fern</t>
  </si>
  <si>
    <t>11/13/2019 15:39:13</t>
  </si>
  <si>
    <t>/o=exchangelabs/ou=exchange administrative group (fydibohf23spdlt)/cn=recipients/cn=groupd5c96cfa;/o=exchangelabs/ou=exchange administrative group (fydibohf23spdlt)/cn=recipients/cn=user8e89d2d7;</t>
  </si>
  <si>
    <t>ENC: Erro de Procedimento - TNC Cópia de Contrato</t>
  </si>
  <si>
    <t>/o=exchangelabs/ou=exchange administrative group (fydibohf23spdlt)/cn=recipients/cn=groupd5c96cfa,/o=exchangelabs/ou=exchange administrative group (fydibohf23spdlt)/cn=recipients/cn=user8e89d2d7</t>
  </si>
  <si>
    <t>11/14/2019 15:18:23</t>
  </si>
  <si>
    <t>11/14/2019 15:21:43</t>
  </si>
  <si>
    <t>11/13/2019 19:11:15</t>
  </si>
  <si>
    <t>11/14/2019 15:22:43</t>
  </si>
  <si>
    <t>11/13/2019 20:13:58</t>
  </si>
  <si>
    <t>11/14/2019 15:03:31</t>
  </si>
  <si>
    <t>11/14/2019 15:24:44</t>
  </si>
  <si>
    <t>11/14/2019 15:03:38</t>
  </si>
  <si>
    <t>11/14/2019 15:03:42</t>
  </si>
  <si>
    <t>11/14/2019 15:04:04</t>
  </si>
  <si>
    <t>11/14/2019 15:04:52</t>
  </si>
  <si>
    <t>/o=exchangelabs/ou=exchange administrative group (fydibohf23spdlt)/cn=recipients/cn=002ec1cd4de64cd68f3e33ca3518cc0b-fernando ro;/o=exchangelabs/ou=exchange administrative group (fydibohf23spdlt)/cn=recipients/cn=092327d7955f47e78ad4a60dc2ac8d69-joaquim eli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1698f5af44b14116ad2d0b751d584c7d-danilo rafa;/o=exchangelabs/ou=exchange administrative group (fydibohf23spdlt)/cn=recipients/cn=1c3bae1d5aab4c72b84516e819cd16c9-wilton paim;/o=exchangelabs/ou=exchange administrative group (fydibohf23spdlt)/cn=recipients/cn=240fafdb21074ab9a87c95d3265e411c-rodrigo rod;/o=exchangelabs/ou=exchange administrative group (fydibohf23spdlt)/cn=recipients/cn=249f643ba1e044588b45a020c76dadde-dani</t>
  </si>
  <si>
    <t>Gamification - Coordenadore1.xlsm</t>
  </si>
  <si>
    <t>/o=exchangelabs/ou=exchange administrative group (fydibohf23spdlt)/cn=recipients/cn=002ec1cd4de64cd68f3e33ca3518cc0b-fernando ro,/o=exchangelabs/ou=exchange administrative group (fydibohf23spdlt)/cn=recipients/cn=092327d7955f47e78ad4a60dc2ac8d69-joaquim eli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1698f5af44b14116ad2d0b751d584c7d-danilo rafa,/o=exchangelabs/ou=exchange administrative group (fydibohf23spdlt)/cn=recipients/cn=1c3bae1d5aab4c72b84516e819cd16c9-wilton paim,/o=exchangelabs/ou=exchange administrative group (fydibohf23spdlt)/cn=recipients/cn=240fafdb21074ab9a87c95d3265e411c-rodrigo rod,/o=exchangelabs/ou=exchange administrative group (fydibohf23spdlt)/cn=recipients/cn=249f643ba1e044588b45a020c76dadde-dani</t>
  </si>
  <si>
    <t>11/14/2019 15:20:13</t>
  </si>
  <si>
    <t>/o=exchangelabs/ou=exchange administrative group (fydibohf23spdlt)/cn=recipients/cn=0ad67812a921472ea75457aad47f39a8-kallil vice;/o=exchangelabs/ou=exchange administrative group (fydibohf23spdlt)/cn=recipients/cn=0bafe1ed27024338be4e911e19871cd1-william rob;/o=exchangelabs/ou=exchange administrative group (fydibohf23spdlt)/cn=recipients/cn=0dcacc4b85064afca35951a19181140d-joel alves;/o=exchangelabs/ou=exchange administrative group (fydibohf23spdlt)/cn=recipients/cn=3d76664d4bc241c487f06913aba47ca9-rafael da s;/o=exchangelabs/ou=exchange administrative group (fydibohf23spdlt)/cn=recipients/cn=57f57523b47440868fdef2c0ecd04b26-gustavo ram;/o=exchangelabs/ou=exchange administrative group (fydibohf23spdlt)/cn=recipients/cn=891c08f4f04f4527be9bc1b3d75f6378-luiz fernan;/o=exchangelabs/ou=exchange administrative group (fydibohf23spdlt)/cn=recipients/cn=8bab2e9eaf824d2d93602784a48ac5f9-ronan salus;</t>
  </si>
  <si>
    <t>Notebooks SESI.xlsx</t>
  </si>
  <si>
    <t>/o=exchangelabs/ou=exchange administrative group (fydibohf23spdlt)/cn=recipients/cn=0ad67812a921472ea75457aad47f39a8-kallil vice,/o=exchangelabs/ou=exchange administrative group (fydibohf23spdlt)/cn=recipients/cn=0bafe1ed27024338be4e911e19871cd1-william rob,/o=exchangelabs/ou=exchange administrative group (fydibohf23spdlt)/cn=recipients/cn=0dcacc4b85064afca35951a19181140d-joel alves,/o=exchangelabs/ou=exchange administrative group (fydibohf23spdlt)/cn=recipients/cn=3d76664d4bc241c487f06913aba47ca9-rafael da s,/o=exchangelabs/ou=exchange administrative group (fydibohf23spdlt)/cn=recipients/cn=57f57523b47440868fdef2c0ecd04b26-gustavo ram,/o=exchangelabs/ou=exchange administrative group (fydibohf23spdlt)/cn=recipients/cn=891c08f4f04f4527be9bc1b3d75f6378-luiz fernan,/o=exchangelabs/ou=exchange administrative group (fydibohf23spdlt)/cn=recipients/cn=8bab2e9eaf824d2d93602784a48ac5f9-ronan salus</t>
  </si>
  <si>
    <t>11/14/2019 15:22:01</t>
  </si>
  <si>
    <t>11/14/2019 15:27:43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82a0eb6bc4824a7583bd82a28990d2e8-natanael la;/o=exchangelabs/ou=exchange administrative group (fydibohf23spdlt)/cn=recipients/cn=b712c36eebee42428d3790abe2696417-romario gom;</t>
  </si>
  <si>
    <t>RES: Consolidado dia 13/11.</t>
  </si>
  <si>
    <t>Consolidado 13.11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82a0eb6bc4824a7583bd82a28990d2e8-natanael la,/o=exchangelabs/ou=exchange administrative group (fydibohf23spdlt)/cn=recipients/cn=b712c36eebee42428d3790abe2696417-romario gom</t>
  </si>
  <si>
    <t>11/14/2019 15:25:28</t>
  </si>
  <si>
    <t>11/14/2019 14:29:59</t>
  </si>
  <si>
    <t>11/14/2019 15:35:43</t>
  </si>
  <si>
    <t>Cópia de Analise Rampa CAPEX 2020.xlsx</t>
  </si>
  <si>
    <t>11/14/2019 15:31:53</t>
  </si>
  <si>
    <t>/o=exchangelabs/ou=exchange administrative group (fydibohf23spdlt)/cn=recipients/cn=d5130784dc81436d9511788de4df376c-jeciene gom;/o=exchangelabs/ou=exchange administrative group (fydibohf23spdlt)/cn=recipients/cn=ee68a2a53024446789dc480aef9c7a7c-joao gabrie;</t>
  </si>
  <si>
    <t>Acompanhamento Cerrado Evidencias 1411.xlsx</t>
  </si>
  <si>
    <t>/o=exchangelabs/ou=exchange administrative group (fydibohf23spdlt)/cn=recipients/cn=d5130784dc81436d9511788de4df376c-jeciene gom,/o=exchangelabs/ou=exchange administrative group (fydibohf23spdlt)/cn=recipients/cn=ee68a2a53024446789dc480aef9c7a7c-joao gabrie</t>
  </si>
  <si>
    <t>11/14/2019 15:32:16</t>
  </si>
  <si>
    <t>/o=exchangelabs/ou=exchange administrative group (fydibohf23spdlt)/cn=recipients/cn=525b3060f0654996a4c2979efbfaed04-douglas sil;/o=exchangelabs/ou=exchange administrative group (fydibohf23spdlt)/cn=recipients/cn=5ab64dc5178e4d66aadc5f660807b2c3-andre gomes;/o=exchangelabs/ou=exchange administrative group (fydibohf23spdlt)/cn=recipients/cn=ee68a2a53024446789dc480aef9c7a7c-joao gabrie;</t>
  </si>
  <si>
    <t>/o=exchangelabs/ou=exchange administrative group (fydibohf23spdlt)/cn=recipients/cn=525b3060f0654996a4c2979efbfaed04-douglas sil,/o=exchangelabs/ou=exchange administrative group (fydibohf23spdlt)/cn=recipients/cn=5ab64dc5178e4d66aadc5f660807b2c3-andre gomes,/o=exchangelabs/ou=exchange administrative group (fydibohf23spdlt)/cn=recipients/cn=ee68a2a53024446789dc480aef9c7a7c-joao gabrie</t>
  </si>
  <si>
    <t>11/14/2019 15:44:59</t>
  </si>
  <si>
    <t>11/14/2019 15:49:44</t>
  </si>
  <si>
    <t>mail.google.com/_/upload?authuser=0&amp;dcp=asu-n&amp;upload_id=AEnB2UrCALhPy-FPf1Wg7cdEsYZ8rGw4INGrEWEyvcQLzNY2hTID_I_VSP7N0JXAXRb2f4DiMa7iJ0dFKaQQs-EEGNoMe70WdA&amp;upload_protocol=resumable</t>
  </si>
  <si>
    <t>BAIXAS TIM.xlsx</t>
  </si>
  <si>
    <t>11/14/2019 15:57:28</t>
  </si>
  <si>
    <t>11/14/2019 16:04:43</t>
  </si>
  <si>
    <t>Arquivo CSV 15.56.57.csv</t>
  </si>
  <si>
    <t>11/14/2019 16:03:10</t>
  </si>
  <si>
    <t>11/14/2019 16:07:44</t>
  </si>
  <si>
    <t>/o=exchangelabs/ou=exchange administrative group (fydibohf23spdlt)/cn=recipients/cn=79b149cf7a984ca686e3b0e40b3bc8cf-danilo cesa;/o=exchangelabs/ou=exchange administrative group (fydibohf23spdlt)/cn=recipients/cn=96c835195d674d6ebf3e3dbf87493053-jaqueline d;/o=exchangelabs/ou=exchange administrative group (fydibohf23spdlt)/cn=recipients/cn=d376cbd484f64104bc8476daf590c7dc-paulo eduar;/o=exchangelabs/ou=exchange administrative group (fydibohf23spdlt)/cn=recipients/cn=da8b0d0eb1af471c9c028aba05e743fd-guilherme a;anderson.silva@superfrio.com.br;rafaelbdt@algartech.com;</t>
  </si>
  <si>
    <t>RES: Faturamento Superfrio - Outubro.</t>
  </si>
  <si>
    <t>Fat_SuperFrio_Out_19 (1) OUTUBRO.xlsx</t>
  </si>
  <si>
    <t>/o=exchangelabs/ou=exchange administrative group (fydibohf23spdlt)/cn=recipients/cn=79b149cf7a984ca686e3b0e40b3bc8cf-danilo cesa,/o=exchangelabs/ou=exchange administrative group (fydibohf23spdlt)/cn=recipients/cn=96c835195d674d6ebf3e3dbf87493053-jaqueline d,/o=exchangelabs/ou=exchange administrative group (fydibohf23spdlt)/cn=recipients/cn=d376cbd484f64104bc8476daf590c7dc-paulo eduar,/o=exchangelabs/ou=exchange administrative group (fydibohf23spdlt)/cn=recipients/cn=da8b0d0eb1af471c9c028aba05e743fd-guilherme a,anderson.silva@superfrio.com.br,rafaelbdt@algartech.com</t>
  </si>
  <si>
    <t>11/14/2019 15:52:52</t>
  </si>
  <si>
    <t>11/14/2019 16:09:44</t>
  </si>
  <si>
    <t>Arquivo CSV 15.50.48.csv</t>
  </si>
  <si>
    <t>11/14/2019 16:07:48</t>
  </si>
  <si>
    <t>Arquivo CSV 16.02.04.csv</t>
  </si>
  <si>
    <t>11/14/2019 16:10:22</t>
  </si>
  <si>
    <t>11/14/2019 16:12:44</t>
  </si>
  <si>
    <t>C:\Users\lucianarba\Desktop\Relatório Mensal Toyota - Outubro - Copia.pptx\</t>
  </si>
  <si>
    <t>11/14/2019 16:12:42</t>
  </si>
  <si>
    <t>11/14/2019 16:16:43</t>
  </si>
  <si>
    <t>11/14/2019 16:16:00</t>
  </si>
  <si>
    <t>11/14/2019 16:19:43</t>
  </si>
  <si>
    <t>11/14/2019 16:22:31</t>
  </si>
  <si>
    <t>11/14/2019 16:24:43</t>
  </si>
  <si>
    <t>home</t>
  </si>
  <si>
    <t>Cronograma Geral - Dê Asas.xlsx</t>
  </si>
  <si>
    <t>11/14/2019 16:24:02</t>
  </si>
  <si>
    <t>11/14/2019 16:26:40</t>
  </si>
  <si>
    <t>11/14/2019 16:27:43</t>
  </si>
  <si>
    <t>/o=exchangelabs/ou=exchange administrative group (fydibohf23spdlt)/cn=recipients/cn=79b149cf7a984ca686e3b0e40b3bc8cf-danilo cesa;/o=exchangelabs/ou=exchange administrative group (fydibohf23spdlt)/cn=recipients/cn=da8b0d0eb1af471c9c028aba05e743fd-guilherme a;</t>
  </si>
  <si>
    <t>Faturamento Pendente INFRA TI Novembro.</t>
  </si>
  <si>
    <t>11. T TEC Faturamento COMFRIO .xlsx</t>
  </si>
  <si>
    <t>/o=exchangelabs/ou=exchange administrative group (fydibohf23spdlt)/cn=recipients/cn=79b149cf7a984ca686e3b0e40b3bc8cf-danilo cesa,/o=exchangelabs/ou=exchange administrative group (fydibohf23spdlt)/cn=recipients/cn=da8b0d0eb1af471c9c028aba05e743fd-guilherme a</t>
  </si>
  <si>
    <t>11/14/2019 16:24:28</t>
  </si>
  <si>
    <t>11/14/2019 16:28:44</t>
  </si>
  <si>
    <t>/o=exchangelabs/ou=exchange administrative group (fydibohf23spdlt)/cn=recipients/cn=3d25b4eef89c4e33881f90388be85233-lucia leper;</t>
  </si>
  <si>
    <t>RES: Fluxo con valores procesos actualizados</t>
  </si>
  <si>
    <t>Preclosing 2019 e Orçamento 2020 Argentina.xlsx</t>
  </si>
  <si>
    <t>/o=exchangelabs/ou=exchange administrative group (fydibohf23spdlt)/cn=recipients/cn=3d25b4eef89c4e33881f90388be85233-lucia leper</t>
  </si>
  <si>
    <t>11/14/2019 16:28:40</t>
  </si>
  <si>
    <t>11/14/2019 16:29:44</t>
  </si>
  <si>
    <t>/o=exchangelabs/ou=exchange administrative group (fydibohf23spdlt)/cn=recipients/cn=33d249108a194f94ad1c0c445c411f81-sabrina vie;/o=exchangelabs/ou=exchange administrative group (fydibohf23spdlt)/cn=recipients/cn=6bc6ced03b1b4fafa41bb5c70c178940-antonio per;/o=exchangelabs/ou=exchange administrative group (fydibohf23spdlt)/cn=recipients/cn=76d765d676864fe79b29c865fa21a2c7-leticia rez;/o=exchangelabs/ou=exchange administrative group (fydibohf23spdlt)/cn=recipients/cn=b1a72fc2d0234efca84c7771ea70c7ee-roberta cri;/o=exchangelabs/ou=exchange administrative group (fydibohf23spdlt)/cn=recipients/cn=f50351055a2944cebcbdc18a918945d6-gustavo res;</t>
  </si>
  <si>
    <t>RES: Base CR's</t>
  </si>
  <si>
    <t>GRC - CR X LOCALIDADE.xlsx</t>
  </si>
  <si>
    <t>/o=exchangelabs/ou=exchange administrative group (fydibohf23spdlt)/cn=recipients/cn=33d249108a194f94ad1c0c445c411f81-sabrina vie,/o=exchangelabs/ou=exchange administrative group (fydibohf23spdlt)/cn=recipients/cn=6bc6ced03b1b4fafa41bb5c70c178940-antonio per,/o=exchangelabs/ou=exchange administrative group (fydibohf23spdlt)/cn=recipients/cn=76d765d676864fe79b29c865fa21a2c7-leticia rez,/o=exchangelabs/ou=exchange administrative group (fydibohf23spdlt)/cn=recipients/cn=b1a72fc2d0234efca84c7771ea70c7ee-roberta cri,/o=exchangelabs/ou=exchange administrative group (fydibohf23spdlt)/cn=recipients/cn=f50351055a2944cebcbdc18a918945d6-gustavo res</t>
  </si>
  <si>
    <t>11/14/2019 16:25:14</t>
  </si>
  <si>
    <t>Arquivo CSV 16.24.40.csv</t>
  </si>
  <si>
    <t>11/14/2019 16:28:52</t>
  </si>
  <si>
    <t>11/14/2019 16:31:43</t>
  </si>
  <si>
    <t>Custo - SPOF Geradores</t>
  </si>
  <si>
    <t>Requisição de Compra_ SPOF Geradores_Proenerg.xls</t>
  </si>
  <si>
    <t>11/14/2019 16:28:37</t>
  </si>
  <si>
    <t>11/14/2019 16:32:44</t>
  </si>
  <si>
    <t>Coordenadores Diretores e Gerentes 14112019.xlsx</t>
  </si>
  <si>
    <t>11/14/2019 16:30:53</t>
  </si>
  <si>
    <t>11/14/2019 16:31:35</t>
  </si>
  <si>
    <t>11/14/2019 16:33:43</t>
  </si>
  <si>
    <t>Relatório de pendencias ENEL/TIM</t>
  </si>
  <si>
    <t>11/14/2019 16:30:29</t>
  </si>
  <si>
    <t>11/14/2019 16:34:44</t>
  </si>
  <si>
    <t>/o=exchangelabs/ou=exchange administrative group (fydibohf23spdlt)/cn=recipients/cn=46839392c4904906893683e927ab62e2-carlos edua;/o=exchangelabs/ou=exchange administrative group (fydibohf23spdlt)/cn=recipients/cn=cd7b8f1463954705b9d398b58ce8411d-dannyella f;/o=exchangelabs/ou=exchange administrative group (fydibohf23spdlt)/cn=recipients/cn=cfc48e6960e745d5a5caa3a9584c60eb-leticia vie;</t>
  </si>
  <si>
    <t>RES: Capitalização de Juros Outubro/2019</t>
  </si>
  <si>
    <t>Capitalização de Juros - Out19.xlsx</t>
  </si>
  <si>
    <t>/o=exchangelabs/ou=exchange administrative group (fydibohf23spdlt)/cn=recipients/cn=46839392c4904906893683e927ab62e2-carlos edua,/o=exchangelabs/ou=exchange administrative group (fydibohf23spdlt)/cn=recipients/cn=cd7b8f1463954705b9d398b58ce8411d-dannyella f,/o=exchangelabs/ou=exchange administrative group (fydibohf23spdlt)/cn=recipients/cn=cfc48e6960e745d5a5caa3a9584c60eb-leticia vie</t>
  </si>
  <si>
    <t>11/14/2019 16:36:03</t>
  </si>
  <si>
    <t>11/14/2019 16:39:44</t>
  </si>
  <si>
    <t>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b739f6c32af9463ab9cd653d7f330c20-haruna morg;/o=exchangelabs/ou=exchange administrative group (fydibohf23spdlt)/cn=recipients/cn=e47f7192d7b143e286620292e5ce82f2-mirian pris;/o=exchangelabs/ou=exchange administrative group (fydibohf23spdlt)/cn=recipients/cn=groupd5c96cfa;/o=exchangelabs/ou=exchange administrative group (fydibohf23spdlt)/cn=recipients/cn=user8e89d2d7;alexandre.junior@call.neobpo.com.br;eliane.martins@bv.com.br;flora.lira@bv.com.br;jose.gomes@bv.com.br;maria.patrocinia@bv.com.br;monica.apereira@call.neobpo.com.br;renata.farina@bv.com.br;thais.santos@bv.com.br;valquiria.ghirotti@call.neobpo.com.br;</t>
  </si>
  <si>
    <t>RES: Erro de Procedimento - TNC Cópia de Contrato</t>
  </si>
  <si>
    <t>Tarefas Cópia de Contrato_ Algar_Out.19.xlsx</t>
  </si>
  <si>
    <t>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b739f6c32af9463ab9cd653d7f330c20-haruna morg,/o=exchangelabs/ou=exchange administrative group (fydibohf23spdlt)/cn=recipients/cn=e47f7192d7b143e286620292e5ce82f2-mirian pris,/o=exchangelabs/ou=exchange administrative group (fydibohf23spdlt)/cn=recipients/cn=groupd5c96cfa,/o=exchangelabs/ou=exchange administrative group (fydibohf23spdlt)/cn=recipients/cn=user8e89d2d7,alexandre.junior@call.neobpo.com.br,eliane.martins@bv.com.br,flora.lira@bv.com.br,jose.gomes@bv.com.br,maria.patrocinia@bv.com.br,monica.apereira@call.neobpo.com.br,renata.farina@bv.com.br,thais.santos@bv.com.br,valquiria.ghirotti@call.neobpo.com.br</t>
  </si>
  <si>
    <t>11/14/2019 16:36:32</t>
  </si>
  <si>
    <t>11/14/2019 16:41:43</t>
  </si>
  <si>
    <t>RES: Classificação de ativos - Projeto: Monitoramento ar condicionado subestação 1 e 2</t>
  </si>
  <si>
    <t>Classificação de Ativos - ALGAR TECH Monitoramento ar condicionado subestação 1 e 2.xlsx</t>
  </si>
  <si>
    <t>11/14/2019 16:45:35</t>
  </si>
  <si>
    <t>11/14/2019 16:48:44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e894bfa401c848dc9e25ced4ad1f3dd7-luciana fer;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e894bfa401c848dc9e25ced4ad1f3dd7-luciana fer</t>
  </si>
  <si>
    <t>11/14/2019 16:46:54</t>
  </si>
  <si>
    <t>11/14/2019 16:51:43</t>
  </si>
  <si>
    <t>11/14/2019 16:49:14</t>
  </si>
  <si>
    <t>11/14/2019 16:50:08</t>
  </si>
  <si>
    <t>11/14/2019 16:54:33</t>
  </si>
  <si>
    <t>11/14/2019 16:56:43</t>
  </si>
  <si>
    <t>/o=exchangelabs/ou=exchange administrative group (fydibohf23spdlt)/cn=recipients/cn=66edf19ebc2742d0aad16b8a34a09b10-andre luiz;/o=exchangelabs/ou=exchange administrative group (fydibohf23spdlt)/cn=recipients/cn=9590810d44524cf49acee6103c18936a-denys guidi;/o=exchangelabs/ou=exchange administrative group (fydibohf23spdlt)/cn=recipients/cn=97028c61ebe04c3ca84c604712943944-fabiano wil;</t>
  </si>
  <si>
    <t>RES: 216376 - A100 - GRU2 - STS Cyberex SPOF</t>
  </si>
  <si>
    <t>Classificação de Ativos - SPOF Diesel_Classificada.xlsx</t>
  </si>
  <si>
    <t>/o=exchangelabs/ou=exchange administrative group (fydibohf23spdlt)/cn=recipients/cn=66edf19ebc2742d0aad16b8a34a09b10-andre luiz,/o=exchangelabs/ou=exchange administrative group (fydibohf23spdlt)/cn=recipients/cn=9590810d44524cf49acee6103c18936a-denys guidi,/o=exchangelabs/ou=exchange administrative group (fydibohf23spdlt)/cn=recipients/cn=97028c61ebe04c3ca84c604712943944-fabiano wil</t>
  </si>
  <si>
    <t>11/14/2019 16:53:44</t>
  </si>
  <si>
    <t>11/14/2019 16:57:44</t>
  </si>
  <si>
    <t>11/14/2019 16:57:54</t>
  </si>
  <si>
    <t>11/14/2019 16:58:43</t>
  </si>
  <si>
    <t>Relatação de ativos 31-10_.xlsx</t>
  </si>
  <si>
    <t>11/14/2019 16:58:20</t>
  </si>
  <si>
    <t>11/14/2019 17:02:43</t>
  </si>
  <si>
    <t>mail.google.com/_/upload?authuser=0&amp;dcp=asu-n&amp;upload_id=AEnB2UpyrbEjbbSZuzv19yjbz9fy2a6DLp6SjyHAc5MHHzTnq1hdzS0ueqvXIBw_IezDOQJQf-YcnNWPO3m0MVqT7pKIwZLHZQ&amp;upload_protocol=resumable</t>
  </si>
  <si>
    <t>almoxarifado@algartech.com;cei-projetostransanionais@algartech.com;daniloms@algartech.com;danteglha@algartech.com;elisangelads@algartech.com;fabiorb@algartech.com;fabriciovs@algartech.com;guilhermeaso@algartech.com;guilhermecst@algartech.com;joaoedl@algartech.com;leandroro@algartech.com;leandrosos@algartech.com;leonardofdsa@algartech.com;marceloat@algartech.com;rafaelg@algartech.com;williamads@algartech.com;</t>
  </si>
  <si>
    <t>Troca de CPU para VDI (1).xlsx</t>
  </si>
  <si>
    <t>almoxarifado@algartech.com,cei-projetostransanionais@algartech.com,daniloms@algartech.com,danteglha@algartech.com,elisangelads@algartech.com,fabiorb@algartech.com,fabriciovs@algartech.com,guilhermeaso@algartech.com,guilhermecst@algartech.com,joaoedl@algartech.com,leandroro@algartech.com,leandrosos@algartech.com,leonardofdsa@algartech.com,marceloat@algartech.com,rafaelg@algartech.com,williamads@algartech.com</t>
  </si>
  <si>
    <t>11/14/2019 16:58:21</t>
  </si>
  <si>
    <t>mail.google.com/_/upload?authuser=0&amp;dcp=asu-n&amp;upload_id=AEnB2UrCVg59CJCvzLJqqDJtlx6SSL7PaapFf2tp-RXPgVLwRcpFrFV7KJwYJ3vuJ8TkIFZwPdRt7Fjgd5oATFMqDl851oGGeg&amp;upload_protocol=resumable</t>
  </si>
  <si>
    <t>Troca de maquina por performance Ticket 803748_13 11 (1).xlsx</t>
  </si>
  <si>
    <t>11/14/2019 17:04:38</t>
  </si>
  <si>
    <t>11/14/2019 17:07:44</t>
  </si>
  <si>
    <t>bianca_aragon@whirlpool.com;camila_paixao@whirlpool.com;eunice.pimenta@algartech.com;fabianacscg@algartech.com;</t>
  </si>
  <si>
    <t>Almir.xlsx</t>
  </si>
  <si>
    <t>bianca_aragon@whirlpool.com,camila_paixao@whirlpool.com,eunice.pimenta@algartech.com,fabianacscg@algartech.com</t>
  </si>
  <si>
    <t>11/14/2019 17:10:10</t>
  </si>
  <si>
    <t>11/14/2019 17:12:44</t>
  </si>
  <si>
    <t>Escala TRN - FEIRA DE PRODUTOS.xlsx</t>
  </si>
  <si>
    <t>11/14/2019 17:25:35</t>
  </si>
  <si>
    <t>11/14/2019 17:29:43</t>
  </si>
  <si>
    <t>danubiacsm@algartech.com;</t>
  </si>
  <si>
    <t>Lista de presença no treinamento Semana do Conhecimento</t>
  </si>
  <si>
    <t>PRESENÇA TRN SEMANA CONHECIMENTO.xlsx</t>
  </si>
  <si>
    <t>11/14/2019 18:05:39</t>
  </si>
  <si>
    <t>11/14/2019 18:06:44</t>
  </si>
  <si>
    <t>Performance URR</t>
  </si>
  <si>
    <t>11/14/2019 18:22:03</t>
  </si>
  <si>
    <t>11/14/2019 18:25:44</t>
  </si>
  <si>
    <t>iaraadss@algartech.com;jaquelines@algartech.com;lucioms@algartech.com;</t>
  </si>
  <si>
    <t>Categorias G Suite.xlsx</t>
  </si>
  <si>
    <t>iaraadss@algartech.com,jaquelines@algartech.com,lucioms@algartech.com</t>
  </si>
  <si>
    <t>11/14/2019 18:41:15</t>
  </si>
  <si>
    <t>11/14/2019 18:41:43</t>
  </si>
  <si>
    <t>mail.google.com/_/upload?authuser=0&amp;dcp=asu-n&amp;upload_id=AEnB2UrGkk569Ah3YIxrnwwS_ZIEQkQazPLKD8mCQxCaHbeh47gGPnJxlfkVr48tV_PZHmFkg4cNLQqrkuCqfaYkboRP_UwnmJKjBtq2lO_nj_zhEUSQi8I&amp;upload_protocol=resumable</t>
  </si>
  <si>
    <t>C:\Users\alefl\OneDrive - Grupo Algar\Qradar\All\Algar\</t>
  </si>
  <si>
    <t>Alteração de OU.xlsx</t>
  </si>
  <si>
    <t>11/14/2019 23:51:46</t>
  </si>
  <si>
    <t>11/14/2019 23:55:45</t>
  </si>
  <si>
    <t>Projeto Faber Castell</t>
  </si>
  <si>
    <t>216445 RFP Faber Castell Precificacao C017 B017_v1.xlsb</t>
  </si>
  <si>
    <t>11/14/2019 17:41:04</t>
  </si>
  <si>
    <t>11/15/2019 09:42:48</t>
  </si>
  <si>
    <t>C:\Users\filemoncmj\OneDrive - Grupo Algar\01. Algar Tech\01. Projetos de Clientes\47. Prudential\25. Recuperações de Custo\</t>
  </si>
  <si>
    <t>11/15/2019 00:10:02</t>
  </si>
  <si>
    <t>11/15/2019 13:31:52</t>
  </si>
  <si>
    <t>11/15/2019 15:34:27</t>
  </si>
  <si>
    <t>11/15/2019 15:36:55</t>
  </si>
  <si>
    <t>216445 RFP Faber Castell Precificacao C017 B017_v1 Cenário Fiori.xlsb</t>
  </si>
  <si>
    <t>11/15/2019 20:07:31</t>
  </si>
  <si>
    <t>11/15/2019 20:11:55</t>
  </si>
  <si>
    <t>lcsantos@algartech.com;</t>
  </si>
  <si>
    <t>AR Diário - Jan a Out/ 2019</t>
  </si>
  <si>
    <t>lcsantos@algartech.com</t>
  </si>
  <si>
    <t>11/15/2019 20:22:19</t>
  </si>
  <si>
    <t>11/16/2019 09:39:00</t>
  </si>
  <si>
    <t>C:\Users\igortfc\Downloads\Ativar função de snapshot em backup de servidores.eml\</t>
  </si>
  <si>
    <t>11/16/2019 07:24:26</t>
  </si>
  <si>
    <t>Relação_RFC_Skills_Vs_Recursos_Prudential_Compilado.xlsx</t>
  </si>
  <si>
    <t>11/16/2019 09:46:12</t>
  </si>
  <si>
    <t>11/16/2019 09:50:59</t>
  </si>
  <si>
    <t>/o=exchangelabs/ou=exchange administrative group (fydibohf23spdlt)/cn=recipients/cn=55f846c335d7437f892f0b0d49c89e92-celma ribei;/o=exchangelabs/ou=exchange administrative group (fydibohf23spdlt)/cn=recipients/cn=5cdf7c02d3784fda99b7b159b2a127b2-rudney leme;/o=exchangelabs/ou=exchange administrative group (fydibohf23spdlt)/cn=recipients/cn=a4d4dbc88c434f8ba2bceed730d83878-marcellus r;/o=exchangelabs/ou=exchange administrative group (fydibohf23spdlt)/cn=recipients/cn=c5057601f2364b0db7ea84dbec10baa4-matheus mor;</t>
  </si>
  <si>
    <t>RES: Operações Financeiras para Pré-Pagamento Debêntures Bradesco</t>
  </si>
  <si>
    <t>Posição de Mútuos Algar Tech 2019.xlsx</t>
  </si>
  <si>
    <t>/o=exchangelabs/ou=exchange administrative group (fydibohf23spdlt)/cn=recipients/cn=55f846c335d7437f892f0b0d49c89e92-celma ribei,/o=exchangelabs/ou=exchange administrative group (fydibohf23spdlt)/cn=recipients/cn=5cdf7c02d3784fda99b7b159b2a127b2-rudney leme,/o=exchangelabs/ou=exchange administrative group (fydibohf23spdlt)/cn=recipients/cn=a4d4dbc88c434f8ba2bceed730d83878-marcellus r,/o=exchangelabs/ou=exchange administrative group (fydibohf23spdlt)/cn=recipients/cn=c5057601f2364b0db7ea84dbec10baa4-matheus mor</t>
  </si>
  <si>
    <t>11/16/2019 10:02:44</t>
  </si>
  <si>
    <t>11/16/2019 10:06:59</t>
  </si>
  <si>
    <t>11/16/2019 12:44:12</t>
  </si>
  <si>
    <t>11/16/2019 12:54:02</t>
  </si>
  <si>
    <t>/o=exchangelabs/ou=exchange administrative group (fydibohf23spdlt)/cn=recipients/cn=2b69c7de1a3641269a7eed0596e1ddc2-wayner oliv;/o=exchangelabs/ou=exchange administrative group (fydibohf23spdlt)/cn=recipients/cn=2d3379e2d04c40db810b4b1f41dd2aea-erica carol;/o=exchangelabs/ou=exchange administrative group (fydibohf23spdlt)/cn=recipients/cn=65f2464c9a2e4d2981cae7124572133d-cristiane c;</t>
  </si>
  <si>
    <t>Depreciação GST</t>
  </si>
  <si>
    <t>DRE_Depreciação_Final_com_GS1T.xlsx</t>
  </si>
  <si>
    <t>/o=exchangelabs/ou=exchange administrative group (fydibohf23spdlt)/cn=recipients/cn=2b69c7de1a3641269a7eed0596e1ddc2-wayner oliv,/o=exchangelabs/ou=exchange administrative group (fydibohf23spdlt)/cn=recipients/cn=2d3379e2d04c40db810b4b1f41dd2aea-erica carol,/o=exchangelabs/ou=exchange administrative group (fydibohf23spdlt)/cn=recipients/cn=65f2464c9a2e4d2981cae7124572133d-cristiane c</t>
  </si>
  <si>
    <t>11/16/2019 13:16:38</t>
  </si>
  <si>
    <t>11/16/2019 13:21:01</t>
  </si>
  <si>
    <t>ENC: Depreciação GST</t>
  </si>
  <si>
    <t>11/16/2019 13:46:08</t>
  </si>
  <si>
    <t>11/16/2019 16:45:06</t>
  </si>
  <si>
    <t>C:\Users\filemoncmj\OneDrive - Grupo Algar\01. Algar Tech\01. Projetos de Clientes\47. Prudential\17. FTE\</t>
  </si>
  <si>
    <t>151119 - Registro de FTE Realizado ISD Prudential.xlsb</t>
  </si>
  <si>
    <t>151119 - Registro de FTE Realizado GIAT Prudential.xlsb</t>
  </si>
  <si>
    <t>11/16/2019 17:42:51</t>
  </si>
  <si>
    <t>11/16/2019 17:46:06</t>
  </si>
  <si>
    <t>11/16/2019 17:44:29</t>
  </si>
  <si>
    <t>11/16/2019 18:21:15</t>
  </si>
  <si>
    <t>11/17/2019 11:57:15</t>
  </si>
  <si>
    <t>C:\Users\filemoncmj\OneDrive - Grupo Algar\01. Algar Tech\01. Projetos de Clientes\47. Prudential\17. FTE\Dezembro\</t>
  </si>
  <si>
    <t>151219 - Registro de FTE Realizado ISD Prudential.xlsb</t>
  </si>
  <si>
    <t>11/16/2019 18:21:16</t>
  </si>
  <si>
    <t>151219 - Registro de FTE Realizado GIAT Prudential.xlsb</t>
  </si>
  <si>
    <t>11/16/2019 18:27:15</t>
  </si>
  <si>
    <t>11/16/2019 18:29:34</t>
  </si>
  <si>
    <t>mail.google.com/_/upload?authuser=0&amp;dcp=asu-n&amp;upload_id=AEnB2Uo7bnf6IpakrdsbX_pEzsVcxMkWdr8zBrKItCmnm_Vw9fa_nLHcrm_NwaEwJu2e0G4KvHh-PApWOt3ZgCd_NJCH1A7AJ8-ewB0Z25oRXPCeMzgFbBc&amp;upload_protocol=resumable</t>
  </si>
  <si>
    <t>mail.google.com/_/upload?authuser=0&amp;dcp=asu-n&amp;upload_id=AEnB2UrMcy3jxtX3510YBF6gB-ny4Ewx_rgfMhYxHxKPezXUUg9GH1B6AFkjAHVP7WCnN-TU8k6UtpsiwGiTa60FddkUDpJNow&amp;upload_protocol=resumable</t>
  </si>
  <si>
    <t>11/17/2019 15:21:39</t>
  </si>
  <si>
    <t>11/17/2019 15:22:18</t>
  </si>
  <si>
    <t>\\acsfs\DEPTOS\Controladoria\3. CSC\CONTROLES CSC\7-Orçamento 2020\Revisao Volumes 2020_v2\</t>
  </si>
  <si>
    <t>Cost Driver 2020 Algar Tech_cenário novo Engeset.xlsx</t>
  </si>
  <si>
    <t>11/17/2019 15:34:55</t>
  </si>
  <si>
    <t>11/17/2019 15:39:19</t>
  </si>
  <si>
    <t>11/17/2019 20:46:59</t>
  </si>
  <si>
    <t>11/17/2019 20:56:20</t>
  </si>
  <si>
    <t>2019_11_17_Base_Auditorias_Online.xlsx</t>
  </si>
  <si>
    <t>11/15/2019 15:41:14</t>
  </si>
  <si>
    <t>11/17/2019 21:05:19</t>
  </si>
  <si>
    <t>Projeto Faber Castell - Considere esta última versão</t>
  </si>
  <si>
    <t>11/15/2019 15:44:27</t>
  </si>
  <si>
    <t>Projeto Faber Castell - Considere esta última versão Final.</t>
  </si>
  <si>
    <t>11/14/2019 15:25:41</t>
  </si>
  <si>
    <t>11/18/2019 07:22:22</t>
  </si>
  <si>
    <t>ENC: Faturamento Telecom</t>
  </si>
  <si>
    <t>11/15/2019 13:48:52</t>
  </si>
  <si>
    <t>11/18/2019 07:37:22</t>
  </si>
  <si>
    <t>mail.google.com/_/upload?authuser=1&amp;dcp=asu-n&amp;upload_id=AEnB2UqJr9GQ23HPYFeazcYDKysEdGNFqLe-TnuLpnBOIU7CnzzoJWDN7Vy7hWins1jwU2K_Lan2cOJPp9dTJCYHyVNVP0uVkA&amp;upload_protocol=resumable</t>
  </si>
  <si>
    <t>11/18/2019 07:38:55</t>
  </si>
  <si>
    <t>11/18/2019 07:40:23</t>
  </si>
  <si>
    <t>https://caey.fa.us2.oraclecloud.com/crmui/faces/fusewelcome?_adf.ctrl-state=ezblzvgp_10</t>
  </si>
  <si>
    <t>C:\Users\sherleyce\Desktop\Margens GAT 2018 - 30%.msg\s1\</t>
  </si>
  <si>
    <t>GAT Preço 2018.xlsx</t>
  </si>
  <si>
    <t>11/18/2019 07:43:27</t>
  </si>
  <si>
    <t>11/18/2019 07:45:23</t>
  </si>
  <si>
    <t>11/18/2019 07:52:53</t>
  </si>
  <si>
    <t>11/18/2019 07:55:24</t>
  </si>
  <si>
    <t>ENC: Margens GAT 2018</t>
  </si>
  <si>
    <t>11/18/2019 07:58:23</t>
  </si>
  <si>
    <t>10.200.57.4</t>
  </si>
  <si>
    <t>C:\Users\marceloaa\Downloads\</t>
  </si>
  <si>
    <t>11/18/2019 07:58:01</t>
  </si>
  <si>
    <t>11/18/2019 08:00:24</t>
  </si>
  <si>
    <t>Quantidade UHV Outubro.xlsx</t>
  </si>
  <si>
    <t>11/16/2019 17:48:14</t>
  </si>
  <si>
    <t>11/18/2019 08:01:23</t>
  </si>
  <si>
    <t>Atualização de Baixa GST</t>
  </si>
  <si>
    <t>Inventario Engeset Nov_19.xlsx</t>
  </si>
  <si>
    <t>11/18/2019 08:09:24</t>
  </si>
  <si>
    <t>10.200.59.249</t>
  </si>
  <si>
    <t>mail.google.com/_/upload?authuser=1&amp;dcp=asu-n&amp;upload_id=AEnB2UrsOPbo3esoChdjfK5e7XN8Xwmq7oKxAAIUVfj0IL3AHNLQW4PiiPI9hboaeV9USd9RAu4oyQWyHDA3uwMT5c-yhKQ_t6c0U5QthTrs4tgj0GQvwxw&amp;upload_protocol=resumable</t>
  </si>
  <si>
    <t>C:\_Marco Tulio\0 - Coach\2 - Qualidade\01 - Estrategico\07 - Plano Tatico\2019\02 - Speech\</t>
  </si>
  <si>
    <t>Automação Qualidade Financeiro 0811.xlsx</t>
  </si>
  <si>
    <t>mail.google.com/_/upload?authuser=1&amp;dcp=asu-n&amp;upload_id=AEnB2UqLvzANjIYMkkqGk8ZRNR07Srsm2FJEnUJ6BCkEwyhdFlBqkwbyzSEX5UyqOKO8angxivSvMFoQdooTj3LE5J3i2lbbZf2JTTrgOZqICnQwnb3TmfM&amp;upload_protocol=resumable</t>
  </si>
  <si>
    <t>Atividades_Planejamento TRN e QLD Crédito.xlsx</t>
  </si>
  <si>
    <t>11/17/2019 12:17:44</t>
  </si>
  <si>
    <t>11/18/2019 08:14:24</t>
  </si>
  <si>
    <t>Base 2017</t>
  </si>
  <si>
    <t>11/18/2019 08:09:18</t>
  </si>
  <si>
    <t>11/18/2019 08:15:23</t>
  </si>
  <si>
    <t>10.200.200.65</t>
  </si>
  <si>
    <t>Vendas</t>
  </si>
  <si>
    <t>11/13/2019 18:16:49</t>
  </si>
  <si>
    <t>11/18/2019 08:16:24</t>
  </si>
  <si>
    <t>Chamados para 14-11</t>
  </si>
  <si>
    <t>Chamados 14-11.xlsx</t>
  </si>
  <si>
    <t>11/14/2019 12:34:33</t>
  </si>
  <si>
    <t>elisangelamol@algartech.com;mihapasilva@gmail.com;</t>
  </si>
  <si>
    <t>Casos resolvidos TechOnline TOP</t>
  </si>
  <si>
    <t>ABONO Consolidado.xlsx</t>
  </si>
  <si>
    <t>elisangelamol@algartech.com,mihapasilva@gmail.com</t>
  </si>
  <si>
    <t>11/14/2019 14:16:15</t>
  </si>
  <si>
    <t>/o=exchangelabs/ou=exchange administrative group (fydibohf23spdlt)/cn=recipients/cn=525b3060f0654996a4c2979efbfaed04-douglas sil;/o=exchangelabs/ou=exchange administrative group (fydibohf23spdlt)/cn=recipients/cn=5ab64dc5178e4d66aadc5f660807b2c3-andre gomes;</t>
  </si>
  <si>
    <t>/o=exchangelabs/ou=exchange administrative group (fydibohf23spdlt)/cn=recipients/cn=525b3060f0654996a4c2979efbfaed04-douglas sil,/o=exchangelabs/ou=exchange administrative group (fydibohf23spdlt)/cn=recipients/cn=5ab64dc5178e4d66aadc5f660807b2c3-andre gomes</t>
  </si>
  <si>
    <t>11/14/2019 14:27:43</t>
  </si>
  <si>
    <t>ENC: Políticas</t>
  </si>
  <si>
    <t>11/14/2019 16:31:58</t>
  </si>
  <si>
    <t>/o=exchangelabs/ou=exchange administrative group (fydibohf23spdlt)/cn=recipients/cn=525b3060f0654996a4c2979efbfaed04-douglas sil;/o=exchangelabs/ou=exchange administrative group (fydibohf23spdlt)/cn=recipients/cn=5ab64dc5178e4d66aadc5f660807b2c3-andre gomes;mihapasilva@gmail.com;</t>
  </si>
  <si>
    <t>RES: Planilha Incentivo.xlsx</t>
  </si>
  <si>
    <t>Políticas Incentivos - Michelle.xlsx</t>
  </si>
  <si>
    <t>/o=exchangelabs/ou=exchange administrative group (fydibohf23spdlt)/cn=recipients/cn=525b3060f0654996a4c2979efbfaed04-douglas sil,/o=exchangelabs/ou=exchange administrative group (fydibohf23spdlt)/cn=recipients/cn=5ab64dc5178e4d66aadc5f660807b2c3-andre gomes,mihapasilva@gmail.com</t>
  </si>
  <si>
    <t>11/15/2019 08:17:27</t>
  </si>
  <si>
    <t>11/15/2019 08:28:36</t>
  </si>
  <si>
    <t>ENC: Desconto Ausência em Treinamento PLR 2019 - 1º semestre</t>
  </si>
  <si>
    <t>11/15/2019 10:34:58</t>
  </si>
  <si>
    <t>/o=exchangelabs/ou=exchange administrative group (fydibohf23spdlt)/cn=recipients/cn=61af722dd06149089cf1c867d796b8bc-delso estre;/o=exchangelabs/ou=exchange administrative group (fydibohf23spdlt)/cn=recipients/cn=c9ea031fea1c4d28a37208d7515cef44-mara rubia;wilsianemf@algartech.com;</t>
  </si>
  <si>
    <t>ENC: Descontos PLR</t>
  </si>
  <si>
    <t>/o=exchangelabs/ou=exchange administrative group (fydibohf23spdlt)/cn=recipients/cn=61af722dd06149089cf1c867d796b8bc-delso estre,/o=exchangelabs/ou=exchange administrative group (fydibohf23spdlt)/cn=recipients/cn=c9ea031fea1c4d28a37208d7515cef44-mara rubia,wilsianemf@algartech.com</t>
  </si>
  <si>
    <t>11/13/2019 12:42:36</t>
  </si>
  <si>
    <t>11/18/2019 08:24:24</t>
  </si>
  <si>
    <t>/o=exchangelabs/ou=exchange administrative group (fydibohf23spdlt)/cn=recipients/cn=02b715e2a3c744dbab0f4054efc9d2d2-raquel corr;/o=exchangelabs/ou=exchange administrative group (fydibohf23spdlt)/cn=recipients/cn=88c76f56ba274d40bc5ef03a7197e5b9-marcos pere;</t>
  </si>
  <si>
    <t>Relatorio_Acionamento (17).xlsx</t>
  </si>
  <si>
    <t>/o=exchangelabs/ou=exchange administrative group (fydibohf23spdlt)/cn=recipients/cn=02b715e2a3c744dbab0f4054efc9d2d2-raquel corr,/o=exchangelabs/ou=exchange administrative group (fydibohf23spdlt)/cn=recipients/cn=88c76f56ba274d40bc5ef03a7197e5b9-marcos pere</t>
  </si>
  <si>
    <t>11/18/2019 08:18:14</t>
  </si>
  <si>
    <t>11/18/2019 08:25:24</t>
  </si>
  <si>
    <t>ENC: Analise AHT</t>
  </si>
  <si>
    <t>TMA MARIA LUIZA.xlsb</t>
  </si>
  <si>
    <t>11/18/2019 08:26:50</t>
  </si>
  <si>
    <t>11/18/2019 08:30:24</t>
  </si>
  <si>
    <t>11/18/2019 08:27:10</t>
  </si>
  <si>
    <t>11/18/2019 08:27:32</t>
  </si>
  <si>
    <t>10.200.57.183</t>
  </si>
  <si>
    <t>/o=exchangelabs/ou=exchange administrative group (fydibohf23spdlt)/cn=recipients/cn=32fe8a14424941da83c2bf35a8a5709e-fabiana car;/o=exchangelabs/ou=exchange administrative group (fydibohf23spdlt)/cn=recipients/cn=a4ba92cba10f4fe498074594f937f3b6-leandro lop;/o=exchangelabs/ou=exchange administrative group (fydibohf23spdlt)/cn=recipients/cn=a78f7dae304e472e9f75bd537683f6e5-hugo de oli;/o=exchangelabs/ou=exchange administrative group (fydibohf23spdlt)/cn=recipients/cn=b36412a54b154c07b0a876537a78fce8-jheniffer g;marcotvo@algartech.com;</t>
  </si>
  <si>
    <t>ENC: Fechamento Rateio Outubro/2019</t>
  </si>
  <si>
    <t>/o=exchangelabs/ou=exchange administrative group (fydibohf23spdlt)/cn=recipients/cn=32fe8a14424941da83c2bf35a8a5709e-fabiana car,/o=exchangelabs/ou=exchange administrative group (fydibohf23spdlt)/cn=recipients/cn=a4ba92cba10f4fe498074594f937f3b6-leandro lop,/o=exchangelabs/ou=exchange administrative group (fydibohf23spdlt)/cn=recipients/cn=a78f7dae304e472e9f75bd537683f6e5-hugo de oli,/o=exchangelabs/ou=exchange administrative group (fydibohf23spdlt)/cn=recipients/cn=b36412a54b154c07b0a876537a78fce8-jheniffer g,marcotvo@algartech.com</t>
  </si>
  <si>
    <t>11/13/2019 09:42:04</t>
  </si>
  <si>
    <t>ENC: Report Intradiário - Atendimento Cerrado - 12/11/2019 - Acumulado até 22hrs</t>
  </si>
  <si>
    <t>11/13/2019 10:06:34</t>
  </si>
  <si>
    <t>/o=exchangelabs/ou=exchange administrative group (fydibohf23spdlt)/cn=recipients/cn=00dbcea0702d4358b7c66d1d0dd7b863-juliana tei;/o=exchangelabs/ou=exchange administrative group (fydibohf23spdlt)/cn=recipients/cn=3df17c1010ae4cab986aa8b612dce3c5-vesliane ap;/o=exchangelabs/ou=exchange administrative group (fydibohf23spdlt)/cn=recipients/cn=525b3060f0654996a4c2979efbfaed04-douglas sil;/o=exchangelabs/ou=exchange administrative group (fydibohf23spdlt)/cn=recipients/cn=7010366a38334f4ea93ff55da14a3fd0-supervisore;/o=exchangelabs/ou=exchange administrative group (fydibohf23spdlt)/cn=recipients/cn=7c18c68de32d4253b0f64f2eed60d60e-thais ferna;daniellagc@algartech.com.br;deborahvhw@algartech.com;</t>
  </si>
  <si>
    <t>RES: Verificar impacto no resultado de qualidade Outubro</t>
  </si>
  <si>
    <t>Base oficial.xlsx</t>
  </si>
  <si>
    <t>/o=exchangelabs/ou=exchange administrative group (fydibohf23spdlt)/cn=recipients/cn=00dbcea0702d4358b7c66d1d0dd7b863-juliana tei,/o=exchangelabs/ou=exchange administrative group (fydibohf23spdlt)/cn=recipients/cn=3df17c1010ae4cab986aa8b612dce3c5-vesliane ap,/o=exchangelabs/ou=exchange administrative group (fydibohf23spdlt)/cn=recipients/cn=525b3060f0654996a4c2979efbfaed04-douglas sil,/o=exchangelabs/ou=exchange administrative group (fydibohf23spdlt)/cn=recipients/cn=7010366a38334f4ea93ff55da14a3fd0-supervisore,/o=exchangelabs/ou=exchange administrative group (fydibohf23spdlt)/cn=recipients/cn=7c18c68de32d4253b0f64f2eed60d60e-thais ferna,daniellagc@algartech.com.br,deborahvhw@algartech.com</t>
  </si>
  <si>
    <t>11/18/2019 08:30:06</t>
  </si>
  <si>
    <t>11/18/2019 08:31:24</t>
  </si>
  <si>
    <t>C:\Users\brunop\Desktop\Docs Visão Receptivo\</t>
  </si>
  <si>
    <t>Migração Arquitetura 09-10_112019.xlsx</t>
  </si>
  <si>
    <t>11/18/2019 08:26:17</t>
  </si>
  <si>
    <t>ENC: Erro operacional</t>
  </si>
  <si>
    <t>11/14/2019 17:43:54</t>
  </si>
  <si>
    <t>11/18/2019 08:36:24</t>
  </si>
  <si>
    <t>ENC: Enc: Re: RES: RES: Resposta do Cenario adicional - RFP Field Services</t>
  </si>
  <si>
    <t>199274_IBM_v8_Bodyshop_MULTI_(C017_B017) - rev8.xlsb</t>
  </si>
  <si>
    <t>11/18/2019 08:34:56</t>
  </si>
  <si>
    <t>11/18/2019 08:38:24</t>
  </si>
  <si>
    <t>\\acsfs\dsti\CIT- Coordenação de Inteligência de Tecnologia\35 - Gerenciamento de Disponibilidade e Continuidade\02 - INDICADORES - PROCESSO\01 - INDICADORES CONSOLIDADO\2019\Out-19\</t>
  </si>
  <si>
    <t>R1-P1-Out-19.xls</t>
  </si>
  <si>
    <t>11/18/2019 08:31:39</t>
  </si>
  <si>
    <t>11/14/2019 14:57:52</t>
  </si>
  <si>
    <t>11/18/2019 08:40:24</t>
  </si>
  <si>
    <t>10.200.57.137</t>
  </si>
  <si>
    <t>D4-6A-6A-F9-B1-A7</t>
  </si>
  <si>
    <t>11/14/2019 14:59:28</t>
  </si>
  <si>
    <t>Preco_215380_V1 - Copia.xlsb</t>
  </si>
  <si>
    <t>11/18/2019 08:41:31</t>
  </si>
  <si>
    <t>11/18/2019 08:43:24</t>
  </si>
  <si>
    <t>0]�5;111;1110555955;1573935831301;[];[]]];false]";jbulg\";null;r2jnncmdqt862zvrwg7o3um6drxg1etgffib1pa7skvtd0e7dryh46i0kb9gvvkof_f8j3xigabtkyatuzzml-i9oqtsg-resp1weye_hqe7qowcz3cvxskhrcqvutjjbdwz69cmtwm21se7rjtatr0mhh-xiyp57wynznfsd7a4b2kzh60fg20z4je4ga2e0gqbm9pyv0dn1ygsoextmeyn8qm4nfsvz0xzcmk3cxqjymxmyd9medihvzraxoyqlyobr8si1x3zqhybgaboc8f4ur1blghgtx0gqzlzm6jcueysvjxtttvwmohittrs8ode8sc0rgu4i6;r2jnncmdqt862zvrwg7o3um6drxg1etgffib1pa7skvtd0e7dryh46i0kb9gvvkof_f8j3xigabtkyatuzzml-i9oqtsg-resp1weye_hqe7qowcz3cvxskhrcqvutjjbdwz69cmtwm21se7rjtatr0mhh-xiyp57wynznfsd7a4b2kzh60fg20z4je4ga2e0gqbm9pyv0dn1ygsoextmeyn8qm4nfsvz0xzcmk3cxqjymxmyd9medihvzraxoyqlyobr8si1x3zqhybgaboc8f4ur1blghgtx0gqzlzm6jcueysvjxtttvwmohittrs8ode8sc0rgu4i7;</t>
  </si>
  <si>
    <t>massa rdm 10-2019.xls</t>
  </si>
  <si>
    <t>0]�5,111,1110555955,1573935831301,[],[]]],false]",jbulg\",null,r2jnncmdqt862zvrwg7o3um6drxg1etgffib1pa7skvtd0e7dryh46i0kb9gvvkof_f8j3xigabtkyatuzzml-i9oqtsg-resp1weye_hqe7qowcz3cvxskhrcqvutjjbdwz69cmtwm21se7rjtatr0mhh-xiyp57wynznfsd7a4b2kzh60fg20z4je4ga2e0gqbm9pyv0dn1ygsoextmeyn8qm4nfsvz0xzcmk3cxqjymxmyd9medihvzraxoyqlyobr8si1x3zqhybgaboc8f4ur1blghgtx0gqzlzm6jcueysvjxtttvwmohittrs8ode8sc0rgu4i6,r2jnncmdqt862zvrwg7o3um6drxg1etgffib1pa7skvtd0e7dryh46i0kb9gvvkof_f8j3xigabtkyatuzzml-i9oqtsg-resp1weye_hqe7qowcz3cvxskhrcqvutjjbdwz69cmtwm21se7rjtatr0mhh-xiyp57wynznfsd7a4b2kzh60fg20z4je4ga2e0gqbm9pyv0dn1ygsoextmeyn8qm4nfsvz0xzcmk3cxqjymxmyd9medihvzraxoyqlyobr8si1x3zqhybgaboc8f4ur1blghgtx0gqzlzm6jcueysvjxtttvwmohittrs8ode8sc0rgu4i7</t>
  </si>
  <si>
    <t>11/15/2019 23:40:01</t>
  </si>
  <si>
    <t>11/18/2019 08:45:23</t>
  </si>
  <si>
    <t>C:\Users\leandrolds\Desktop\</t>
  </si>
  <si>
    <t>BASE URR.xlsb</t>
  </si>
  <si>
    <t>D:\BASE URR.xlsb</t>
  </si>
  <si>
    <t>11/15/2019 23:40:29</t>
  </si>
  <si>
    <t>IGEST_URR_FAT_RAM_102019_ALELO.xlsx</t>
  </si>
  <si>
    <t>D:\IGEST_URR_FAT_RAM_102019_ALELO.xlsx</t>
  </si>
  <si>
    <t>11/15/2019 23:40:59</t>
  </si>
  <si>
    <t>IGEST_URR_FAT_RAM_082019_ALELO.xlsx</t>
  </si>
  <si>
    <t>D:\IGEST_URR_FAT_RAM_082019_ALELO.xlsx</t>
  </si>
  <si>
    <t>11/15/2019 23:41:28</t>
  </si>
  <si>
    <t>IGEST_URR_FAT_RAM_092019_ALELO.xlsx</t>
  </si>
  <si>
    <t>D:\IGEST_URR_FAT_RAM_092019_ALELO.xlsx</t>
  </si>
  <si>
    <t>11/18/2019 08:43:40</t>
  </si>
  <si>
    <t>11/18/2019 08:46:24</t>
  </si>
  <si>
    <t>ENC: [CEMAR] - FROTA</t>
  </si>
  <si>
    <t>Estudo Veículos projeto CEMAR.xlsx</t>
  </si>
  <si>
    <t>11/18/2019 08:43:52</t>
  </si>
  <si>
    <t>Tech 18-11</t>
  </si>
  <si>
    <t>Chamados 18-11.xlsx</t>
  </si>
  <si>
    <t>11/18/2019 08:44:18</t>
  </si>
  <si>
    <t>11/18/2019 08:47:23</t>
  </si>
  <si>
    <t>11/18/2019 08:44:57</t>
  </si>
  <si>
    <t>11/18/2019 08:45:14</t>
  </si>
  <si>
    <t>11/18/2019 08:46:08</t>
  </si>
  <si>
    <t>11/18/2019 08:43:26</t>
  </si>
  <si>
    <t>ENC: Antecipações DELL _ 2020</t>
  </si>
  <si>
    <t>DELL _ TI .xlsx</t>
  </si>
  <si>
    <t>11/18/2019 08:51:23</t>
  </si>
  <si>
    <t>FormulÃ¡rio TTV - LanÃ§amento de Hora Extra 18.11 (2).xlsx</t>
  </si>
  <si>
    <t>11/18/2019 08:46:17</t>
  </si>
  <si>
    <t>11/18/2019 08:47:02</t>
  </si>
  <si>
    <t>11/18/2019 08:52:24</t>
  </si>
  <si>
    <t>C:\Users\mariannacsm\OneDrive - Grupo Algar\0- PMO-POOL\PMO\CAPEX\CONSOLIDAÇÃO CAPEX 2020\TECNOLOGIA\Antecipações DELL _ 2020 .msg\s117\</t>
  </si>
  <si>
    <t>DELL _ TI.xlsx</t>
  </si>
  <si>
    <t>11/14/2019 17:59:04</t>
  </si>
  <si>
    <t>/o=exchangelabs/ou=exchange administrative group (fydibohf23spdlt)/cn=recipients/cn=49af12246d2746008617ced5a3abafc3-daniel de s;/o=exchangelabs/ou=exchange administrative group (fydibohf23spdlt)/cn=recipients/cn=8c89829ad534498fa4c85b5ac11174f1-suelen more;/o=exchangelabs/ou=exchange administrative group (fydibohf23spdlt)/cn=recipients/cn=b194f014572c4c36b52132f9199df1aa-jairo junio;</t>
  </si>
  <si>
    <t>OPP IPHAN - GOVERNO PREGÂO</t>
  </si>
  <si>
    <t>Precificação Iphan_V4.xlsb</t>
  </si>
  <si>
    <t>/o=exchangelabs/ou=exchange administrative group (fydibohf23spdlt)/cn=recipients/cn=49af12246d2746008617ced5a3abafc3-daniel de s,/o=exchangelabs/ou=exchange administrative group (fydibohf23spdlt)/cn=recipients/cn=8c89829ad534498fa4c85b5ac11174f1-suelen more,/o=exchangelabs/ou=exchange administrative group (fydibohf23spdlt)/cn=recipients/cn=b194f014572c4c36b52132f9199df1aa-jairo junio</t>
  </si>
  <si>
    <t>11/18/2019 08:53:42</t>
  </si>
  <si>
    <t>11/18/2019 08:55:23</t>
  </si>
  <si>
    <t>/o=exchangelabs/ou=exchange administrative group (fydibohf23spdlt)/cn=recipients/cn=2072905e221e44cd93713caf57a4301f-roberta igi;/o=exchangelabs/ou=exchange administrative group (fydibohf23spdlt)/cn=recipients/cn=6857e7b89b5f46e3b6aed2352ac8d5ac-carlos albe;/o=exchangelabs/ou=exchange administrative group (fydibohf23spdlt)/cn=recipients/cn=be0b59caa4dc43e39afaa089f44ef778-leonardo al;/o=exchangelabs/ou=exchange administrative group (fydibohf23spdlt)/cn=recipients/cn=d6cce5a70d504cc2ad89cee834cd59a9-luciana rib;/o=exchangelabs/ou=exchange administrative group (fydibohf23spdlt)/cn=recipients/cn=e6b7580a624e482b95aa2b9747aa6d6d-paulo sergi;amacedo@tripag.com.br;cfonseca@tripag.com.br;cynthiaf@tripag.com.br;dbpaixao@tripag.com.br;ganunes@tripag.com.br;kellyc@tripag.com.br;lucasfs@tribanco.com.br;marcosnf@tripag.com.br;oscilang@tripag.com.br;samias@tribanco.com.br;</t>
  </si>
  <si>
    <t>/o=exchangelabs/ou=exchange administrative group (fydibohf23spdlt)/cn=recipients/cn=2072905e221e44cd93713caf57a4301f-roberta igi,/o=exchangelabs/ou=exchange administrative group (fydibohf23spdlt)/cn=recipients/cn=6857e7b89b5f46e3b6aed2352ac8d5ac-carlos albe,/o=exchangelabs/ou=exchange administrative group (fydibohf23spdlt)/cn=recipients/cn=be0b59caa4dc43e39afaa089f44ef778-leonardo al,/o=exchangelabs/ou=exchange administrative group (fydibohf23spdlt)/cn=recipients/cn=d6cce5a70d504cc2ad89cee834cd59a9-luciana rib,/o=exchangelabs/ou=exchange administrative group (fydibohf23spdlt)/cn=recipients/cn=e6b7580a624e482b95aa2b9747aa6d6d-paulo sergi,amacedo@tripag.com.br,cfonseca@tripag.com.br,cynthiaf@tripag.com.br,dbpaixao@tripag.com.br,ganunes@tripag.com.br,kellyc@tripag.com.br,lucasfs@tribanco.com.br,marcosnf@tripag.com.br,oscilang@tripag.com.br,samias@tribanco.com.br</t>
  </si>
  <si>
    <t>11/18/2019 08:53:31</t>
  </si>
  <si>
    <t>11/18/2019 08:57:24</t>
  </si>
  <si>
    <t>semana - 47.xls</t>
  </si>
  <si>
    <t>11/18/2019 08:53:44</t>
  </si>
  <si>
    <t>11/18/2019 08:54:14</t>
  </si>
  <si>
    <t>11/18/2019 08:58:43</t>
  </si>
  <si>
    <t>11/18/2019 09:01:24</t>
  </si>
  <si>
    <t>10.12.243.124</t>
  </si>
  <si>
    <t>11/18/2019 09:03:00</t>
  </si>
  <si>
    <t>11/18/2019 09:04:23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3d76664d4bc241c487f06913aba47ca9-rafael da s;/o=exchangelabs/ou=exchange administrative group (fydibohf23spdlt)/cn=recipients/cn=54abac0a4fdc4ad1bec39bb51d85eab1-victor hugo;/o=exchangelabs/ou=exchange administrative group (fydibohf23spdlt)/cn=recipients/cn=5cdc4a7b917a447c993600ca829a0a39-elisangela;/o=exchangelabs/ou=exchange administrative group (fydibohf23spdlt)/cn=recipients/cn=5f7164c2a89543b4964bf0b338d00f87-samar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3d76664d4bc241c487f06913aba47ca9-rafael da s,/o=exchangelabs/ou=exchange administrative group (fydibohf23spdlt)/cn=recipients/cn=54abac0a4fdc4ad1bec39bb51d85eab1-victor hugo,/o=exchangelabs/ou=exchange administrative group (fydibohf23spdlt)/cn=recipients/cn=5cdc4a7b917a447c993600ca829a0a39-elisangela,/o=exchangelabs/ou=exchange administrative group (fydibohf23spdlt)/cn=recipients/cn=5f7164c2a89543b4964bf0b338d00f87-samar</t>
  </si>
  <si>
    <t>11/18/2019 09:00:30</t>
  </si>
  <si>
    <t>11/18/2019 09:05:24</t>
  </si>
  <si>
    <t>Controle de penalidades setembro 2019 - justificativas</t>
  </si>
  <si>
    <t>RES Controle de Penalidades - Setembro2019.msg\s1\</t>
  </si>
  <si>
    <t>11/18/2019 09:01:26</t>
  </si>
  <si>
    <t>11/18/2019 09:06:23</t>
  </si>
  <si>
    <t>/o=exchangelabs/ou=exchange administrative group (fydibohf23spdlt)/cn=recipients/cn=5ab64dc5178e4d66aadc5f660807b2c3-andre gomes;/o=exchangelabs/ou=exchange administrative group (fydibohf23spdlt)/cn=recipients/cn=cee041e3afc5419faa2273808d5b57ff-priscila de;</t>
  </si>
  <si>
    <t>Políticas de Incentivos</t>
  </si>
  <si>
    <t>Políticas Incentivos.xlsx</t>
  </si>
  <si>
    <t>/o=exchangelabs/ou=exchange administrative group (fydibohf23spdlt)/cn=recipients/cn=5ab64dc5178e4d66aadc5f660807b2c3-andre gomes,/o=exchangelabs/ou=exchange administrative group (fydibohf23spdlt)/cn=recipients/cn=cee041e3afc5419faa2273808d5b57ff-priscila de</t>
  </si>
  <si>
    <t>11/13/2019 11:21:58</t>
  </si>
  <si>
    <t>10.201.28.36</t>
  </si>
  <si>
    <t>priscilacy@algartech.com;</t>
  </si>
  <si>
    <t>Arquivo Prévia 11.2019 Ajustado.xlsx</t>
  </si>
  <si>
    <t>priscilacy@algartech.com</t>
  </si>
  <si>
    <t>11/13/2019 11:23:06</t>
  </si>
  <si>
    <t>11/18/2019 09:07:24</t>
  </si>
  <si>
    <t>11/13/2019 11:23:31</t>
  </si>
  <si>
    <t>11/13/2019 11:27:43</t>
  </si>
  <si>
    <t>11/18/2019 09:08:48</t>
  </si>
  <si>
    <t>11/18/2019 09:10:23</t>
  </si>
  <si>
    <t>RES: Controle de penalidades setembro 2019 - justificativas</t>
  </si>
  <si>
    <t>Controle de Penalidades de Stembro 2019 -JUSTIFICATIVAS.xlsx</t>
  </si>
  <si>
    <t>11/18/2019 09:07:58</t>
  </si>
  <si>
    <t>ENC: Férias Naira</t>
  </si>
  <si>
    <t>ESCALA NOVEMBRO - DEZEMBRO- 2019 -.xlsx</t>
  </si>
  <si>
    <t>11/18/2019 09:08:46</t>
  </si>
  <si>
    <t>11/18/2019 09:11:24</t>
  </si>
  <si>
    <t>Seguue</t>
  </si>
  <si>
    <t>PLANO DE AÇÃO_ns.xls</t>
  </si>
  <si>
    <t>11/18/2019 09:06:40</t>
  </si>
  <si>
    <t>ENC: Políticas de Incentivos</t>
  </si>
  <si>
    <t>11/14/2019 09:40:12</t>
  </si>
  <si>
    <t>11/18/2019 09:12:24</t>
  </si>
  <si>
    <t>C:\Users\camilat\OneDrive - Grupo Algar\MEUS\Curso Estatistica\</t>
  </si>
  <si>
    <t>CADERNO DE EXERCÍCIOS (2).xls</t>
  </si>
  <si>
    <t>11/14/2019 10:29:59</t>
  </si>
  <si>
    <t>C:\Users\camilat\OneDrive - Grupo Algar\GERENCIAL\FINANCEIRO\Faturamento\340500033\NOVEMBRO 19 - Copia\</t>
  </si>
  <si>
    <t>11/14/2019 10:30:00</t>
  </si>
  <si>
    <t>Emissão Extra Base Line Novembro 2019.xlsx</t>
  </si>
  <si>
    <t>11/14/2019 10:34:19</t>
  </si>
  <si>
    <t>2019-09 - Cassio Borges - Copia.xlsx</t>
  </si>
  <si>
    <t>11/14/2019 10:50:42</t>
  </si>
  <si>
    <t>2019-11 - Cassio Borges - Copia.xlsx</t>
  </si>
  <si>
    <t>11/14/2019 14:49:56</t>
  </si>
  <si>
    <t>cassiomb@algartecnologia.com.br;luciane.moura@bradesco.com.br;paulorsk@algartech.com;tatianeeg@algartech.com;</t>
  </si>
  <si>
    <t>2019-11 - Thalles.xlsx</t>
  </si>
  <si>
    <t>cassiomb@algartecnologia.com.br,luciane.moura@bradesco.com.br,paulorsk@algartech.com,tatianeeg@algartech.com</t>
  </si>
  <si>
    <t>2019-11 - Cassio Borges.xlsx</t>
  </si>
  <si>
    <t>11/14/2019 14:55:41</t>
  </si>
  <si>
    <t>2019-11 - Thalles - Copia.xlsx</t>
  </si>
  <si>
    <t>11/14/2019 15:26:32</t>
  </si>
  <si>
    <t>2019-11 - Leila.xlsx</t>
  </si>
  <si>
    <t>11/14/2019 15:28:51</t>
  </si>
  <si>
    <t>C:\Users\camilat\OneDrive - Grupo Algar\GERENCIAL\FINANCEIRO\Faturamento\340500033\DEZEMBRO 19\</t>
  </si>
  <si>
    <t>Faturamento Consultoria Algar - Dezembro 2019.xlsm</t>
  </si>
  <si>
    <t>11/14/2019 15:44:38</t>
  </si>
  <si>
    <t>Planilha de Rateio INFRA Dezembro 2019.xlsx</t>
  </si>
  <si>
    <t>11/14/2019 15:47:59</t>
  </si>
  <si>
    <t>11/14/2019 15:48:08</t>
  </si>
  <si>
    <t>11/14/2019 15:52:30</t>
  </si>
  <si>
    <t>11/14/2019 17:13:48</t>
  </si>
  <si>
    <t>Solicitações de Férias Irregulares - Scheila Herrero - Copia.xls</t>
  </si>
  <si>
    <t>11/18/2019 09:09:22</t>
  </si>
  <si>
    <t>11/18/2019 09:14:24</t>
  </si>
  <si>
    <t>/o=exchangelabs/ou=exchange administrative group (fydibohf23spdlt)/cn=recipients/cn=55f846c335d7437f892f0b0d49c89e92-celma ribei;/o=exchangelabs/ou=exchange administrative group (fydibohf23spdlt)/cn=recipients/cn=carlos henrique vilarinho_db6c0fb3df;</t>
  </si>
  <si>
    <t>/o=exchangelabs/ou=exchange administrative group (fydibohf23spdlt)/cn=recipients/cn=55f846c335d7437f892f0b0d49c89e92-celma ribei,/o=exchangelabs/ou=exchange administrative group (fydibohf23spdlt)/cn=recipients/cn=carlos henrique vilarinho_db6c0fb3df</t>
  </si>
  <si>
    <t>11/18/2019 09:11:27</t>
  </si>
  <si>
    <t>ENC: BP Operação Overlap</t>
  </si>
  <si>
    <t>11/18/2019 09:13:59</t>
  </si>
  <si>
    <t>11/18/2019 09:15:23</t>
  </si>
  <si>
    <t>/o=exchangelabs/ou=exchange administrative group (fydibohf23spdlt)/cn=recipients/cn=7010366a38334f4ea93ff55da14a3fd0-supervisore;assistenteoperacionalfrd@algartech.com.br;</t>
  </si>
  <si>
    <t>ENC: Migração Google - Associados da rede segregada Bradesco</t>
  </si>
  <si>
    <t>/o=exchangelabs/ou=exchange administrative group (fydibohf23spdlt)/cn=recipients/cn=7010366a38334f4ea93ff55da14a3fd0-supervisore,assistenteoperacionalfrd@algartech.com.br</t>
  </si>
  <si>
    <t>11/18/2019 09:13:31</t>
  </si>
  <si>
    <t>11/18/2019 09:16:24</t>
  </si>
  <si>
    <t>mail.google.com/_/upload?authuser=0&amp;dcp=asu-n&amp;upload_id=AEnB2UpUr9g8O5R0uaql68SqxE5IIN-trcUCd--AdojVn7SMYfjTnqgd56GlUbKg3oPwvxM9LclNoGmib86rEJCwCO5LqmCFlw&amp;upload_protocol=resumable</t>
  </si>
  <si>
    <t>Atividades-ANF34 - UR_18_11_19 (2) (1) M.A.xlsx</t>
  </si>
  <si>
    <t>11/17/2019 11:42:13</t>
  </si>
  <si>
    <t>11/18/2019 09:19:24</t>
  </si>
  <si>
    <t>D:\RODRIGO\PARTICULAR\FOTOS\2019\11 - Novembro\Backup cel Karla\documentos\</t>
  </si>
  <si>
    <t>Calendário%20AADL%202019.xlsx</t>
  </si>
  <si>
    <t>G:\2019\11 - Novembro\Backup cel Karla\documentos\Calendário%20AADL%202019.xlsx</t>
  </si>
  <si>
    <t>11/17/2019 11:42:15</t>
  </si>
  <si>
    <t>LISTA ROTINA - clientes alphavile 2.xlsx</t>
  </si>
  <si>
    <t>G:\2019\11 - Novembro\Backup cel Karla\documentos\LISTA ROTINA - clientes alphavile 2.xlsx</t>
  </si>
  <si>
    <t>LISTA ROTINA.xlsx</t>
  </si>
  <si>
    <t>G:\2019\11 - Novembro\Backup cel Karla\documentos\LISTA ROTINA.xlsx</t>
  </si>
  <si>
    <t>11/13/2019 17:55:02</t>
  </si>
  <si>
    <t>11/18/2019 09:23:24</t>
  </si>
  <si>
    <t>11/18/2019 09:25:37</t>
  </si>
  <si>
    <t>11/18/2019 09:27:23</t>
  </si>
  <si>
    <t>solicitações de férias irregulares - caroll rezende.xls</t>
  </si>
  <si>
    <t>11/18/2019 09:28:15</t>
  </si>
  <si>
    <t>11/18/2019 09:30:24</t>
  </si>
  <si>
    <t>/o=exchangelabs/ou=exchange administrative group (fydibohf23spdlt)/cn=recipients/cn=554d2cdc1361428a8f1cbe37bb559534-caroline fe;/o=exchangelabs/ou=exchange administrative group (fydibohf23spdlt)/cn=recipients/cn=56dc126fba5b4a5f8fb1cd7e4f10477d-thais olive;/o=exchangelabs/ou=exchange administrative group (fydibohf23spdlt)/cn=recipients/cn=c34f1ae7ba484a33bbcd3ef2d8a2ff15-sandra borg;sandra.borges@temposervicos.com.br;vanessa.freitag@bradesco.com.br;</t>
  </si>
  <si>
    <t>UHV SPENDING BACK e LAST 10 - Outubro/19</t>
  </si>
  <si>
    <t>UHV_ALGAR_20191109.zip\</t>
  </si>
  <si>
    <t>UHV_ALGAR_20191109.xlsx</t>
  </si>
  <si>
    <t>/o=exchangelabs/ou=exchange administrative group (fydibohf23spdlt)/cn=recipients/cn=554d2cdc1361428a8f1cbe37bb559534-caroline fe,/o=exchangelabs/ou=exchange administrative group (fydibohf23spdlt)/cn=recipients/cn=56dc126fba5b4a5f8fb1cd7e4f10477d-thais olive,/o=exchangelabs/ou=exchange administrative group (fydibohf23spdlt)/cn=recipients/cn=c34f1ae7ba484a33bbcd3ef2d8a2ff15-sandra borg,sandra.borges@temposervicos.com.br,vanessa.freitag@bradesco.com.br</t>
  </si>
  <si>
    <t>11/18/2019 09:29:31</t>
  </si>
  <si>
    <t>11/18/2019 09:31:23</t>
  </si>
  <si>
    <t>0ANALYSIS_PATTERN - 2019-11-18T092859.557.csv</t>
  </si>
  <si>
    <t>11/18/2019 09:27:20</t>
  </si>
  <si>
    <t>11/18/2019 09:32:24</t>
  </si>
  <si>
    <t>Solicitações de Férias Irregulares - Caroll Rezende.xls</t>
  </si>
  <si>
    <t>11/18/2019 09:35:12</t>
  </si>
  <si>
    <t>11/18/2019 09:36:24</t>
  </si>
  <si>
    <t>0ANALYSIS_PATTERN - 2019-11-18T093245.826.csv</t>
  </si>
  <si>
    <t>11/18/2019 09:37:58</t>
  </si>
  <si>
    <t>11/18/2019 09:41:24</t>
  </si>
  <si>
    <t>/o=exchangelabs/ou=exchange administrative group (fydibohf23spdlt)/cn=recipients/cn=8b1ee9849bf1448b965d2e381d782565-gabriel viv;/o=exchangelabs/ou=exchange administrative group (fydibohf23spdlt)/cn=recipients/cn=92f840270c3143f3a4d11a96cbe1c928-marcela car;/o=exchangelabs/ou=exchange administrative group (fydibohf23spdlt)/cn=recipients/cn=c29ec9dae022497281c840087cccddec-patricia ar;lucianagd@algartech.com;</t>
  </si>
  <si>
    <t>Novo Mailing CIMI</t>
  </si>
  <si>
    <t>Mailing_18112019.xlsx</t>
  </si>
  <si>
    <t>/o=exchangelabs/ou=exchange administrative group (fydibohf23spdlt)/cn=recipients/cn=8b1ee9849bf1448b965d2e381d782565-gabriel viv,/o=exchangelabs/ou=exchange administrative group (fydibohf23spdlt)/cn=recipients/cn=92f840270c3143f3a4d11a96cbe1c928-marcela car,/o=exchangelabs/ou=exchange administrative group (fydibohf23spdlt)/cn=recipients/cn=c29ec9dae022497281c840087cccddec-patricia ar,lucianagd@algartech.com</t>
  </si>
  <si>
    <t>11/18/2019 09:41:03</t>
  </si>
  <si>
    <t>11/18/2019 09:44:23</t>
  </si>
  <si>
    <t>10.200.57.72</t>
  </si>
  <si>
    <t>11/18/2019 09:40:10</t>
  </si>
  <si>
    <t>11/18/2019 09:45:24</t>
  </si>
  <si>
    <t>/o=exchangelabs/ou=exchange administrative group (fydibohf23spdlt)/cn=recipients/cn=4adb6e0b3de84bf2bfdb543494159749-leandro lim;/o=exchangelabs/ou=exchange administrative group (fydibohf23spdlt)/cn=recipients/cn=804f4398b96748e7962c1608bfe4071a-hewerson go;/o=exchangelabs/ou=exchange administrative group (fydibohf23spdlt)/cn=recipients/cn=8f185d9b3bd9437bbda2e6edb3323202-natalia men;</t>
  </si>
  <si>
    <t>ENC: RES: Proposta comercial Máscara para acompanhar SMS</t>
  </si>
  <si>
    <t>/o=exchangelabs/ou=exchange administrative group (fydibohf23spdlt)/cn=recipients/cn=4adb6e0b3de84bf2bfdb543494159749-leandro lim,/o=exchangelabs/ou=exchange administrative group (fydibohf23spdlt)/cn=recipients/cn=804f4398b96748e7962c1608bfe4071a-hewerson go,/o=exchangelabs/ou=exchange administrative group (fydibohf23spdlt)/cn=recipients/cn=8f185d9b3bd9437bbda2e6edb3323202-natalia men</t>
  </si>
  <si>
    <t>11/18/2019 09:43:41</t>
  </si>
  <si>
    <t>11/18/2019 09:50:23</t>
  </si>
  <si>
    <t>boadquirente@useunica.com.br;</t>
  </si>
  <si>
    <t>ENC: Ausência de Arq. de Venda #MD201911008271#</t>
  </si>
  <si>
    <t>Lista de transações - BURITI.xls</t>
  </si>
  <si>
    <t>boadquirente@useunica.com.br</t>
  </si>
  <si>
    <t>11/18/2019 09:47:17</t>
  </si>
  <si>
    <t>D:\OneDrive\AlgarTech\Pré-Vendas\Cliente\2019\A100\215365 - Monitoramento AC Sub 12 via BMS\RES_ Classificação de ativos - Projeto_ Monitoramento ar condicionado subestação 1 e 2.msg\s139\</t>
  </si>
  <si>
    <t>11/18/2019 09:49:29</t>
  </si>
  <si>
    <t>D:\OneDrive\AlgarTech\Pré-Vendas\Cliente\2019\A100\215365 - Monitoramento AC Sub 12 via BMS\</t>
  </si>
  <si>
    <t>11/18/2019 09:50:01</t>
  </si>
  <si>
    <t>11/16/2019 12:48:39</t>
  </si>
  <si>
    <t>11/18/2019 09:51:24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fileSize%2Cowners(kind%2CpermissionId%2CdisplayName%2Cpicture%2CemailAddress%2Cdomain%2Cid)%2ClastModifyingUser(kind%2CpermissionId%2CdisplayName%2Cpicture%2CemailAddress%2Cid)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Subscribed%2CtrashingUser(kind%2CpermissionId%2Cdisplay</t>
  </si>
  <si>
    <t>11/18/2019 09:50:55</t>
  </si>
  <si>
    <t>11/18/2019 09:52:23</t>
  </si>
  <si>
    <t>2019-11 - Scheila.xlsx</t>
  </si>
  <si>
    <t>11/18/2019 09:55:35</t>
  </si>
  <si>
    <t>11/18/2019 09:56:23</t>
  </si>
  <si>
    <t>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90878932db2a45bb924c0e3aac6d5da2-jonatas lem;/o=exchangelabs/ou=exchange administrative group (fydibohf23spdlt)/cn=recipients/cn=a4ba92cba10f4fe498074594f937f3b6-leandro lop;/o=exchangelabs/ou=exchange administrative group (fydibohf23spdlt)/cn=recipients/cn=a78f7dae304e472e9f75bd537683f6e5-hugo de oli;/o=exchangelabs/ou=exchange administrative group (fydibohf23spdlt)/cn=recipients/cn=e894bfa401c848dc9e25ced4ad1f3dd7-luciana fer;rafaelabsz@algartech.com.br;wesleymb@algartech.com.br;</t>
  </si>
  <si>
    <t>Pendentes na Auditoria.xlsx</t>
  </si>
  <si>
    <t>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90878932db2a45bb924c0e3aac6d5da2-jonatas lem,/o=exchangelabs/ou=exchange administrative group (fydibohf23spdlt)/cn=recipients/cn=a4ba92cba10f4fe498074594f937f3b6-leandro lop,/o=exchangelabs/ou=exchange administrative group (fydibohf23spdlt)/cn=recipients/cn=a78f7dae304e472e9f75bd537683f6e5-hugo de oli,/o=exchangelabs/ou=exchange administrative group (fydibohf23spdlt)/cn=recipients/cn=e894bfa401c848dc9e25ced4ad1f3dd7-luciana fer,rafaelabsz@algartech.com.br,wesleymb@algartech.com.br</t>
  </si>
  <si>
    <t>11/18/2019 09:54:59</t>
  </si>
  <si>
    <t>Chamado 829637</t>
  </si>
  <si>
    <t>Cópia de ANX_CATEGORIZACAO_-_UCB_18_11_2019 (002).xls</t>
  </si>
  <si>
    <t>11/18/2019 09:54:08</t>
  </si>
  <si>
    <t>Status report_14112019_envio.xlsx</t>
  </si>
  <si>
    <t>11/18/2019 09:58:21</t>
  </si>
  <si>
    <t>11/18/2019 09:59:24</t>
  </si>
  <si>
    <t>/o=exchangelabs/ou=exchange administrative group (fydibohf23spdlt)/cn=recipients/cn=a4ba92cba10f4fe498074594f937f3b6-leandro lop;/o=exchangelabs/ou=exchange administrative group (fydibohf23spdlt)/cn=recipients/cn=cac18c5388b04f6d979d1bc87a08825a-marcopaulo;/o=exchangelabs/ou=exchange administrative group (fydibohf23spdlt)/cn=recipients/cn=f45617401bdf436baf70c45766699413-frederico b;elton.costa@quilleconsultoria.com.br;</t>
  </si>
  <si>
    <t>As 26 TOP</t>
  </si>
  <si>
    <t>/o=exchangelabs/ou=exchange administrative group (fydibohf23spdlt)/cn=recipients/cn=a4ba92cba10f4fe498074594f937f3b6-leandro lop,/o=exchangelabs/ou=exchange administrative group (fydibohf23spdlt)/cn=recipients/cn=cac18c5388b04f6d979d1bc87a08825a-marcopaulo,/o=exchangelabs/ou=exchange administrative group (fydibohf23spdlt)/cn=recipients/cn=f45617401bdf436baf70c45766699413-frederico b,elton.costa@quilleconsultoria.com.br</t>
  </si>
  <si>
    <t>11/18/2019 09:55:48</t>
  </si>
  <si>
    <t>11/18/2019 10:00:23</t>
  </si>
  <si>
    <t>Classificacao_de_Ativos_-_ALGAR_TECH_Monitoramento_ar_condicionado_subestacao_1_e_1.xlsx</t>
  </si>
  <si>
    <t>11/18/2019 09:56:22</t>
  </si>
  <si>
    <t>11/18/2019 09:59:44</t>
  </si>
  <si>
    <t>11/18/2019 10:01:24</t>
  </si>
  <si>
    <t>11/18/2019 10:01:38</t>
  </si>
  <si>
    <t>11/18/2019 10:05:24</t>
  </si>
  <si>
    <t>11/18/2019 10:04:05</t>
  </si>
  <si>
    <t>/o=exchangelabs/ou=exchange administrative group (fydibohf23spdlt)/cn=recipients/cn=2072905e221e44cd93713caf57a4301f-roberta igi;/o=exchangelabs/ou=exchange administrative group (fydibohf23spdlt)/cn=recipients/cn=6857e7b89b5f46e3b6aed2352ac8d5ac-carlos albe;/o=exchangelabs/ou=exchange administrative group (fydibohf23spdlt)/cn=recipients/cn=be0b59caa4dc43e39afaa089f44ef778-leonardo al;/o=exchangelabs/ou=exchange administrative group (fydibohf23spdlt)/cn=recipients/cn=d6cce5a70d504cc2ad89cee834cd59a9-luciana rib;/o=exchangelabs/ou=exchange administrative group (fydibohf23spdlt)/cn=recipients/cn=e6b7580a624e482b95aa2b9747aa6d6d-paulo sergi;asoares@tribanco.com.br;cynthiaf@tripag.com.br;kamilap@tripag.com.br;lrocha@tribanco.com.br;lucasfs@tribanco.com.br;marcosnf@tripag.com.br;</t>
  </si>
  <si>
    <t>/o=exchangelabs/ou=exchange administrative group (fydibohf23spdlt)/cn=recipients/cn=2072905e221e44cd93713caf57a4301f-roberta igi,/o=exchangelabs/ou=exchange administrative group (fydibohf23spdlt)/cn=recipients/cn=6857e7b89b5f46e3b6aed2352ac8d5ac-carlos albe,/o=exchangelabs/ou=exchange administrative group (fydibohf23spdlt)/cn=recipients/cn=be0b59caa4dc43e39afaa089f44ef778-leonardo al,/o=exchangelabs/ou=exchange administrative group (fydibohf23spdlt)/cn=recipients/cn=d6cce5a70d504cc2ad89cee834cd59a9-luciana rib,/o=exchangelabs/ou=exchange administrative group (fydibohf23spdlt)/cn=recipients/cn=e6b7580a624e482b95aa2b9747aa6d6d-paulo sergi,asoares@tribanco.com.br,cynthiaf@tripag.com.br,kamilap@tripag.com.br,lrocha@tribanco.com.br,lucasfs@tribanco.com.br,marcosnf@tripag.com.br</t>
  </si>
  <si>
    <t>11/18/2019 10:04:24</t>
  </si>
  <si>
    <t>11/18/2019 10:07:24</t>
  </si>
  <si>
    <t>/o=exchangelabs/ou=exchange administrative group (fydibohf23spdlt)/cn=recipients/cn=010c9ad8a2ca4b90b7642d039dda856e-karolyne ca;/o=exchangelabs/ou=exchange administrative group (fydibohf23spdlt)/cn=recipients/cn=204079a0e50e40a6a37bf2241ef87bf2-juliana can;/o=exchangelabs/ou=exchange administrative group (fydibohf23spdlt)/cn=recipients/cn=33eadc062e4e444685992c7de4b20cbb-ana carolin;/o=exchangelabs/ou=exchange administrative group (fydibohf23spdlt)/cn=recipients/cn=365a174aa87c4e7791042b5696995b1b-marcos rola;/o=exchangelabs/ou=exchange administrative group (fydibohf23spdlt)/cn=recipients/cn=4661e55ca89b4e56a85d5bce819cc072-luana cunha;/o=exchangelabs/ou=exchange administrative group (fydibohf23spdlt)/cn=recipients/cn=4b24b2427dcd4bed878aaa73381ba047-pcp - plane;/o=exchangelabs/ou=exchange administrative group (fydibohf23spdlt)/cn=recipients/cn=545f738e0fe740ba856f4eb6ef0135e0-vinicius si;/o=exchangelabs/ou=exchange administrative group (fydibohf23spdlt)/cn=recipients/cn=5cff907b7abb465c8dbe10257a462656-dieg</t>
  </si>
  <si>
    <t>ENC: &gt;&gt;&gt;&gt;&gt;Relatório de Férias&lt;&lt;&lt;&lt;&lt;</t>
  </si>
  <si>
    <t>RES FLUXO DE SOLICITAÇÃO DE FÉRIAS Torre GRC.msg\s1\</t>
  </si>
  <si>
    <t>/o=exchangelabs/ou=exchange administrative group (fydibohf23spdlt)/cn=recipients/cn=010c9ad8a2ca4b90b7642d039dda856e-karolyne ca,/o=exchangelabs/ou=exchange administrative group (fydibohf23spdlt)/cn=recipients/cn=204079a0e50e40a6a37bf2241ef87bf2-juliana can,/o=exchangelabs/ou=exchange administrative group (fydibohf23spdlt)/cn=recipients/cn=33eadc062e4e444685992c7de4b20cbb-ana carolin,/o=exchangelabs/ou=exchange administrative group (fydibohf23spdlt)/cn=recipients/cn=365a174aa87c4e7791042b5696995b1b-marcos rola,/o=exchangelabs/ou=exchange administrative group (fydibohf23spdlt)/cn=recipients/cn=4661e55ca89b4e56a85d5bce819cc072-luana cunha,/o=exchangelabs/ou=exchange administrative group (fydibohf23spdlt)/cn=recipients/cn=4b24b2427dcd4bed878aaa73381ba047-pcp - plane,/o=exchangelabs/ou=exchange administrative group (fydibohf23spdlt)/cn=recipients/cn=545f738e0fe740ba856f4eb6ef0135e0-vinicius si,/o=exchangelabs/ou=exchange administrative group (fydibohf23spdlt)/cn=recipients/cn=5cff907b7abb465c8dbe10257a462656-dieg</t>
  </si>
  <si>
    <t>11/18/2019 10:06:05</t>
  </si>
  <si>
    <t>11/18/2019 10:09:24</t>
  </si>
  <si>
    <t>alessandracm@algartech.com.br;dener.rossi@temposervicos.com.br;katiargf@algartech.com;</t>
  </si>
  <si>
    <t>C:\Users\luanaaoli\Desktop\INICIATIVAS\6. Escopo B\</t>
  </si>
  <si>
    <t>Planilha extras.xlsx</t>
  </si>
  <si>
    <t>alessandracm@algartech.com.br,dener.rossi@temposervicos.com.br,katiargf@algartech.com</t>
  </si>
  <si>
    <t>11/18/2019 10:09:47</t>
  </si>
  <si>
    <t>11/18/2019 10:11:24</t>
  </si>
  <si>
    <t>mail.google.com/_/upload?authuser=0&amp;dcp=asu-n&amp;upload_id=AEnB2UooMWLKy0SwtmwtdmZwWJm6I_e0HItcfOfhdPT93AllVZY9kUfDTXmsyCwM_58u3M_cDLRcoXwj_nVV9dDqOHCvpyBBZv6Sg9S0SdzDaNJP6HXmwAw&amp;upload_protocol=resumable</t>
  </si>
  <si>
    <t>Atividades-ANF34 - UR_Não-agendada M.A.xlsx</t>
  </si>
  <si>
    <t>11/18/2019 10:07:25</t>
  </si>
  <si>
    <t>11/18/2019 10:12:24</t>
  </si>
  <si>
    <t>PARA AVALIARMOS</t>
  </si>
  <si>
    <t>11/18/2019 10:08:47</t>
  </si>
  <si>
    <t>11/18/2019 10:15:24</t>
  </si>
  <si>
    <t>/o=exchangelabs/ou=exchange administrative group (fydibohf23spdlt)/cn=recipients/cn=a0a678df991c4132bcad49c2c080f184-aline beatr;</t>
  </si>
  <si>
    <t>/o=exchangelabs/ou=exchange administrative group (fydibohf23spdlt)/cn=recipients/cn=a0a678df991c4132bcad49c2c080f184-aline beatr</t>
  </si>
  <si>
    <t>11/18/2019 10:14:39</t>
  </si>
  <si>
    <t>11/18/2019 10:19:23</t>
  </si>
  <si>
    <t>Template_-_Baixa_Manual.xlsx</t>
  </si>
  <si>
    <t>11/18/2019 10:17:06</t>
  </si>
  <si>
    <t>11/18/2019 10:20:24</t>
  </si>
  <si>
    <t>/o=exchangelabs/ou=exchange administrative group (fydibohf23spdlt)/cn=recipients/cn=11f82acf0305494bb01bbdb799d10a90-2ntricard;/o=exchangelabs/ou=exchange administrative group (fydibohf23spdlt)/cn=recipients/cn=2072905e221e44cd93713caf57a4301f-roberta igi;/o=exchangelabs/ou=exchange administrative group (fydibohf23spdlt)/cn=recipients/cn=5c78075b16fc4ec9bc2f2b01887be798-user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d6cce5a70d504cc2ad89cee834cd59a9-luciana rib;/o=exchangelabs/ou=exchange administrative group (fydibohf23spdlt)/cn=recipients/cn=e6b7580a624e482b95aa2b9747aa6d6d-paulo sergi;amacedo@tripag.com.br;asoares@tribanco.com.br;cfonseca@tripag.com.br;claudia@tripag.com.br;cynthiaf@tripag.com.br;dbrandao@tripag.</t>
  </si>
  <si>
    <t>/o=exchangelabs/ou=exchange administrative group (fydibohf23spdlt)/cn=recipients/cn=11f82acf0305494bb01bbdb799d10a90-2ntricard,/o=exchangelabs/ou=exchange administrative group (fydibohf23spdlt)/cn=recipients/cn=2072905e221e44cd93713caf57a4301f-roberta igi,/o=exchangelabs/ou=exchange administrative group (fydibohf23spdlt)/cn=recipients/cn=5c78075b16fc4ec9bc2f2b01887be798-user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d6cce5a70d504cc2ad89cee834cd59a9-luciana rib,/o=exchangelabs/ou=exchange administrative group (fydibohf23spdlt)/cn=recipients/cn=e6b7580a624e482b95aa2b9747aa6d6d-paulo sergi,amacedo@tripag.com.br,asoares@tribanco.com.br,cfonseca@tripag.com.br,claudia@tripag.com.br,cynthiaf@tripag.com.br,dbrandao@tripag.</t>
  </si>
  <si>
    <t>11/18/2019 10:18:45</t>
  </si>
  <si>
    <t>11/18/2019 10:21:23</t>
  </si>
  <si>
    <t>RES: RES: Resultados campanha - CIMI</t>
  </si>
  <si>
    <t>Status report_CIMI.xlsx</t>
  </si>
  <si>
    <t>11/18/2019 10:22:06</t>
  </si>
  <si>
    <t>11/18/2019 10:23:23</t>
  </si>
  <si>
    <t>10.200.60.203</t>
  </si>
  <si>
    <t>/o=exchangelabs/ou=exchange administrative group (fydibohf23spdlt)/cn=recipients/cn=92f840270c3143f3a4d11a96cbe1c928-marcela car;/o=exchangelabs/ou=exchange administrative group (fydibohf23spdlt)/cn=recipients/cn=f00c439d0d474c0586a503a0209ed1f2-bruno wande;/o=exchangelabs/ou=exchange administrative group (fydibohf23spdlt)/cn=recipients/cn=usere11ed38c;</t>
  </si>
  <si>
    <t>ENC: Convite - Licitação de Serviços de Contact Center Receptivo e Infraestrutura</t>
  </si>
  <si>
    <t>00 Licitação NOVA RFP MAPFRE ASSISTÊNCIA vf.docx\</t>
  </si>
  <si>
    <t>/o=exchangelabs/ou=exchange administrative group (fydibohf23spdlt)/cn=recipients/cn=92f840270c3143f3a4d11a96cbe1c928-marcela car,/o=exchangelabs/ou=exchange administrative group (fydibohf23spdlt)/cn=recipients/cn=f00c439d0d474c0586a503a0209ed1f2-bruno wande,/o=exchangelabs/ou=exchange administrative group (fydibohf23spdlt)/cn=recipients/cn=usere11ed38c</t>
  </si>
  <si>
    <t>11/18/2019 10:21:10</t>
  </si>
  <si>
    <t>11/18/2019 10:24:24</t>
  </si>
  <si>
    <t>Ebit por Cliente</t>
  </si>
  <si>
    <t>2019-2020.xls</t>
  </si>
  <si>
    <t>11/18/2019 10:22:29</t>
  </si>
  <si>
    <t>11/18/2019 10:26:24</t>
  </si>
  <si>
    <t>11/18/2019 10:24:00</t>
  </si>
  <si>
    <t>c:\users\elainemdlp\od\_projetos\em andamento\expansao next\03 - execução\avaya 20 pa\</t>
  </si>
  <si>
    <t>lista pa.xlsx</t>
  </si>
  <si>
    <t>11/18/2019 10:21:12</t>
  </si>
  <si>
    <t>Status 18-11.xlsx</t>
  </si>
  <si>
    <t>11/18/2019 10:25:56</t>
  </si>
  <si>
    <t>11/18/2019 10:25:04</t>
  </si>
  <si>
    <t>11/18/2019 10:30:24</t>
  </si>
  <si>
    <t>ENC: Report Intradiário - Atendimento Algar Tech - 13/11/2019 - Acumulado até 22hrs</t>
  </si>
  <si>
    <t>11/18/2019 10:29:39</t>
  </si>
  <si>
    <t>/o=exchangelabs/ou=exchange administrative group (fydibohf23spdlt)/cn=recipients/cn=857b2b6b70d84d3b9947cf5422f304c2-leonardo de;/o=exchangelabs/ou=exchange administrative group (fydibohf23spdlt)/cn=recipients/cn=b16974d7de334bfabfe3dee1e8e47e59-sherley cri;/o=exchangelabs/ou=exchange administrative group (fydibohf23spdlt)/cn=recipients/cn=b5ef1f826e364d2aa99a0df5d1906feb-liliane apa;cinthiamf@algartech.com;</t>
  </si>
  <si>
    <t>ENC: TICKET ID 262442 -- Criação de relatório no CRM OSC (Fusion) - Oportunidades por data criação – Operação de Vendas - TESTE NOVO RELATÓRIO: Relatório com Função - teste</t>
  </si>
  <si>
    <t>TICKET ID 262442 -- Criação de relatório no CRM OSC (Fusion) - Oportunidades por data criação Operação de Vendas.msg\s1\</t>
  </si>
  <si>
    <t>RELATORIO MODELO - Oportunidades por data criação (System Date) DETALHADO.xlsx</t>
  </si>
  <si>
    <t>/o=exchangelabs/ou=exchange administrative group (fydibohf23spdlt)/cn=recipients/cn=857b2b6b70d84d3b9947cf5422f304c2-leonardo de,/o=exchangelabs/ou=exchange administrative group (fydibohf23spdlt)/cn=recipients/cn=b16974d7de334bfabfe3dee1e8e47e59-sherley cri,/o=exchangelabs/ou=exchange administrative group (fydibohf23spdlt)/cn=recipients/cn=b5ef1f826e364d2aa99a0df5d1906feb-liliane apa,cinthiamf@algartech.com</t>
  </si>
  <si>
    <t>11/18/2019 10:26:42</t>
  </si>
  <si>
    <t>11/18/2019 10:31:23</t>
  </si>
  <si>
    <t>11/18/2019 10:31:04</t>
  </si>
  <si>
    <t>11/18/2019 10:33:23</t>
  </si>
  <si>
    <t>/o=exchangelabs/ou=exchange administrative group (fydibohf23spdlt)/cn=recipients/cn=a75579a499254c2291e852b70c4d70d1-eunice apar;andre_f_leiva@whirlpool.com;</t>
  </si>
  <si>
    <t>PLANO DE AÇÃO_ns (003).xls</t>
  </si>
  <si>
    <t>/o=exchangelabs/ou=exchange administrative group (fydibohf23spdlt)/cn=recipients/cn=a75579a499254c2291e852b70c4d70d1-eunice apar,andre_f_leiva@whirlpool.com</t>
  </si>
  <si>
    <t>11/18/2019 10:32:30</t>
  </si>
  <si>
    <t>11/18/2019 10:34:24</t>
  </si>
  <si>
    <t>11/18/2019 10:30:59</t>
  </si>
  <si>
    <t>11/18/2019 10:35:24</t>
  </si>
  <si>
    <t>ENC: Produtividade CRCe 14/11</t>
  </si>
  <si>
    <t>11/18/2019 10:31:16</t>
  </si>
  <si>
    <t>/o=exchangelabs/ou=exchange administrative group (fydibohf23spdlt)/cn=recipients/cn=5b1a099146bc4a0ba038a5237a044b28-lucas augus;/o=exchangelabs/ou=exchange administrative group (fydibohf23spdlt)/cn=recipients/cn=696f712aa5c841708a095699a50884db-luan kevem;/o=exchangelabs/ou=exchange administrative group (fydibohf23spdlt)/cn=recipients/cn=d1ca1bbb859d4bb997649640237ba7cd-paulla rena;/o=exchangelabs/ou=exchange administrative group (fydibohf23spdlt)/cn=recipients/cn=d73974a6e555442cafd74cda95746e86-denia alves;</t>
  </si>
  <si>
    <t>ENC: Categorizações EDP e Sicoob</t>
  </si>
  <si>
    <t>Categorizações Sicoob e EDP.xlsx</t>
  </si>
  <si>
    <t>/o=exchangelabs/ou=exchange administrative group (fydibohf23spdlt)/cn=recipients/cn=5b1a099146bc4a0ba038a5237a044b28-lucas augus,/o=exchangelabs/ou=exchange administrative group (fydibohf23spdlt)/cn=recipients/cn=696f712aa5c841708a095699a50884db-luan kevem,/o=exchangelabs/ou=exchange administrative group (fydibohf23spdlt)/cn=recipients/cn=d1ca1bbb859d4bb997649640237ba7cd-paulla rena,/o=exchangelabs/ou=exchange administrative group (fydibohf23spdlt)/cn=recipients/cn=d73974a6e555442cafd74cda95746e86-denia alves</t>
  </si>
  <si>
    <t>11/18/2019 10:34:59</t>
  </si>
  <si>
    <t>215365_Dimensionamento_GP.xlsx</t>
  </si>
  <si>
    <t>11/18/2019 10:33:48</t>
  </si>
  <si>
    <t>11/18/2019 10:36:24</t>
  </si>
  <si>
    <t>\\acsfs\deptos\DME\CME - Coordenacao de Marketing e Estrategia\Gestão da Área\Reuniões de Governança\Reunião Gerencial\2019\11 - Novembro\Algar Tech_4a REUGER 2019_Marketing_Vendas_Receita_V6.pptx\</t>
  </si>
  <si>
    <t>11/18/2019 10:36:11</t>
  </si>
  <si>
    <t>11/18/2019 10:40:24</t>
  </si>
  <si>
    <t>ENC: TICKET ID 262442 -- Criação de relatório no CRM OSC (Fusion) - Oportunidades por data criação – Operação de Vendas - ANEXO RELATÓRIO TESTE: Relatório com Função - teste</t>
  </si>
  <si>
    <t>11/18/2019 10:38:26</t>
  </si>
  <si>
    <t>11/18/2019 10:41:24</t>
  </si>
  <si>
    <t>6465;</t>
  </si>
  <si>
    <t>Casos Especiais.xlsx</t>
  </si>
  <si>
    <t>http://6465</t>
  </si>
  <si>
    <t>11/18/2019 10:49:24</t>
  </si>
  <si>
    <t>11/18/2019 10:50:24</t>
  </si>
  <si>
    <t>Custos Office 2019-2020 Bradesco 18112019.xlsx</t>
  </si>
  <si>
    <t>11/18/2019 06:59:37</t>
  </si>
  <si>
    <t>ACOMPANHAMENTO CAPEX 2019 v14_11.pptx</t>
  </si>
  <si>
    <t>ACOMPANHAMENTO CAPEX 2019 v14_11.pptx\</t>
  </si>
  <si>
    <t>11/18/2019 10:41:05</t>
  </si>
  <si>
    <t>11/18/2019 10:51:24</t>
  </si>
  <si>
    <t>mail.google.com/_/upload?authuser=0&amp;dcp=asu-n&amp;upload_id=AEnB2Ur5rAdyjZwQzN5vseV5VbxiKsUf3yT_S1HuhmGhuiQgN6hQApJtP7VATZdXA1dpmWbsKB_-3Da40WiDJDqoMwvnhaXhVA&amp;upload_protocol=resumable</t>
  </si>
  <si>
    <t>Atividades-ANF34 - UR_Não-agendada M.A.N.xlsx</t>
  </si>
  <si>
    <t>11/18/2019 10:48:25</t>
  </si>
  <si>
    <t>ENC: 2º Negociação (Preço meta / Target) - Processo 40143349H - Service Desk Cartões - Algartech</t>
  </si>
  <si>
    <t>11/18/2019 10:49:06</t>
  </si>
  <si>
    <t>11/18/2019 10:54:23</t>
  </si>
  <si>
    <t>10.200.60.207</t>
  </si>
  <si>
    <t>\\acsfs\DEPTOS\Controladoria\3. CSC\CONTROLES CSC\7-Orçamento 2020\Revisao Volumes 2020_v2\Viagens\</t>
  </si>
  <si>
    <t>Volumetria SV - orçamento 2020_V2.xlsx</t>
  </si>
  <si>
    <t>11/18/2019 10:49:16</t>
  </si>
  <si>
    <t>11/18/2019 10:52:05</t>
  </si>
  <si>
    <t>deboraaxm@algartech.com;fernandaman@algartech.com;francisco_cardoso@whirlpool.com;thiagorrg@algartech.com;</t>
  </si>
  <si>
    <t>Caderno de teste Reagendamento.xlsx</t>
  </si>
  <si>
    <t>deboraaxm@algartech.com,fernandaman@algartech.com,francisco_cardoso@whirlpool.com,thiagorrg@algartech.com</t>
  </si>
  <si>
    <t>11/18/2019 10:52:06</t>
  </si>
  <si>
    <t>Caderno de teste confirmação de Agenda.xlsx</t>
  </si>
  <si>
    <t>11/18/2019 10:53:37</t>
  </si>
  <si>
    <t>11/18/2019 10:51:31</t>
  </si>
  <si>
    <t>11/18/2019 10:55:24</t>
  </si>
  <si>
    <t>/o=exchangelabs/ou=exchange administrative group (fydibohf23spdlt)/cn=recipients/cn=3daf2f0b162f40c696c00f9ecbb7d69a-ana laura t;/o=exchangelabs/ou=exchange administrative group (fydibohf23spdlt)/cn=recipients/cn=c34f1ae7ba484a33bbcd3ef2d8a2ff15-sandra borg;</t>
  </si>
  <si>
    <t>RES: Quantidade CPF's UHV - Outubro/19</t>
  </si>
  <si>
    <t>Quantidade UHV.msg\s1\</t>
  </si>
  <si>
    <t>/o=exchangelabs/ou=exchange administrative group (fydibohf23spdlt)/cn=recipients/cn=3daf2f0b162f40c696c00f9ecbb7d69a-ana laura t,/o=exchangelabs/ou=exchange administrative group (fydibohf23spdlt)/cn=recipients/cn=c34f1ae7ba484a33bbcd3ef2d8a2ff15-sandra borg</t>
  </si>
  <si>
    <t>11/18/2019 10:54:51</t>
  </si>
  <si>
    <t>11/18/2019 10:55:22</t>
  </si>
  <si>
    <t>11/18/2019 10:56:23</t>
  </si>
  <si>
    <t>RES: Alteração de Skill | Troca de Device</t>
  </si>
  <si>
    <t>Controle de treinamento - NEXT - PCP - 18.11.xlsx</t>
  </si>
  <si>
    <t>11/18/2019 10:58:39</t>
  </si>
  <si>
    <t>11/18/2019 10:59:23</t>
  </si>
  <si>
    <t>fernandodps@algartech.com;janecsa@algartech.com;ricardomi@algartech.com;</t>
  </si>
  <si>
    <t>Variação escopo B.xls</t>
  </si>
  <si>
    <t>fernandodps@algartech.com,janecsa@algartech.com,ricardomi@algartech.com</t>
  </si>
  <si>
    <t>11/18/2019 10:52:45</t>
  </si>
  <si>
    <t>11/18/2019 11:00:24</t>
  </si>
  <si>
    <t>Projeto Grupo Marista</t>
  </si>
  <si>
    <t>199252 Marista Plan Precificacao C017 B017_v1 POC.xlsb</t>
  </si>
  <si>
    <t>11/18/2019 10:24:43</t>
  </si>
  <si>
    <t>11/18/2019 11:01:23</t>
  </si>
  <si>
    <t>Planilha de Fechamento Financeiro</t>
  </si>
  <si>
    <t>ORÇADO X REAL 2019 - OPERAÇÕES CINTIA NUNE3.xlsb</t>
  </si>
  <si>
    <t>11/18/2019 10:59:30</t>
  </si>
  <si>
    <t>/o=exchangelabs/ou=exchange administrative group (fydibohf23spdlt)/cn=recipients/cn=525b3060f0654996a4c2979efbfaed04-douglas sil;/o=exchangelabs/ou=exchange administrative group (fydibohf23spdlt)/cn=recipients/cn=6bc6ced03b1b4fafa41bb5c70c178940-antonio per;</t>
  </si>
  <si>
    <t>RES: Depreciação CSC</t>
  </si>
  <si>
    <t>REL_FA_PROJECAO_DEPRECIACAO_10102019_145524 Algar TEC Set_19 (1).xlsx</t>
  </si>
  <si>
    <t>/o=exchangelabs/ou=exchange administrative group (fydibohf23spdlt)/cn=recipients/cn=525b3060f0654996a4c2979efbfaed04-douglas sil,/o=exchangelabs/ou=exchange administrative group (fydibohf23spdlt)/cn=recipients/cn=6bc6ced03b1b4fafa41bb5c70c178940-antonio per</t>
  </si>
  <si>
    <t>11/18/2019 11:00:15</t>
  </si>
  <si>
    <t>11/18/2019 11:04:23</t>
  </si>
  <si>
    <t>C:\Users\gildaepma\OneDrive - Grupo Algar\backup\Orçamento csc 2ª revisão 2017\acompanhamento orçamento\</t>
  </si>
  <si>
    <t>orçamento csc 2017 - acompanhamento 2ª projeção.xlsx</t>
  </si>
  <si>
    <t>11/18/2019 11:04:04</t>
  </si>
  <si>
    <t>Variação bradesco 2020.xls</t>
  </si>
  <si>
    <t>11/18/2019 10:09:20</t>
  </si>
  <si>
    <t>11/18/2019 11:05:24</t>
  </si>
  <si>
    <t>leandro.souza@animale.com.br;sandra.duarte@bradesco.com.br;</t>
  </si>
  <si>
    <t>Bradesco Cartões - BTB</t>
  </si>
  <si>
    <t>Relatorio.xlsx</t>
  </si>
  <si>
    <t>leandro.souza@animale.com.br,sandra.duarte@bradesco.com.br</t>
  </si>
  <si>
    <t>11/18/2019 10:40:35</t>
  </si>
  <si>
    <t>sandra.duarte@bradesco.com.br;</t>
  </si>
  <si>
    <t>sandra.duarte@bradesco.com.br</t>
  </si>
  <si>
    <t>11/18/2019 11:02:02</t>
  </si>
  <si>
    <t>11/18/2019 11:06:23</t>
  </si>
  <si>
    <t>10.12.241.96</t>
  </si>
  <si>
    <t>Escala TRN - FEIRA DE PRODUTOS 18.11.xlsx</t>
  </si>
  <si>
    <t>11/18/2019 11:00:56</t>
  </si>
  <si>
    <t>Cadastro Geral 05-11 CPF.xlsx</t>
  </si>
  <si>
    <t>11/18/2019 11:05:23</t>
  </si>
  <si>
    <t>11/18/2019 11:08:24</t>
  </si>
  <si>
    <t>/o=exchangelabs/ou=exchange administrative group (fydibohf23spdlt)/cn=recipients/cn=3fc2777bb8ee48fa9fadbf3ceb1b065d-cibele anal;diegorbo@algartech.com;</t>
  </si>
  <si>
    <t>ENC: Plantio de Árvores - Diretores Algar Tech</t>
  </si>
  <si>
    <t>Arte.xlsx</t>
  </si>
  <si>
    <t>/o=exchangelabs/ou=exchange administrative group (fydibohf23spdlt)/cn=recipients/cn=3fc2777bb8ee48fa9fadbf3ceb1b065d-cibele anal,diegorbo@algartech.com</t>
  </si>
  <si>
    <t>11/18/2019 11:08:21</t>
  </si>
  <si>
    <t>11/18/2019 11:09:23</t>
  </si>
  <si>
    <t>bruna.vernalha@bradesco.com.br;daiane.alves@bradesco.com.br;denisev.carvalho@bradesco.com.br;eva.cordeiro@bradesco.com.br;fernandodps@algartech.com;janecsa@algartech.com;ricardomi@algartech.com;tatiana.bueno@bradesco.com.br;vanessa.crisan.santos@bradesco.com.br;</t>
  </si>
  <si>
    <t>\\acsfs\ACS\Suporte à Operações\02 - Faturamento\2019\12 - Dezembro\BRADESCO\</t>
  </si>
  <si>
    <t>Faturamento Dezembro.xlsb</t>
  </si>
  <si>
    <t>bruna.vernalha@bradesco.com.br,daiane.alves@bradesco.com.br,denisev.carvalho@bradesco.com.br,eva.cordeiro@bradesco.com.br,fernandodps@algartech.com,janecsa@algartech.com,ricardomi@algartech.com,tatiana.bueno@bradesco.com.br,vanessa.crisan.santos@bradesco.com.br</t>
  </si>
  <si>
    <t>11/18/2019 11:08:06</t>
  </si>
  <si>
    <t>11/18/2019 11:10:24</t>
  </si>
  <si>
    <t>/o=exchangelabs/ou=exchange administrative group (fydibohf23spdlt)/cn=recipients/cn=d05b086490f84e1380a430afb1101aa7-giofrerdane;elismael.menino@sicoob.com.br;rogerio.nascimento@sicoob.com.br;</t>
  </si>
  <si>
    <t>Duda Sicoob - Melhorias de entendimento</t>
  </si>
  <si>
    <t>Sicoob Curadoria.xlsx</t>
  </si>
  <si>
    <t>/o=exchangelabs/ou=exchange administrative group (fydibohf23spdlt)/cn=recipients/cn=d05b086490f84e1380a430afb1101aa7-giofrerdane,elismael.menino@sicoob.com.br,rogerio.nascimento@sicoob.com.br</t>
  </si>
  <si>
    <t>11/18/2019 11:09:15</t>
  </si>
  <si>
    <t>11/18/2019 11:11:23</t>
  </si>
  <si>
    <t>renanpc@algartech.com.br;</t>
  </si>
  <si>
    <t>Login Associados</t>
  </si>
  <si>
    <t>Escala Login.xlsx</t>
  </si>
  <si>
    <t>renanpc@algartech.com.br</t>
  </si>
  <si>
    <t>11/18/2019 11:10:36</t>
  </si>
  <si>
    <t>11/18/2019 11:14:24</t>
  </si>
  <si>
    <t>Solicitações de Férias Irregulares - Caroll Rezende - Copia.xls</t>
  </si>
  <si>
    <t>11/18/2019 11:11:13</t>
  </si>
  <si>
    <t>solicitações de férias irregulares - caroll rezende - copia.xls</t>
  </si>
  <si>
    <t>11/18/2019 11:18:32</t>
  </si>
  <si>
    <t>11/18/2019 11:20:24</t>
  </si>
  <si>
    <t>10.201.28.34</t>
  </si>
  <si>
    <t>11/18/2019 11:20:08</t>
  </si>
  <si>
    <t>11/18/2019 11:21:25</t>
  </si>
  <si>
    <t>Base BW % Conversão - Nov-2019 - Parcial - 17-11-19.xlsm</t>
  </si>
  <si>
    <t>11/18/2019 11:20:15</t>
  </si>
  <si>
    <t>Farol Churn - Parcial - Nov/2019 - 17/11/19</t>
  </si>
  <si>
    <t>11/18/2019 11:22:47</t>
  </si>
  <si>
    <t>11/18/2019 11:23:25</t>
  </si>
  <si>
    <t>mail.google.com/_/upload?authuser=0&amp;dcp=asu-n&amp;upload_id=AEnB2UoLC0FtNNfMcYNkxW_nrjZup7wukqz9t0e9WelYrW7EL4yzbEvskxpYD-XVYsHrgjWFXpxb1n8aaFBsNFp6F9yRIyUV6liK7eVjeV1-XIPpu8JJBcE&amp;upload_protocol=resumable</t>
  </si>
  <si>
    <t>11/18/2019 11:23:59</t>
  </si>
  <si>
    <t>11/18/2019 11:25:25</t>
  </si>
  <si>
    <t>11/18/2019 11:20:50</t>
  </si>
  <si>
    <t>11/18/2019 11:26:24</t>
  </si>
  <si>
    <t>10.207.12.77</t>
  </si>
  <si>
    <t>/o=exchangelabs/ou=exchange administrative group (fydibohf23spdlt)/cn=recipients/cn=027c2da1ea5a42378a892f895ed29947-andressa tu;/o=exchangelabs/ou=exchange administrative group (fydibohf23spdlt)/cn=recipients/cn=c514dbe8b91547adb4618232d1a650ba-afonso domi;/o=exchangelabs/ou=exchange administrative group (fydibohf23spdlt)/cn=recipients/cn=c82d742f5f1e4122a86db0495b71e095-nilton j. g;</t>
  </si>
  <si>
    <t>RES: Reajuste Johnson &amp; Johnson</t>
  </si>
  <si>
    <t>ENC Racional Reajuste 2019.xlsx.msg\s1\</t>
  </si>
  <si>
    <t>/o=exchangelabs/ou=exchange administrative group (fydibohf23spdlt)/cn=recipients/cn=027c2da1ea5a42378a892f895ed29947-andressa tu,/o=exchangelabs/ou=exchange administrative group (fydibohf23spdlt)/cn=recipients/cn=c514dbe8b91547adb4618232d1a650ba-afonso domi,/o=exchangelabs/ou=exchange administrative group (fydibohf23spdlt)/cn=recipients/cn=c82d742f5f1e4122a86db0495b71e095-nilton j. g</t>
  </si>
  <si>
    <t>11/18/2019 11:23:14</t>
  </si>
  <si>
    <t>Produtividade RAF - NOV-2019 - Parcial - 17-11-19.xlsm</t>
  </si>
  <si>
    <t>11/18/2019 11:30:12</t>
  </si>
  <si>
    <t>11/18/2019 11:31:25</t>
  </si>
  <si>
    <t>crcevmc@algartech.com.br;diegoodz@algartech.com.br;katia.barbosa@bradesco.com.br;natalia.toma@bradesco.com.br;</t>
  </si>
  <si>
    <t>RES: Emissões BTB e CPB - GR e Clean CRM:003680003062</t>
  </si>
  <si>
    <t>crcevmc@algartech.com.br,diegoodz@algartech.com.br,katia.barbosa@bradesco.com.br,natalia.toma@bradesco.com.br</t>
  </si>
  <si>
    <t>11/18/2019 11:31:03</t>
  </si>
  <si>
    <t>abilenerdm@algartech.com.br;brenotf@algartech.com.br;crcevmc@algartech.com.br;diegorm@algartech.com.br;emissaogerenciadapj@algartech.com.br;hamiltoniof@algartech.com.br;pablo.faria@temposervicos.com.br;</t>
  </si>
  <si>
    <t>RES: EMISSÃO_BTB_EMPRESA:GR SERVICOS E ALIMENTACAO LTDA. CRM:004060000297</t>
  </si>
  <si>
    <t>SDOL - GR SERVICOS E ALIMENTACAO LTDA.xlsx</t>
  </si>
  <si>
    <t>abilenerdm@algartech.com.br,brenotf@algartech.com.br,crcevmc@algartech.com.br,diegorm@algartech.com.br,emissaogerenciadapj@algartech.com.br,hamiltoniof@algartech.com.br,pablo.faria@temposervicos.com.br</t>
  </si>
  <si>
    <t>11/18/2019 11:31:14</t>
  </si>
  <si>
    <t>11/18/2019 11:32:24</t>
  </si>
  <si>
    <t>C:\Users\adrielefc\Documents\Meus Arquivos Recebidos\</t>
  </si>
  <si>
    <t>112019_Forecast de Receita Oficial_2019_V3.xlsx</t>
  </si>
  <si>
    <t>11/18/2019 11:32:00</t>
  </si>
  <si>
    <t>11/18/2019 11:33:24</t>
  </si>
  <si>
    <t>ENC: CDI Manuel</t>
  </si>
  <si>
    <t>CDI_MANUAL_(2)_(4) (5).xlsx</t>
  </si>
  <si>
    <t>11/18/2019 11:32:04</t>
  </si>
  <si>
    <t>11/18/2019 11:34:24</t>
  </si>
  <si>
    <t>/o=exchangelabs/ou=exchange administrative group (fydibohf23spdlt)/cn=recipients/cn=8b5b63d67af648d081a40c45cc800804-fabiana per;/o=exchangelabs/ou=exchange administrative group (fydibohf23spdlt)/cn=recipients/cn=bec14da9ad4d434b8151ce12587e9186-khassio mar;flavia@iclicconsultoria.com.br;janaina.arantes@bradesco.com.br;leonardoamf@algartech.com.br;</t>
  </si>
  <si>
    <t>ENC: (FCA) Ata da reunião de 05nov19</t>
  </si>
  <si>
    <t>FIAT.xlsx</t>
  </si>
  <si>
    <t>/o=exchangelabs/ou=exchange administrative group (fydibohf23spdlt)/cn=recipients/cn=8b5b63d67af648d081a40c45cc800804-fabiana per,/o=exchangelabs/ou=exchange administrative group (fydibohf23spdlt)/cn=recipients/cn=bec14da9ad4d434b8151ce12587e9186-khassio mar,flavia@iclicconsultoria.com.br,janaina.arantes@bradesco.com.br,leonardoamf@algartech.com.br</t>
  </si>
  <si>
    <t>11/18/2019 11:29:12</t>
  </si>
  <si>
    <t>11/18/2019 11:34:12</t>
  </si>
  <si>
    <t>11/18/2019 11:35:25</t>
  </si>
  <si>
    <t>c:\users\adrianamac\desktop\sedex.docx\</t>
  </si>
  <si>
    <t>11/18/2019 11:37:10</t>
  </si>
  <si>
    <t>11/18/2019 11:39:25</t>
  </si>
  <si>
    <t>/o=exchangelabs/ou=exchange administrative group (fydibohf23spdlt)/cn=recipients/cn=2f25493a7e37433d8dafca90f527b173-danubia cri;/o=exchangelabs/ou=exchange administrative group (fydibohf23spdlt)/cn=recipients/cn=7903c13fa0504ff0bc7dd2644020b0e8-mirna prado;/o=exchangelabs/ou=exchange administrative group (fydibohf23spdlt)/cn=recipients/cn=b0dffb7bae8b4669bf2555c821ef7035-daniela vie;/o=exchangelabs/ou=exchange administrative group (fydibohf23spdlt)/cn=recipients/cn=bf5c8ee8081a4a4cbf005372e2697869-tassiane ci;/o=exchangelabs/ou=exchange administrative group (fydibohf23spdlt)/cn=recipients/cn=c22b2d8de1594760baec681322c0933f-fernanda ma;/o=exchangelabs/ou=exchange administrative group (fydibohf23spdlt)/cn=recipients/cn=e174366906884bd1b4d4c5ddfc8c9433-rodrigo men;/o=exchangelabs/ou=exchange administrative group (fydibohf23spdlt)/cn=recipients/cn=e76869615b8149a9945434c66719ab6e-dayane de o;/o=exchangelabs/ou=exchange administrative group (fydibohf23spdlt)/cn=recipients/cn=f0ff087361a245daa16e71ac77ecc3f0-ivan</t>
  </si>
  <si>
    <t>ENC: Treinamento e Usuários Dynamics</t>
  </si>
  <si>
    <t>Planilha Padrão Usuários.xlsx</t>
  </si>
  <si>
    <t>/o=exchangelabs/ou=exchange administrative group (fydibohf23spdlt)/cn=recipients/cn=2f25493a7e37433d8dafca90f527b173-danubia cri,/o=exchangelabs/ou=exchange administrative group (fydibohf23spdlt)/cn=recipients/cn=7903c13fa0504ff0bc7dd2644020b0e8-mirna prado,/o=exchangelabs/ou=exchange administrative group (fydibohf23spdlt)/cn=recipients/cn=b0dffb7bae8b4669bf2555c821ef7035-daniela vie,/o=exchangelabs/ou=exchange administrative group (fydibohf23spdlt)/cn=recipients/cn=bf5c8ee8081a4a4cbf005372e2697869-tassiane ci,/o=exchangelabs/ou=exchange administrative group (fydibohf23spdlt)/cn=recipients/cn=c22b2d8de1594760baec681322c0933f-fernanda ma,/o=exchangelabs/ou=exchange administrative group (fydibohf23spdlt)/cn=recipients/cn=e174366906884bd1b4d4c5ddfc8c9433-rodrigo men,/o=exchangelabs/ou=exchange administrative group (fydibohf23spdlt)/cn=recipients/cn=e76869615b8149a9945434c66719ab6e-dayane de o,/o=exchangelabs/ou=exchange administrative group (fydibohf23spdlt)/cn=recipients/cn=f0ff087361a245daa16e71ac77ecc3f0-ivan</t>
  </si>
  <si>
    <t>11/18/2019 11:34:47</t>
  </si>
  <si>
    <t>11/18/2019 11:40:25</t>
  </si>
  <si>
    <t>ENC: Emissões BTB e CPB - GR e Clean CRM:003680003062</t>
  </si>
  <si>
    <t>11/18/2019 11:35:14</t>
  </si>
  <si>
    <t>ENC: Produtividade CRCe até 17/11</t>
  </si>
  <si>
    <t>11/18/2019 11:39:52</t>
  </si>
  <si>
    <t>11/18/2019 11:42:25</t>
  </si>
  <si>
    <t>CAPEX 2019</t>
  </si>
  <si>
    <t>11/18/2019 11:39:09</t>
  </si>
  <si>
    <t>11/18/2019 11:43:24</t>
  </si>
  <si>
    <t>/o=exchangelabs/ou=exchange administrative group (fydibohf23spdlt)/cn=recipients/cn=1c23a421bdb44f94b937fb601a7f8381-ana vitoria;/o=exchangelabs/ou=exchange administrative group (fydibohf23spdlt)/cn=recipients/cn=c492b691dff246198e997a7bfe50c15a-joao pedro;</t>
  </si>
  <si>
    <t>/o=exchangelabs/ou=exchange administrative group (fydibohf23spdlt)/cn=recipients/cn=1c23a421bdb44f94b937fb601a7f8381-ana vitoria,/o=exchangelabs/ou=exchange administrative group (fydibohf23spdlt)/cn=recipients/cn=c492b691dff246198e997a7bfe50c15a-joao pedro</t>
  </si>
  <si>
    <t>11/18/2019 11:43:14</t>
  </si>
  <si>
    <t>11/18/2019 11:46:25</t>
  </si>
  <si>
    <t>ana.p.herter@bradesco.com.br;lucasfra@algartech.com;</t>
  </si>
  <si>
    <t>Formulário de Implementação</t>
  </si>
  <si>
    <t>ana.p.herter@bradesco.com.br,lucasfra@algartech.com</t>
  </si>
  <si>
    <t>11/18/2019 11:47:46</t>
  </si>
  <si>
    <t>11/18/2019 11:50:25</t>
  </si>
  <si>
    <t>10.213.2.40</t>
  </si>
  <si>
    <t>c:\users\ythiakgm\appdata\local\microsoft\windows\temporary internet files\content.outlook\irsircxz\</t>
  </si>
  <si>
    <t>11/18/2019 11:46:23</t>
  </si>
  <si>
    <t>11/18/2019 11:51:24</t>
  </si>
  <si>
    <t>abilenerdm@algartech.com.br;brenotf@algartech.com.br;crcevmc@algartech.com.br;diegorm@algartech.com.br;emissaogerenciadapj@algartech.com.br;hamiltoniof@algartech.com.br;lucasldsa@algartech.com.br;pablo.faria@temposervicos.com.br;</t>
  </si>
  <si>
    <t>RES: Emissão_btb_empresa CLEAN MALL SERVICOS LTDA CRM:004060000298</t>
  </si>
  <si>
    <t>abilenerdm@algartech.com.br,brenotf@algartech.com.br,crcevmc@algartech.com.br,diegorm@algartech.com.br,emissaogerenciadapj@algartech.com.br,hamiltoniof@algartech.com.br,lucasldsa@algartech.com.br,pablo.faria@temposervicos.com.br</t>
  </si>
  <si>
    <t>11/18/2019 11:56:02</t>
  </si>
  <si>
    <t>11/18/2019 11:59:24</t>
  </si>
  <si>
    <t>11/18/2019 11:56:22</t>
  </si>
  <si>
    <t>11/18/2019 12:00:25</t>
  </si>
  <si>
    <t>ENC: RFI - Crédito e Cobrança Banco PAN</t>
  </si>
  <si>
    <t>RFI - Rotina Atual.xlsx</t>
  </si>
  <si>
    <t>11/18/2019 12:09:30</t>
  </si>
  <si>
    <t>11/18/2019 12:14:25</t>
  </si>
  <si>
    <t>VersaoFinalCSC_atualizado em 18.11.xlsx</t>
  </si>
  <si>
    <t>11/18/2019 12:14:34</t>
  </si>
  <si>
    <t>11/18/2019 12:18:24</t>
  </si>
  <si>
    <t>11/18/2019 12:16:10</t>
  </si>
  <si>
    <t>11/18/2019 12:19:24</t>
  </si>
  <si>
    <t>COMPOSIÇÃO RECEITA CAIXA - NOV.19.xlsx</t>
  </si>
  <si>
    <t>11/18/2019 12:13:38</t>
  </si>
  <si>
    <t>11/18/2019 12:20:25</t>
  </si>
  <si>
    <t>ENC: Indicação Martins</t>
  </si>
  <si>
    <t>11/18/2019 12:25:10</t>
  </si>
  <si>
    <t>11/18/2019 12:29:25</t>
  </si>
  <si>
    <t>\\acsfs\DSTI\CSB - Coordenacao de Suporte BPO\3 - GSP - Gerência de Suporte a Projetos\PROJETOS CLIENTES\Regional UDI\Whirlpool\2019\URA Services e TLV Genesys + Ativ link Century\Repasse\</t>
  </si>
  <si>
    <t>Telefone x RP x VDN.xlsx</t>
  </si>
  <si>
    <t>11/18/2019 12:31:33</t>
  </si>
  <si>
    <t>11/18/2019 12:37:24</t>
  </si>
  <si>
    <t>/o=exchangelabs/ou=exchange administrative group (fydibohf23spdlt)/cn=recipients/cn=8c01e71056fe4e1a8ecc4e24420bd9ef-fellyp cros;bjusto_amerinode@timbrasil.com.br;fsobral@timbrasil.com.br;llana@timbrasil.com.br;</t>
  </si>
  <si>
    <t>MATERIAIS BAIXO GIRO/ TRANSFERÊNCIAS 1406727/1406736/1406740/1406743/1406744/1406749 NF(S) 16037/16036/15991/15963/15962/15961/15960/15957/15954/15951/15947/15939/15936/16141</t>
  </si>
  <si>
    <t>BAIXA GIRO.xlsx</t>
  </si>
  <si>
    <t>/o=exchangelabs/ou=exchange administrative group (fydibohf23spdlt)/cn=recipients/cn=8c01e71056fe4e1a8ecc4e24420bd9ef-fellyp cros,bjusto_amerinode@timbrasil.com.br,fsobral@timbrasil.com.br,llana@timbrasil.com.br</t>
  </si>
  <si>
    <t>11/18/2019 12:43:46</t>
  </si>
  <si>
    <t>11/18/2019 12:46:25</t>
  </si>
  <si>
    <t>11/18/2019 12:52:38</t>
  </si>
  <si>
    <t>11/18/2019 12:56:26</t>
  </si>
  <si>
    <t>/o=exchangelabs/ou=exchange administrative group (fydibohf23spdlt)/cn=recipients/cn=1023d5718cf74aad8f1f7f0d507959c2-michel ribe;/o=exchangelabs/ou=exchange administrative group (fydibohf23spdlt)/cn=recipients/cn=26d35797a23841dda77608720c95f631-tiago dos r;/o=exchangelabs/ou=exchange administrative group (fydibohf23spdlt)/cn=recipients/cn=c22b2d8de1594760baec681322c0933f-fernanda ma;/o=exchangelabs/ou=exchange administrative group (fydibohf23spdlt)/cn=recipients/cn=user77161474;izadoramdor@algartech.com;</t>
  </si>
  <si>
    <t>ENC: Mailing Confirmação Agenda</t>
  </si>
  <si>
    <t>Mailing Confirmação Agenda.csv</t>
  </si>
  <si>
    <t>/o=exchangelabs/ou=exchange administrative group (fydibohf23spdlt)/cn=recipients/cn=1023d5718cf74aad8f1f7f0d507959c2-michel ribe,/o=exchangelabs/ou=exchange administrative group (fydibohf23spdlt)/cn=recipients/cn=26d35797a23841dda77608720c95f631-tiago dos r,/o=exchangelabs/ou=exchange administrative group (fydibohf23spdlt)/cn=recipients/cn=c22b2d8de1594760baec681322c0933f-fernanda ma,/o=exchangelabs/ou=exchange administrative group (fydibohf23spdlt)/cn=recipients/cn=user77161474,izadoramdor@algartech.com</t>
  </si>
  <si>
    <t>11/18/2019 13:15:09</t>
  </si>
  <si>
    <t>11/18/2019 13:16:26</t>
  </si>
  <si>
    <t>Venda Dia 2710.xlsx</t>
  </si>
  <si>
    <t>11/18/2019 13:20:27</t>
  </si>
  <si>
    <t>11/18/2019 13:25:26</t>
  </si>
  <si>
    <t>11/18/2019 13:27:15</t>
  </si>
  <si>
    <t>11/18/2019 13:28:25</t>
  </si>
  <si>
    <t>/o=exchangelabs/ou=exchange administrative group (fydibohf23spdlt)/cn=recipients/cn=007e35fb7ac14b8e97891f45db73cad4-suyane silv;</t>
  </si>
  <si>
    <t>RES: CDI Manuel</t>
  </si>
  <si>
    <t>CDI_MANUAL LAUANY.xlsx</t>
  </si>
  <si>
    <t>/o=exchangelabs/ou=exchange administrative group (fydibohf23spdlt)/cn=recipients/cn=007e35fb7ac14b8e97891f45db73cad4-suyane silv</t>
  </si>
  <si>
    <t>11/18/2019 13:25:46</t>
  </si>
  <si>
    <t>11/18/2019 13:29:26</t>
  </si>
  <si>
    <t>11/18/2019 12:26:05</t>
  </si>
  <si>
    <t>11/18/2019 13:33:26</t>
  </si>
  <si>
    <t>/o=exchangelabs/ou=exchange administrative group (fydibohf23spdlt)/cn=recipients/cn=06d628e3f48b48f491437fe6311215ae-claudiane a;/o=exchangelabs/ou=exchange administrative group (fydibohf23spdlt)/cn=recipients/cn=hugo cesar rodrigues dos santos;hugo_cesar_rodrigues_dos_santos_algar@whirlpool.com;</t>
  </si>
  <si>
    <t>/o=exchangelabs/ou=exchange administrative group (fydibohf23spdlt)/cn=recipients/cn=06d628e3f48b48f491437fe6311215ae-claudiane a,/o=exchangelabs/ou=exchange administrative group (fydibohf23spdlt)/cn=recipients/cn=hugo cesar rodrigues dos santos,hugo_cesar_rodrigues_dos_santos_algar@whirlpool.com</t>
  </si>
  <si>
    <t>11/18/2019 13:33:06</t>
  </si>
  <si>
    <t>11/18/2019 13:35:26</t>
  </si>
  <si>
    <t>11/18/2019 13:35:24</t>
  </si>
  <si>
    <t>11/18/2019 13:36:25</t>
  </si>
  <si>
    <t>C:\Users\rodrigombu\OneDrive - Grupo Algar\Whirlpool\2019\11 - Novembro\Arquivo\CCO\</t>
  </si>
  <si>
    <t>% Categorizações CCO - NOv-2019.xls</t>
  </si>
  <si>
    <t>11/18/2019 13:42:53</t>
  </si>
  <si>
    <t>11/18/2019 13:45:26</t>
  </si>
  <si>
    <t>/o=exchangelabs/ou=exchange administrative group (fydibohf23spdlt)/cn=recipients/cn=0ca6cc8d100949a7866a928f62ef5778-rosilene de;/o=exchangelabs/ou=exchange administrative group (fydibohf23spdlt)/cn=recipients/cn=7a5ceaeaef9041b49ad4d0d90f19ee70-marianna co;</t>
  </si>
  <si>
    <t>ENC: ALGAR - NOTAS FISCAIS PENDETES</t>
  </si>
  <si>
    <t>ALGAR - NOTAS FISCAIS PENDENTES.xlsx</t>
  </si>
  <si>
    <t>/o=exchangelabs/ou=exchange administrative group (fydibohf23spdlt)/cn=recipients/cn=0ca6cc8d100949a7866a928f62ef5778-rosilene de,/o=exchangelabs/ou=exchange administrative group (fydibohf23spdlt)/cn=recipients/cn=7a5ceaeaef9041b49ad4d0d90f19ee70-marianna co</t>
  </si>
  <si>
    <t>11/18/2019 13:42:56</t>
  </si>
  <si>
    <t>11/18/2019 13:46:26</t>
  </si>
  <si>
    <t>mail.google.com/_/upload?authuser=0&amp;dcp=asu-n&amp;upload_id=AEnB2Upg-rTjAeo9rdIIo7pV-kLvm9Uwsd1BnJr5Vv1sVTH7OSKjKdxxZyKoPgVwfWLojVYLmvJLwAV-WVij-zZaQsU1Hmq3YA&amp;upload_protocol=resumable</t>
  </si>
  <si>
    <t>Formulario-Correcao_PO.v9.xlsx</t>
  </si>
  <si>
    <t>11/18/2019 13:40:45</t>
  </si>
  <si>
    <t>11/18/2019 13:46:41</t>
  </si>
  <si>
    <t>11/18/2019 13:47:26</t>
  </si>
  <si>
    <t>Planilha Projeção LP GAT consolidado</t>
  </si>
  <si>
    <t>PROJEÇÃO LP GAT PPE + AS IS + CAPEX_v3.xlsx</t>
  </si>
  <si>
    <t>11/18/2019 13:55:54</t>
  </si>
  <si>
    <t>11/18/2019 13:56:25</t>
  </si>
  <si>
    <t>lucasfra@algartech.com;ricardog.sousa@bradesco.com.br;</t>
  </si>
  <si>
    <t>RES: Modelo de relatório - CPB</t>
  </si>
  <si>
    <t>lucasfra@algartech.com,ricardog.sousa@bradesco.com.br</t>
  </si>
  <si>
    <t>11/18/2019 13:57:32</t>
  </si>
  <si>
    <t>11/18/2019 14:00:26</t>
  </si>
  <si>
    <t>/o=exchangelabs/ou=exchange administrative group (fydibohf23spdlt)/cn=recipients/cn=56dc126fba5b4a5f8fb1cd7e4f10477d-thais olive;sandra.b.bezerra@bradesco.com.br;</t>
  </si>
  <si>
    <t>RES: Base Amex TPC São Paulo - SP</t>
  </si>
  <si>
    <t>Base Amex TPC São Paulo.xlsx</t>
  </si>
  <si>
    <t>/o=exchangelabs/ou=exchange administrative group (fydibohf23spdlt)/cn=recipients/cn=56dc126fba5b4a5f8fb1cd7e4f10477d-thais olive,sandra.b.bezerra@bradesco.com.br</t>
  </si>
  <si>
    <t>11/18/2019 13:57:33</t>
  </si>
  <si>
    <t>D:\OneDrive\AlgarTech\Pré-Vendas\Cliente\2019\SuperFrio\217462 - Teste de Restauração Snapshot VM\</t>
  </si>
  <si>
    <t>11/18/2019 13:58:49</t>
  </si>
  <si>
    <t>11/18/2019 14:02:26</t>
  </si>
  <si>
    <t>RES: Ponto de controle semanal 05/11</t>
  </si>
  <si>
    <t>Lista de Pendências 18-11 (002).xlsx</t>
  </si>
  <si>
    <t>11/18/2019 12:19:44</t>
  </si>
  <si>
    <t>11/18/2019 14:04:26</t>
  </si>
  <si>
    <t>11/18/2019 14:01:44</t>
  </si>
  <si>
    <t>11/18/2019 14:07:26</t>
  </si>
  <si>
    <t>/o=exchangelabs/ou=exchange administrative group (fydibohf23spdlt)/cn=recipients/cn=696f712aa5c841708a095699a50884db-luan kevem;/o=exchangelabs/ou=exchange administrative group (fydibohf23spdlt)/cn=recipients/cn=d1ca1bbb859d4bb997649640237ba7cd-paulla rena;/o=exchangelabs/ou=exchange administrative group (fydibohf23spdlt)/cn=recipients/cn=d73974a6e555442cafd74cda95746e86-denia alves;elismael.menino@sicoob.com.br;rogerio.nascimento@sicoob.com.br;</t>
  </si>
  <si>
    <t>/o=exchangelabs/ou=exchange administrative group (fydibohf23spdlt)/cn=recipients/cn=696f712aa5c841708a095699a50884db-luan kevem,/o=exchangelabs/ou=exchange administrative group (fydibohf23spdlt)/cn=recipients/cn=d1ca1bbb859d4bb997649640237ba7cd-paulla rena,/o=exchangelabs/ou=exchange administrative group (fydibohf23spdlt)/cn=recipients/cn=d73974a6e555442cafd74cda95746e86-denia alves,elismael.menino@sicoob.com.br,rogerio.nascimento@sicoob.com.br</t>
  </si>
  <si>
    <t>11/18/2019 14:02:59</t>
  </si>
  <si>
    <t>ENC: ESCALA #SOU DONO _ 13/11</t>
  </si>
  <si>
    <t>11/18/2019 14:07:30</t>
  </si>
  <si>
    <t>11/18/2019 14:13:26</t>
  </si>
  <si>
    <t>/o=exchangelabs/ou=exchange administrative group (fydibohf23spdlt)/cn=recipients/cn=9299eace44a54a5785d36736737dc306-alessandra;</t>
  </si>
  <si>
    <t>Pagamento devolvido,</t>
  </si>
  <si>
    <t>Controle de pagamentos Rejeitados Algar 18112019.xlsx</t>
  </si>
  <si>
    <t>/o=exchangelabs/ou=exchange administrative group (fydibohf23spdlt)/cn=recipients/cn=9299eace44a54a5785d36736737dc306-alessandra</t>
  </si>
  <si>
    <t>11/18/2019 14:12:28</t>
  </si>
  <si>
    <t>11/18/2019 14:17:26</t>
  </si>
  <si>
    <t>C:\Users\mariannacsm\OneDrive - Grupo Algar\0- PMO-POOL\COMPRAS\06 - External NFs\</t>
  </si>
  <si>
    <t>11/18/2019 14:15:06</t>
  </si>
  <si>
    <t>/o=exchangelabs/ou=exchange administrative group (fydibohf23spdlt)/cn=recipients/cn=00351cfd10744e67afc321025db57f3a-rosangela t;/o=exchangelabs/ou=exchange administrative group (fydibohf23spdlt)/cn=recipients/cn=03d4f154d826454384b4973cf8a3121d-daniela nun;/o=exchangelabs/ou=exchange administrative group (fydibohf23spdlt)/cn=recipients/cn=15445d09bcc1488fa6db45ecd34481fe-ana elisa d;/o=exchangelabs/ou=exchange administrative group (fydibohf23spdlt)/cn=recipients/cn=1823a757b34d42a79cc59911d7308161-simone carv;/o=exchangelabs/ou=exchange administrative group (fydibohf23spdlt)/cn=recipients/cn=230f4410440747e88bfdc65fddb1e192-vanessa sou;/o=exchangelabs/ou=exchange administrative group (fydibohf23spdlt)/cn=recipients/cn=2a2dbb67c76e4e33beac0602893fa479-carlos juni;/o=exchangelabs/ou=exchange administrative group (fydibohf23spdlt)/cn=recipients/cn=3720674f67dd4336be39b7fa42f5aac8-wesley silv;/o=exchangelabs/ou=exchange administrative group (fydibohf23spdlt)/cn=recipients/cn=3d76664d4bc241c487f06913aba47ca9-rafa</t>
  </si>
  <si>
    <t>Relatório External Central de Notas</t>
  </si>
  <si>
    <t>Relatório Pendências NFs.xlsx</t>
  </si>
  <si>
    <t>/o=exchangelabs/ou=exchange administrative group (fydibohf23spdlt)/cn=recipients/cn=00351cfd10744e67afc321025db57f3a-rosangela t,/o=exchangelabs/ou=exchange administrative group (fydibohf23spdlt)/cn=recipients/cn=03d4f154d826454384b4973cf8a3121d-daniela nun,/o=exchangelabs/ou=exchange administrative group (fydibohf23spdlt)/cn=recipients/cn=15445d09bcc1488fa6db45ecd34481fe-ana elisa d,/o=exchangelabs/ou=exchange administrative group (fydibohf23spdlt)/cn=recipients/cn=1823a757b34d42a79cc59911d7308161-simone carv,/o=exchangelabs/ou=exchange administrative group (fydibohf23spdlt)/cn=recipients/cn=230f4410440747e88bfdc65fddb1e192-vanessa sou,/o=exchangelabs/ou=exchange administrative group (fydibohf23spdlt)/cn=recipients/cn=2a2dbb67c76e4e33beac0602893fa479-carlos juni,/o=exchangelabs/ou=exchange administrative group (fydibohf23spdlt)/cn=recipients/cn=3720674f67dd4336be39b7fa42f5aac8-wesley silv,/o=exchangelabs/ou=exchange administrative group (fydibohf23spdlt)/cn=recipients/cn=3d76664d4bc241c487f06913aba47ca9-rafa</t>
  </si>
  <si>
    <t>11/18/2019 14:22:00</t>
  </si>
  <si>
    <t>11/18/2019 14:24:25</t>
  </si>
  <si>
    <t>10.200.99.44</t>
  </si>
  <si>
    <t>ENC: ASLCP_ACCESS REVIEW</t>
  </si>
  <si>
    <t>ASLCP IC743 Alessandro Ferrari.xlsx</t>
  </si>
  <si>
    <t>11/18/2019 14:21:07</t>
  </si>
  <si>
    <t>/o=exchangelabs/ou=exchange administrative group (fydibohf23spdlt)/cn=recipients/cn=2504d5028b6b4fb89d14a5df6031358d-jane carla;/o=exchangelabs/ou=exchange administrative group (fydibohf23spdlt)/cn=recipients/cn=2b69c7de1a3641269a7eed0596e1ddc2-wayner oliv;/o=exchangelabs/ou=exchange administrative group (fydibohf23spdlt)/cn=recipients/cn=54abac0a4fdc4ad1bec39bb51d85eab1-victor hugo;/o=exchangelabs/ou=exchange administrative group (fydibohf23spdlt)/cn=recipients/cn=55f846c335d7437f892f0b0d49c89e92-celma ribei;/o=exchangelabs/ou=exchange administrative group (fydibohf23spdlt)/cn=recipients/cn=6bc6ced03b1b4fafa41bb5c70c178940-antonio per;</t>
  </si>
  <si>
    <t>Informações de desmobilização.xlsx</t>
  </si>
  <si>
    <t>/o=exchangelabs/ou=exchange administrative group (fydibohf23spdlt)/cn=recipients/cn=2504d5028b6b4fb89d14a5df6031358d-jane carla,/o=exchangelabs/ou=exchange administrative group (fydibohf23spdlt)/cn=recipients/cn=2b69c7de1a3641269a7eed0596e1ddc2-wayner oliv,/o=exchangelabs/ou=exchange administrative group (fydibohf23spdlt)/cn=recipients/cn=54abac0a4fdc4ad1bec39bb51d85eab1-victor hugo,/o=exchangelabs/ou=exchange administrative group (fydibohf23spdlt)/cn=recipients/cn=55f846c335d7437f892f0b0d49c89e92-celma ribei,/o=exchangelabs/ou=exchange administrative group (fydibohf23spdlt)/cn=recipients/cn=6bc6ced03b1b4fafa41bb5c70c178940-antonio per</t>
  </si>
  <si>
    <t>11/18/2019 14:22:22</t>
  </si>
  <si>
    <t>11/18/2019 14:25:26</t>
  </si>
  <si>
    <t>ENC: Relatório Treinamento NR-17 - 34ª Parcial 2019</t>
  </si>
  <si>
    <t>11/18/2019 14:25:59</t>
  </si>
  <si>
    <t>11/18/2019 14:27:26</t>
  </si>
  <si>
    <t>11/18/2019 14:24:35</t>
  </si>
  <si>
    <t>11/18/2019 14:29:26</t>
  </si>
  <si>
    <t>/o=exchangelabs/ou=exchange administrative group (fydibohf23spdlt)/cn=recipients/cn=0a87f2cad91d442c9f093f600a4c5266-vanessa rod;/o=exchangelabs/ou=exchange administrative group (fydibohf23spdlt)/cn=recipients/cn=1fbcd60c36f14b1cae70e747a3f94b5d-catiana lou;/o=exchangelabs/ou=exchange administrative group (fydibohf23spdlt)/cn=recipients/cn=2abd653b249741f0aaab575ad2f855a3-tayse ianda;/o=exchangelabs/ou=exchange administrative group (fydibohf23spdlt)/cn=recipients/cn=39b10ea69c23443aab7ad02aa1a69607-jose afonso;/o=exchangelabs/ou=exchange administrative group (fydibohf23spdlt)/cn=recipients/cn=e6e28e2646d74f638943c02afdaa6d1e-luciana rod;</t>
  </si>
  <si>
    <t>/o=exchangelabs/ou=exchange administrative group (fydibohf23spdlt)/cn=recipients/cn=0a87f2cad91d442c9f093f600a4c5266-vanessa rod,/o=exchangelabs/ou=exchange administrative group (fydibohf23spdlt)/cn=recipients/cn=1fbcd60c36f14b1cae70e747a3f94b5d-catiana lou,/o=exchangelabs/ou=exchange administrative group (fydibohf23spdlt)/cn=recipients/cn=2abd653b249741f0aaab575ad2f855a3-tayse ianda,/o=exchangelabs/ou=exchange administrative group (fydibohf23spdlt)/cn=recipients/cn=39b10ea69c23443aab7ad02aa1a69607-jose afonso,/o=exchangelabs/ou=exchange administrative group (fydibohf23spdlt)/cn=recipients/cn=e6e28e2646d74f638943c02afdaa6d1e-luciana rod</t>
  </si>
  <si>
    <t>11/18/2019 14:32:27</t>
  </si>
  <si>
    <t>11/18/2019 14:34:25</t>
  </si>
  <si>
    <t>11/18/2019 14:33:54</t>
  </si>
  <si>
    <t>11/18/2019 14:39:26</t>
  </si>
  <si>
    <t>11/18/2019 14:42:56</t>
  </si>
  <si>
    <t>11/18/2019 14:46:26</t>
  </si>
  <si>
    <t>/o=exchangelabs/ou=exchange administrative group (fydibohf23spdlt)/cn=recipients/cn=029150745eb3404986232d7559006193-acacio ribe;/o=exchangelabs/ou=exchange administrative group (fydibohf23spdlt)/cn=recipients/cn=05727f9c1c2340389e0d1a6f512fd23a-miguel jaso;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18106b2c2b164f0f859ac301d85fc885-luis carlos;/o=exchangelabs/ou=exchange administrative group (fydibohf23spdlt)/cn=recipients/cn=1ef8a40c52af4b4dbe421ec9beecd02c-simone pont;/o=exchangelabs/ou=exchange administrative group (fydibohf23spdlt)/cn=recipients/cn=220eab2784814ada972ad8cbae088aa3-camila de o;/o=exchangelabs/ou=exchange administrative group (fydibohf23spdlt)/cn=recipients/cn=249f643ba1e044588b45a020c76dadde-dani</t>
  </si>
  <si>
    <t>CRONOGRAMA FECHAMENTO NOV19</t>
  </si>
  <si>
    <t>/o=exchangelabs/ou=exchange administrative group (fydibohf23spdlt)/cn=recipients/cn=029150745eb3404986232d7559006193-acacio ribe,/o=exchangelabs/ou=exchange administrative group (fydibohf23spdlt)/cn=recipients/cn=05727f9c1c2340389e0d1a6f512fd23a-miguel jaso,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18106b2c2b164f0f859ac301d85fc885-luis carlos,/o=exchangelabs/ou=exchange administrative group (fydibohf23spdlt)/cn=recipients/cn=1ef8a40c52af4b4dbe421ec9beecd02c-simone pont,/o=exchangelabs/ou=exchange administrative group (fydibohf23spdlt)/cn=recipients/cn=220eab2784814ada972ad8cbae088aa3-camila de o,/o=exchangelabs/ou=exchange administrative group (fydibohf23spdlt)/cn=recipients/cn=249f643ba1e044588b45a020c76dadde-dani</t>
  </si>
  <si>
    <t>11/18/2019 14:45:33</t>
  </si>
  <si>
    <t>11/18/2019 14:49:25</t>
  </si>
  <si>
    <t>RES: Mailing Reagendamento</t>
  </si>
  <si>
    <t>Cópia de Reagendamento Diversos - 201911 - Ociosidade.xlsm</t>
  </si>
  <si>
    <t>11/18/2019 14:48:21</t>
  </si>
  <si>
    <t>11/18/2019 14:50:26</t>
  </si>
  <si>
    <t>11/18/2019 14:48:22</t>
  </si>
  <si>
    <t>11/18/2019 14:48:23</t>
  </si>
  <si>
    <t>11/18/2019 14:48:27</t>
  </si>
  <si>
    <t>11/18/2019 14:48:29</t>
  </si>
  <si>
    <t>11/18/2019 14:48:30</t>
  </si>
  <si>
    <t>11/18/2019 14:49:41</t>
  </si>
  <si>
    <t>11/18/2019 14:49:42</t>
  </si>
  <si>
    <t>11/18/2019 14:49:43</t>
  </si>
  <si>
    <t>11/18/2019 14:51:26</t>
  </si>
  <si>
    <t>11/18/2019 14:49:44</t>
  </si>
  <si>
    <t>11/18/2019 14:49:53</t>
  </si>
  <si>
    <t>11/18/2019 14:49:54</t>
  </si>
  <si>
    <t>11/18/2019 14:49:55</t>
  </si>
  <si>
    <t>11/18/2019 14:49:56</t>
  </si>
  <si>
    <t>11/18/2019 14:49:57</t>
  </si>
  <si>
    <t>11/18/2019 14:50:01</t>
  </si>
  <si>
    <t>11/18/2019 14:50:02</t>
  </si>
  <si>
    <t>11/18/2019 14:50:14</t>
  </si>
  <si>
    <t>11/18/2019 14:50:15</t>
  </si>
  <si>
    <t>11/18/2019 14:50:16</t>
  </si>
  <si>
    <t>11/18/2019 14:48:36</t>
  </si>
  <si>
    <t>11/18/2019 14:53:26</t>
  </si>
  <si>
    <t>Nova RB 340002017.xlsx</t>
  </si>
  <si>
    <t>11/18/2019 14:50:19</t>
  </si>
  <si>
    <t>11/18/2019 14:56:26</t>
  </si>
  <si>
    <t>11/18/2019 14:50:20</t>
  </si>
  <si>
    <t>11/18/2019 14:50:21</t>
  </si>
  <si>
    <t>11/18/2019 14:50:22</t>
  </si>
  <si>
    <t>11/18/2019 14:50:23</t>
  </si>
  <si>
    <t>11/18/2019 14:50:24</t>
  </si>
  <si>
    <t>11/18/2019 14:50:25</t>
  </si>
  <si>
    <t>11/18/2019 14:50:27</t>
  </si>
  <si>
    <t>11/18/2019 14:50:40</t>
  </si>
  <si>
    <t>11/18/2019 14:50:51</t>
  </si>
  <si>
    <t>11/18/2019 14:51:19</t>
  </si>
  <si>
    <t>11/18/2019 14:51:20</t>
  </si>
  <si>
    <t>11/18/2019 14:51:21</t>
  </si>
  <si>
    <t>11/18/2019 14:51:22</t>
  </si>
  <si>
    <t>11/18/2019 14:51:23</t>
  </si>
  <si>
    <t>11/18/2019 14:51:24</t>
  </si>
  <si>
    <t>11/18/2019 14:51:25</t>
  </si>
  <si>
    <t>11/18/2019 14:51:27</t>
  </si>
  <si>
    <t>11/18/2019 14:51:28</t>
  </si>
  <si>
    <t>11/18/2019 14:51:29</t>
  </si>
  <si>
    <t>11/18/2019 14:51:41</t>
  </si>
  <si>
    <t>11/18/2019 14:51:43</t>
  </si>
  <si>
    <t>11/18/2019 14:51:44</t>
  </si>
  <si>
    <t>11/18/2019 14:51:45</t>
  </si>
  <si>
    <t>11/18/2019 14:51:46</t>
  </si>
  <si>
    <t>11/18/2019 14:51:47</t>
  </si>
  <si>
    <t>11/18/2019 14:51:48</t>
  </si>
  <si>
    <t>11/18/2019 14:51:49</t>
  </si>
  <si>
    <t>11/18/2019 14:51:50</t>
  </si>
  <si>
    <t>11/18/2019 14:51:51</t>
  </si>
  <si>
    <t>11/18/2019 14:51:52</t>
  </si>
  <si>
    <t>11/18/2019 14:51:53</t>
  </si>
  <si>
    <t>11/18/2019 14:51:54</t>
  </si>
  <si>
    <t>11/18/2019 14:51:55</t>
  </si>
  <si>
    <t>11/18/2019 14:51:57</t>
  </si>
  <si>
    <t>11/18/2019 14:51:58</t>
  </si>
  <si>
    <t>11/18/2019 14:52:00</t>
  </si>
  <si>
    <t>11/18/2019 14:52:01</t>
  </si>
  <si>
    <t>11/18/2019 14:52:02</t>
  </si>
  <si>
    <t>11/18/2019 14:52:03</t>
  </si>
  <si>
    <t>11/18/2019 14:52:04</t>
  </si>
  <si>
    <t>11/18/2019 14:52:06</t>
  </si>
  <si>
    <t>11/18/2019 14:52:07</t>
  </si>
  <si>
    <t>11/18/2019 14:52:12</t>
  </si>
  <si>
    <t>11/18/2019 14:52:13</t>
  </si>
  <si>
    <t>11/18/2019 14:52:14</t>
  </si>
  <si>
    <t>11/18/2019 14:52:15</t>
  </si>
  <si>
    <t>11/18/2019 14:52:17</t>
  </si>
  <si>
    <t>11/18/2019 14:52:18</t>
  </si>
  <si>
    <t>11/18/2019 14:52:19</t>
  </si>
  <si>
    <t>11/18/2019 14:52:20</t>
  </si>
  <si>
    <t>11/18/2019 14:52:21</t>
  </si>
  <si>
    <t>11/18/2019 14:52:22</t>
  </si>
  <si>
    <t>11/18/2019 14:52:30</t>
  </si>
  <si>
    <t>11/18/2019 14:52:33</t>
  </si>
  <si>
    <t>11/18/2019 14:52:36</t>
  </si>
  <si>
    <t>11/18/2019 14:52:37</t>
  </si>
  <si>
    <t>11/18/2019 14:52:38</t>
  </si>
  <si>
    <t>11/18/2019 14:52:39</t>
  </si>
  <si>
    <t>11/18/2019 14:52:40</t>
  </si>
  <si>
    <t>11/18/2019 14:52:41</t>
  </si>
  <si>
    <t>11/18/2019 14:52:42</t>
  </si>
  <si>
    <t>11/18/2019 14:52:43</t>
  </si>
  <si>
    <t>11/18/2019 14:52:44</t>
  </si>
  <si>
    <t>11/18/2019 14:52:45</t>
  </si>
  <si>
    <t>11/18/2019 14:52:46</t>
  </si>
  <si>
    <t>11/18/2019 14:52:47</t>
  </si>
  <si>
    <t>11/18/2019 14:52:48</t>
  </si>
  <si>
    <t>11/18/2019 14:52:51</t>
  </si>
  <si>
    <t>11/18/2019 14:52:52</t>
  </si>
  <si>
    <t>11/18/2019 14:52:54</t>
  </si>
  <si>
    <t>11/18/2019 14:52:55</t>
  </si>
  <si>
    <t>11/18/2019 14:52:56</t>
  </si>
  <si>
    <t>11/18/2019 14:52:57</t>
  </si>
  <si>
    <t>11/18/2019 14:52:59</t>
  </si>
  <si>
    <t>11/18/2019 14:53:00</t>
  </si>
  <si>
    <t>11/18/2019 14:53:01</t>
  </si>
  <si>
    <t>11/18/2019 14:53:02</t>
  </si>
  <si>
    <t>11/18/2019 14:53:03</t>
  </si>
  <si>
    <t>11/18/2019 14:53:11</t>
  </si>
  <si>
    <t>11/18/2019 14:53:17</t>
  </si>
  <si>
    <t>11/18/2019 14:53:18</t>
  </si>
  <si>
    <t>11/18/2019 14:53:29</t>
  </si>
  <si>
    <t>11/18/2019 14:53:52</t>
  </si>
  <si>
    <t>11/18/2019 14:53:53</t>
  </si>
  <si>
    <t>11/18/2019 14:53:54</t>
  </si>
  <si>
    <t>11/18/2019 14:53:55</t>
  </si>
  <si>
    <t>11/18/2019 14:53:56</t>
  </si>
  <si>
    <t>11/18/2019 14:53:57</t>
  </si>
  <si>
    <t>11/18/2019 14:54:03</t>
  </si>
  <si>
    <t>11/18/2019 14:54:04</t>
  </si>
  <si>
    <t>11/18/2019 14:54:05</t>
  </si>
  <si>
    <t>11/18/2019 14:54:06</t>
  </si>
  <si>
    <t>11/18/2019 14:54:07</t>
  </si>
  <si>
    <t>11/18/2019 14:54:11</t>
  </si>
  <si>
    <t>11/18/2019 14:54:15</t>
  </si>
  <si>
    <t>11/18/2019 14:54:17</t>
  </si>
  <si>
    <t>11/18/2019 14:54:19</t>
  </si>
  <si>
    <t>11/18/2019 14:54:20</t>
  </si>
  <si>
    <t>11/18/2019 14:54:39</t>
  </si>
  <si>
    <t>11/18/2019 14:54:40</t>
  </si>
  <si>
    <t>11/18/2019 14:54:41</t>
  </si>
  <si>
    <t>11/18/2019 14:54:42</t>
  </si>
  <si>
    <t>11/18/2019 14:54:43</t>
  </si>
  <si>
    <t>11/18/2019 14:54:44</t>
  </si>
  <si>
    <t>11/18/2019 14:54:45</t>
  </si>
  <si>
    <t>11/18/2019 14:54:46</t>
  </si>
  <si>
    <t>11/18/2019 14:54:47</t>
  </si>
  <si>
    <t>11/18/2019 14:54:48</t>
  </si>
  <si>
    <t>11/18/2019 14:54:49</t>
  </si>
  <si>
    <t>11/18/2019 14:54:50</t>
  </si>
  <si>
    <t>11/18/2019 14:55:04</t>
  </si>
  <si>
    <t>11/18/2019 14:55:05</t>
  </si>
  <si>
    <t>11/18/2019 14:55:06</t>
  </si>
  <si>
    <t>11/18/2019 14:55:07</t>
  </si>
  <si>
    <t>11/18/2019 14:55:08</t>
  </si>
  <si>
    <t>11/18/2019 14:55:09</t>
  </si>
  <si>
    <t>11/18/2019 14:55:10</t>
  </si>
  <si>
    <t>11/18/2019 14:55:11</t>
  </si>
  <si>
    <t>11/18/2019 14:55:12</t>
  </si>
  <si>
    <t>11/18/2019 14:55:14</t>
  </si>
  <si>
    <t>11/18/2019 14:55:15</t>
  </si>
  <si>
    <t>11/18/2019 14:55:18</t>
  </si>
  <si>
    <t>11/18/2019 14:55:20</t>
  </si>
  <si>
    <t>11/18/2019 14:55:21</t>
  </si>
  <si>
    <t>11/18/2019 14:55:25</t>
  </si>
  <si>
    <t>11/16/2019 09:25:55</t>
  </si>
  <si>
    <t>11/18/2019 14:59:25</t>
  </si>
  <si>
    <t>C:\Users\fellypcsj\OneDrive - Grupo Algar\Pendências\Deslocamento Férias\Fernando Rodrigues.msg\s1\</t>
  </si>
  <si>
    <t>072019 - DESLOCAMENTO VEICULO FÉRIAS.xlsx</t>
  </si>
  <si>
    <t>11/16/2019 09:25:56</t>
  </si>
  <si>
    <t>C:\Users\fellypcsj\OneDrive - Grupo Algar\Pendências\Deslocamento Férias\Gilson Alves.msg\s1\</t>
  </si>
  <si>
    <t>11/16/2019 09:25:57</t>
  </si>
  <si>
    <t>C:\Users\fellypcsj\OneDrive - Grupo Algar\Pendências\Deslocamento Férias\Eric Henrique.msg\s1\</t>
  </si>
  <si>
    <t>072019 - DESLOCAMENTO VEICULO FÉRIAS (002).xlsx</t>
  </si>
  <si>
    <t>11/16/2019 09:25:58</t>
  </si>
  <si>
    <t>C:\Users\fellypcsj\OneDrive - Grupo Algar\Pendências\Deslocamento Férias\Rui Miguel.msg\s1\</t>
  </si>
  <si>
    <t>C:\Users\fellypcsj\OneDrive - Grupo Algar\Pendências\Deslocamento Férias\</t>
  </si>
  <si>
    <t>2019 - DESLOCAMENTO VEICULO FÉRIAS.xlsx</t>
  </si>
  <si>
    <t>11/16/2019 09:26:03</t>
  </si>
  <si>
    <t>11/16/2019 09:26:12</t>
  </si>
  <si>
    <t>11/16/2019 09:34:23</t>
  </si>
  <si>
    <t>11/16/2019 09:35:18</t>
  </si>
  <si>
    <t>11/16/2019 17:01:43</t>
  </si>
  <si>
    <t>11/18/2019 14:59:01</t>
  </si>
  <si>
    <t>11/18/2019 15:01:25</t>
  </si>
  <si>
    <t>DISABLE_INSTANCIAS_SQL_SAGE.xlsx</t>
  </si>
  <si>
    <t>11/18/2019 14:55:41</t>
  </si>
  <si>
    <t>11/18/2019 14:55:42</t>
  </si>
  <si>
    <t>11/18/2019 15:01:18</t>
  </si>
  <si>
    <t>11/18/2019 15:03:25</t>
  </si>
  <si>
    <t>C:\Users\lucasfbr\OneDrive - Grupo Algar\LUCAS\3 - Demandas\Licenciamento Microsoft\Fase 2\7 - SAM\</t>
  </si>
  <si>
    <t>MLS Techxlsx.xlsx</t>
  </si>
  <si>
    <t>11/18/2019 15:06:44</t>
  </si>
  <si>
    <t>11/18/2019 15:08:26</t>
  </si>
  <si>
    <t>11/18/2019 15:07:01</t>
  </si>
  <si>
    <t>Cópia de MLS_ALGAR_2017.xlsx</t>
  </si>
  <si>
    <t>11/18/2019 15:07:27</t>
  </si>
  <si>
    <t>11/18/2019 15:09:25</t>
  </si>
  <si>
    <t>10.208.12.62</t>
  </si>
  <si>
    <t>Férias_CNJ_PF_PRF.xlsx</t>
  </si>
  <si>
    <t>11/18/2019 15:08:05</t>
  </si>
  <si>
    <t>11/18/2019 15:11:25</t>
  </si>
  <si>
    <t>11/18/2019 15:08:48</t>
  </si>
  <si>
    <t>11/18/2019 15:12:26</t>
  </si>
  <si>
    <t>amado@avaya.com;bmsampaio@avaya.com;cavalcanti@avaya.com;cleberafp@algartech.com;cpinto@avaya.com;hnossig@avaya.com;jambar@avaya.com;junior@avaya.com;leandrosma@algartech.com;maurojmdo@algartech.com;poncef@avaya.com;rbarros@avaya.com;vcacquafreda@avaya.com;</t>
  </si>
  <si>
    <t>D:\AlgarTech\Planejamento_Engenharia\BPO\RFP - Perguntas\</t>
  </si>
  <si>
    <t>Questionamentos Algar Tech - TI.xlsx</t>
  </si>
  <si>
    <t>amado@avaya.com,bmsampaio@avaya.com,cavalcanti@avaya.com,cleberafp@algartech.com,cpinto@avaya.com,hnossig@avaya.com,jambar@avaya.com,junior@avaya.com,leandrosma@algartech.com,maurojmdo@algartech.com,poncef@avaya.com,rbarros@avaya.com,vcacquafreda@avaya.com</t>
  </si>
  <si>
    <t>11/18/2019 15:08:47</t>
  </si>
  <si>
    <t>10.207.12.47</t>
  </si>
  <si>
    <t>/o=exchangelabs/ou=exchange administrative group (fydibohf23spdlt)/cn=recipients/cn=651324bc204a42f6bbcdf62273ebdc5c-aluisio ant;/o=exchangelabs/ou=exchange administrative group (fydibohf23spdlt)/cn=recipients/cn=b79663656cc44aa3bf06617d1695ae51-carlos faci;</t>
  </si>
  <si>
    <t>Catalogo de Produtos - Fusion</t>
  </si>
  <si>
    <t>/o=exchangelabs/ou=exchange administrative group (fydibohf23spdlt)/cn=recipients/cn=651324bc204a42f6bbcdf62273ebdc5c-aluisio ant,/o=exchangelabs/ou=exchange administrative group (fydibohf23spdlt)/cn=recipients/cn=b79663656cc44aa3bf06617d1695ae51-carlos faci</t>
  </si>
  <si>
    <t>11/18/2019 15:13:09</t>
  </si>
  <si>
    <t>11/18/2019 15:14:26</t>
  </si>
  <si>
    <t>/o=exchangelabs/ou=exchange administrative group (fydibohf23spdlt)/cn=recipients/cn=0c3b159caeb64e888a1aff8085d3e351-antonio de;/o=exchangelabs/ou=exchange administrative group (fydibohf23spdlt)/cn=recipients/cn=3e53cb9709eb44f6a5c985e8a116316d-marcelo gil;/o=exchangelabs/ou=exchange administrative group (fydibohf23spdlt)/cn=recipients/cn=4cfa6f7817f44e48a6a34e48106550f7-raimundo de;/o=exchangelabs/ou=exchange administrative group (fydibohf23spdlt)/cn=recipients/cn=65f2464c9a2e4d2981cae7124572133d-cristiane c;/o=exchangelabs/ou=exchange administrative group (fydibohf23spdlt)/cn=recipients/cn=a726283886e24ad29dbb9ee862752722-igor jefers;adsilva_pronto@timbrasil.com.br;logisticatimopm@grupotpc.com;mpanhoca@timbrasil.com.br;mtbarros@timbrasil.com.br;nmota@timbrasil.com.br;ppaternina@timbrasil.com.br;ralbuquerque_act@timbrasil.com.br;</t>
  </si>
  <si>
    <t>RES: Liberação do Sistema SGS - Player Teresina</t>
  </si>
  <si>
    <t>RES Saneamento de usuários SGS - Algar.msg\s1\</t>
  </si>
  <si>
    <t>102019 - ACESSOS SGS.xlsx</t>
  </si>
  <si>
    <t>/o=exchangelabs/ou=exchange administrative group (fydibohf23spdlt)/cn=recipients/cn=0c3b159caeb64e888a1aff8085d3e351-antonio de,/o=exchangelabs/ou=exchange administrative group (fydibohf23spdlt)/cn=recipients/cn=3e53cb9709eb44f6a5c985e8a116316d-marcelo gil,/o=exchangelabs/ou=exchange administrative group (fydibohf23spdlt)/cn=recipients/cn=4cfa6f7817f44e48a6a34e48106550f7-raimundo de,/o=exchangelabs/ou=exchange administrative group (fydibohf23spdlt)/cn=recipients/cn=65f2464c9a2e4d2981cae7124572133d-cristiane c,/o=exchangelabs/ou=exchange administrative group (fydibohf23spdlt)/cn=recipients/cn=a726283886e24ad29dbb9ee862752722-igor jefers,adsilva_pronto@timbrasil.com.br,logisticatimopm@grupotpc.com,mpanhoca@timbrasil.com.br,mtbarros@timbrasil.com.br,nmota@timbrasil.com.br,ppaternina@timbrasil.com.br,ralbuquerque_act@timbrasil.com.br</t>
  </si>
  <si>
    <t>11/18/2019 15:13:22</t>
  </si>
  <si>
    <t>11/18/2019 15:15:25</t>
  </si>
  <si>
    <t>/o=exchangelabs/ou=exchange administrative group (fydibohf23spdlt)/cn=recipients/cn=72cf7e0bd1fe499886b9c12b4b5b52b6-inacio anto;/o=exchangelabs/ou=exchange administrative group (fydibohf23spdlt)/cn=recipients/cn=90878932db2a45bb924c0e3aac6d5da2-jonatas lem;/o=exchangelabs/ou=exchange administrative group (fydibohf23spdlt)/cn=recipients/cn=a4ba92cba10f4fe498074594f937f3b6-leandro lop;/o=exchangelabs/ou=exchange administrative group (fydibohf23spdlt)/cn=recipients/cn=e894bfa401c848dc9e25ced4ad1f3dd7-luciana fer;rafaelabsz@algartech.com.br;wesleymb@algartech.com.br;</t>
  </si>
  <si>
    <t>RES: Relatório Receptivo - URR 18/11/2019 09:30:56</t>
  </si>
  <si>
    <t>RelatórioReceptivoURR_Novembro.xlsx</t>
  </si>
  <si>
    <t>/o=exchangelabs/ou=exchange administrative group (fydibohf23spdlt)/cn=recipients/cn=72cf7e0bd1fe499886b9c12b4b5b52b6-inacio anto,/o=exchangelabs/ou=exchange administrative group (fydibohf23spdlt)/cn=recipients/cn=90878932db2a45bb924c0e3aac6d5da2-jonatas lem,/o=exchangelabs/ou=exchange administrative group (fydibohf23spdlt)/cn=recipients/cn=a4ba92cba10f4fe498074594f937f3b6-leandro lop,/o=exchangelabs/ou=exchange administrative group (fydibohf23spdlt)/cn=recipients/cn=e894bfa401c848dc9e25ced4ad1f3dd7-luciana fer,rafaelabsz@algartech.com.br,wesleymb@algartech.com.br</t>
  </si>
  <si>
    <t>11/18/2019 15:13:15</t>
  </si>
  <si>
    <t>11/18/2019 15:17:25</t>
  </si>
  <si>
    <t>Arquivo Produção</t>
  </si>
  <si>
    <t>Produtividade UNE_UCB_Formalização e Casos Especiais D-1_.xlsb</t>
  </si>
  <si>
    <t>11/18/2019 15:15:38</t>
  </si>
  <si>
    <t>Produção VALE</t>
  </si>
  <si>
    <t>11/18/2019 15:23:36</t>
  </si>
  <si>
    <t>11/18/2019 15:24:26</t>
  </si>
  <si>
    <t>C:\Users\rodrigormc\Downloads\Boletim Semanal_14-11 - Comercial Algar.pptx\</t>
  </si>
  <si>
    <t>11/18/2019 15:23:38</t>
  </si>
  <si>
    <t>mail.google.com/_/upload?authuser=0&amp;dcp=asu-n&amp;upload_id=AEnB2UpnYM025ubI2HHpTK8M5gCWBUSbmjRdelm8R6Gl18rAleZOJVB8cDR-TDx7XroLPi6R53e630pfve3Xp30qGkXxgxu_Zw&amp;upload_protocol=resumable</t>
  </si>
  <si>
    <t>C:\Users\rodrigormc\Desktop\Parcial\Boletim Semanal_14-11 - Comercial Algar.pptx\</t>
  </si>
  <si>
    <t>11/18/2019 15:25:02</t>
  </si>
  <si>
    <t>11/18/2019 15:29:25</t>
  </si>
  <si>
    <t>/o=exchangelabs/ou=exchange administrative group (fydibohf23spdlt)/cn=recipients/cn=65f2464c9a2e4d2981cae7124572133d-cristiane c;llana@timbrasil.com.br;mpanhoca@timbrasil.com.br;nmota@timbrasil.com.br;qgouveia@timbrasil.com.br;rporto@timbrasil.com.br;</t>
  </si>
  <si>
    <t>/o=exchangelabs/ou=exchange administrative group (fydibohf23spdlt)/cn=recipients/cn=65f2464c9a2e4d2981cae7124572133d-cristiane c,llana@timbrasil.com.br,mpanhoca@timbrasil.com.br,nmota@timbrasil.com.br,qgouveia@timbrasil.com.br,rporto@timbrasil.com.br</t>
  </si>
  <si>
    <t>11/18/2019 15:30:02</t>
  </si>
  <si>
    <t>11/18/2019 15:34:25</t>
  </si>
  <si>
    <t>11/18/2019 15:31:06</t>
  </si>
  <si>
    <t>11/18/2019 15:35:26</t>
  </si>
  <si>
    <t>C:\Users\viniciussg\Desktop\BP\Whirpool\</t>
  </si>
  <si>
    <t>BP - WHIRPOOL - Preco sem Multas - Capex FTE Implantacao_ajustadoOPEX_desafio.xlsb</t>
  </si>
  <si>
    <t>C:\Users\viniciussg\Desktop\BP\Whirpool\BP - WHIRPOOL - Preco sem Multas - Capex FTE Implantacao_ajustadoOPEX_desafio.xlsb\</t>
  </si>
  <si>
    <t>11/18/2019 15:31:53</t>
  </si>
  <si>
    <t>11/18/2019 15:36:25</t>
  </si>
  <si>
    <t>estetira operacional.xlsx</t>
  </si>
  <si>
    <t>11/18/2019 15:32:41</t>
  </si>
  <si>
    <t>11/18/2019 15:38:03</t>
  </si>
  <si>
    <t>11/18/2019 15:39:26</t>
  </si>
  <si>
    <t>/o=exchangelabs/ou=exchange administrative group (fydibohf23spdlt)/cn=recipients/cn=55124587bb9148f5887830eedfe99a77-marilia men;</t>
  </si>
  <si>
    <t>ENC: Relatório External Central de Notas</t>
  </si>
  <si>
    <t>/o=exchangelabs/ou=exchange administrative group (fydibohf23spdlt)/cn=recipients/cn=55124587bb9148f5887830eedfe99a77-marilia men</t>
  </si>
  <si>
    <t>11/18/2019 15:37:28</t>
  </si>
  <si>
    <t>11/18/2019 15:40:26</t>
  </si>
  <si>
    <t>D:\OneDrive\AlgarTech\Pré-Vendas\Cliente\2019\SuperFrio\217471 - Clone do servidor L001PPENTH\</t>
  </si>
  <si>
    <t>Preco_TesteSnapshot_V1.xlsb</t>
  </si>
  <si>
    <t>11/18/2019 15:39:46</t>
  </si>
  <si>
    <t>11/18/2019 15:44:26</t>
  </si>
  <si>
    <t>11/18/2019 15:42:11</t>
  </si>
  <si>
    <t>11/18/2019 15:47:25</t>
  </si>
  <si>
    <t>D8-9C-67-6F-2A-E1</t>
  </si>
  <si>
    <t>/o=exchangelabs/ou=exchange administrative group (fydibohf23spdlt)/cn=recipients/cn=287c26b08a0f48578479a15a452f025d-edilson rod;/o=exchangelabs/ou=exchange administrative group (fydibohf23spdlt)/cn=recipients/cn=79b149cf7a984ca686e3b0e40b3bc8cf-danilo cesa;</t>
  </si>
  <si>
    <t>ENC: Tabela com valores a serem alinhados</t>
  </si>
  <si>
    <t>Racional.Alinhamento.Telecom.14.11.2019.xlsx</t>
  </si>
  <si>
    <t>/o=exchangelabs/ou=exchange administrative group (fydibohf23spdlt)/cn=recipients/cn=287c26b08a0f48578479a15a452f025d-edilson rod,/o=exchangelabs/ou=exchange administrative group (fydibohf23spdlt)/cn=recipients/cn=79b149cf7a984ca686e3b0e40b3bc8cf-danilo cesa</t>
  </si>
  <si>
    <t>11/18/2019 15:46:41</t>
  </si>
  <si>
    <t>11/18/2019 15:50:26</t>
  </si>
  <si>
    <t>Preco_217471_CloneL001PPENTH_V1.xlsb</t>
  </si>
  <si>
    <t>11/18/2019 15:47:19</t>
  </si>
  <si>
    <t>11/18/2019 15:51:25</t>
  </si>
  <si>
    <t>/o=exchangelabs/ou=exchange administrative group (fydibohf23spdlt)/cn=recipients/cn=50f8ab770c6e4ce1a0c6a59d9c0a5d77-gessica ste;/o=exchangelabs/ou=exchange administrative group (fydibohf23spdlt)/cn=recipients/cn=f2208b22da5b4bf3a5f4a7b9dfa2fd06-danilo marq;flavia@iclicconsultoria.com.br;</t>
  </si>
  <si>
    <t>/o=exchangelabs/ou=exchange administrative group (fydibohf23spdlt)/cn=recipients/cn=50f8ab770c6e4ce1a0c6a59d9c0a5d77-gessica ste,/o=exchangelabs/ou=exchange administrative group (fydibohf23spdlt)/cn=recipients/cn=f2208b22da5b4bf3a5f4a7b9dfa2fd06-danilo marq,flavia@iclicconsultoria.com.br</t>
  </si>
  <si>
    <t>11/18/2019 15:54:10</t>
  </si>
  <si>
    <t>11/18/2019 15:56:26</t>
  </si>
  <si>
    <t>11/18/2019 15:55:44</t>
  </si>
  <si>
    <t>11/18/2019 15:57:25</t>
  </si>
  <si>
    <t>renantc@algartech.com.br;</t>
  </si>
  <si>
    <t>ENC: Login Associados</t>
  </si>
  <si>
    <t>renantc@algartech.com.br</t>
  </si>
  <si>
    <t>11/18/2019 15:55:01</t>
  </si>
  <si>
    <t>11/18/2019 15:59:25</t>
  </si>
  <si>
    <t>ENC: BAIXA DE MATERIAIS PLAYER GOVERNADOR VALADARES</t>
  </si>
  <si>
    <t>11/18/2019 15:54:40</t>
  </si>
  <si>
    <t>11/18/2019 16:00:26</t>
  </si>
  <si>
    <t>Performance - ALGAR URR_Novembro.xlsm</t>
  </si>
  <si>
    <t>11/18/2019 15:57:52</t>
  </si>
  <si>
    <t>11/18/2019 16:01:25</t>
  </si>
  <si>
    <t>11/18/2019 16:04:15</t>
  </si>
  <si>
    <t>11/18/2019 16:07:26</t>
  </si>
  <si>
    <t>ENC: Resultado - Avaliação de Conhecimento</t>
  </si>
  <si>
    <t>Correção - Avaliação de conhecimento.xlsx</t>
  </si>
  <si>
    <t>11/18/2019 16:08:12</t>
  </si>
  <si>
    <t>11/18/2019 16:09:26</t>
  </si>
  <si>
    <t>DRE_INCENTIVOS FISCAIS PRECLOSING 2019.xlsx</t>
  </si>
  <si>
    <t>11/18/2019 16:06:40</t>
  </si>
  <si>
    <t>11/18/2019 16:11:26</t>
  </si>
  <si>
    <t>IMPOSTOS ENGESET AJUSTE PWEB 192550.xls</t>
  </si>
  <si>
    <t>11/18/2019 16:10:15</t>
  </si>
  <si>
    <t>RES: Consulta - TAGMA - 80662</t>
  </si>
  <si>
    <t>Formulário Abertura Relacionamento.xlsx</t>
  </si>
  <si>
    <t>11/18/2019 16:15:24</t>
  </si>
  <si>
    <t>11/18/2019 16:18:26</t>
  </si>
  <si>
    <t>11/18/2019 16:17:12</t>
  </si>
  <si>
    <t>11/18/2019 16:21:25</t>
  </si>
  <si>
    <t>FTE_Caixa_Out19 - Copia.xlsb</t>
  </si>
  <si>
    <t>11/18/2019 16:21:16</t>
  </si>
  <si>
    <t>11/18/2019 16:23:26</t>
  </si>
  <si>
    <t>ENC: Inclusão de informações - Dash PA Digital Ecohouse e Services</t>
  </si>
  <si>
    <t>Dashboard PA Digital - Services v2.xlsb</t>
  </si>
  <si>
    <t>11/18/2019 16:17:56</t>
  </si>
  <si>
    <t>bruna.vernalha@bradesco.com.br;daiane.alves@bradesco.com.br;denisev.carvalho@bradesco.com.br;eva.cordeiro@bradesco.com.br;janecsa@algartech.com;matheusmpm@algartech.com;tatiana.bueno@bradesco.com.br;vanessa.crisan.santos@bradesco.com.br;</t>
  </si>
  <si>
    <t>DRE CAP 2019.xlsx</t>
  </si>
  <si>
    <t>bruna.vernalha@bradesco.com.br,daiane.alves@bradesco.com.br,denisev.carvalho@bradesco.com.br,eva.cordeiro@bradesco.com.br,janecsa@algartech.com,matheusmpm@algartech.com,tatiana.bueno@bradesco.com.br,vanessa.crisan.santos@bradesco.com.br</t>
  </si>
  <si>
    <t>11/18/2019 16:24:35</t>
  </si>
  <si>
    <t>11/18/2019 16:25:25</t>
  </si>
  <si>
    <t>/o=exchangelabs/ou=exchange administrative group (fydibohf23spdlt)/cn=recipients/cn=01258235ab064fe382971a269caa9ae4-camila alve;/o=exchangelabs/ou=exchange administrative group (fydibohf23spdlt)/cn=recipients/cn=38a577afc82741f3a6931f08d972dadd-ana paula l;/o=exchangelabs/ou=exchange administrative group (fydibohf23spdlt)/cn=recipients/cn=5edd3119d5be484e8f7d76c7e692f780-vanessa flo;/o=exchangelabs/ou=exchange administrative group (fydibohf23spdlt)/cn=recipients/cn=afe703aaac894a95a93f05caa34fb443-trueisciele;/o=exchangelabs/ou=exchange administrative group (fydibohf23spdlt)/cn=recipients/cn=b0dffb7bae8b4669bf2555c821ef7035-daniela vie;/o=exchangelabs/ou=exchange administrative group (fydibohf23spdlt)/cn=recipients/cn=b3344521e5c94673b0c42b683cb2479c-leticia nun;/o=exchangelabs/ou=exchange administrative group (fydibohf23spdlt)/cn=recipients/cn=d450eb92a9be40a4b42269f112fd456d-larissa apa;/o=exchangelabs/ou=exchange administrative group (fydibohf23spdlt)/cn=recipients/cn=edae426e1b6b463380016e9cc0970bd9-jess</t>
  </si>
  <si>
    <t>Distribuição de Meta - Whp</t>
  </si>
  <si>
    <t>Distribuição WHP.xlsx</t>
  </si>
  <si>
    <t>/o=exchangelabs/ou=exchange administrative group (fydibohf23spdlt)/cn=recipients/cn=01258235ab064fe382971a269caa9ae4-camila alve,/o=exchangelabs/ou=exchange administrative group (fydibohf23spdlt)/cn=recipients/cn=38a577afc82741f3a6931f08d972dadd-ana paula l,/o=exchangelabs/ou=exchange administrative group (fydibohf23spdlt)/cn=recipients/cn=5edd3119d5be484e8f7d76c7e692f780-vanessa flo,/o=exchangelabs/ou=exchange administrative group (fydibohf23spdlt)/cn=recipients/cn=afe703aaac894a95a93f05caa34fb443-trueisciele,/o=exchangelabs/ou=exchange administrative group (fydibohf23spdlt)/cn=recipients/cn=b0dffb7bae8b4669bf2555c821ef7035-daniela vie,/o=exchangelabs/ou=exchange administrative group (fydibohf23spdlt)/cn=recipients/cn=b3344521e5c94673b0c42b683cb2479c-leticia nun,/o=exchangelabs/ou=exchange administrative group (fydibohf23spdlt)/cn=recipients/cn=d450eb92a9be40a4b42269f112fd456d-larissa apa,/o=exchangelabs/ou=exchange administrative group (fydibohf23spdlt)/cn=recipients/cn=edae426e1b6b463380016e9cc0970bd9-jess</t>
  </si>
  <si>
    <t>11/18/2019 16:25:53</t>
  </si>
  <si>
    <t>11/18/2019 16:28:26</t>
  </si>
  <si>
    <t>Proposta_CSP&amp;EAS.xlsx</t>
  </si>
  <si>
    <t>11/18/2019 16:27:36</t>
  </si>
  <si>
    <t>11/18/2019 16:31:25</t>
  </si>
  <si>
    <t>11/18/2019 16:28:07</t>
  </si>
  <si>
    <t>11/18/2019 16:30:32</t>
  </si>
  <si>
    <t>11/18/2019 16:34:25</t>
  </si>
  <si>
    <t>ORC_2020_GILDA MIRANDA_v6.xlsx</t>
  </si>
  <si>
    <t>11/18/2019 16:34:21</t>
  </si>
  <si>
    <t>11/18/2019 16:36:25</t>
  </si>
  <si>
    <t>Template_Registro_FTE_Realizado_Outubro_v1.0 - Copia.xlsb</t>
  </si>
  <si>
    <t>11/18/2019 16:36:01</t>
  </si>
  <si>
    <t>11/18/2019 16:37:26</t>
  </si>
  <si>
    <t>ENC: Alteração Categorização e Nomenclatura - Rotinas/Particularidades CRC Amex e CRC VMC (DEPARA)</t>
  </si>
  <si>
    <t>DEPARA ASSUNTO E EVENTO - ROTINAS E PARTICULARIDADES.xlsx</t>
  </si>
  <si>
    <t>11/18/2019 16:42:09</t>
  </si>
  <si>
    <t>11/18/2019 16:44:25</t>
  </si>
  <si>
    <t>11/18/2019 16:50:37</t>
  </si>
  <si>
    <t>11/18/2019 16:51:25</t>
  </si>
  <si>
    <t>FTE_BV_Out19 - Copia.xlsb</t>
  </si>
  <si>
    <t>11/18/2019 16:51:53</t>
  </si>
  <si>
    <t>11/18/2019 16:54:25</t>
  </si>
  <si>
    <t>/o=exchangelabs/ou=exchange administrative group (fydibohf23spdlt)/cn=recipients/cn=56dc126fba5b4a5f8fb1cd7e4f10477d-thais olive;/o=exchangelabs/ou=exchange administrative group (fydibohf23spdlt)/cn=recipients/cn=60c79fa1bc994449ac17a5e2109f7abd-claudio fer;/o=exchangelabs/ou=exchange administrative group (fydibohf23spdlt)/cn=recipients/cn=950d4f3abf7d433ba34bbfa8a2d47d3e-laura mayor;/o=exchangelabs/ou=exchange administrative group (fydibohf23spdlt)/cn=recipients/cn=a5fb24647d6e4c368aca7c8ad68585d5-jessica fer;/o=exchangelabs/ou=exchange administrative group (fydibohf23spdlt)/cn=recipients/cn=d1d015f213f648abbf348b5ccdf8e9d9-senilda per;adriana.oliveira@avon.com;</t>
  </si>
  <si>
    <t>ENC: Layout arquivo Estratégia de Natal 2019</t>
  </si>
  <si>
    <t>arquivo_generico_setores.xlsb</t>
  </si>
  <si>
    <t>/o=exchangelabs/ou=exchange administrative group (fydibohf23spdlt)/cn=recipients/cn=56dc126fba5b4a5f8fb1cd7e4f10477d-thais olive,/o=exchangelabs/ou=exchange administrative group (fydibohf23spdlt)/cn=recipients/cn=60c79fa1bc994449ac17a5e2109f7abd-claudio fer,/o=exchangelabs/ou=exchange administrative group (fydibohf23spdlt)/cn=recipients/cn=950d4f3abf7d433ba34bbfa8a2d47d3e-laura mayor,/o=exchangelabs/ou=exchange administrative group (fydibohf23spdlt)/cn=recipients/cn=a5fb24647d6e4c368aca7c8ad68585d5-jessica fer,/o=exchangelabs/ou=exchange administrative group (fydibohf23spdlt)/cn=recipients/cn=d1d015f213f648abbf348b5ccdf8e9d9-senilda per,adriana.oliveira@avon.com</t>
  </si>
  <si>
    <t>11/18/2019 16:51:15</t>
  </si>
  <si>
    <t>11/18/2019 16:56:25</t>
  </si>
  <si>
    <t>FTE_BV_Nov19.xlsb</t>
  </si>
  <si>
    <t>11/18/2019 16:54:55</t>
  </si>
  <si>
    <t>11/18/2019 16:57:26</t>
  </si>
  <si>
    <t>/o=exchangelabs/ou=exchange administrative group (fydibohf23spdlt)/cn=recipients/cn=1619b3f8c30a4e4691630d9aecbfe25f-marcos borg;/o=exchangelabs/ou=exchange administrative group (fydibohf23spdlt)/cn=recipients/cn=287c26b08a0f48578479a15a452f025d-edilson rod;/o=exchangelabs/ou=exchange administrative group (fydibohf23spdlt)/cn=recipients/cn=79b149cf7a984ca686e3b0e40b3bc8cf-danilo cesa;/o=exchangelabs/ou=exchange administrative group (fydibohf23spdlt)/cn=recipients/cn=a3ae935527214ea6981fef4426b7d31d-lisiane mon;/o=exchangelabs/ou=exchange administrative group (fydibohf23spdlt)/cn=recipients/cn=f71035a74a95411c8b0276261ec8a527-rafael barr;</t>
  </si>
  <si>
    <t>/o=exchangelabs/ou=exchange administrative group (fydibohf23spdlt)/cn=recipients/cn=1619b3f8c30a4e4691630d9aecbfe25f-marcos borg,/o=exchangelabs/ou=exchange administrative group (fydibohf23spdlt)/cn=recipients/cn=287c26b08a0f48578479a15a452f025d-edilson rod,/o=exchangelabs/ou=exchange administrative group (fydibohf23spdlt)/cn=recipients/cn=79b149cf7a984ca686e3b0e40b3bc8cf-danilo cesa,/o=exchangelabs/ou=exchange administrative group (fydibohf23spdlt)/cn=recipients/cn=a3ae935527214ea6981fef4426b7d31d-lisiane mon,/o=exchangelabs/ou=exchange administrative group (fydibohf23spdlt)/cn=recipients/cn=f71035a74a95411c8b0276261ec8a527-rafael barr</t>
  </si>
  <si>
    <t>11/18/2019 16:55:59</t>
  </si>
  <si>
    <t>11/18/2019 16:58:25</t>
  </si>
  <si>
    <t>/o=exchangelabs/ou=exchange administrative group (fydibohf23spdlt)/cn=recipients/cn=03a1bc99308a456db7c0105407689b39-gilda elain;/o=exchangelabs/ou=exchange administrative group (fydibohf23spdlt)/cn=recipients/cn=e6c01c0e3afe461fbb9d46983fc38f7e-celso anton;</t>
  </si>
  <si>
    <t>Reprocessamento PTH 2020 Financeiro</t>
  </si>
  <si>
    <t>/o=exchangelabs/ou=exchange administrative group (fydibohf23spdlt)/cn=recipients/cn=03a1bc99308a456db7c0105407689b39-gilda elain,/o=exchangelabs/ou=exchange administrative group (fydibohf23spdlt)/cn=recipients/cn=e6c01c0e3afe461fbb9d46983fc38f7e-celso anton</t>
  </si>
  <si>
    <t>11/18/2019 16:56:43</t>
  </si>
  <si>
    <t>11/18/2019 17:01:26</t>
  </si>
  <si>
    <t>lucasfra@algartech.com;</t>
  </si>
  <si>
    <t>Agenda</t>
  </si>
  <si>
    <t>Agenda Semanal 18-11 a 22-11 Histórico 11-11 a 15-11.xlsx</t>
  </si>
  <si>
    <t>11/18/2019 16:59:24</t>
  </si>
  <si>
    <t>11/18/2019 17:05:26</t>
  </si>
  <si>
    <t>/o=exchangelabs/ou=exchange administrative group (fydibohf23spdlt)/cn=recipients/cn=2072905e221e44cd93713caf57a4301f-roberta igi;/o=exchangelabs/ou=exchange administrative group (fydibohf23spdlt)/cn=recipients/cn=690534bfcd7340c7beff9dafbdbfc25f-paulo henri;/o=exchangelabs/ou=exchange administrative group (fydibohf23spdlt)/cn=recipients/cn=d6cce5a70d504cc2ad89cee834cd59a9-luciana rib;</t>
  </si>
  <si>
    <t>Visão Antecipação</t>
  </si>
  <si>
    <t>Bases Ativos Consolidados - Novembro.xlsx</t>
  </si>
  <si>
    <t>/o=exchangelabs/ou=exchange administrative group (fydibohf23spdlt)/cn=recipients/cn=2072905e221e44cd93713caf57a4301f-roberta igi,/o=exchangelabs/ou=exchange administrative group (fydibohf23spdlt)/cn=recipients/cn=690534bfcd7340c7beff9dafbdbfc25f-paulo henri,/o=exchangelabs/ou=exchange administrative group (fydibohf23spdlt)/cn=recipients/cn=d6cce5a70d504cc2ad89cee834cd59a9-luciana rib</t>
  </si>
  <si>
    <t>11/18/2019 17:02:02</t>
  </si>
  <si>
    <t>D:\OneDrive\AlgarTech\Pré-Vendas\Cliente\2019\Usina Guaira\217473 - Recriação Servidor Citrix UAG085\</t>
  </si>
  <si>
    <t>11/18/2019 17:11:01</t>
  </si>
  <si>
    <t>11/18/2019 17:13:25</t>
  </si>
  <si>
    <t>/o=exchangelabs/ou=exchange administrative group (fydibohf23spdlt)/cn=recipients/cn=06d628e3f48b48f491437fe6311215ae-claudiane a;/o=exchangelabs/ou=exchange administrative group (fydibohf23spdlt)/cn=recipients/cn=5037aa398cdf4d9cae5ff1914ad4e4b1-joao paulo;/o=exchangelabs/ou=exchange administrative group (fydibohf23spdlt)/cn=recipients/cn=a9a1fe1d51ef4ee29617a1c11aa10050-marinalva i;/o=exchangelabs/ou=exchange administrative group (fydibohf23spdlt)/cn=recipients/cn=bf5c8ee8081a4a4cbf005372e2697869-tassiane ci;</t>
  </si>
  <si>
    <t>/o=exchangelabs/ou=exchange administrative group (fydibohf23spdlt)/cn=recipients/cn=06d628e3f48b48f491437fe6311215ae-claudiane a,/o=exchangelabs/ou=exchange administrative group (fydibohf23spdlt)/cn=recipients/cn=5037aa398cdf4d9cae5ff1914ad4e4b1-joao paulo,/o=exchangelabs/ou=exchange administrative group (fydibohf23spdlt)/cn=recipients/cn=a9a1fe1d51ef4ee29617a1c11aa10050-marinalva i,/o=exchangelabs/ou=exchange administrative group (fydibohf23spdlt)/cn=recipients/cn=bf5c8ee8081a4a4cbf005372e2697869-tassiane ci</t>
  </si>
  <si>
    <t>11/18/2019 17:05:43</t>
  </si>
  <si>
    <t>11/18/2019 17:16:25</t>
  </si>
  <si>
    <t>https://caey.fa.us2.oraclecloud.com/crmui/faces/fusewelcome?_adf.ctrl-state=vhk6fljp7_5</t>
  </si>
  <si>
    <t>C:\Users\denysgds\Documents\Backup Denys\Denys Guidio Backup\Backup\Marista\</t>
  </si>
  <si>
    <t>199252 Marista Plan Precificacao C017 B017_v1.xlsb</t>
  </si>
  <si>
    <t>C:\Users\denysgds\Documents\Backup Denys\Denys Guidio Backup\Backup\Marista\199252 Marista Plan Precificacao C017 B017_v1.xlsb\</t>
  </si>
  <si>
    <t>11/18/2019 17:06:20</t>
  </si>
  <si>
    <t>11/18/2019 17:08:14</t>
  </si>
  <si>
    <t>C:\Users\denysgds\Documents\Backup Denys\Denys Guidio Backup\Backup\Faber Castell\216445 RFP\</t>
  </si>
  <si>
    <t>216445 RFP Faber Castell Precificacao C017 B017_v2 Cenário Fiori.xlsb</t>
  </si>
  <si>
    <t>C:\Users\denysgds\Documents\Backup Denys\Denys Guidio Backup\Backup\Faber Castell\216445 RFP\216445 RFP Faber Castell Precificacao C017 B017_v2 Cenário Fiori.xlsb\</t>
  </si>
  <si>
    <t>11/18/2019 17:08:44</t>
  </si>
  <si>
    <t>216445 RFP Faber Castell Precificacao C017 B017_v2.xlsb</t>
  </si>
  <si>
    <t>11/18/2019 17:08:45</t>
  </si>
  <si>
    <t>C:\Users\denysgds\Documents\Backup Denys\Denys Guidio Backup\Backup\Faber Castell\216445 RFP\216445 RFP Faber Castell Precificacao C017 B017_v2.xlsb\</t>
  </si>
  <si>
    <t>11/18/2019 17:16:10</t>
  </si>
  <si>
    <t>11/18/2019 17:18:26</t>
  </si>
  <si>
    <t>10.200.67.163</t>
  </si>
  <si>
    <t>C:\Users\fabianacscg\Downloads\</t>
  </si>
  <si>
    <t>Entregas Qualidade - Demonstrativo (3) (2).xlsx</t>
  </si>
  <si>
    <t>11/18/2019 17:17:45</t>
  </si>
  <si>
    <t>11/18/2019 17:21:26</t>
  </si>
  <si>
    <t>/o=exchangelabs/ou=exchange administrative group (fydibohf23spdlt)/cn=recipients/cn=a4d4dbc88c434f8ba2bceed730d83878-marcellus r;/o=exchangelabs/ou=exchange administrative group (fydibohf23spdlt)/cn=recipients/cn=e8f3542bfc144556bfda069280b71588-angela robe;</t>
  </si>
  <si>
    <t>ENC: Retificação de Contabilização Contingências Trabalhistas - Asyst Argentina</t>
  </si>
  <si>
    <t>Contingencias Trabalhistas Preclosing 2019 Argentina.xlsx</t>
  </si>
  <si>
    <t>/o=exchangelabs/ou=exchange administrative group (fydibohf23spdlt)/cn=recipients/cn=a4d4dbc88c434f8ba2bceed730d83878-marcellus r,/o=exchangelabs/ou=exchange administrative group (fydibohf23spdlt)/cn=recipients/cn=e8f3542bfc144556bfda069280b71588-angela robe</t>
  </si>
  <si>
    <t>11/18/2019 17:16:54</t>
  </si>
  <si>
    <t>\\acsfs\DEPTOS\Engenharia\2 - Service Desk\2.19 - Help Desk Corporate\2.19.9 - Outros\SUPERVISORES\Lucas Rabboni\001 - Equipes\1.Implementação\Acompanhamentos\2019 11 01\Agenda\</t>
  </si>
  <si>
    <t>11/18/2019 17:20:00</t>
  </si>
  <si>
    <t>11/18/2019 17:22:25</t>
  </si>
  <si>
    <t>RES: Chamado: 3427886;</t>
  </si>
  <si>
    <t>CDI ERICA Novo.xlsx</t>
  </si>
  <si>
    <t>11/18/2019 17:21:53</t>
  </si>
  <si>
    <t>C:\Users\lucineiaale\Desktop\</t>
  </si>
  <si>
    <t>11/18/2019 17:21:09</t>
  </si>
  <si>
    <t>11/18/2019 17:23:25</t>
  </si>
  <si>
    <t>c:\users\pablocb\downloads\</t>
  </si>
  <si>
    <t>amigooculto.xlsx</t>
  </si>
  <si>
    <t>11/18/2019 17:19:30</t>
  </si>
  <si>
    <t>11/18/2019 17:24:26</t>
  </si>
  <si>
    <t>ENC: DOCUMENTAÇÃO ID 9448 PA 0538</t>
  </si>
  <si>
    <t>ID 9448_Relat._de_Testes.xlsm</t>
  </si>
  <si>
    <t>11/18/2019 17:24:10</t>
  </si>
  <si>
    <t>11/18/2019 17:26:26</t>
  </si>
  <si>
    <t>antoniojr@algartech.com;gustavorn@algartech.com;priscilacy@algartech.com;sabrinavds@algartech.com;viniciusmlf@algartech.com;</t>
  </si>
  <si>
    <t>antoniojr@algartech.com,gustavorn@algartech.com,priscilacy@algartech.com,sabrinavds@algartech.com,viniciusmlf@algartech.com</t>
  </si>
  <si>
    <t>11/18/2019 17:26:02</t>
  </si>
  <si>
    <t>11/18/2019 17:29:46</t>
  </si>
  <si>
    <t>11/18/2019 17:30:26</t>
  </si>
  <si>
    <t>11/18/2019 17:26:49</t>
  </si>
  <si>
    <t>11/18/2019 17:31:25</t>
  </si>
  <si>
    <t>C:\Users\denysgds\Documents\Backup Denys\Denys Guidio Backup\Backup\Essilor Pentest\</t>
  </si>
  <si>
    <t>217397 Essilor Pentest Precificacao C017 B017_v1.xlsb</t>
  </si>
  <si>
    <t>C:\Users\denysgds\Documents\Backup Denys\Denys Guidio Backup\Backup\Essilor Pentest\217397 Essilor Pentest Precificacao C017 B017_v1.xlsb\</t>
  </si>
  <si>
    <t>11/18/2019 17:30:43</t>
  </si>
  <si>
    <t>antoniojr@algartech.com;gustavorn@algartech.com;priscilacy@algartech.com;sabrinavds@algartech.com;suelibm@algartech.com;viniciusmlf@algartech.com;</t>
  </si>
  <si>
    <t>Mailing Marcia.xlsx</t>
  </si>
  <si>
    <t>antoniojr@algartech.com,gustavorn@algartech.com,priscilacy@algartech.com,sabrinavds@algartech.com,suelibm@algartech.com,viniciusmlf@algartech.com</t>
  </si>
  <si>
    <t>11/18/2019 17:32:24</t>
  </si>
  <si>
    <t>11/18/2019 17:34:26</t>
  </si>
  <si>
    <t>\\acsfs\DEPTOS\Controladoria\3. CSC\CONTROLES CSC\Drivers de custo - 2019\10.2019\Cost Driver Algar Tech (10_19)\</t>
  </si>
  <si>
    <t>11/18/2019 17:31:08</t>
  </si>
  <si>
    <t>CADASTRO - NORTEL SUPRIMENTOS.xls</t>
  </si>
  <si>
    <t>11/18/2019 17:35:23</t>
  </si>
  <si>
    <t>11/18/2019 17:36:26</t>
  </si>
  <si>
    <t>C:\Users\denysgds\Documents\Backup Denys\Denys Guidio Backup\Backup\LDC\Command Center NOC + PS\LDC NOC 29-10\</t>
  </si>
  <si>
    <t>C:\Users\denysgds\Documents\Backup Denys\Denys Guidio Backup\Backup\LDC\Command Center NOC + PS\LDC NOC 29-10\189257 Command Center NOC+PS LDC Precificacao C017 B017_v10 com WIT.xlsb\</t>
  </si>
  <si>
    <t>11/18/2019 17:37:48</t>
  </si>
  <si>
    <t>11/18/2019 17:39:26</t>
  </si>
  <si>
    <t>celmars@algartech.com;waleskamms@algartech.com;</t>
  </si>
  <si>
    <t>celmars@algartech.com,waleskamms@algartech.com</t>
  </si>
  <si>
    <t>11/18/2019 17:35:54</t>
  </si>
  <si>
    <t>11/18/2019 17:41:26</t>
  </si>
  <si>
    <t>C:\Users\denysgds\Documents\Backup Denys\Denys Guidio Backup\Backup\LDC\Command Center NOC + PS\LDC NOC 29-10\189257 Command Center NOC+PS LDC Precificacao C017 B017_v11 com WIT.xlsb\</t>
  </si>
  <si>
    <t>11/18/2019 17:38:14</t>
  </si>
  <si>
    <t>11/18/2019 17:42:26</t>
  </si>
  <si>
    <t>10.200.58.48</t>
  </si>
  <si>
    <t>/o=exchangelabs/ou=exchange administrative group (fydibohf23spdlt)/cn=recipients/cn=90878932db2a45bb924c0e3aac6d5da2-jonatas lem;rafaelabsz@algartech.com.br;wesleymb@algartech.com.br;</t>
  </si>
  <si>
    <t>Apresentação URR</t>
  </si>
  <si>
    <t>112019_Apresentação de resultados URR_ALGAR (002).pptx\</t>
  </si>
  <si>
    <t>/o=exchangelabs/ou=exchange administrative group (fydibohf23spdlt)/cn=recipients/cn=90878932db2a45bb924c0e3aac6d5da2-jonatas lem,rafaelabsz@algartech.com.br,wesleymb@algartech.com.br</t>
  </si>
  <si>
    <t>11/18/2019 17:41:00</t>
  </si>
  <si>
    <t>ENC: relação veículos ativos Valecard</t>
  </si>
  <si>
    <t>Cópia de Cópia de Inventário_Frota.xlsx</t>
  </si>
  <si>
    <t>11/18/2019 17:41:12</t>
  </si>
  <si>
    <t>11/18/2019 17:44:25</t>
  </si>
  <si>
    <t>celmars@algartech.com;vanusapr@algartech.com;waleskamms@algartech.com;</t>
  </si>
  <si>
    <t>celmars@algartech.com,vanusapr@algartech.com,waleskamms@algartech.com</t>
  </si>
  <si>
    <t>11/18/2019 17:42:23</t>
  </si>
  <si>
    <t>11/18/2019 17:46:25</t>
  </si>
  <si>
    <t>C:\Users\denysgds\Documents\Backup Denys\Denys Guidio Backup\Backup\Sicoob Paraná\</t>
  </si>
  <si>
    <t>Sicoob Command Center NOC+PS LDC Precificacao C017 B017_v11 com WIT.xlsb</t>
  </si>
  <si>
    <t>C:\Users\denysgds\Documents\Backup Denys\Denys Guidio Backup\Backup\Sicoob Paraná\Sicoob Command Center NOC+PS LDC Precificacao C017 B017_v11 com WIT.xlsb\</t>
  </si>
  <si>
    <t>11/18/2019 17:43:52</t>
  </si>
  <si>
    <t>11/18/2019 17:49:26</t>
  </si>
  <si>
    <t>celmars@algartech.com;ericacdosc@algartech.com;vanusapr@algartech.com;waleskamms@algartech.com;</t>
  </si>
  <si>
    <t>celmars@algartech.com,ericacdosc@algartech.com,vanusapr@algartech.com,waleskamms@algartech.com</t>
  </si>
  <si>
    <t>11/18/2019 17:45:38</t>
  </si>
  <si>
    <t>celmars@algartech.com;ericacdosc@algartech.com;lucasm@algartech.com;vanusapr@algartech.com;waleskamms@algartech.com;</t>
  </si>
  <si>
    <t>celmars@algartech.com,ericacdosc@algartech.com,lucasm@algartech.com,vanusapr@algartech.com,waleskamms@algartech.com</t>
  </si>
  <si>
    <t>11/18/2019 17:49:21</t>
  </si>
  <si>
    <t>11/18/2019 17:50:25</t>
  </si>
  <si>
    <t>C:\Users\lucianafaa\OneDrive - Grupo Algar\2019\PROJETOS\URR\112019_Apresentação de resultados URR_ALGAR (002) (003).pptx\</t>
  </si>
  <si>
    <t>11/17/2019 19:15:11</t>
  </si>
  <si>
    <t>11/18/2019 18:03:26</t>
  </si>
  <si>
    <t>11/18/2019 16:20:31</t>
  </si>
  <si>
    <t>11/18/2019 16:20:42</t>
  </si>
  <si>
    <t>11/18/2019 17:51:10</t>
  </si>
  <si>
    <t>11/18/2019 18:06:26</t>
  </si>
  <si>
    <t>/o=exchangelabs/ou=exchange administrative group (fydibohf23spdlt)/cn=recipients/cn=90878932db2a45bb924c0e3aac6d5da2-jonatas lem;/o=exchangelabs/ou=exchange administrative group (fydibohf23spdlt)/cn=recipients/cn=a4ba92cba10f4fe498074594f937f3b6-leandro lop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b67cad4ecfa344baaa94d716e7554f49-bruno camel;rafaelabsz@algartech.com.br;</t>
  </si>
  <si>
    <t>RES: Apresentação Reunião URR</t>
  </si>
  <si>
    <t>112019_Apresentação de resultados URR_ALGAR (002) (003).pptx\</t>
  </si>
  <si>
    <t>/o=exchangelabs/ou=exchange administrative group (fydibohf23spdlt)/cn=recipients/cn=90878932db2a45bb924c0e3aac6d5da2-jonatas lem,/o=exchangelabs/ou=exchange administrative group (fydibohf23spdlt)/cn=recipients/cn=a4ba92cba10f4fe498074594f937f3b6-leandro lop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b67cad4ecfa344baaa94d716e7554f49-bruno camel,rafaelabsz@algartech.com.br</t>
  </si>
  <si>
    <t>11/18/2019 18:07:05</t>
  </si>
  <si>
    <t>11/18/2019 18:11:27</t>
  </si>
  <si>
    <t>mail.google.com/_/upload?authuser=0&amp;dcp=asu-n&amp;upload_id=AEnB2UrsVdNSaFxJzpLBZhKRAn7n5awkBKGpxk-L-YvMXuwquKR_pJWBX-A7NtmF-3k8Ob2Pm4q6zBigbFmP-Ku-LQXxtU1IJ593f-49NKebsctxf0Ip9P0&amp;upload_protocol=resumable</t>
  </si>
  <si>
    <t>C:\Users\fabriciovs\Desktop\Capex 2020 - BPO\CONSOLIDAÇÃO AQUISIÇÃO SERVIDORES\</t>
  </si>
  <si>
    <t>LPU ALGAR - R640 - Servidores Aspect Telecom (Uberlandia) + Vmware Enterprise Plus 36 meses de suporte x3.xlsm</t>
  </si>
  <si>
    <t>11/18/2019 18:07:08</t>
  </si>
  <si>
    <t>11/18/2019 18:07:23</t>
  </si>
  <si>
    <t>11/18/2019 18:07:28</t>
  </si>
  <si>
    <t>mail.google.com/_/upload?authuser=0&amp;dcp=asu-n&amp;upload_id=AEnB2Uq7jpmxA7kaSYjXKDKKoSBr8aIcUe_QxdN9icA2HjHeno61XFDO9P29Y56z2lNiN2uA4ufgq0k3GzHlnY48mNXPKCkwLLawGjCaJ7blOqYfbZvKngI&amp;upload_protocol=resumable</t>
  </si>
  <si>
    <t>LPU ALGAR - R640 - Servidores - Estrategia Migracao Plataformas DAC2 e DAC3 + Vmware Enterprise Plus 36 meses de suporte x2.xlsm</t>
  </si>
  <si>
    <t>11/18/2019 18:12:54</t>
  </si>
  <si>
    <t>11/18/2019 18:17:27</t>
  </si>
  <si>
    <t>/o=exchangelabs/ou=exchange administrative group (fydibohf23spdlt)/cn=recipients/cn=user9f44a979;</t>
  </si>
  <si>
    <t>FTE 13_11 v2.xlsx</t>
  </si>
  <si>
    <t>/o=exchangelabs/ou=exchange administrative group (fydibohf23spdlt)/cn=recipients/cn=user9f44a979</t>
  </si>
  <si>
    <t>11/18/2019 18:13:26</t>
  </si>
  <si>
    <t>11/18/2019 18:20:35</t>
  </si>
  <si>
    <t>11/18/2019 18:23:26</t>
  </si>
  <si>
    <t>11/18/2019 18:22:43</t>
  </si>
  <si>
    <t>11/18/2019 18:24:27</t>
  </si>
  <si>
    <t>10.200.68.119</t>
  </si>
  <si>
    <t xml:space="preserve">/o=exchangelabs/ou=exchange administrative group (fydibohf23spdlt)/cn=recipients/cn=080e83e29285438291c54f0de60e22c2-patricia me;/o=exchangelabs/ou=exchange administrative group (fydibohf23spdlt)/cn=recipients/cn=5dd03a66f797451390d7113259343399-aline da si;/o=exchangelabs/ou=exchange administrative group (fydibohf23spdlt)/cn=recipients/cn=696f712aa5c841708a095699a50884db-luan kevem;/o=exchangelabs/ou=exchange administrative group (fydibohf23spdlt)/cn=recipients/cn=723e5f081f0c495c9323df2e415e06e2-raul soares;/o=exchangelabs/ou=exchange administrative group (fydibohf23spdlt)/cn=recipients/cn=a7e592821d864418bccf1424f02e2670-felipe alve;/o=exchangelabs/ou=exchange administrative group (fydibohf23spdlt)/cn=recipients/cn=b4af4243d22d4dfa8c6b1830b913b4d3-caio cesar;/o=exchangelabs/ou=exchange administrative group (fydibohf23spdlt)/cn=recipients/cn=b67cad4ecfa344baaa94d716e7554f49-bruno camel;/o=exchangelabs/ou=exchange administrative group (fydibohf23spdlt)/cn=recipients/cn=ce78042eb45148c0bcf9a901d9d6306f-kelly </t>
  </si>
  <si>
    <t xml:space="preserve">/o=exchangelabs/ou=exchange administrative group (fydibohf23spdlt)/cn=recipients/cn=080e83e29285438291c54f0de60e22c2-patricia me,/o=exchangelabs/ou=exchange administrative group (fydibohf23spdlt)/cn=recipients/cn=5dd03a66f797451390d7113259343399-aline da si,/o=exchangelabs/ou=exchange administrative group (fydibohf23spdlt)/cn=recipients/cn=696f712aa5c841708a095699a50884db-luan kevem,/o=exchangelabs/ou=exchange administrative group (fydibohf23spdlt)/cn=recipients/cn=723e5f081f0c495c9323df2e415e06e2-raul soares,/o=exchangelabs/ou=exchange administrative group (fydibohf23spdlt)/cn=recipients/cn=a7e592821d864418bccf1424f02e2670-felipe alve,/o=exchangelabs/ou=exchange administrative group (fydibohf23spdlt)/cn=recipients/cn=b4af4243d22d4dfa8c6b1830b913b4d3-caio cesar,/o=exchangelabs/ou=exchange administrative group (fydibohf23spdlt)/cn=recipients/cn=b67cad4ecfa344baaa94d716e7554f49-bruno camel,/o=exchangelabs/ou=exchange administrative group (fydibohf23spdlt)/cn=recipients/cn=ce78042eb45148c0bcf9a901d9d6306f-kelly </t>
  </si>
  <si>
    <t>11/18/2019 18:30:53</t>
  </si>
  <si>
    <t>11/18/2019 18:35:27</t>
  </si>
  <si>
    <t>/o=exchangelabs/ou=exchange administrative group (fydibohf23spdlt)/cn=recipients/cn=096be01f3be1448b9e04fb22996909f1-michele sil;/o=exchangelabs/ou=exchange administrative group (fydibohf23spdlt)/cn=recipients/cn=545f738e0fe740ba856f4eb6ef0135e0-vinicius si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RES: Refluxo de ligação SAC</t>
  </si>
  <si>
    <t>Casos Dynamics - Loja Online Pendentes.xlsx</t>
  </si>
  <si>
    <t>/o=exchangelabs/ou=exchange administrative group (fydibohf23spdlt)/cn=recipients/cn=096be01f3be1448b9e04fb22996909f1-michele sil,/o=exchangelabs/ou=exchange administrative group (fydibohf23spdlt)/cn=recipients/cn=545f738e0fe740ba856f4eb6ef0135e0-vinicius si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11/18/2019 18:37:09</t>
  </si>
  <si>
    <t>11/18/2019 18:40:26</t>
  </si>
  <si>
    <t>11/18/2019 18:35:55</t>
  </si>
  <si>
    <t>11/18/2019 18:41:26</t>
  </si>
  <si>
    <t>11/18/2019 18:53:08</t>
  </si>
  <si>
    <t>11/18/2019 18:54:27</t>
  </si>
  <si>
    <t>/o=exchangelabs/ou=exchange administrative group (fydibohf23spdlt)/cn=recipients/cn=6bc6ced03b1b4fafa41bb5c70c178940-antonio per;/o=exchangelabs/ou=exchange administrative group (fydibohf23spdlt)/cn=recipients/cn=6fbc44b6d6b549208175d5a27201bd13-cintia nune;/o=exchangelabs/ou=exchange administrative group (fydibohf23spdlt)/cn=recipients/cn=a72a765de829420582b78941417073ac-karina rodr;</t>
  </si>
  <si>
    <t>ENVIO PRÉVIA CLIENTES - NOV.19.xlsx</t>
  </si>
  <si>
    <t>/o=exchangelabs/ou=exchange administrative group (fydibohf23spdlt)/cn=recipients/cn=6bc6ced03b1b4fafa41bb5c70c178940-antonio per,/o=exchangelabs/ou=exchange administrative group (fydibohf23spdlt)/cn=recipients/cn=6fbc44b6d6b549208175d5a27201bd13-cintia nune,/o=exchangelabs/ou=exchange administrative group (fydibohf23spdlt)/cn=recipients/cn=a72a765de829420582b78941417073ac-karina rodr</t>
  </si>
  <si>
    <t>11/18/2019 19:33:21</t>
  </si>
  <si>
    <t>11/18/2019 19:35:26</t>
  </si>
  <si>
    <t>RES: Acompanhamento Speak - Nov/19</t>
  </si>
  <si>
    <t>11 - SPEAK NOV.19_V2.xlsx</t>
  </si>
  <si>
    <t>11/18/2019 20:40:56</t>
  </si>
  <si>
    <t>11/18/2019 20:44:27</t>
  </si>
  <si>
    <t>/o=exchangelabs/ou=exchange administrative group (fydibohf23spdlt)/cn=recipients/cn=402535980e9d4d4788d63e3c9587e129-melissa fer;/o=exchangelabs/ou=exchange administrative group (fydibohf23spdlt)/cn=recipients/cn=509f93c55ee04a2db0c238b7a3e5d9a0-edval jose;/o=exchangelabs/ou=exchange administrative group (fydibohf23spdlt)/cn=recipients/cn=c82d742f5f1e4122a86db0495b71e095-nilton j. g;diegovser@algartech.com;ingrid.marcella.silva@ibm.com;lcsantos@algartech.com;</t>
  </si>
  <si>
    <t>PROBLEMA DE IMPUT - CMOC - OC AB8YML01 *** CARTA DE CORRECAO ***</t>
  </si>
  <si>
    <t>Re Acompanhamento NFS PENDENTES IBMPROXXI .msg\s1\</t>
  </si>
  <si>
    <t>Relação de POs_NFs Pendentes 26.08.xlsx</t>
  </si>
  <si>
    <t>/o=exchangelabs/ou=exchange administrative group (fydibohf23spdlt)/cn=recipients/cn=402535980e9d4d4788d63e3c9587e129-melissa fer,/o=exchangelabs/ou=exchange administrative group (fydibohf23spdlt)/cn=recipients/cn=509f93c55ee04a2db0c238b7a3e5d9a0-edval jose,/o=exchangelabs/ou=exchange administrative group (fydibohf23spdlt)/cn=recipients/cn=c82d742f5f1e4122a86db0495b71e095-nilton j. g,diegovser@algartech.com,ingrid.marcella.silva@ibm.com,lcsantos@algartech.com</t>
  </si>
  <si>
    <t>11/18/2019 22:00:29</t>
  </si>
  <si>
    <t>11/18/2019 22:04:27</t>
  </si>
  <si>
    <t>/o=exchangelabs/ou=exchange administrative group (fydibohf23spdlt)/cn=recipients/cn=carlos henrique vilarinho_db6c0fb3df;celmars@algartech.com;</t>
  </si>
  <si>
    <t>RES: Orçamento Próximos Passos</t>
  </si>
  <si>
    <t>Replanejamento das atividades - 18nov.xlsx</t>
  </si>
  <si>
    <t>/o=exchangelabs/ou=exchange administrative group (fydibohf23spdlt)/cn=recipients/cn=carlos henrique vilarinho_db6c0fb3df,celmars@algartech.com</t>
  </si>
  <si>
    <t>11/18/2019 23:59:07</t>
  </si>
  <si>
    <t>11/18/2019 23:59:27</t>
  </si>
  <si>
    <t>/o=exchangelabs/ou=exchange administrative group (fydibohf23spdlt)/cn=recipients/cn=509f93c55ee04a2db0c238b7a3e5d9a0-edval jose;/o=exchangelabs/ou=exchange administrative group (fydibohf23spdlt)/cn=recipients/cn=704ce6c3da8c45c9a4fbd113173d101c-tatiane sil;/o=exchangelabs/ou=exchange administrative group (fydibohf23spdlt)/cn=recipients/cn=c82d742f5f1e4122a86db0495b71e095-nilton j. g;/o=exchangelabs/ou=exchange administrative group (fydibohf23spdlt)/cn=recipients/cn=userd5d32f69;ingrid.marcella.silva@ibm.com;</t>
  </si>
  <si>
    <t>RES: PENDENCIAS : Inadimplência IBM - Algar TI - SANTANDER OC ABBSRM01 *** RELACAO DE NFE ***</t>
  </si>
  <si>
    <t>Pendencias NFs Algar_IBM 18.11.xlsx</t>
  </si>
  <si>
    <t>/o=exchangelabs/ou=exchange administrative group (fydibohf23spdlt)/cn=recipients/cn=509f93c55ee04a2db0c238b7a3e5d9a0-edval jose,/o=exchangelabs/ou=exchange administrative group (fydibohf23spdlt)/cn=recipients/cn=704ce6c3da8c45c9a4fbd113173d101c-tatiane sil,/o=exchangelabs/ou=exchange administrative group (fydibohf23spdlt)/cn=recipients/cn=c82d742f5f1e4122a86db0495b71e095-nilton j. g,/o=exchangelabs/ou=exchange administrative group (fydibohf23spdlt)/cn=recipients/cn=userd5d32f69,ingrid.marcella.silva@ibm.com</t>
  </si>
  <si>
    <t>11/19/2019 06:44:50</t>
  </si>
  <si>
    <t>11/19/2019 06:48:30</t>
  </si>
  <si>
    <t>ENC: ***Escala Feira de Produtos***</t>
  </si>
  <si>
    <t>11/19/2019 06:53:51</t>
  </si>
  <si>
    <t>11/19/2019 06:58:31</t>
  </si>
  <si>
    <t>ENC: Bases Diárias RA - 18.11.2019</t>
  </si>
  <si>
    <t>SS 18_11.xlsx</t>
  </si>
  <si>
    <t>11/19/2019 07:06:44</t>
  </si>
  <si>
    <t>11/19/2019 07:08:31</t>
  </si>
  <si>
    <t>/o=exchangelabs/ou=exchange administrative group (fydibohf23spdlt)/cn=recipients/cn=57a6c743c2954c5589b332ad419122d6-rosilene fe;/o=exchangelabs/ou=exchange administrative group (fydibohf23spdlt)/cn=recipients/cn=81f72ed6e9d042e3bed0cec08d488854-vinicius go;</t>
  </si>
  <si>
    <t>/o=exchangelabs/ou=exchange administrative group (fydibohf23spdlt)/cn=recipients/cn=57a6c743c2954c5589b332ad419122d6-rosilene fe,/o=exchangelabs/ou=exchange administrative group (fydibohf23spdlt)/cn=recipients/cn=81f72ed6e9d042e3bed0cec08d488854-vinicius go</t>
  </si>
  <si>
    <t>11/19/2019 07:12:25</t>
  </si>
  <si>
    <t>11/19/2019 07:16:32</t>
  </si>
  <si>
    <t>C:\Users\rodrigombu\OneDrive - Grupo Algar\Operações\Arquivos\Extratores\01 - USADOS TELECOM\01 - EXTRACTORES\</t>
  </si>
  <si>
    <t>11/19/2019 07:48:25</t>
  </si>
  <si>
    <t>11/19/2019 07:51:32</t>
  </si>
  <si>
    <t>Levantamento Volumetria para Escala 20-11.xlsx</t>
  </si>
  <si>
    <t>11/19/2019 07:48:27</t>
  </si>
  <si>
    <t>11- DIMENS_REVISADO_CCO_NOV - Esacla 20-11.xlsm</t>
  </si>
  <si>
    <t>11/19/2019 08:13:11</t>
  </si>
  <si>
    <t>11/19/2019 08:16:31</t>
  </si>
  <si>
    <t>Ativos</t>
  </si>
  <si>
    <t>Mailing atualizado - B1 17-07.xlsx</t>
  </si>
  <si>
    <t>11/19/2019 08:16:45</t>
  </si>
  <si>
    <t>11/19/2019 08:19:32</t>
  </si>
  <si>
    <t>c:\users\marinasf\appdata\local\microsoft\windows\inetcache\content.outlook\z9jwj7d7\</t>
  </si>
  <si>
    <t>associados da torre de gst (002).xlsx</t>
  </si>
  <si>
    <t>11/18/2019 17:33:38</t>
  </si>
  <si>
    <t>11/19/2019 08:28:32</t>
  </si>
  <si>
    <t>11/19/2019 08:25:55</t>
  </si>
  <si>
    <t>11/19/2019 08:31:32</t>
  </si>
  <si>
    <t>Chamados 19-11</t>
  </si>
  <si>
    <t>Chamados 19-11.xlsx</t>
  </si>
  <si>
    <t>11/19/2019 08:39:55</t>
  </si>
  <si>
    <t>11/19/2019 08:41:31</t>
  </si>
  <si>
    <t>ENC: Farol referencia outubro 2019</t>
  </si>
  <si>
    <t>Formulário farol 2019- ENGESET 03.10- Engeset SP.xlsx</t>
  </si>
  <si>
    <t>11/18/2019 08:35:30</t>
  </si>
  <si>
    <t>11/19/2019 08:44:32</t>
  </si>
  <si>
    <t>taynacds@algartech.com;</t>
  </si>
  <si>
    <t>Procedimento - SGC TAYNA.docx</t>
  </si>
  <si>
    <t>Procedimento - SGC TAYNA.docx\</t>
  </si>
  <si>
    <t>taynacds@algartech.com</t>
  </si>
  <si>
    <t>11/18/2019 08:43:37</t>
  </si>
  <si>
    <t>/o=exchangelabs/ou=exchange administrative group (fydibohf23spdlt)/cn=recipients/cn=d05fd9144bc0407496937c19109e2ce7-jefferson r;</t>
  </si>
  <si>
    <t>ENC: IMPORTANTE - Ocorrências no ponto período de 01 A 13/11</t>
  </si>
  <si>
    <t>/o=exchangelabs/ou=exchange administrative group (fydibohf23spdlt)/cn=recipients/cn=d05fd9144bc0407496937c19109e2ce7-jefferson r</t>
  </si>
  <si>
    <t>11/19/2019 08:39:48</t>
  </si>
  <si>
    <t>11/18/2019 10:08:49</t>
  </si>
  <si>
    <t>RES: Procedimento - SGC</t>
  </si>
  <si>
    <t>11/18/2019 11:27:51</t>
  </si>
  <si>
    <t>ENC: [FIN] IMPORTANTE: HORA EXTRA OUTUBRO</t>
  </si>
  <si>
    <t>BASE_HE_028_029_033_OUTUBRO_01A31.10.2019_GESTOR (3)_Santander Esfera.xlsm</t>
  </si>
  <si>
    <t>11/18/2019 12:09:40</t>
  </si>
  <si>
    <t>/o=exchangelabs/ou=exchange administrative group (fydibohf23spdlt)/cn=recipients/cn=d05fd9144bc0407496937c19109e2ce7-jefferson r;/o=exchangelabs/ou=exchange administrative group (fydibohf23spdlt)/cn=recipients/cn=fbce7bdb4f0842fe9ae90e7d2c75f8a3-camila vasc;</t>
  </si>
  <si>
    <t>ENC: IMPORTANTE: HORA EXTRA OUTUBRO</t>
  </si>
  <si>
    <t>Re Horas Extras ESPM - Outubro 2019.msg\s1\</t>
  </si>
  <si>
    <t>2019 - Outubro - HORA EXTRA - Adriano.xlsx</t>
  </si>
  <si>
    <t>/o=exchangelabs/ou=exchange administrative group (fydibohf23spdlt)/cn=recipients/cn=d05fd9144bc0407496937c19109e2ce7-jefferson r,/o=exchangelabs/ou=exchange administrative group (fydibohf23spdlt)/cn=recipients/cn=fbce7bdb4f0842fe9ae90e7d2c75f8a3-camila vasc</t>
  </si>
  <si>
    <t>11/18/2019 13:50:25</t>
  </si>
  <si>
    <t>/o=exchangelabs/ou=exchange administrative group (fydibohf23spdlt)/cn=recipients/cn=1262e099c0f24b3489b19e6494cd5fca-rayssa da c;/o=exchangelabs/ou=exchange administrative group (fydibohf23spdlt)/cn=recipients/cn=34a28d636a1b4c86b1ec79baed4b846a-marco anton;/o=exchangelabs/ou=exchange administrative group (fydibohf23spdlt)/cn=recipients/cn=b29540aff7eb48b9b87128f6e26334c2-moises quei;/o=exchangelabs/ou=exchange administrative group (fydibohf23spdlt)/cn=recipients/cn=d05fd9144bc0407496937c19109e2ce7-jefferson r;</t>
  </si>
  <si>
    <t>BASE_HE_028_029_033_OUTUBRO_01A31.10.2019_GESTOR (3)_Sage.xlsm</t>
  </si>
  <si>
    <t>/o=exchangelabs/ou=exchange administrative group (fydibohf23spdlt)/cn=recipients/cn=1262e099c0f24b3489b19e6494cd5fca-rayssa da c,/o=exchangelabs/ou=exchange administrative group (fydibohf23spdlt)/cn=recipients/cn=34a28d636a1b4c86b1ec79baed4b846a-marco anton,/o=exchangelabs/ou=exchange administrative group (fydibohf23spdlt)/cn=recipients/cn=b29540aff7eb48b9b87128f6e26334c2-moises quei,/o=exchangelabs/ou=exchange administrative group (fydibohf23spdlt)/cn=recipients/cn=d05fd9144bc0407496937c19109e2ce7-jefferson r</t>
  </si>
  <si>
    <t>11/18/2019 15:09:16</t>
  </si>
  <si>
    <t>Template de sobreaviso</t>
  </si>
  <si>
    <t>11/18/2019 16:03:16</t>
  </si>
  <si>
    <t>ENC: Abrir chamado pagamento de HE</t>
  </si>
  <si>
    <t>11/18/2019 16:42:31</t>
  </si>
  <si>
    <t>ENC: Report projeto avos de férias</t>
  </si>
  <si>
    <t>Report_Programação de férias 1411 - Carlos M..xlsx</t>
  </si>
  <si>
    <t>11/19/2019 08:42:57</t>
  </si>
  <si>
    <t>11/19/2019 08:48:32</t>
  </si>
  <si>
    <t>RES: relação veículos ativos ValecardFR</t>
  </si>
  <si>
    <t>EQUIPES-RJ_ES.xlsx</t>
  </si>
  <si>
    <t>11/19/2019 08:47:39</t>
  </si>
  <si>
    <t>11/19/2019 08:50:31</t>
  </si>
  <si>
    <t>11/19/2019 08:56:10</t>
  </si>
  <si>
    <t>11/19/2019 08:58:31</t>
  </si>
  <si>
    <t>Nomes_enriquecer.xlsx</t>
  </si>
  <si>
    <t>11/19/2019 09:03:23</t>
  </si>
  <si>
    <t>11/19/2019 09:10:31</t>
  </si>
  <si>
    <t>ENC: Relatório de máquinas x pacote Office - Domínio BRA</t>
  </si>
  <si>
    <t>Relatório de instalações de Office - Rede BRA.xlsx</t>
  </si>
  <si>
    <t>11/19/2019 09:07:27</t>
  </si>
  <si>
    <t>/o=exchangelabs/ou=exchange administrative group (fydibohf23spdlt)/cn=recipients/cn=a78f7dae304e472e9f75bd537683f6e5-hugo de oli;/o=exchangelabs/ou=exchange administrative group (fydibohf23spdlt)/cn=recipients/cn=f2208b22da5b4bf3a5f4a7b9dfa2fd06-danilo marq;</t>
  </si>
  <si>
    <t>/o=exchangelabs/ou=exchange administrative group (fydibohf23spdlt)/cn=recipients/cn=a78f7dae304e472e9f75bd537683f6e5-hugo de oli,/o=exchangelabs/ou=exchange administrative group (fydibohf23spdlt)/cn=recipients/cn=f2208b22da5b4bf3a5f4a7b9dfa2fd06-danilo marq</t>
  </si>
  <si>
    <t>11/19/2019 09:10:40</t>
  </si>
  <si>
    <t>11/19/2019 09:11:31</t>
  </si>
  <si>
    <t>mail.google.com/_/upload?authuser=0&amp;dcp=asu-n&amp;upload_id=AEnB2UoZqT9gKtr2KMfLn_fGTaX6O0rp37qgqqnDKl1E4fh2fTt-WIvuq9OoMay283gD4_LvwSlHQnT60MVYdA-lqVsVANIUiOO4HQMC3-OkiuZjddfoEiU&amp;upload_protocol=resumable</t>
  </si>
  <si>
    <t>BAIXAS (0,6).xlsx</t>
  </si>
  <si>
    <t>11/19/2019 09:07:44</t>
  </si>
  <si>
    <t>11/19/2019 09:12:32</t>
  </si>
  <si>
    <t>ENC: Orçamento 2020</t>
  </si>
  <si>
    <t>S&amp;OP_ORÇAMENTO.xlsx</t>
  </si>
  <si>
    <t>11/19/2019 09:11:55</t>
  </si>
  <si>
    <t>11/19/2019 09:08:03</t>
  </si>
  <si>
    <t>11/19/2019 09:13:31</t>
  </si>
  <si>
    <t>c:\users\luismarrb\downloads\</t>
  </si>
  <si>
    <t>resultado prova (1).xlsx</t>
  </si>
  <si>
    <t>11/19/2019 09:17:06</t>
  </si>
  <si>
    <t>11/19/2019 09:19:32</t>
  </si>
  <si>
    <t>11/19/2019 09:17:08</t>
  </si>
  <si>
    <t>11/19/2019 09:14:46</t>
  </si>
  <si>
    <t>11/19/2019 09:19:10</t>
  </si>
  <si>
    <t>11/19/2019 09:21:31</t>
  </si>
  <si>
    <t>antoniaama@algartech.com;deboraaxm@algartech.com;fernandaman@algartech.com;francisco_cardoso@whirlpool.com;luanda_s_almeida@whirlpool.com;rosilenedlf@algartech.com;thiagorrg@algartech.com;viniciussdl@algartech.com;</t>
  </si>
  <si>
    <t>Reagendamento OS EH.csv</t>
  </si>
  <si>
    <t>antoniaama@algartech.com,deboraaxm@algartech.com,fernandaman@algartech.com,francisco_cardoso@whirlpool.com,luanda_s_almeida@whirlpool.com,rosilenedlf@algartech.com,thiagorrg@algartech.com,viniciussdl@algartech.com</t>
  </si>
  <si>
    <t>11/19/2019 09:19:11</t>
  </si>
  <si>
    <t>Confirmação de agenda.csv</t>
  </si>
  <si>
    <t>11/19/2019 09:18:09</t>
  </si>
  <si>
    <t>11/19/2019 09:18:15</t>
  </si>
  <si>
    <t>/o=exchangelabs/ou=exchange administrative group (fydibohf23spdlt)/cn=recipients/cn=0ca6cc8d100949a7866a928f62ef5778-rosilene de;/o=exchangelabs/ou=exchange administrative group (fydibohf23spdlt)/cn=recipients/cn=c22b2d8de1594760baec681322c0933f-fernanda ma;viniciussg@algartech.com;</t>
  </si>
  <si>
    <t>Fechamento Novos Indicadores Out/2019 E Visão de relatórios</t>
  </si>
  <si>
    <t>/o=exchangelabs/ou=exchange administrative group (fydibohf23spdlt)/cn=recipients/cn=0ca6cc8d100949a7866a928f62ef5778-rosilene de,/o=exchangelabs/ou=exchange administrative group (fydibohf23spdlt)/cn=recipients/cn=c22b2d8de1594760baec681322c0933f-fernanda ma,viniciussg@algartech.com</t>
  </si>
  <si>
    <t>11/19/2019 09:18:26</t>
  </si>
  <si>
    <t>11/19/2019 09:22:31</t>
  </si>
  <si>
    <t>11/19/2019 09:18:24</t>
  </si>
  <si>
    <t>11/19/2019 09:23:32</t>
  </si>
  <si>
    <t>/o=exchangelabs/ou=exchange administrative group (fydibohf23spdlt)/cn=recipients/cn=953d0b5cb08e4147ab387438ebcc9fb6-leandro rei;/o=exchangelabs/ou=exchange administrative group (fydibohf23spdlt)/cn=recipients/cn=d8541cfaa44f4aa6a8421fccd6aa2d4a-joao edson;</t>
  </si>
  <si>
    <t>/o=exchangelabs/ou=exchange administrative group (fydibohf23spdlt)/cn=recipients/cn=953d0b5cb08e4147ab387438ebcc9fb6-leandro rei,/o=exchangelabs/ou=exchange administrative group (fydibohf23spdlt)/cn=recipients/cn=d8541cfaa44f4aa6a8421fccd6aa2d4a-joao edson</t>
  </si>
  <si>
    <t>11/19/2019 09:19:55</t>
  </si>
  <si>
    <t>\\acsfs\DEPTOS\Engenharia\2 - Service Desk\2.19 - Help Desk Corporate\2.19.9 - Outros\SUPERVISORES\Lucas Rabboni\001 - Equipes\1.Implementação\Documentos\</t>
  </si>
  <si>
    <t>Proposta novos recursos.xls</t>
  </si>
  <si>
    <t>11/18/2019 20:18:03</t>
  </si>
  <si>
    <t>emersonmdp@algartech.com;</t>
  </si>
  <si>
    <t>RES: CAPITALIZAÇÕES DE PESSOAS NOS PROJETOS - FTE NOVEMBRO/2019</t>
  </si>
  <si>
    <t>FTE_Caixa_Nov.xlsb</t>
  </si>
  <si>
    <t>emersonmdp@algartech.com</t>
  </si>
  <si>
    <t>11/18/2019 16:28:50</t>
  </si>
  <si>
    <t>11/19/2019 09:24:32</t>
  </si>
  <si>
    <t>RES: Distribuição de Meta - Whp</t>
  </si>
  <si>
    <t>11/19/2019 09:24:15</t>
  </si>
  <si>
    <t>11/19/2019 09:25:31</t>
  </si>
  <si>
    <t>/o=exchangelabs/ou=exchange administrative group (fydibohf23spdlt)/cn=recipients/cn=8b5b63d67af648d081a40c45cc800804-fabiana per;adrianofo@algartech.com.br;ueniargl@algartech.com.br;</t>
  </si>
  <si>
    <t>RES: Acompanhamento Hora Extra UNE</t>
  </si>
  <si>
    <t>UNE FP.xlsx</t>
  </si>
  <si>
    <t>/o=exchangelabs/ou=exchange administrative group (fydibohf23spdlt)/cn=recipients/cn=8b5b63d67af648d081a40c45cc800804-fabiana per,adrianofo@algartech.com.br,ueniargl@algartech.com.br</t>
  </si>
  <si>
    <t>11/19/2019 09:23:09</t>
  </si>
  <si>
    <t>11/19/2019 09:26:31</t>
  </si>
  <si>
    <t>10.200.35.91</t>
  </si>
  <si>
    <t>C:\Users\gustavofbo\OneDrive - Grupo Algar\Genesys\</t>
  </si>
  <si>
    <t>Xperience_Servidores_VM.XLSX</t>
  </si>
  <si>
    <t>11/19/2019 09:22:27</t>
  </si>
  <si>
    <t>ENC: Template para solicitação de cadastro</t>
  </si>
  <si>
    <t>TEMPLATE CADASTRO MODELO - Cine System.xls</t>
  </si>
  <si>
    <t>11/18/2019 20:15:28</t>
  </si>
  <si>
    <t>11/19/2019 09:28:31</t>
  </si>
  <si>
    <t>11/18/2019 17:49:50</t>
  </si>
  <si>
    <t>11/19/2019 09:32:31</t>
  </si>
  <si>
    <t>11/19/2019 09:31:27</t>
  </si>
  <si>
    <t>11/19/2019 09:34:31</t>
  </si>
  <si>
    <t>ENC: Revisão Forecast 10-2019</t>
  </si>
  <si>
    <t>APURAÇÃO FORECAST 10-2019 GRC LUCIANAV1.xlsx</t>
  </si>
  <si>
    <t>11/19/2019 09:37:44</t>
  </si>
  <si>
    <t>11/19/2019 09:42:31</t>
  </si>
  <si>
    <t>chamados suspensos em 19.11 as 08h40.xlsx</t>
  </si>
  <si>
    <t>11/19/2019 09:40:56</t>
  </si>
  <si>
    <t>11/19/2019 09:43:32</t>
  </si>
  <si>
    <t>ENC: Avaliação Contratos que abrangem a empresa Engeset</t>
  </si>
  <si>
    <t>11/19/2019 09:45:36</t>
  </si>
  <si>
    <t>11/19/2019 09:47:31</t>
  </si>
  <si>
    <t>11/19/2019 09:42:40</t>
  </si>
  <si>
    <t>11/19/2019 09:48:31</t>
  </si>
  <si>
    <t>/o=exchangelabs/ou=exchange administrative group (fydibohf23spdlt)/cn=recipients/cn=168e05cabbf14ae289464a0c09955b31-sara ferrei;/o=exchangelabs/ou=exchange administrative group (fydibohf23spdlt)/cn=recipients/cn=9e7c445894a4474a86a42a5f271a0d12-viviane res;/o=exchangelabs/ou=exchange administrative group (fydibohf23spdlt)/cn=recipients/cn=b1a72fc2d0234efca84c7771ea70c7ee-roberta cri;/o=exchangelabs/ou=exchange administrative group (fydibohf23spdlt)/cn=recipients/cn=f50351055a2944cebcbdc18a918945d6-gustavo res;/o=exchangelabs/ou=exchange administrative group (fydibohf23spdlt)/cn=recipients/cn=fe134ce6f7124ebfa00395a14326bd71-luciana ber;</t>
  </si>
  <si>
    <t>569c93407c2940eb9b6df10e3b9dec93.xls</t>
  </si>
  <si>
    <t>/o=exchangelabs/ou=exchange administrative group (fydibohf23spdlt)/cn=recipients/cn=168e05cabbf14ae289464a0c09955b31-sara ferrei,/o=exchangelabs/ou=exchange administrative group (fydibohf23spdlt)/cn=recipients/cn=9e7c445894a4474a86a42a5f271a0d12-viviane res,/o=exchangelabs/ou=exchange administrative group (fydibohf23spdlt)/cn=recipients/cn=b1a72fc2d0234efca84c7771ea70c7ee-roberta cri,/o=exchangelabs/ou=exchange administrative group (fydibohf23spdlt)/cn=recipients/cn=f50351055a2944cebcbdc18a918945d6-gustavo res,/o=exchangelabs/ou=exchange administrative group (fydibohf23spdlt)/cn=recipients/cn=fe134ce6f7124ebfa00395a14326bd71-luciana ber</t>
  </si>
  <si>
    <t>11/19/2019 09:53:28</t>
  </si>
  <si>
    <t>11/19/2019 09:55:32</t>
  </si>
  <si>
    <t>mail.google.com/_/upload?authuser=0&amp;dcp=asu-n&amp;upload_id=AEnB2UpmGlv4Zu6PQywSzj664IbdTpMs7CIDQ_WUPLUiworKyoowF5RxJ2jRP-LNnF5Scw_VV_tufx8QbE7WPbnaoBSjDBZJw_tQ8LMdYcbmFqjQnvmLMe8&amp;upload_protocol=resumable</t>
  </si>
  <si>
    <t>felipemda@algartech.com;helbertbb@algartech.com;</t>
  </si>
  <si>
    <t>LPU ALGAR - R640 - Servidores Endpint Security (Uberlandia) + Vmware Enterprise Plus 36 meses de suporte x4.xlsm</t>
  </si>
  <si>
    <t>felipemda@algartech.com,helbertbb@algartech.com</t>
  </si>
  <si>
    <t>11/19/2019 09:56:04</t>
  </si>
  <si>
    <t>11/19/2019 09:58:31</t>
  </si>
  <si>
    <t>RES: Planilha executivos</t>
  </si>
  <si>
    <t>CSC_Apuração Executivos_v3_RETORNO CLIENTE_validado 19nov.xlsb</t>
  </si>
  <si>
    <t>11/19/2019 10:02:58</t>
  </si>
  <si>
    <t>11/19/2019 10:04:31</t>
  </si>
  <si>
    <t>Enviando email: SLAs Entre Áreas v3.xlsx</t>
  </si>
  <si>
    <t>11/19/2019 10:02:06</t>
  </si>
  <si>
    <t>11/19/2019 10:05:32</t>
  </si>
  <si>
    <t>C:\Users\tiagorpf\OneDrive - Grupo Algar\Desenvolvimento\CAC\</t>
  </si>
  <si>
    <t>00 - Máscara de Reagendamento - 201911.xlsm</t>
  </si>
  <si>
    <t>11/19/2019 10:01:40</t>
  </si>
  <si>
    <t>11/19/2019 10:06:31</t>
  </si>
  <si>
    <t>Imoveis em Desmobilização Engeset 2020</t>
  </si>
  <si>
    <t>11/19/2019 10:05:52</t>
  </si>
  <si>
    <t>11/19/2019 10:07:32</t>
  </si>
  <si>
    <t>11/19/2019 10:19:13</t>
  </si>
  <si>
    <t>11/19/2019 10:23:31</t>
  </si>
  <si>
    <t>ENC: Saldos CR's</t>
  </si>
  <si>
    <t>11/19/2019 10:18:21</t>
  </si>
  <si>
    <t>vivian.safariz@algartech.com;</t>
  </si>
  <si>
    <t>RES: CRONOGRAMA FECHAMENTO NOV19</t>
  </si>
  <si>
    <t>112019_Receitamento GAT_Aplicações.xlsx</t>
  </si>
  <si>
    <t>vivian.safariz@algartech.com</t>
  </si>
  <si>
    <t>11/19/2019 10:19:16</t>
  </si>
  <si>
    <t>11/19/2019 10:21:52</t>
  </si>
  <si>
    <t>11/19/2019 10:25:31</t>
  </si>
  <si>
    <t>10.200.57.81</t>
  </si>
  <si>
    <t>/o=exchangelabs/ou=exchange administrative group (fydibohf23spdlt)/cn=recipients/cn=8c89829ad534498fa4c85b5ac11174f1-suelen more;/o=exchangelabs/ou=exchange administrative group (fydibohf23spdlt)/cn=recipients/cn=9a65d8734c444cbc8372a614d17d98e1-lucia maalo;/o=exchangelabs/ou=exchange administrative group (fydibohf23spdlt)/cn=recipients/cn=dc302903ac1a4151bcd049b90df4486f-ricardo soa;</t>
  </si>
  <si>
    <t>ENC: Novo Orçamento - Projeto Hosting</t>
  </si>
  <si>
    <t>Orçamento Servidores Hosting.xlsx</t>
  </si>
  <si>
    <t>/o=exchangelabs/ou=exchange administrative group (fydibohf23spdlt)/cn=recipients/cn=8c89829ad534498fa4c85b5ac11174f1-suelen more,/o=exchangelabs/ou=exchange administrative group (fydibohf23spdlt)/cn=recipients/cn=9a65d8734c444cbc8372a614d17d98e1-lucia maalo,/o=exchangelabs/ou=exchange administrative group (fydibohf23spdlt)/cn=recipients/cn=dc302903ac1a4151bcd049b90df4486f-ricardo soa</t>
  </si>
  <si>
    <t>11/19/2019 10:23:59</t>
  </si>
  <si>
    <t>11/19/2019 10:26:32</t>
  </si>
  <si>
    <t>19_11_19_ Pipeline Comentado_ LATAM</t>
  </si>
  <si>
    <t>19_11_19_ Pipeline Comentado_Latam.xlsx</t>
  </si>
  <si>
    <t>11/19/2019 09:32:05</t>
  </si>
  <si>
    <t>11/19/2019 10:27:31</t>
  </si>
  <si>
    <t>patricia.brito@bradesco.com.br;rafaelabsz@algartech.com.br;</t>
  </si>
  <si>
    <t>Apresentação URR - Out/19</t>
  </si>
  <si>
    <t>112019_Apresentação de resultados URR_ALGAR (004).pptx\</t>
  </si>
  <si>
    <t>patricia.brito@bradesco.com.br,rafaelabsz@algartech.com.br</t>
  </si>
  <si>
    <t>11/19/2019 10:29:43</t>
  </si>
  <si>
    <t>11/19/2019 10:32:32</t>
  </si>
  <si>
    <t>Planejamento Rosi.xlsx</t>
  </si>
  <si>
    <t>11/19/2019 10:41:07</t>
  </si>
  <si>
    <t>11/19/2019 10:42:31</t>
  </si>
  <si>
    <t>11/19/2019 10:44:22</t>
  </si>
  <si>
    <t>11/19/2019 10:45:32</t>
  </si>
  <si>
    <t>11/19/2019 10:41:42</t>
  </si>
  <si>
    <t>11/19/2019 10:47:32</t>
  </si>
  <si>
    <t>10.200.99.104</t>
  </si>
  <si>
    <t>Dash Pesquisa de Satisfação (Oficial4.xlsx</t>
  </si>
  <si>
    <t>11/19/2019 10:45:31</t>
  </si>
  <si>
    <t>11/19/2019 10:49:32</t>
  </si>
  <si>
    <t>/o=exchangelabs/ou=exchange administrative group (fydibohf23spdlt)/cn=recipients/cn=67bd09b6da5b417abb252b386d83b44c-eficiencia;/o=exchangelabs/ou=exchange administrative group (fydibohf23spdlt)/cn=recipients/cn=d5130784dc81436d9511788de4df376c-jeciene gom;/o=exchangelabs/ou=exchange administrative group (fydibohf23spdlt)/cn=recipients/cn=gabriela dias felipe;</t>
  </si>
  <si>
    <t>RES: matriz de precificação - Tributação</t>
  </si>
  <si>
    <t>Lista de Produtos e PO.xlsx</t>
  </si>
  <si>
    <t>/o=exchangelabs/ou=exchange administrative group (fydibohf23spdlt)/cn=recipients/cn=67bd09b6da5b417abb252b386d83b44c-eficiencia,/o=exchangelabs/ou=exchange administrative group (fydibohf23spdlt)/cn=recipients/cn=d5130784dc81436d9511788de4df376c-jeciene gom,/o=exchangelabs/ou=exchange administrative group (fydibohf23spdlt)/cn=recipients/cn=gabriela dias felipe</t>
  </si>
  <si>
    <t>11/19/2019 10:50:18</t>
  </si>
  <si>
    <t>11/19/2019 10:51:32</t>
  </si>
  <si>
    <t>mail.google.com/_/upload?authuser=0&amp;dcp=asu-n&amp;upload_id=AEnB2UqDqt1q2IEHGHZTzLzmFE08yFmTfuAmKIAHSdUK5CPFaWq0aTcDe5FWiKZa2rzZm8keDKWYPbW5gEV1doV-ZEDdm9WQQw&amp;upload_protocol=resumable</t>
  </si>
  <si>
    <t>11/19/2019 10:57:42</t>
  </si>
  <si>
    <t>11/19/2019 11:01:31</t>
  </si>
  <si>
    <t>Report Comercial</t>
  </si>
  <si>
    <t>11/19/2019 10:58:02</t>
  </si>
  <si>
    <t>ENC: Reajuste Johnson &amp; Johnson</t>
  </si>
  <si>
    <t>11/19/2019 10:58:47</t>
  </si>
  <si>
    <t>11/19/2019 11:02:32</t>
  </si>
  <si>
    <t>Cliente Atualizada2.xlsx</t>
  </si>
  <si>
    <t>11/19/2019 10:58:48</t>
  </si>
  <si>
    <t>mail.google.com/_/upload?authuser=0&amp;dcp=asu-n&amp;upload_id=AEnB2Ur99iCSD5eTwsPmnzBT08o-b2nL4nzj5aVWhVvOQ05RRNcQdBymKmFJpgAvfuThC7opptJwiq792h-eGaWV_ylSTVYu_g&amp;upload_protocol=resumable</t>
  </si>
  <si>
    <t>C:\Users\victorvgar\Desktop\AVON\Auditoria do cliente\</t>
  </si>
  <si>
    <t>11/19/2019 11:03:58</t>
  </si>
  <si>
    <t>11/19/2019 11:05:32</t>
  </si>
  <si>
    <t>D:\OneDrive\AlgarTech\Pré-Vendas\Cliente\2019\SAGE\217474 - Hosting\</t>
  </si>
  <si>
    <t>11/19/2019 11:05:05</t>
  </si>
  <si>
    <t>LPU_SAGE_Final.xlsx</t>
  </si>
  <si>
    <t>11/19/2019 11:02:03</t>
  </si>
  <si>
    <t>11/19/2019 11:06:31</t>
  </si>
  <si>
    <t>C:\Users\igortfc\Downloads\</t>
  </si>
  <si>
    <t>CommCell_Report_FBC3E.xlsx</t>
  </si>
  <si>
    <t>CommCell_Report_FD8F6.xlsx</t>
  </si>
  <si>
    <t>11/19/2019 11:02:00</t>
  </si>
  <si>
    <t>mail.google.com/_/upload?authuser=0&amp;dcp=asu-n&amp;upload_id=AEnB2Up9bf0B2AFPSkYjko2Sx-FwGUSjIhZ8o6HsMHeK4mzkVyXY1ToHqo8N4G3ET2DqmRXbEbSYHoOBpZJ7QVj0vVHMWzjBoQ&amp;upload_protocol=resumable</t>
  </si>
  <si>
    <t>Formulario-Correcao_PO.v10.xlsx</t>
  </si>
  <si>
    <t>mail.google.com/_/upload?authuser=0&amp;dcp=asu-n&amp;upload_id=AEnB2Ur9DLvMsX8qDPe6wzutnbbZltzSXvBnHM38NVsv7CTuE3veB7WDYYzZkUhmlsjobPa57WlAlzwBkQyWrLpPW8oetmVS8w&amp;upload_protocol=resumable</t>
  </si>
  <si>
    <t>Atualização Endereço.v7.csv</t>
  </si>
  <si>
    <t>11/19/2019 11:02:49</t>
  </si>
  <si>
    <t>11/19/2019 11:08:31</t>
  </si>
  <si>
    <t>19_11_19 _ Relatório Pipeline Comentado e Fora de Pipe.</t>
  </si>
  <si>
    <t>19_11_19_ Pipeline Comentado_Afonso.xlsx</t>
  </si>
  <si>
    <t>11/19/2019 11:06:33</t>
  </si>
  <si>
    <t>11/19/2019 11:11:32</t>
  </si>
  <si>
    <t>mail.google.com/_/upload?authuser=0&amp;dcp=asu-n&amp;upload_id=AEnB2UpvEDK1J7ADBl50B1JiPIl27KELAcsQ7aR9wlQT6fxIoGhHG7padiqufssv7mDOBPPpR6-prXwBtNDgW6XGhc54YubOmZBQUZN0fWibSBSstSysLA4&amp;upload_protocol=resumable</t>
  </si>
  <si>
    <t>11/19/2019 11:11:46</t>
  </si>
  <si>
    <t>11/19/2019 11:12:32</t>
  </si>
  <si>
    <t>/o=exchangelabs/ou=exchange administrative group (fydibohf23spdlt)/cn=recipients/cn=3bff4ffb267e4ea2a4a3347f6a4c5cf8-tatiane mag;/o=exchangelabs/ou=exchange administrative group (fydibohf23spdlt)/cn=recipients/cn=42aadbe8775e4c2cb37c145f9d092a4e-carlos west;/o=exchangelabs/ou=exchange administrative group (fydibohf23spdlt)/cn=recipients/cn=b13ec0da748a4eaba66e47790e5763f0-gilmar dal;/o=exchangelabs/ou=exchange administrative group (fydibohf23spdlt)/cn=recipients/cn=d1bcfb1498124af49c7d3ae622d9e2da-iara agosti;/o=exchangelabs/ou=exchange administrative group (fydibohf23spdlt)/cn=recipients/cn=flavio martinez;</t>
  </si>
  <si>
    <t>ENC: Migração Google - Associados da torre de GST</t>
  </si>
  <si>
    <t>Associados da torre de GST.xlsx</t>
  </si>
  <si>
    <t>/o=exchangelabs/ou=exchange administrative group (fydibohf23spdlt)/cn=recipients/cn=3bff4ffb267e4ea2a4a3347f6a4c5cf8-tatiane mag,/o=exchangelabs/ou=exchange administrative group (fydibohf23spdlt)/cn=recipients/cn=42aadbe8775e4c2cb37c145f9d092a4e-carlos west,/o=exchangelabs/ou=exchange administrative group (fydibohf23spdlt)/cn=recipients/cn=b13ec0da748a4eaba66e47790e5763f0-gilmar dal,/o=exchangelabs/ou=exchange administrative group (fydibohf23spdlt)/cn=recipients/cn=d1bcfb1498124af49c7d3ae622d9e2da-iara agosti,/o=exchangelabs/ou=exchange administrative group (fydibohf23spdlt)/cn=recipients/cn=flavio martinez</t>
  </si>
  <si>
    <t>11/19/2019 11:14:15</t>
  </si>
  <si>
    <t>11/19/2019 11:16:32</t>
  </si>
  <si>
    <t>Dados_Insights.xlsx</t>
  </si>
  <si>
    <t>11/19/2019 11:15:59</t>
  </si>
  <si>
    <t>11/19/2019 11:18:32</t>
  </si>
  <si>
    <t>19_11_19_ Pipeline Comentado_Raul.xlsx</t>
  </si>
  <si>
    <t>11/19/2019 11:17:46</t>
  </si>
  <si>
    <t>11/19/2019 11:19:32</t>
  </si>
  <si>
    <t>RES: Status - Expansão Caixa</t>
  </si>
  <si>
    <t>PMO - STATUS DE GOVERNANÇA - Expansao Caixa - 20191111.pptx\</t>
  </si>
  <si>
    <t>11/19/2019 11:18:31</t>
  </si>
  <si>
    <t>/o=exchangelabs/ou=exchange administrative group (fydibohf23spdlt)/cn=recipients/cn=a5f3c22313d74f5cbd68347bb02489b8-lilian lima;/o=exchangelabs/ou=exchange administrative group (fydibohf23spdlt)/cn=recipients/cn=b0dffb7bae8b4669bf2555c821ef7035-daniela vie;</t>
  </si>
  <si>
    <t>ENC: Call Center Ativo Recall - Urgente</t>
  </si>
  <si>
    <t>Controle Transf Ligação Call Center Algar 2.1.3.xlsx</t>
  </si>
  <si>
    <t>/o=exchangelabs/ou=exchange administrative group (fydibohf23spdlt)/cn=recipients/cn=a5f3c22313d74f5cbd68347bb02489b8-lilian lima,/o=exchangelabs/ou=exchange administrative group (fydibohf23spdlt)/cn=recipients/cn=b0dffb7bae8b4669bf2555c821ef7035-daniela vie</t>
  </si>
  <si>
    <t>11/19/2019 11:15:08</t>
  </si>
  <si>
    <t>11/19/2019 11:22:32</t>
  </si>
  <si>
    <t>/o=exchangelabs/ou=exchange administrative group (fydibohf23spdlt)/cn=recipients/cn=a4ba92cba10f4fe498074594f937f3b6-leandro lop;/o=exchangelabs/ou=exchange administrative group (fydibohf23spdlt)/cn=recipients/cn=d3d28899a5be4c2c8b5b9e55717f7da7-fabio ribei;/o=exchangelabs/ou=exchange administrative group (fydibohf23spdlt)/cn=recipients/cn=f45617401bdf436baf70c45766699413-frederico b;</t>
  </si>
  <si>
    <t>/o=exchangelabs/ou=exchange administrative group (fydibohf23spdlt)/cn=recipients/cn=a4ba92cba10f4fe498074594f937f3b6-leandro lop,/o=exchangelabs/ou=exchange administrative group (fydibohf23spdlt)/cn=recipients/cn=d3d28899a5be4c2c8b5b9e55717f7da7-fabio ribei,/o=exchangelabs/ou=exchange administrative group (fydibohf23spdlt)/cn=recipients/cn=f45617401bdf436baf70c45766699413-frederico b</t>
  </si>
  <si>
    <t>11/19/2019 11:17:10</t>
  </si>
  <si>
    <t>/o=exchangelabs/ou=exchange administrative group (fydibohf23spdlt)/cn=recipients/cn=1867d5fca12044e08946537995369baf-diego rodri;/o=exchangelabs/ou=exchange administrative group (fydibohf23spdlt)/cn=recipients/cn=b60c7f02b7944b639da5c2f90b0fe2f5-diogo soare;</t>
  </si>
  <si>
    <t>TAC</t>
  </si>
  <si>
    <t>Planilha TAC Algar Tech (11_2019).xlsx</t>
  </si>
  <si>
    <t>/o=exchangelabs/ou=exchange administrative group (fydibohf23spdlt)/cn=recipients/cn=1867d5fca12044e08946537995369baf-diego rodri,/o=exchangelabs/ou=exchange administrative group (fydibohf23spdlt)/cn=recipients/cn=b60c7f02b7944b639da5c2f90b0fe2f5-diogo soare</t>
  </si>
  <si>
    <t>11/19/2019 11:21:15</t>
  </si>
  <si>
    <t>/o=exchangelabs/ou=exchange administrative group (fydibohf23spdlt)/cn=recipients/cn=2f4bb3276da2464096fd9ebe23e1d908-marla jorda;/o=exchangelabs/ou=exchange administrative group (fydibohf23spdlt)/cn=recipients/cn=8448bc0d964c4200bf3bd8bd54310da1-kesley isai;annecsm@algartech.com;delair.silva@caixaseguradora.com.br;juliana.seixas@caixaseguradora.com.br;</t>
  </si>
  <si>
    <t>ENC: [SEGURO RESIDENCIAL] Revenda para 9 CPFs</t>
  </si>
  <si>
    <t>Planilha vendas pendentes (1).xlsx</t>
  </si>
  <si>
    <t>/o=exchangelabs/ou=exchange administrative group (fydibohf23spdlt)/cn=recipients/cn=2f4bb3276da2464096fd9ebe23e1d908-marla jorda,/o=exchangelabs/ou=exchange administrative group (fydibohf23spdlt)/cn=recipients/cn=8448bc0d964c4200bf3bd8bd54310da1-kesley isai,annecsm@algartech.com,delair.silva@caixaseguradora.com.br,juliana.seixas@caixaseguradora.com.br</t>
  </si>
  <si>
    <t>11/19/2019 11:19:37</t>
  </si>
  <si>
    <t>11/19/2019 11:23:31</t>
  </si>
  <si>
    <t>11/19/2019 11:21:21</t>
  </si>
  <si>
    <t>11/19/2019 11:25:31</t>
  </si>
  <si>
    <t>/o=exchangelabs/ou=exchange administrative group (fydibohf23spdlt)/cn=recipients/cn=5037aa398cdf4d9cae5ff1914ad4e4b1-joao paulo;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/o=exchangelabs/ou=exchange administrative group (fydibohf23spdlt)/cn=recipients/cn=usere11ed38c;</t>
  </si>
  <si>
    <t>RES: Dashboard Tribo Atendimento - Squad FC</t>
  </si>
  <si>
    <t>Squad DC - Indicadores.msg\s1\</t>
  </si>
  <si>
    <t>/o=exchangelabs/ou=exchange administrative group (fydibohf23spdlt)/cn=recipients/cn=5037aa398cdf4d9cae5ff1914ad4e4b1-joao paulo,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,/o=exchangelabs/ou=exchange administrative group (fydibohf23spdlt)/cn=recipients/cn=usere11ed38c</t>
  </si>
  <si>
    <t>11/19/2019 11:22:51</t>
  </si>
  <si>
    <t>11/19/2019 11:27:32</t>
  </si>
  <si>
    <t>/o=exchangelabs/ou=exchange administrative group (fydibohf23spdlt)/cn=recipients/cn=3e6a8b8d7a364ccf8ef6a977e4e475e7-ellen crist;</t>
  </si>
  <si>
    <t>RES: CR Atualizado</t>
  </si>
  <si>
    <t>/o=exchangelabs/ou=exchange administrative group (fydibohf23spdlt)/cn=recipients/cn=3e6a8b8d7a364ccf8ef6a977e4e475e7-ellen crist</t>
  </si>
  <si>
    <t>11/19/2019 11:23:27</t>
  </si>
  <si>
    <t>11/19/2019 11:28:31</t>
  </si>
  <si>
    <t>Resultados campanha - CIMI</t>
  </si>
  <si>
    <t>Status report_Geral.xlsx</t>
  </si>
  <si>
    <t>11/19/2019 11:30:47</t>
  </si>
  <si>
    <t>11/19/2019 11:32:32</t>
  </si>
  <si>
    <t>carlajustino@sinergyrh.com.br;danilormo@algartech.com;diegorbo@algartech.com;</t>
  </si>
  <si>
    <t>Relatório 14.11.19 Sinergy.xlsx</t>
  </si>
  <si>
    <t>carlajustino@sinergyrh.com.br,danilormo@algartech.com,diegorbo@algartech.com</t>
  </si>
  <si>
    <t>11/19/2019 11:31:02</t>
  </si>
  <si>
    <t>Relatório Sinergy 19.11.19.xlsx</t>
  </si>
  <si>
    <t>11/19/2019 11:29:02</t>
  </si>
  <si>
    <t>11/19/2019 11:33:32</t>
  </si>
  <si>
    <t>19_11_19_ Pipeline Comentado_Dionizio.xlsx</t>
  </si>
  <si>
    <t>11/19/2019 11:31:12</t>
  </si>
  <si>
    <t>/o=exchangelabs/ou=exchange administrative group (fydibohf23spdlt)/cn=recipients/cn=3aa72ebfe8e5451fada36a54ed3993f1-nikelly da;/o=exchangelabs/ou=exchange administrative group (fydibohf23spdlt)/cn=recipients/cn=7851db9c6e12427d83b5e1a912680386-roldinei do;</t>
  </si>
  <si>
    <t>ENC: Levantamento Next</t>
  </si>
  <si>
    <t>Next.xlsx</t>
  </si>
  <si>
    <t>/o=exchangelabs/ou=exchange administrative group (fydibohf23spdlt)/cn=recipients/cn=3aa72ebfe8e5451fada36a54ed3993f1-nikelly da,/o=exchangelabs/ou=exchange administrative group (fydibohf23spdlt)/cn=recipients/cn=7851db9c6e12427d83b5e1a912680386-roldinei do</t>
  </si>
  <si>
    <t>11/19/2019 11:33:29</t>
  </si>
  <si>
    <t>11/19/2019 11:34:31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30ee93c8ac3a402b98626eb34ed24781-lara lorran;/o=exchangelabs/ou=exchange administrative group (fydibohf23spdlt)/cn=recipients/cn=5694f7d2b5fa4976af2d1dc576e3b544-louany barb;</t>
  </si>
  <si>
    <t>Distribuição - 3ª Semana Telecom</t>
  </si>
  <si>
    <t>Distribuição - 3ª Semana.xlsx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30ee93c8ac3a402b98626eb34ed24781-lara lorran,/o=exchangelabs/ou=exchange administrative group (fydibohf23spdlt)/cn=recipients/cn=5694f7d2b5fa4976af2d1dc576e3b544-louany barb</t>
  </si>
  <si>
    <t>11/19/2019 11:32:28</t>
  </si>
  <si>
    <t>C:\Users\simoneesm\OneDrive - Grupo Algar\Controle\CLIENTES\DPRF\Operação\Plano de Capacitação\</t>
  </si>
  <si>
    <t>Equipes - Cursos realizados em 2016.xlsx</t>
  </si>
  <si>
    <t>11/19/2019 09:28:30</t>
  </si>
  <si>
    <t>11/19/2019 11:35:31</t>
  </si>
  <si>
    <t>11/19/2019 09:29:47</t>
  </si>
  <si>
    <t>11/19/2019 09:30:36</t>
  </si>
  <si>
    <t>11/19/2019 09:31:38</t>
  </si>
  <si>
    <t>11/19/2019 09:32:48</t>
  </si>
  <si>
    <t>/o=exchangelabs/ou=exchange administrative group (fydibohf23spdlt)/cn=recipients/cn=43665a5b9e7b4a1eb03aa2abdd30ebf4-virginia me;</t>
  </si>
  <si>
    <t>/o=exchangelabs/ou=exchange administrative group (fydibohf23spdlt)/cn=recipients/cn=43665a5b9e7b4a1eb03aa2abdd30ebf4-virginia me</t>
  </si>
  <si>
    <t>11/19/2019 10:20:51</t>
  </si>
  <si>
    <t>/o=exchangelabs/ou=exchange administrative group (fydibohf23spdlt)/cn=recipients/cn=f45617401bdf436baf70c45766699413-frederico b;</t>
  </si>
  <si>
    <t>/o=exchangelabs/ou=exchange administrative group (fydibohf23spdlt)/cn=recipients/cn=f45617401bdf436baf70c45766699413-frederico b</t>
  </si>
  <si>
    <t>11/19/2019 10:21:49</t>
  </si>
  <si>
    <t>11/19/2019 10:22:28</t>
  </si>
  <si>
    <t>11/19/2019 11:19:16</t>
  </si>
  <si>
    <t>/o=exchangelabs/ou=exchange administrative group (fydibohf23spdlt)/cn=recipients/cn=43665a5b9e7b4a1eb03aa2abdd30ebf4-virginia me;/o=exchangelabs/ou=exchange administrative group (fydibohf23spdlt)/cn=recipients/cn=a541140f84c0497d919eaa7797d6c613-vinicius mo;</t>
  </si>
  <si>
    <t>/o=exchangelabs/ou=exchange administrative group (fydibohf23spdlt)/cn=recipients/cn=43665a5b9e7b4a1eb03aa2abdd30ebf4-virginia me,/o=exchangelabs/ou=exchange administrative group (fydibohf23spdlt)/cn=recipients/cn=a541140f84c0497d919eaa7797d6c613-vinicius mo</t>
  </si>
  <si>
    <t>11/19/2019 11:21:51</t>
  </si>
  <si>
    <t>11/19/2019 11:35:00</t>
  </si>
  <si>
    <t>11/19/2019 11:30:35</t>
  </si>
  <si>
    <t>/o=exchangelabs/ou=exchange administrative group (fydibohf23spdlt)/cn=recipients/cn=3fc2777bb8ee48fa9fadbf3ceb1b065d-cibele anal;/o=exchangelabs/ou=exchange administrative group (fydibohf23spdlt)/cn=recipients/cn=56c2af2d07fd48c0aebfc00ddc006494-alessio rod;/o=exchangelabs/ou=exchange administrative group (fydibohf23spdlt)/cn=recipients/cn=67bd65dc87bd4106bc53a3fdb9bdc416-virginia ma;/o=exchangelabs/ou=exchange administrative group (fydibohf23spdlt)/cn=recipients/cn=a111820ea97a440c83191c55259f676f-marcelo rod;/o=exchangelabs/ou=exchange administrative group (fydibohf23spdlt)/cn=recipients/cn=cd93dacc38404a95a829585c2e317a9f-dionizio ri;/o=exchangelabs/ou=exchange administrative group (fydibohf23spdlt)/cn=recipients/cn=d1d015f213f648abbf348b5ccdf8e9d9-senilda per;/o=exchangelabs/ou=exchange administrative group (fydibohf23spdlt)/cn=recipients/cn=e3778f57d65f4c17a6287602f9eb0cdc-alessandra;/o=exchangelabs/ou=exchange administrative group (fydibohf23spdlt)/cn=recipients/cn=f7a4290a46314a3cbb0d392508a7b5c5-lucia</t>
  </si>
  <si>
    <t>ENC: Visita Presidente AVON</t>
  </si>
  <si>
    <t>Agenda JVicente na Algar 051219.xlsx</t>
  </si>
  <si>
    <t>/o=exchangelabs/ou=exchange administrative group (fydibohf23spdlt)/cn=recipients/cn=3fc2777bb8ee48fa9fadbf3ceb1b065d-cibele anal,/o=exchangelabs/ou=exchange administrative group (fydibohf23spdlt)/cn=recipients/cn=56c2af2d07fd48c0aebfc00ddc006494-alessio rod,/o=exchangelabs/ou=exchange administrative group (fydibohf23spdlt)/cn=recipients/cn=67bd65dc87bd4106bc53a3fdb9bdc416-virginia ma,/o=exchangelabs/ou=exchange administrative group (fydibohf23spdlt)/cn=recipients/cn=a111820ea97a440c83191c55259f676f-marcelo rod,/o=exchangelabs/ou=exchange administrative group (fydibohf23spdlt)/cn=recipients/cn=cd93dacc38404a95a829585c2e317a9f-dionizio ri,/o=exchangelabs/ou=exchange administrative group (fydibohf23spdlt)/cn=recipients/cn=d1d015f213f648abbf348b5ccdf8e9d9-senilda per,/o=exchangelabs/ou=exchange administrative group (fydibohf23spdlt)/cn=recipients/cn=e3778f57d65f4c17a6287602f9eb0cdc-alessandra,/o=exchangelabs/ou=exchange administrative group (fydibohf23spdlt)/cn=recipients/cn=f7a4290a46314a3cbb0d392508a7b5c5-lucia</t>
  </si>
  <si>
    <t>11/19/2019 11:38:12</t>
  </si>
  <si>
    <t>11/19/2019 11:38:32</t>
  </si>
  <si>
    <t>ENC: CAPITALIZAÇÕES DE PESSOAS NOS PROJETOS - FTE NOVEMBRO/2019</t>
  </si>
  <si>
    <t>Template_Registro_FTE_Realizado_Novembro.xlsb</t>
  </si>
  <si>
    <t>11/19/2019 08:53:00</t>
  </si>
  <si>
    <t>11/19/2019 11:40:32</t>
  </si>
  <si>
    <t>10.250.254.1</t>
  </si>
  <si>
    <t>11/19/2019 09:17:24</t>
  </si>
  <si>
    <t>/o=exchangelabs/ou=exchange administrative group (fydibohf23spdlt)/cn=recipients/cn=31b0fcd46c8d45f29253036e2256d5aa-jose paulin;</t>
  </si>
  <si>
    <t>/o=exchangelabs/ou=exchange administrative group (fydibohf23spdlt)/cn=recipients/cn=31b0fcd46c8d45f29253036e2256d5aa-jose paulin</t>
  </si>
  <si>
    <t>11/19/2019 09:21:17</t>
  </si>
  <si>
    <t>/o=exchangelabs/ou=exchange administrative group (fydibohf23spdlt)/cn=recipients/cn=ba64882ecdca4e529551bc93e56e2f41-helbert bec;</t>
  </si>
  <si>
    <t>/o=exchangelabs/ou=exchange administrative group (fydibohf23spdlt)/cn=recipients/cn=ba64882ecdca4e529551bc93e56e2f41-helbert bec</t>
  </si>
  <si>
    <t>11/19/2019 09:23:44</t>
  </si>
  <si>
    <t>11/19/2019 09:24:45</t>
  </si>
  <si>
    <t>11/19/2019 09:26:11</t>
  </si>
  <si>
    <t>/o=exchangelabs/ou=exchange administrative group (fydibohf23spdlt)/cn=recipients/cn=2d38a20c1128454e96f537150116f708-jose antoni;</t>
  </si>
  <si>
    <t>/o=exchangelabs/ou=exchange administrative group (fydibohf23spdlt)/cn=recipients/cn=2d38a20c1128454e96f537150116f708-jose antoni</t>
  </si>
  <si>
    <t>11/19/2019 11:38:36</t>
  </si>
  <si>
    <t>11/19/2019 11:43:31</t>
  </si>
  <si>
    <t>11/19/2019 11:39:00</t>
  </si>
  <si>
    <t>11/19/2019 11:45:54</t>
  </si>
  <si>
    <t>11/19/2019 11:47:32</t>
  </si>
  <si>
    <t>razao conta engeset.xlsx</t>
  </si>
  <si>
    <t>11/19/2019 11:46:03</t>
  </si>
  <si>
    <t>11/19/2019 11:50:32</t>
  </si>
  <si>
    <t>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/o=exchangelabs/ou=exchange administrative group (fydibohf23spdlt)/cn=recipients/cn=usere11ed38c;</t>
  </si>
  <si>
    <t>Squad DC - Ativos Plano Médico</t>
  </si>
  <si>
    <t>Ativos Plano Médico - 28.xlsx</t>
  </si>
  <si>
    <t>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,/o=exchangelabs/ou=exchange administrative group (fydibohf23spdlt)/cn=recipients/cn=usere11ed38c</t>
  </si>
  <si>
    <t>11/19/2019 11:52:20</t>
  </si>
  <si>
    <t>11/19/2019 11:55:32</t>
  </si>
  <si>
    <t>/o=exchangelabs/ou=exchange administrative group (fydibohf23spdlt)/cn=recipients/cn=287c26b08a0f48578479a15a452f025d-edilson rod;/o=exchangelabs/ou=exchange administrative group (fydibohf23spdlt)/cn=recipients/cn=da8b0d0eb1af471c9c028aba05e743fd-guilherme a;/o=exchangelabs/ou=exchange administrative group (fydibohf23spdlt)/cn=recipients/cn=user9334192a;</t>
  </si>
  <si>
    <t>/o=exchangelabs/ou=exchange administrative group (fydibohf23spdlt)/cn=recipients/cn=287c26b08a0f48578479a15a452f025d-edilson rod,/o=exchangelabs/ou=exchange administrative group (fydibohf23spdlt)/cn=recipients/cn=da8b0d0eb1af471c9c028aba05e743fd-guilherme a,/o=exchangelabs/ou=exchange administrative group (fydibohf23spdlt)/cn=recipients/cn=user9334192a</t>
  </si>
  <si>
    <t>11/19/2019 11:52:26</t>
  </si>
  <si>
    <t>11/19/2019 11:58:43</t>
  </si>
  <si>
    <t>11/19/2019 12:01:32</t>
  </si>
  <si>
    <t>11/19/2019 11:59:20</t>
  </si>
  <si>
    <t>11/19/2019 12:02:31</t>
  </si>
  <si>
    <t>006 - OTC 10.xlsx</t>
  </si>
  <si>
    <t>11/19/2019 12:03:49</t>
  </si>
  <si>
    <t>11/19/2019 12:05:32</t>
  </si>
  <si>
    <t>imprimir</t>
  </si>
  <si>
    <t>CADASTRO - DANNYLLO GONÇALO.xls</t>
  </si>
  <si>
    <t>11/19/2019 12:02:46</t>
  </si>
  <si>
    <t>11/19/2019 12:08:32</t>
  </si>
  <si>
    <t>10.211.2.103</t>
  </si>
  <si>
    <t>leonardo.caetano@algartech.com</t>
  </si>
  <si>
    <t>aluisioas@algartech.com;</t>
  </si>
  <si>
    <t>Plano de Ação - Leonardo Caetano.xlsx</t>
  </si>
  <si>
    <t>aluisioas@algartech.com</t>
  </si>
  <si>
    <t>11/19/2019 12:07:03</t>
  </si>
  <si>
    <t>C:\Users\carlosfn\Downloads\</t>
  </si>
  <si>
    <t>Oportunidades por data criação (System Date) (32).xlsx</t>
  </si>
  <si>
    <t>11/19/2019 12:04:17</t>
  </si>
  <si>
    <t>11/19/2019 12:09:31</t>
  </si>
  <si>
    <t>rogerio@algar.com.br;</t>
  </si>
  <si>
    <t>Detalhamento Geração Caixa e Dívida</t>
  </si>
  <si>
    <t>rogerio@algar.com.br</t>
  </si>
  <si>
    <t>11/19/2019 12:11:01</t>
  </si>
  <si>
    <t>11/19/2019 12:12:31</t>
  </si>
  <si>
    <t>ENC: CR Atualizado</t>
  </si>
  <si>
    <t>11/19/2019 12:08:10</t>
  </si>
  <si>
    <t>11/19/2019 12:17:22</t>
  </si>
  <si>
    <t>11/19/2019 12:19:32</t>
  </si>
  <si>
    <t>ENC: Produtividade CRCe 18/11</t>
  </si>
  <si>
    <t>11/19/2019 12:26:33</t>
  </si>
  <si>
    <t>11/19/2019 12:27:31</t>
  </si>
  <si>
    <t>11/19/2019 12:44:23</t>
  </si>
  <si>
    <t>11/19/2019 12:44:32</t>
  </si>
  <si>
    <t>camiladps@algartech.com;equipefabi@algartech.com.br;fabianapm@algartech.com;</t>
  </si>
  <si>
    <t>ENC: Lista Treinamento 18.11</t>
  </si>
  <si>
    <t>Lista de Treinamento Cerrado .xlsx</t>
  </si>
  <si>
    <t>camiladps@algartech.com,equipefabi@algartech.com.br,fabianapm@algartech.com</t>
  </si>
  <si>
    <t>11/19/2019 12:46:53</t>
  </si>
  <si>
    <t>11/19/2019 12:48:33</t>
  </si>
  <si>
    <t>C:\Users\filemoncmj\OneDrive - Grupo Algar\01. Algar Tech\01. Projetos de Clientes\47. Prudential\08. TH\Admissoes\</t>
  </si>
  <si>
    <t>Kit Admissional Geral - Algar TI - RJ.xls</t>
  </si>
  <si>
    <t>11/19/2019 12:50:18</t>
  </si>
  <si>
    <t>11/19/2019 12:52:33</t>
  </si>
  <si>
    <t>/o=exchangelabs/ou=exchange administrative group (fydibohf23spdlt)/cn=recipients/cn=d05fd9144bc0407496937c19109e2ce7-jefferson r;daniel.nemer@kcc.com;</t>
  </si>
  <si>
    <t>ENC: [KCC][FIN] IMPORTANTE: HORA EXTRA OUTUBRO</t>
  </si>
  <si>
    <t>Outubro BASE_HE_028_029_033_OUTUBRO_01A31.10.2019_GESTOR.xlsm</t>
  </si>
  <si>
    <t>/o=exchangelabs/ou=exchange administrative group (fydibohf23spdlt)/cn=recipients/cn=d05fd9144bc0407496937c19109e2ce7-jefferson r,daniel.nemer@kcc.com</t>
  </si>
  <si>
    <t>11/19/2019 13:00:42</t>
  </si>
  <si>
    <t>11/19/2019 13:03:33</t>
  </si>
  <si>
    <t>ENC: Company 02639304 EBTA Essity do Brasil - URGENTE - Protocolo: 75802</t>
  </si>
  <si>
    <t>EMPRESA ESSITY.xlsx</t>
  </si>
  <si>
    <t>11/19/2019 13:17:51</t>
  </si>
  <si>
    <t>11/19/2019 13:18:33</t>
  </si>
  <si>
    <t>C:\Users\lucianafaa\OneDrive - Grupo Algar\2019\PROJETOS\URR\TABULACAO\RES Tabulação de finalizadores - contato sem sucesso - Alelo-03-09.msg\s1\TABULAÇÃO_URR_v005.zip\</t>
  </si>
  <si>
    <t>TABULAÇÃO_URR_v005.xlsx</t>
  </si>
  <si>
    <t>11/19/2019 13:19:13</t>
  </si>
  <si>
    <t>11/19/2019 13:22:33</t>
  </si>
  <si>
    <t>/o=exchangelabs/ou=exchange administrative group (fydibohf23spdlt)/cn=recipients/cn=5c622a418fd946f4953ddb5f89bb73ce-vanessa da;/o=exchangelabs/ou=exchange administrative group (fydibohf23spdlt)/cn=recipients/cn=7aaed863e0734538bc010e61e9020ad3-aline silve;/o=exchangelabs/ou=exchange administrative group (fydibohf23spdlt)/cn=recipients/cn=8fc182d8ec964190abd5d149ac41ad8b-fabricio de;/o=exchangelabs/ou=exchange administrative group (fydibohf23spdlt)/cn=recipients/cn=ad5f87512b71413284449e85e2fe100f-giovanne gu;/o=exchangelabs/ou=exchange administrative group (fydibohf23spdlt)/cn=recipients/cn=c651393460d944ffb6be3809cfeaefb6-saulo augus;/o=exchangelabs/ou=exchange administrative group (fydibohf23spdlt)/cn=recipients/cn=cb5adfd7be5d42f39b6c2497336ba9d7-fernando gu;/o=exchangelabs/ou=exchange administrative group (fydibohf23spdlt)/cn=recipients/cn=d1bcfb1498124af49c7d3ae622d9e2da-iara agosti;/o=exchangelabs/ou=exchange administrative group (fydibohf23spdlt)/cn=recipients/cn=matheus vinicius da silva;</t>
  </si>
  <si>
    <t>ENC: Pareto B2C</t>
  </si>
  <si>
    <t>Pareto. Outubro.xlsx</t>
  </si>
  <si>
    <t>/o=exchangelabs/ou=exchange administrative group (fydibohf23spdlt)/cn=recipients/cn=5c622a418fd946f4953ddb5f89bb73ce-vanessa da,/o=exchangelabs/ou=exchange administrative group (fydibohf23spdlt)/cn=recipients/cn=7aaed863e0734538bc010e61e9020ad3-aline silve,/o=exchangelabs/ou=exchange administrative group (fydibohf23spdlt)/cn=recipients/cn=8fc182d8ec964190abd5d149ac41ad8b-fabricio de,/o=exchangelabs/ou=exchange administrative group (fydibohf23spdlt)/cn=recipients/cn=ad5f87512b71413284449e85e2fe100f-giovanne gu,/o=exchangelabs/ou=exchange administrative group (fydibohf23spdlt)/cn=recipients/cn=c651393460d944ffb6be3809cfeaefb6-saulo augus,/o=exchangelabs/ou=exchange administrative group (fydibohf23spdlt)/cn=recipients/cn=cb5adfd7be5d42f39b6c2497336ba9d7-fernando gu,/o=exchangelabs/ou=exchange administrative group (fydibohf23spdlt)/cn=recipients/cn=d1bcfb1498124af49c7d3ae622d9e2da-iara agosti,/o=exchangelabs/ou=exchange administrative group (fydibohf23spdlt)/cn=recipients/cn=matheus vinicius da silva</t>
  </si>
  <si>
    <t>11/19/2019 13:19:33</t>
  </si>
  <si>
    <t>11/19/2019 13:23:32</t>
  </si>
  <si>
    <t>C:\Users\lucianafaa\OneDrive - Grupo Algar\2019\PROJETOS\URR\TABULACAO\Tabulação de finalizadores - contato sem sucesso - Alelo-INATIVA.msg\s1\</t>
  </si>
  <si>
    <t>TABULAÇÃO_URR_v005 ALGAR.xlsx</t>
  </si>
  <si>
    <t>11/19/2019 13:26:31</t>
  </si>
  <si>
    <t>11/19/2019 13:28:33</t>
  </si>
  <si>
    <t>C:\Users\lucianafaa\OneDrive - Grupo Algar\2019\PROJETOS\WFM\CONTROLE\ACTION\NOVEMBRO\</t>
  </si>
  <si>
    <t>11/19/2019 13:26:56</t>
  </si>
  <si>
    <t>11/19/2019 13:31:33</t>
  </si>
  <si>
    <t>/o=exchangelabs/ou=exchange administrative group (fydibohf23spdlt)/cn=recipients/cn=545f738e0fe740ba856f4eb6ef0135e0-vinicius si;/o=exchangelabs/ou=exchange administrative group (fydibohf23spdlt)/cn=recipients/cn=670d10f0276c47ba89a984b1a225496b-victor gala;/o=exchangelabs/ou=exchange administrative group (fydibohf23spdlt)/cn=recipients/cn=b4c27a00523743509c2a8673c01acf8b-emanuella g;/o=exchangelabs/ou=exchange administrative group (fydibohf23spdlt)/cn=recipients/cn=d1d015f213f648abbf348b5ccdf8e9d9-senilda per;/o=exchangelabs/ou=exchange administrative group (fydibohf23spdlt)/cn=recipients/cn=eb3a8d47e16546c381d649c124fcfbb7-cpc - contr;/o=exchangelabs/ou=exchange administrative group (fydibohf23spdlt)/cn=recipients/cn=fbbb462fed0b402bbe147770ea84cf9e-adriana cae;/o=exchangelabs/ou=exchange administrative group (fydibohf23spdlt)/cn=recipients/cn=renato lemes da silva costa;</t>
  </si>
  <si>
    <t>RES: Acompanhamento AHT - Novatos FV1</t>
  </si>
  <si>
    <t>/o=exchangelabs/ou=exchange administrative group (fydibohf23spdlt)/cn=recipients/cn=545f738e0fe740ba856f4eb6ef0135e0-vinicius si,/o=exchangelabs/ou=exchange administrative group (fydibohf23spdlt)/cn=recipients/cn=670d10f0276c47ba89a984b1a225496b-victor gala,/o=exchangelabs/ou=exchange administrative group (fydibohf23spdlt)/cn=recipients/cn=b4c27a00523743509c2a8673c01acf8b-emanuella g,/o=exchangelabs/ou=exchange administrative group (fydibohf23spdlt)/cn=recipients/cn=d1d015f213f648abbf348b5ccdf8e9d9-senilda per,/o=exchangelabs/ou=exchange administrative group (fydibohf23spdlt)/cn=recipients/cn=eb3a8d47e16546c381d649c124fcfbb7-cpc - contr,/o=exchangelabs/ou=exchange administrative group (fydibohf23spdlt)/cn=recipients/cn=fbbb462fed0b402bbe147770ea84cf9e-adriana cae,/o=exchangelabs/ou=exchange administrative group (fydibohf23spdlt)/cn=recipients/cn=renato lemes da silva costa</t>
  </si>
  <si>
    <t>11/19/2019 13:27:11</t>
  </si>
  <si>
    <t>11/19/2019 13:32:32</t>
  </si>
  <si>
    <t>C:\Vila\Pessoais\Amazonia 2018_João\AGENDA E HORARIOS\</t>
  </si>
  <si>
    <t>AGENDA OPERAÇÕES - GERAL -2018 - SETEMBRO.xls</t>
  </si>
  <si>
    <t>E:\BK_final\Vilarinho\Vilarinho - Pessoais\Amazonia 2018_João\AGENDA E HORARIOS\AGENDA OPERAÇÕES - GERAL -2018 - SETEMBRO.xls</t>
  </si>
  <si>
    <t>11/19/2019 13:27:17</t>
  </si>
  <si>
    <t>C:\Vila\Pessoais\Amazonia 2018_João\DIVERSOS\</t>
  </si>
  <si>
    <t>AGENDA PARA ATUALIZAR.xlt</t>
  </si>
  <si>
    <t>E:\BK_final\Vilarinho\Vilarinho - Pessoais\Amazonia 2018_João\DIVERSOS\AGENDA PARA ATUALIZAR.xlt</t>
  </si>
  <si>
    <t>11/19/2019 13:27:20</t>
  </si>
  <si>
    <t>C:\Vila\Pessoais\Amazonia 2018_João\Outros\</t>
  </si>
  <si>
    <t>CONTROLE PGOT_LAMBARI-MG.xlsx</t>
  </si>
  <si>
    <t>E:\BK_final\Vilarinho\Vilarinho - Pessoais\Amazonia 2018_João\Outros\CONTROLE PGOT_LAMBARI-MG.xlsx</t>
  </si>
  <si>
    <t>CONTROLE PGTO E GASTOS_AMAZONAS 2017 (1).xlsx</t>
  </si>
  <si>
    <t>E:\BK_final\Vilarinho\Vilarinho - Pessoais\Amazonia 2018_João\Outros\CONTROLE PGTO E GASTOS_AMAZONAS 2017 (1).xlsx</t>
  </si>
  <si>
    <t>CONTROLE PGTO E GASTOS_AMAZONAS 2017 (2).xlsx</t>
  </si>
  <si>
    <t>E:\BK_final\Vilarinho\Vilarinho - Pessoais\Amazonia 2018_João\Outros\CONTROLE PGTO E GASTOS_AMAZONAS 2017 (2).xlsx</t>
  </si>
  <si>
    <t>CONTROLE PGTO E GASTOS_AMAZONAS 2017.xlsx</t>
  </si>
  <si>
    <t>E:\BK_final\Vilarinho\Vilarinho - Pessoais\Amazonia 2018_João\Outros\CONTROLE PGTO E GASTOS_AMAZONAS 2017.xlsx</t>
  </si>
  <si>
    <t>11/19/2019 13:27:22</t>
  </si>
  <si>
    <t>Equipe_Roraima.xlsx</t>
  </si>
  <si>
    <t>E:\BK_final\Vilarinho\Vilarinho - Pessoais\Amazonia 2018_João\Outros\Equipe_Roraima.xlsx</t>
  </si>
  <si>
    <t>11/19/2019 13:27:23</t>
  </si>
  <si>
    <t>Grupo Sept 7.xlsx</t>
  </si>
  <si>
    <t>E:\BK_final\Vilarinho\Vilarinho - Pessoais\Amazonia 2018_João\Outros\Grupo Sept 7.xlsx</t>
  </si>
  <si>
    <t>11/19/2019 13:27:25</t>
  </si>
  <si>
    <t>Planilha Bitcoin.xlsx</t>
  </si>
  <si>
    <t>E:\BK_final\Vilarinho\Vilarinho - Pessoais\Amazonia 2018_João\Outros\Planilha Bitcoin.xlsx</t>
  </si>
  <si>
    <t>11/19/2019 13:30:24</t>
  </si>
  <si>
    <t>C:\Vila\Empresas Anterior\Arquivos Telecom\_1 Orçamento 2014 - 5 Reuger 2013\5ª Reuger - 13-11-2013 - COMPLETA- V3.pptx\</t>
  </si>
  <si>
    <t>E:\BK_final\Vilarinho\Vilarinho - Trabalho\Algar Telecom\_1 Orçamento 2014 - 5 Reuger 2013\5ª Reuger - 13-11-2013 - COMPLETA- V3.pptx</t>
  </si>
  <si>
    <t>11/19/2019 13:30:25</t>
  </si>
  <si>
    <t>11/19/2019 13:30:26</t>
  </si>
  <si>
    <t>11/19/2019 13:30:28</t>
  </si>
  <si>
    <t>11/19/2019 13:30:29</t>
  </si>
  <si>
    <t>11/19/2019 13:30:30</t>
  </si>
  <si>
    <t>11/19/2019 13:30:31</t>
  </si>
  <si>
    <t>11/19/2019 13:30:32</t>
  </si>
  <si>
    <t>11/19/2019 13:30:33</t>
  </si>
  <si>
    <t>11/19/2019 13:30:36</t>
  </si>
  <si>
    <t>11/19/2019 13:30:38</t>
  </si>
  <si>
    <t>11/19/2019 13:30:39</t>
  </si>
  <si>
    <t>11/19/2019 13:30:41</t>
  </si>
  <si>
    <t>11/19/2019 13:38:32</t>
  </si>
  <si>
    <t>11/19/2019 13:30:43</t>
  </si>
  <si>
    <t>11/19/2019 13:39:32</t>
  </si>
  <si>
    <t>11/19/2019 13:30:44</t>
  </si>
  <si>
    <t>11/19/2019 13:30:45</t>
  </si>
  <si>
    <t>11/19/2019 13:30:46</t>
  </si>
  <si>
    <t>11/19/2019 13:30:47</t>
  </si>
  <si>
    <t>11/19/2019 13:30:48</t>
  </si>
  <si>
    <t>11/19/2019 13:30:51</t>
  </si>
  <si>
    <t>11/19/2019 13:30:52</t>
  </si>
  <si>
    <t>11/19/2019 13:30:53</t>
  </si>
  <si>
    <t>11/19/2019 13:30:54</t>
  </si>
  <si>
    <t>11/19/2019 13:30:58</t>
  </si>
  <si>
    <t>11/19/2019 13:30:59</t>
  </si>
  <si>
    <t>11/19/2019 13:31:03</t>
  </si>
  <si>
    <t>C:\Vila\Empresas Anterior\Arquivos Telecom\2 REV 2012\</t>
  </si>
  <si>
    <t>PTH - CCA.xlsx</t>
  </si>
  <si>
    <t>E:\BK_final\Vilarinho\Vilarinho - Trabalho\Algar Telecom\2 REV 2012\PTH - CCA.xlsx</t>
  </si>
  <si>
    <t>11/19/2019 13:31:07</t>
  </si>
  <si>
    <t>C:\Vila\Empresas Anterior\Arquivos Telecom\3 REUGER - Jul 2014\3ª Reuger 2014_BC Longo Prazo_simulação de Cenários_20140713_v2.pptx\</t>
  </si>
  <si>
    <t>E:\BK_final\Vilarinho\Vilarinho - Trabalho\Algar Telecom\3 REUGER - Jul 2014\3ª Reuger 2014_BC Longo Prazo_simulação de Cenários_20140713_v2.pptx</t>
  </si>
  <si>
    <t>11/19/2019 13:31:12</t>
  </si>
  <si>
    <t>C:\Vila\Empresas Anterior\Arquivos Telecom\3 REUGER - Jul 2014\Apresentação Reunião Financeira_3ª reuger.pptx\</t>
  </si>
  <si>
    <t>E:\BK_final\Vilarinho\Vilarinho - Trabalho\Algar Telecom\3 REUGER - Jul 2014\Apresentação Reunião Financeira_3ª reuger.pptx</t>
  </si>
  <si>
    <t>C:\Vila\Empresas Anterior\Arquivos Telecom\3 REUGER - Jul 2014\</t>
  </si>
  <si>
    <t>PlanoAcao cenarios.xlsx</t>
  </si>
  <si>
    <t>E:\BK_final\Vilarinho\Vilarinho - Trabalho\Algar Telecom\3 REUGER - Jul 2014\PlanoAcao cenarios.xlsx</t>
  </si>
  <si>
    <t>11/19/2019 13:31:30</t>
  </si>
  <si>
    <t>C:\Vila\Empresas Anterior\Arquivos Telecom\3 Reuger 2013\Algar Telecom_3ª Reuger_04_08_13_v2.pptx\</t>
  </si>
  <si>
    <t>E:\BK_final\Vilarinho\Vilarinho - Trabalho\Algar Telecom\3 Reuger 2013\Algar Telecom_3ª Reuger_04_08_13_v2.pptx</t>
  </si>
  <si>
    <t>11/19/2019 13:31:31</t>
  </si>
  <si>
    <t>11/19/2019 13:31:32</t>
  </si>
  <si>
    <t>11/19/2019 13:31:34</t>
  </si>
  <si>
    <t>C:\Vila\Empresas Anterior\Arquivos Telecom\2008\</t>
  </si>
  <si>
    <t>Acomp Orçamentário - Abril.xls</t>
  </si>
  <si>
    <t>E:\BK_final\Vilarinho\Vilarinho - Trabalho\Algar Telecom\2008\Acomp Orçamentário - Abril.xls</t>
  </si>
  <si>
    <t>Acomp Orçamentário - Agosto.xls</t>
  </si>
  <si>
    <t>E:\BK_final\Vilarinho\Vilarinho - Trabalho\Algar Telecom\2008\Acomp Orçamentário - Agosto.xls</t>
  </si>
  <si>
    <t>Acomp Orçamentário - Dezembro.xls</t>
  </si>
  <si>
    <t>E:\BK_final\Vilarinho\Vilarinho - Trabalho\Algar Telecom\2008\Acomp Orçamentário - Dezembro.xls</t>
  </si>
  <si>
    <t>Acomp Orçamentário - Fev.xls</t>
  </si>
  <si>
    <t>E:\BK_final\Vilarinho\Vilarinho - Trabalho\Algar Telecom\2008\Acomp Orçamentário - Fev.xls</t>
  </si>
  <si>
    <t>Acomp Orçamentário - Jan.xls</t>
  </si>
  <si>
    <t>E:\BK_final\Vilarinho\Vilarinho - Trabalho\Algar Telecom\2008\Acomp Orçamentário - Jan.xls</t>
  </si>
  <si>
    <t>Acomp Orçamentário - Julho.xls</t>
  </si>
  <si>
    <t>E:\BK_final\Vilarinho\Vilarinho - Trabalho\Algar Telecom\2008\Acomp Orçamentário - Julho.xls</t>
  </si>
  <si>
    <t>11/19/2019 13:31:38</t>
  </si>
  <si>
    <t>Acomp Orçamentário - Junho.xls</t>
  </si>
  <si>
    <t>E:\BK_final\Vilarinho\Vilarinho - Trabalho\Algar Telecom\2008\Acomp Orçamentário - Junho.xls</t>
  </si>
  <si>
    <t>11/19/2019 13:31:40</t>
  </si>
  <si>
    <t>Acomp Orçamentário - Maio.xls</t>
  </si>
  <si>
    <t>E:\BK_final\Vilarinho\Vilarinho - Trabalho\Algar Telecom\2008\Acomp Orçamentário - Maio.xls</t>
  </si>
  <si>
    <t>Acomp Orçamentário - Março.xls</t>
  </si>
  <si>
    <t>E:\BK_final\Vilarinho\Vilarinho - Trabalho\Algar Telecom\2008\Acomp Orçamentário - Março.xls</t>
  </si>
  <si>
    <t>11/19/2019 13:31:41</t>
  </si>
  <si>
    <t>Acomp Orçamentário - Novembro.xls</t>
  </si>
  <si>
    <t>E:\BK_final\Vilarinho\Vilarinho - Trabalho\Algar Telecom\2008\Acomp Orçamentário - Novembro.xls</t>
  </si>
  <si>
    <t>Acomp Orçamentário - Outubro.xls</t>
  </si>
  <si>
    <t>E:\BK_final\Vilarinho\Vilarinho - Trabalho\Algar Telecom\2008\Acomp Orçamentário - Outubro.xls</t>
  </si>
  <si>
    <t>Acomp Orçamentário - Setembro.xls</t>
  </si>
  <si>
    <t>E:\BK_final\Vilarinho\Vilarinho - Trabalho\Algar Telecom\2008\Acomp Orçamentário - Setembro.xls</t>
  </si>
  <si>
    <t>11/19/2019 13:31:42</t>
  </si>
  <si>
    <t>C:\Vila\Empresas Anterior\Arquivos Telecom\2009\</t>
  </si>
  <si>
    <t>E:\BK_final\Vilarinho\Vilarinho - Trabalho\Algar Telecom\2009\Acomp Orçamentário - Fev.xls</t>
  </si>
  <si>
    <t>E:\BK_final\Vilarinho\Vilarinho - Trabalho\Algar Telecom\2009\Acomp Orçamentário - Jan.xls</t>
  </si>
  <si>
    <t>E:\BK_final\Vilarinho\Vilarinho - Trabalho\Algar Telecom\2009\Acomp Orçamentário - Março.xls</t>
  </si>
  <si>
    <t>11/19/2019 13:31:43</t>
  </si>
  <si>
    <t>Orçado Oficial _CDC_ 2009.xls</t>
  </si>
  <si>
    <t>E:\BK_final\Vilarinho\Vilarinho - Trabalho\Algar Telecom\2009\Orçado Oficial _CDC_ 2009.xls</t>
  </si>
  <si>
    <t>11/19/2019 13:31:47</t>
  </si>
  <si>
    <t>C:\Vila\Empresas Anterior\Arquivos Telecom\Acompanhamento Eneide - Potencial Sucessor - 2013\Clima CCA 2012.pptx\</t>
  </si>
  <si>
    <t>E:\BK_final\Vilarinho\Vilarinho - Trabalho\Algar Telecom\Acompanhamento Eneide - Potencial Sucessor - 2013\Clima CCA 2012.pptx</t>
  </si>
  <si>
    <t>Planilha_do_Microsoft_Office_Excel3.xlsx</t>
  </si>
  <si>
    <t>Planilha_do_Microsoft_Office_Excel4.xlsx</t>
  </si>
  <si>
    <t>C:\Vila\Empresas Anterior\Arquivos Telecom\Analise Contrato KPMG\</t>
  </si>
  <si>
    <t>Abertura-proposta_Algar Orçamento 2011-12_19_11_2010_BKP.xlsx</t>
  </si>
  <si>
    <t>E:\BK_final\Vilarinho\Vilarinho - Trabalho\Algar Telecom\Analise Contrato KPMG\Abertura-proposta_Algar Orçamento 2011-12_19_11_2010_BKP.xlsx</t>
  </si>
  <si>
    <t>Orçamento CTBC - Auditoria Externa.xls</t>
  </si>
  <si>
    <t>E:\BK_final\Vilarinho\Vilarinho - Trabalho\Algar Telecom\Analise Contrato KPMG\Orçamento CTBC - Auditoria Externa.xls</t>
  </si>
  <si>
    <t>11/19/2019 13:31:48</t>
  </si>
  <si>
    <t>C:\Vila\Empresas Anterior\Arquivos Telecom\Analise Encaixe 4G\</t>
  </si>
  <si>
    <t>notademonstração.xlsx</t>
  </si>
  <si>
    <t>E:\BK_final\Vilarinho\Vilarinho - Trabalho\Algar Telecom\Analise Encaixe 4G\notademonstração.xlsx</t>
  </si>
  <si>
    <t>C:\Vila\Empresas Anterior\Arquivos Telecom\analise impacto algar orcamento 2014\</t>
  </si>
  <si>
    <t>Auditoria Externa 2014 Algar Telecom.xlsx</t>
  </si>
  <si>
    <t>E:\BK_final\Vilarinho\Vilarinho - Trabalho\Algar Telecom\analise impacto algar orcamento 2014\Auditoria Externa 2014 Algar Telecom.xlsx</t>
  </si>
  <si>
    <t>Faturamento Direto Projetos Fiscais Algar Telecom.xlsx</t>
  </si>
  <si>
    <t>E:\BK_final\Vilarinho\Vilarinho - Trabalho\Algar Telecom\analise impacto algar orcamento 2014\Faturamento Direto Projetos Fiscais Algar Telecom.xlsx</t>
  </si>
  <si>
    <t>Modelo abertura Obras em andamento.xlsx</t>
  </si>
  <si>
    <t>E:\BK_final\Vilarinho\Vilarinho - Trabalho\Algar Telecom\analise impacto algar orcamento 2014\Modelo abertura Obras em andamento.xlsx</t>
  </si>
  <si>
    <t>Orçamento CSC - CTBC Celular.xlsx</t>
  </si>
  <si>
    <t>E:\BK_final\Vilarinho\Vilarinho - Trabalho\Algar Telecom\analise impacto algar orcamento 2014\Orçamento CSC - CTBC Celular.xlsx</t>
  </si>
  <si>
    <t>Orçamento CSC - CTBC Multimidia.xlsx</t>
  </si>
  <si>
    <t>E:\BK_final\Vilarinho\Vilarinho - Trabalho\Algar Telecom\analise impacto algar orcamento 2014\Orçamento CSC - CTBC Multimidia.xlsx</t>
  </si>
  <si>
    <t>Orçamento CSC - CTBC Telecom.xlsx</t>
  </si>
  <si>
    <t>E:\BK_final\Vilarinho\Vilarinho - Trabalho\Algar Telecom\analise impacto algar orcamento 2014\Orçamento CSC - CTBC Telecom.xlsx</t>
  </si>
  <si>
    <t>11/19/2019 13:31:49</t>
  </si>
  <si>
    <t>Orçamento CSC - Image.xlsx</t>
  </si>
  <si>
    <t>E:\BK_final\Vilarinho\Vilarinho - Trabalho\Algar Telecom\analise impacto algar orcamento 2014\Orçamento CSC - Image.xlsx</t>
  </si>
  <si>
    <t>Orçamento Provedores - Algar Telecom.xlsx</t>
  </si>
  <si>
    <t>E:\BK_final\Vilarinho\Vilarinho - Trabalho\Algar Telecom\analise impacto algar orcamento 2014\Orçamento Provedores - Algar Telecom.xlsx</t>
  </si>
  <si>
    <t>Orçamento Provedores - Algar Telecom1.xlsx</t>
  </si>
  <si>
    <t>E:\BK_final\Vilarinho\Vilarinho - Trabalho\Algar Telecom\analise impacto algar orcamento 2014\Orçamento Provedores - Algar Telecom1.xlsx</t>
  </si>
  <si>
    <t>Taxas Macroeconomicas 5ª Reunião Gerencial 2013.xlsx</t>
  </si>
  <si>
    <t>E:\BK_final\Vilarinho\Vilarinho - Trabalho\Algar Telecom\analise impacto algar orcamento 2014\Taxas Macroeconomicas 5ª Reunião Gerencial 2013.xlsx</t>
  </si>
  <si>
    <t>11/19/2019 13:31:51</t>
  </si>
  <si>
    <t>C:\Vila\Empresas Anterior\Arquivos Telecom\Anulação Valores\17_10_2011\07_11_2011_ICMS Anulação de Valores_Consolidação_V2.pptx\</t>
  </si>
  <si>
    <t>E:\BK_final\Vilarinho\Vilarinho - Trabalho\Algar Telecom\Anulação Valores\17_10_2011\07_11_2011_ICMS Anulação de Valores_Consolidação_V2.pptx</t>
  </si>
  <si>
    <t>11/19/2019 13:31:55</t>
  </si>
  <si>
    <t>C:\Vila\Empresas Anterior\Arquivos Telecom\Anulação Valores\17_10_2011\07_11_2011_ICMS Anulação de Valores_Consolidação_V3-Versao Divino.pptx\</t>
  </si>
  <si>
    <t>E:\BK_final\Vilarinho\Vilarinho - Trabalho\Algar Telecom\Anulação Valores\17_10_2011\07_11_2011_ICMS Anulação de Valores_Consolidação_V3-Versao Divino.pptx</t>
  </si>
  <si>
    <t>11/19/2019 13:31:58</t>
  </si>
  <si>
    <t>C:\Vila\Empresas Anterior\Arquivos Telecom\Anulação Valores\17_10_2011\07_11_2011_ICMS Anulação de Valores_Consolidação_V3.pptx\</t>
  </si>
  <si>
    <t>E:\BK_final\Vilarinho\Vilarinho - Trabalho\Algar Telecom\Anulação Valores\17_10_2011\07_11_2011_ICMS Anulação de Valores_Consolidação_V3.pptx</t>
  </si>
  <si>
    <t>11/19/2019 13:31:59</t>
  </si>
  <si>
    <t>C:\Vila\Empresas Anterior\Arquivos Telecom\Anulação Valores\17_10_2011\</t>
  </si>
  <si>
    <t>17_10_2011_Planilhas Suporte (Anulação de valores).xlsx</t>
  </si>
  <si>
    <t>E:\BK_final\Vilarinho\Vilarinho - Trabalho\Algar Telecom\Anulação Valores\17_10_2011\17_10_2011_Planilhas Suporte (Anulação de valores).xlsx</t>
  </si>
  <si>
    <t>11/19/2019 13:32:00</t>
  </si>
  <si>
    <t>Anulaçao de Valores_Telecom_2011.xls</t>
  </si>
  <si>
    <t>E:\BK_final\Vilarinho\Vilarinho - Trabalho\Algar Telecom\Anulação Valores\17_10_2011\Anulaçao de Valores_Telecom_2011.xls</t>
  </si>
  <si>
    <t>11/19/2019 13:32:01</t>
  </si>
  <si>
    <t>Anulação Valores 2006 a 2011.xlsx</t>
  </si>
  <si>
    <t>E:\BK_final\Vilarinho\Vilarinho - Trabalho\Algar Telecom\Anulação Valores\17_10_2011\Anulação Valores 2006 a 2011.xlsx</t>
  </si>
  <si>
    <t>11/19/2019 13:32:02</t>
  </si>
  <si>
    <t>Anulação Valores 2006 a 2011original.xlsx</t>
  </si>
  <si>
    <t>E:\BK_final\Vilarinho\Vilarinho - Trabalho\Algar Telecom\Anulação Valores\17_10_2011\Anulação Valores 2006 a 2011original.xlsx</t>
  </si>
  <si>
    <t>NF Faltantes GEDOC.xlsx</t>
  </si>
  <si>
    <t>E:\BK_final\Vilarinho\Vilarinho - Trabalho\Algar Telecom\Anulação Valores\17_10_2011\NF Faltantes GEDOC.xlsx</t>
  </si>
  <si>
    <t>NF Faltantes MM.xlsx</t>
  </si>
  <si>
    <t>E:\BK_final\Vilarinho\Vilarinho - Trabalho\Algar Telecom\Anulação Valores\17_10_2011\NF Faltantes MM.xlsx</t>
  </si>
  <si>
    <t>Processos Faz. Estado de São Paulo.xlsx</t>
  </si>
  <si>
    <t>E:\BK_final\Vilarinho\Vilarinho - Trabalho\Algar Telecom\Anulação Valores\17_10_2011\Processos Faz. Estado de São Paulo.xlsx</t>
  </si>
  <si>
    <t>Simulador Anulação de Valores.xlsx</t>
  </si>
  <si>
    <t>E:\BK_final\Vilarinho\Vilarinho - Trabalho\Algar Telecom\Anulação Valores\17_10_2011\Simulador Anulação de Valores.xlsx</t>
  </si>
  <si>
    <t>11/19/2019 13:32:13</t>
  </si>
  <si>
    <t>C:\Vila\Empresas Anterior\Arquivos Telecom\Avaliações Perfomance 2009\</t>
  </si>
  <si>
    <t>Mapa Associados - CCA.xls</t>
  </si>
  <si>
    <t>E:\BK_final\Vilarinho\Vilarinho - Trabalho\Algar Telecom\Avaliações Perfomance 2009\Mapa Associados - CCA.xls</t>
  </si>
  <si>
    <t>mapa ativos.xlsx</t>
  </si>
  <si>
    <t>E:\BK_final\Vilarinho\Vilarinho - Trabalho\Algar Telecom\Avaliações Perfomance 2009\mapa ativos.xlsx</t>
  </si>
  <si>
    <t>11/19/2019 13:32:14</t>
  </si>
  <si>
    <t>C:\Vila\Empresas Anterior\Arquivos Telecom\BK_K_CCA_Vila_27.11.14\20130325 - Apresentação REDIR Telecom 25mar2013.pptx\</t>
  </si>
  <si>
    <t>E:\BK_final\Vilarinho\Vilarinho - Trabalho\Algar Telecom\BK_K_CCA_Vila_27.11.14\20130325 - Apresentação REDIR Telecom 25mar2013.pptx</t>
  </si>
  <si>
    <t>C:\Vila\Empresas Anterior\Arquivos Telecom\BK_K_CCA_Vila_27.11.14\</t>
  </si>
  <si>
    <t>Analise capitalização pessoal - 2012.xlsx</t>
  </si>
  <si>
    <t>E:\BK_final\Vilarinho\Vilarinho - Trabalho\Algar Telecom\BK_K_CCA_Vila_27.11.14\Analise capitalização pessoal - 2012.xlsx</t>
  </si>
  <si>
    <t>Analise Integrações Financeiras Converse One.xls</t>
  </si>
  <si>
    <t>E:\BK_final\Vilarinho\Vilarinho - Trabalho\Algar Telecom\BK_K_CCA_Vila_27.11.14\Analise Integrações Financeiras Converse One.xls</t>
  </si>
  <si>
    <t>Controle Acompanhamento CAPEX Projeto Avançar.xlsx</t>
  </si>
  <si>
    <t>E:\BK_final\Vilarinho\Vilarinho - Trabalho\Algar Telecom\BK_K_CCA_Vila_27.11.14\Controle Acompanhamento CAPEX Projeto Avançar.xlsx</t>
  </si>
  <si>
    <t>Controle KM Rodados Veiculo.xlsx</t>
  </si>
  <si>
    <t>E:\BK_final\Vilarinho\Vilarinho - Trabalho\Algar Telecom\BK_K_CCA_Vila_27.11.14\Controle KM Rodados Veiculo.xlsx</t>
  </si>
  <si>
    <t>Controle KM Rodados Veiculo-v2.xlsx</t>
  </si>
  <si>
    <t>E:\BK_final\Vilarinho\Vilarinho - Trabalho\Algar Telecom\BK_K_CCA_Vila_27.11.14\Controle KM Rodados Veiculo-v2.xlsx</t>
  </si>
  <si>
    <t>Cópia de Anexo I - Reembolso de Utilização de Veículos Particulares à Serviço.xls</t>
  </si>
  <si>
    <t>E:\BK_final\Vilarinho\Vilarinho - Trabalho\Algar Telecom\BK_K_CCA_Vila_27.11.14\Cópia de Anexo I - Reembolso de Utilização de Veículos Particulares à Serviço.xls</t>
  </si>
  <si>
    <t>TO DO Férias - Esdras.xlsx</t>
  </si>
  <si>
    <t>E:\BK_final\Vilarinho\Vilarinho - Trabalho\Algar Telecom\BK_K_CCA_Vila_27.11.14\TO DO Férias - Esdras.xlsx</t>
  </si>
  <si>
    <t>11/19/2019 13:32:15</t>
  </si>
  <si>
    <t>C:\Vila\Empresas Anterior\Arquivos Telecom\BK_K_CCA_Vila_27.11.14\Acompanhamento Resultados\</t>
  </si>
  <si>
    <t>Calculo PPR 2012_Final-Com Grupamento.xlsx</t>
  </si>
  <si>
    <t>E:\BK_final\Vilarinho\Vilarinho - Trabalho\Algar Telecom\BK_K_CCA_Vila_27.11.14\Acompanhamento Resultados\Calculo PPR 2012_Final-Com Grupamento.xlsx</t>
  </si>
  <si>
    <t>C:\Vila\Empresas Anterior\Arquivos Telecom\BK_K_CCA_Vila_27.11.14\Acompanhamento Resultados\2009\</t>
  </si>
  <si>
    <t>Fechamento Dez-09 e Ano 2009.xls</t>
  </si>
  <si>
    <t>E:\BK_final\Vilarinho\Vilarinho - Trabalho\Algar Telecom\BK_K_CCA_Vila_27.11.14\Acompanhamento Resultados\2009\Fechamento Dez-09 e Ano 2009.xls</t>
  </si>
  <si>
    <t>Fechamento nov-09.xls</t>
  </si>
  <si>
    <t>E:\BK_final\Vilarinho\Vilarinho - Trabalho\Algar Telecom\BK_K_CCA_Vila_27.11.14\Acompanhamento Resultados\2009\Fechamento nov-09.xls</t>
  </si>
  <si>
    <t>Fechamento out-09.xls</t>
  </si>
  <si>
    <t>E:\BK_final\Vilarinho\Vilarinho - Trabalho\Algar Telecom\BK_K_CCA_Vila_27.11.14\Acompanhamento Resultados\2009\Fechamento out-09.xls</t>
  </si>
  <si>
    <t>11/19/2019 13:32:16</t>
  </si>
  <si>
    <t>C:\Vila\Empresas Anterior\Arquivos Telecom\BK_K_CCA_Vila_27.11.14\Acompanhamento Resultados\2009\fev-09\Gestão Negócios Concessão 23-03.pptx\</t>
  </si>
  <si>
    <t>Gr_fico_do_Microsoft_Office_Excel1.xls</t>
  </si>
  <si>
    <t>E:\BK_final\Vilarinho\Vilarinho - Trabalho\Algar Telecom\BK_K_CCA_Vila_27.11.14\Acompanhamento Resultados\2009\fev-09\Gestão Negócios Concessão 23-03.pptx</t>
  </si>
  <si>
    <t>Gr_fico_do_Microsoft_Office_Excel2.xls</t>
  </si>
  <si>
    <t>Gr_fico_do_Microsoft_Office_Excel3.xls</t>
  </si>
  <si>
    <t>Gr_fico_do_Microsoft_Office_Excel4.xls</t>
  </si>
  <si>
    <t>11/19/2019 13:32:17</t>
  </si>
  <si>
    <t>C:\Vila\Empresas Anterior\Arquivos Telecom\BK_K_CCA_Vila_27.11.14\Acompanhamento Resultados\2009\fev-09\Gestão Negócios Expansão 23-03.pptx\</t>
  </si>
  <si>
    <t>E:\BK_final\Vilarinho\Vilarinho - Trabalho\Algar Telecom\BK_K_CCA_Vila_27.11.14\Acompanhamento Resultados\2009\fev-09\Gestão Negócios Expansão 23-03.pptx</t>
  </si>
  <si>
    <t>11/19/2019 13:32:18</t>
  </si>
  <si>
    <t>C:\Vila\Empresas Anterior\Arquivos Telecom\BK_K_CCA_Vila_27.11.14\Acompanhamento Resultados\2009\fev-09\PDD_Gestao de Negocios 230309_atual.ppt\s4\</t>
  </si>
  <si>
    <t>Gráfico do Microsoft Office Excel.dat</t>
  </si>
  <si>
    <t>E:\BK_final\Vilarinho\Vilarinho - Trabalho\Algar Telecom\BK_K_CCA_Vila_27.11.14\Acompanhamento Resultados\2009\fev-09\PDD_Gestao de Negocios 230309_atual.ppt</t>
  </si>
  <si>
    <t>Gráfico do Microsoft Office Excel1.dat</t>
  </si>
  <si>
    <t>Gráfico do Microsoft Office Excel10.dat</t>
  </si>
  <si>
    <t>Gráfico do Microsoft Office Excel2.dat</t>
  </si>
  <si>
    <t>Gráfico do Microsoft Office Excel3.dat</t>
  </si>
  <si>
    <t>Gráfico do Microsoft Office Excel4.dat</t>
  </si>
  <si>
    <t>Gráfico do Microsoft Office Excel5.dat</t>
  </si>
  <si>
    <t>11/19/2019 13:32:20</t>
  </si>
  <si>
    <t>Gráfico do Microsoft Office Excel6.dat</t>
  </si>
  <si>
    <t>Gráfico do Microsoft Office Excel7.dat</t>
  </si>
  <si>
    <t>Gráfico do Microsoft Office Excel8.dat</t>
  </si>
  <si>
    <t>Gráfico do Microsoft Office Excel9.dat</t>
  </si>
  <si>
    <t>11/19/2019 13:32:23</t>
  </si>
  <si>
    <t>C:\Vila\Empresas Anterior\Arquivos Telecom\BK_K_CCA_Vila_27.11.14\Acompanhamento Resultados\2009\fev-09\Reunião Gestão Negócios Celular Fevereiro 2009 atualizada.ppt\s4\</t>
  </si>
  <si>
    <t>E:\BK_final\Vilarinho\Vilarinho - Trabalho\Algar Telecom\BK_K_CCA_Vila_27.11.14\Acompanhamento Resultados\2009\fev-09\Reunião Gestão Negócios Celular Fevereiro 2009 atualizada.ppt</t>
  </si>
  <si>
    <t>11/19/2019 13:32:25</t>
  </si>
  <si>
    <t>C:\Vila\Empresas Anterior\Arquivos Telecom\BK_K_CCA_Vila_27.11.14\Acompanhamento Resultados\2009\jan-09\Acompanhamento Receita TELECOM e MULTIMIDIA - Reunião de Negócios 26-Fev-09.pps\s4\</t>
  </si>
  <si>
    <t>Planilha do Microsoft Office Excel.xlsx</t>
  </si>
  <si>
    <t>E:\BK_final\Vilarinho\Vilarinho - Trabalho\Algar Telecom\BK_K_CCA_Vila_27.11.14\Acompanhamento Resultados\2009\jan-09\Acompanhamento Receita TELECOM e MULTIMIDIA - Reunião de Negócios 26-Fev-09.pps</t>
  </si>
  <si>
    <t>Planilha do Microsoft Office Excel1.xlsx</t>
  </si>
  <si>
    <t>11/19/2019 13:32:29</t>
  </si>
  <si>
    <t>C:\Vila\Empresas Anterior\Arquivos Telecom\BK_K_CCA_Vila_27.11.14\Acompanhamento Resultados\2009\jan-09\Reunião de Negócios - Fev-09.ppt\s4\</t>
  </si>
  <si>
    <t>E:\BK_final\Vilarinho\Vilarinho - Trabalho\Algar Telecom\BK_K_CCA_Vila_27.11.14\Acompanhamento Resultados\2009\jan-09\Reunião de Negócios - Fev-09.ppt</t>
  </si>
  <si>
    <t>11/19/2019 13:32:34</t>
  </si>
  <si>
    <t>C:\Vila\Empresas Anterior\Arquivos Telecom\BK_K_CCA_Vila_27.11.14\Acompanhamento Resultados\2010\Resultados Fevereiro 2010.pptx\</t>
  </si>
  <si>
    <t>Planilha_do_Microsoft_Office_Excel_97-20031.xls</t>
  </si>
  <si>
    <t>E:\BK_final\Vilarinho\Vilarinho - Trabalho\Algar Telecom\BK_K_CCA_Vila_27.11.14\Acompanhamento Resultados\2010\Resultados Fevereiro 2010.pptx</t>
  </si>
  <si>
    <t>11/19/2019 13:32:35</t>
  </si>
  <si>
    <t>Planilha_do_Microsoft_Office_Excel_97-200310.xls</t>
  </si>
  <si>
    <t>11/19/2019 13:32:36</t>
  </si>
  <si>
    <t>Planilha_do_Microsoft_Office_Excel_97-200311.xls</t>
  </si>
  <si>
    <t>Planilha_do_Microsoft_Office_Excel_97-200312.xls</t>
  </si>
  <si>
    <t>Planilha_do_Microsoft_Office_Excel_97-200313.xls</t>
  </si>
  <si>
    <t>Planilha_do_Microsoft_Office_Excel_97-200314.xls</t>
  </si>
  <si>
    <t>Planilha_do_Microsoft_Office_Excel_97-200315.xls</t>
  </si>
  <si>
    <t>Planilha_do_Microsoft_Office_Excel_97-200316.xls</t>
  </si>
  <si>
    <t>Planilha_do_Microsoft_Office_Excel_97-200317.xls</t>
  </si>
  <si>
    <t>Planilha_do_Microsoft_Office_Excel_97-200318.xls</t>
  </si>
  <si>
    <t>Planilha_do_Microsoft_Office_Excel_97-200319.xls</t>
  </si>
  <si>
    <t>Planilha_do_Microsoft_Office_Excel_97-20032.xls</t>
  </si>
  <si>
    <t>Planilha_do_Microsoft_Office_Excel_97-200320.xls</t>
  </si>
  <si>
    <t>Planilha_do_Microsoft_Office_Excel_97-200321.xls</t>
  </si>
  <si>
    <t>Planilha_do_Microsoft_Office_Excel_97-200322.xls</t>
  </si>
  <si>
    <t>Planilha_do_Microsoft_Office_Excel_97-20033.xls</t>
  </si>
  <si>
    <t>Planilha_do_Microsoft_Office_Excel_97-20034.xls</t>
  </si>
  <si>
    <t>Planilha_do_Microsoft_Office_Excel_97-20035.xls</t>
  </si>
  <si>
    <t>Planilha_do_Microsoft_Office_Excel_97-20036.xls</t>
  </si>
  <si>
    <t>Planilha_do_Microsoft_Office_Excel_97-20037.xls</t>
  </si>
  <si>
    <t>Planilha_do_Microsoft_Office_Excel_97-20038.xls</t>
  </si>
  <si>
    <t>Planilha_do_Microsoft_Office_Excel_97-20039.xls</t>
  </si>
  <si>
    <t>11/19/2019 13:32:44</t>
  </si>
  <si>
    <t>C:\Vila\Empresas Anterior\Arquivos Telecom\BK_K_CCA_Vila_27.11.14\Acompanhamento Resultados\2010\Resultados Janeiro 2010.pptx\</t>
  </si>
  <si>
    <t>E:\BK_final\Vilarinho\Vilarinho - Trabalho\Algar Telecom\BK_K_CCA_Vila_27.11.14\Acompanhamento Resultados\2010\Resultados Janeiro 2010.pptx</t>
  </si>
  <si>
    <t>11/19/2019 13:32:45</t>
  </si>
  <si>
    <t>C:\Vila\Empresas Anterior\Arquivos Telecom\BK_K_CCA_Vila_27.11.14\Analise de Resultados\2008\</t>
  </si>
  <si>
    <t>calculoalusa.xls</t>
  </si>
  <si>
    <t>E:\BK_final\Vilarinho\Vilarinho - Trabalho\Algar Telecom\BK_K_CCA_Vila_27.11.14\Analise de Resultados\2008\calculoalusa.xls</t>
  </si>
  <si>
    <t>Contingencia IOF s Processo.xls</t>
  </si>
  <si>
    <t>E:\BK_final\Vilarinho\Vilarinho - Trabalho\Algar Telecom\BK_K_CCA_Vila_27.11.14\Analise de Resultados\2008\Contingencia IOF s Processo.xls</t>
  </si>
  <si>
    <t>controle ajustes divida anatel.xlsx</t>
  </si>
  <si>
    <t>E:\BK_final\Vilarinho\Vilarinho - Trabalho\Algar Telecom\BK_K_CCA_Vila_27.11.14\Analise de Resultados\2008\controle ajustes divida anatel.xlsx</t>
  </si>
  <si>
    <t>Proteções_Nov08.xlsx</t>
  </si>
  <si>
    <t>E:\BK_final\Vilarinho\Vilarinho - Trabalho\Algar Telecom\BK_K_CCA_Vila_27.11.14\Analise de Resultados\2008\Proteções_Nov08.xlsx</t>
  </si>
  <si>
    <t>11/19/2019 13:32:48</t>
  </si>
  <si>
    <t>C:\Vila\Empresas Anterior\Arquivos Telecom\BK_K_CCA_Vila_27.11.14\Analise de Resultados\2008\Fechamento Dezembro - 2008 - Diretoria\</t>
  </si>
  <si>
    <t>Covenants 100% - com real até DEZ-09 - Apresentação.xls</t>
  </si>
  <si>
    <t>E:\BK_final\Vilarinho\Vilarinho - Trabalho\Algar Telecom\BK_K_CCA_Vila_27.11.14\Analise de Resultados\2008\Fechamento Dezembro - 2008 - Diretoria\Covenants 100% - com real até DEZ-09 - Apresentação.xls</t>
  </si>
  <si>
    <t>11/19/2019 13:32:51</t>
  </si>
  <si>
    <t>Covenants 100% - com real até DEZ-09.xls</t>
  </si>
  <si>
    <t>E:\BK_final\Vilarinho\Vilarinho - Trabalho\Algar Telecom\BK_K_CCA_Vila_27.11.14\Analise de Resultados\2008\Fechamento Dezembro - 2008 - Diretoria\Covenants 100% - com real até DEZ-09.xls</t>
  </si>
  <si>
    <t>11/19/2019 13:32:53</t>
  </si>
  <si>
    <t>Cópia de Mascara apresentação fechamento - VILARINHO.xls</t>
  </si>
  <si>
    <t>E:\BK_final\Vilarinho\Vilarinho - Trabalho\Algar Telecom\BK_K_CCA_Vila_27.11.14\Analise de Resultados\2008\Fechamento Dezembro - 2008 - Diretoria\Cópia de Mascara apresentação fechamento - VILARINHO.xls</t>
  </si>
  <si>
    <t>11/19/2019 13:32:54</t>
  </si>
  <si>
    <t>Mascara apresentação fechamento - previa1 com ajuste sem devativos.xls</t>
  </si>
  <si>
    <t>E:\BK_final\Vilarinho\Vilarinho - Trabalho\Algar Telecom\BK_K_CCA_Vila_27.11.14\Analise de Resultados\2008\Fechamento Dezembro - 2008 - Diretoria\Mascara apresentação fechamento - previa1 com ajuste sem devativos.xls</t>
  </si>
  <si>
    <t>11/19/2019 13:32:56</t>
  </si>
  <si>
    <t>Mascara apresentação fechamento - previa2 sem ajustes.xls</t>
  </si>
  <si>
    <t>E:\BK_final\Vilarinho\Vilarinho - Trabalho\Algar Telecom\BK_K_CCA_Vila_27.11.14\Analise de Resultados\2008\Fechamento Dezembro - 2008 - Diretoria\Mascara apresentação fechamento - previa2 sem ajustes.xls</t>
  </si>
  <si>
    <t>Mascara apresentação fechamento-rest.xls</t>
  </si>
  <si>
    <t>E:\BK_final\Vilarinho\Vilarinho - Trabalho\Algar Telecom\BK_K_CCA_Vila_27.11.14\Analise de Resultados\2008\Fechamento Dezembro - 2008 - Diretoria\Mascara apresentação fechamento-rest.xls</t>
  </si>
  <si>
    <t>11/19/2019 13:32:59</t>
  </si>
  <si>
    <t>Mascara apresentação fechamento.xls</t>
  </si>
  <si>
    <t>E:\BK_final\Vilarinho\Vilarinho - Trabalho\Algar Telecom\BK_K_CCA_Vila_27.11.14\Analise de Resultados\2008\Fechamento Dezembro - 2008 - Diretoria\Mascara apresentação fechamento.xls</t>
  </si>
  <si>
    <t>11/19/2019 13:33:02</t>
  </si>
  <si>
    <t>Mascara apresentação fechamento_previa6.xls</t>
  </si>
  <si>
    <t>E:\BK_final\Vilarinho\Vilarinho - Trabalho\Algar Telecom\BK_K_CCA_Vila_27.11.14\Analise de Resultados\2008\Fechamento Dezembro - 2008 - Diretoria\Mascara apresentação fechamento_previa6.xls</t>
  </si>
  <si>
    <t>11/19/2019 13:33:03</t>
  </si>
  <si>
    <t>Mascara previa2 sem ajustes.xls</t>
  </si>
  <si>
    <t>E:\BK_final\Vilarinho\Vilarinho - Trabalho\Algar Telecom\BK_K_CCA_Vila_27.11.14\Analise de Resultados\2008\Fechamento Dezembro - 2008 - Diretoria\Mascara previa2 sem ajustes.xls</t>
  </si>
  <si>
    <t>11/19/2019 13:33:05</t>
  </si>
  <si>
    <t>Variacoes.xlsx</t>
  </si>
  <si>
    <t>E:\BK_final\Vilarinho\Vilarinho - Trabalho\Algar Telecom\BK_K_CCA_Vila_27.11.14\Analise de Resultados\2008\Fechamento Dezembro - 2008 - Diretoria\Variacoes.xlsx</t>
  </si>
  <si>
    <t>C:\Vila\Empresas Anterior\Arquivos Telecom\BK_K_CCA_Vila_27.11.14\Analise de Resultados\2008\Fechamento Dezembro - 2008 - Diretoria\Diretoria - Analise PPR\</t>
  </si>
  <si>
    <t>2008 Ajustado.xls</t>
  </si>
  <si>
    <t>E:\BK_final\Vilarinho\Vilarinho - Trabalho\Algar Telecom\BK_K_CCA_Vila_27.11.14\Analise de Resultados\2008\Fechamento Dezembro - 2008 - Diretoria\Diretoria - Analise PPR\2008 Ajustado.xls</t>
  </si>
  <si>
    <t>11/19/2019 13:33:06</t>
  </si>
  <si>
    <t>E:\BK_final\Vilarinho\Vilarinho - Trabalho\Algar Telecom\BK_K_CCA_Vila_27.11.14\Analise de Resultados\2008\Fechamento Dezembro - 2008 - Diretoria\Diretoria - Analise PPR\Covenants 100% - com real até DEZ-09.xls</t>
  </si>
  <si>
    <t>11/19/2019 13:33:07</t>
  </si>
  <si>
    <t>Cópia de Endividamento 2008.xlsx</t>
  </si>
  <si>
    <t>E:\BK_final\Vilarinho\Vilarinho - Trabalho\Algar Telecom\BK_K_CCA_Vila_27.11.14\Analise de Resultados\2008\Fechamento Dezembro - 2008 - Diretoria\Diretoria - Analise PPR\Cópia de Endividamento 2008.xlsx</t>
  </si>
  <si>
    <t>Endividamento 2008 - Luciana.xls</t>
  </si>
  <si>
    <t>E:\BK_final\Vilarinho\Vilarinho - Trabalho\Algar Telecom\BK_K_CCA_Vila_27.11.14\Analise de Resultados\2008\Fechamento Dezembro - 2008 - Diretoria\Diretoria - Analise PPR\Endividamento 2008 - Luciana.xls</t>
  </si>
  <si>
    <t>Memória Cálculo resultados 2008 CTBC premiação.xls</t>
  </si>
  <si>
    <t>E:\BK_final\Vilarinho\Vilarinho - Trabalho\Algar Telecom\BK_K_CCA_Vila_27.11.14\Analise de Resultados\2008\Fechamento Dezembro - 2008 - Diretoria\Diretoria - Analise PPR\Memória Cálculo resultados 2008 CTBC premiação.xls</t>
  </si>
  <si>
    <t>C:\Vila\Empresas Anterior\Arquivos Telecom\BK_K_CCA_Vila_27.11.14\Analise de Resultados\2009\</t>
  </si>
  <si>
    <t>Proteções_2009.xlsx</t>
  </si>
  <si>
    <t>E:\BK_final\Vilarinho\Vilarinho - Trabalho\Algar Telecom\BK_K_CCA_Vila_27.11.14\Analise de Resultados\2009\Proteções_2009.xlsx</t>
  </si>
  <si>
    <t>C:\Vila\Empresas Anterior\Arquivos Telecom\BK_K_CCA_Vila_27.11.14\Analise de Resultados\2009\Outros\</t>
  </si>
  <si>
    <t>Contingências INSS AV PRÉVIO E ISS FIBRA APAGADA.xls</t>
  </si>
  <si>
    <t>E:\BK_final\Vilarinho\Vilarinho - Trabalho\Algar Telecom\BK_K_CCA_Vila_27.11.14\Analise de Resultados\2009\Outros\Contingências INSS AV PRÉVIO E ISS FIBRA APAGADA.xls</t>
  </si>
  <si>
    <t>C:\Vila\Empresas Anterior\Arquivos Telecom\BK_K_CCA_Vila_27.11.14\Analise de Resultados\2009\Outros\Decadencia IOF\</t>
  </si>
  <si>
    <t>Decadencia IOF s Mutuo Multimidia.xls</t>
  </si>
  <si>
    <t>E:\BK_final\Vilarinho\Vilarinho - Trabalho\Algar Telecom\BK_K_CCA_Vila_27.11.14\Analise de Resultados\2009\Outros\Decadencia IOF\Decadencia IOF s Mutuo Multimidia.xls</t>
  </si>
  <si>
    <t>C:\Vila\Empresas Anterior\Arquivos Telecom\BK_K_CCA_Vila_27.11.14\Analise de Resultados\2009\Outros\PAES\</t>
  </si>
  <si>
    <t>Revisão PAES mar2009.xls</t>
  </si>
  <si>
    <t>E:\BK_final\Vilarinho\Vilarinho - Trabalho\Algar Telecom\BK_K_CCA_Vila_27.11.14\Analise de Resultados\2009\Outros\PAES\Revisão PAES mar2009.xls</t>
  </si>
  <si>
    <t>C:\Vila\Empresas Anterior\Arquivos Telecom\BK_K_CCA_Vila_27.11.14\Analise de Resultados\2009\Outros\Premio e RV Telecom\</t>
  </si>
  <si>
    <t>Acumulado Premio Remav-Telecom 2008.xls</t>
  </si>
  <si>
    <t>E:\BK_final\Vilarinho\Vilarinho - Trabalho\Algar Telecom\BK_K_CCA_Vila_27.11.14\Analise de Resultados\2009\Outros\Premio e RV Telecom\Acumulado Premio Remav-Telecom 2008.xls</t>
  </si>
  <si>
    <t>C:\Vila\Empresas Anterior\Arquivos Telecom\BK_K_CCA_Vila_27.11.14\Analise de Resultados\2009\Outros\Venda Imovel do CA Celular x Telecom\</t>
  </si>
  <si>
    <t>Valor Contábil Imovel do CA - Celular.xlsx</t>
  </si>
  <si>
    <t>E:\BK_final\Vilarinho\Vilarinho - Trabalho\Algar Telecom\BK_K_CCA_Vila_27.11.14\Analise de Resultados\2009\Outros\Venda Imovel do CA Celular x Telecom\Valor Contábil Imovel do CA - Celular.xlsx</t>
  </si>
  <si>
    <t>11/19/2019 13:33:08</t>
  </si>
  <si>
    <t>C:\Vila\Empresas Anterior\Arquivos Telecom\BK_K_CCA_Vila_27.11.14\Analise de Resultados\2009\Planejamento 1 Trimestre - 09\</t>
  </si>
  <si>
    <t>Planejamento Resultados Fechamento Primeiro Trimestre-09.xls</t>
  </si>
  <si>
    <t>E:\BK_final\Vilarinho\Vilarinho - Trabalho\Algar Telecom\BK_K_CCA_Vila_27.11.14\Analise de Resultados\2009\Planejamento 1 Trimestre - 09\Planejamento Resultados Fechamento Primeiro Trimestre-09.xls</t>
  </si>
  <si>
    <t>C:\Vila\Empresas Anterior\Arquivos Telecom\BK_K_CCA_Vila_27.11.14\Analise de Resultados\2009\Planejamento 2 Trimestre- 09\</t>
  </si>
  <si>
    <t>Abertura das contingências já contabilizadas.xls</t>
  </si>
  <si>
    <t>E:\BK_final\Vilarinho\Vilarinho - Trabalho\Algar Telecom\BK_K_CCA_Vila_27.11.14\Analise de Resultados\2009\Planejamento 2 Trimestre- 09\Abertura das contingências já contabilizadas.xls</t>
  </si>
  <si>
    <t>Contingência IOF sem processo - mai2009.xls</t>
  </si>
  <si>
    <t>E:\BK_final\Vilarinho\Vilarinho - Trabalho\Algar Telecom\BK_K_CCA_Vila_27.11.14\Analise de Resultados\2009\Planejamento 2 Trimestre- 09\Contingência IOF sem processo - mai2009.xls</t>
  </si>
  <si>
    <t>Covenants - Junho-2009 - Consolidado Telecom.xls</t>
  </si>
  <si>
    <t>E:\BK_final\Vilarinho\Vilarinho - Trabalho\Algar Telecom\BK_K_CCA_Vila_27.11.14\Analise de Resultados\2009\Planejamento 2 Trimestre- 09\Covenants - Junho-2009 - Consolidado Telecom.xls</t>
  </si>
  <si>
    <t>Cálculo da redução em jun_09.xlsx</t>
  </si>
  <si>
    <t>E:\BK_final\Vilarinho\Vilarinho - Trabalho\Algar Telecom\BK_K_CCA_Vila_27.11.14\Analise de Resultados\2009\Planejamento 2 Trimestre- 09\Cálculo da redução em jun_09.xlsx</t>
  </si>
  <si>
    <t>Débitos PAES.xlsx</t>
  </si>
  <si>
    <t>E:\BK_final\Vilarinho\Vilarinho - Trabalho\Algar Telecom\BK_K_CCA_Vila_27.11.14\Analise de Resultados\2009\Planejamento 2 Trimestre- 09\Débitos PAES.xlsx</t>
  </si>
  <si>
    <t>IR-CS DIFERIDOS ADIÇÕES TEMPORÁRIAS ABRIL-JUNHO-09.xlsx</t>
  </si>
  <si>
    <t>E:\BK_final\Vilarinho\Vilarinho - Trabalho\Algar Telecom\BK_K_CCA_Vila_27.11.14\Analise de Resultados\2009\Planejamento 2 Trimestre- 09\IR-CS DIFERIDOS ADIÇÕES TEMPORÁRIAS ABRIL-JUNHO-09.xlsx</t>
  </si>
  <si>
    <t>11/19/2019 13:33:09</t>
  </si>
  <si>
    <t>IR-CS DIFERIDOS CONTINGÊNCIAS-TORRES ABRIL-JUNHO-09-ALGAR.xlsx</t>
  </si>
  <si>
    <t>E:\BK_final\Vilarinho\Vilarinho - Trabalho\Algar Telecom\BK_K_CCA_Vila_27.11.14\Analise de Resultados\2009\Planejamento 2 Trimestre- 09\IR-CS DIFERIDOS CONTINGÊNCIAS-TORRES ABRIL-JUNHO-09-ALGAR.xlsx</t>
  </si>
  <si>
    <t>Lucro Real Algar S.A - mai2009</t>
  </si>
  <si>
    <t>E:\BK_final\Vilarinho\Vilarinho - Trabalho\Algar Telecom\BK_K_CCA_Vila_27.11.14\Analise de Resultados\2009\Planejamento 2 Trimestre- 09\Lucro Real Algar S.A - mai2009</t>
  </si>
  <si>
    <t>C:\Vila\Empresas Anterior\Arquivos Telecom\BK_K_CCA_Vila_27.11.14\Analise de Resultados\2009\Planejamento 2 Trimestre- 09\Planejamento Resultado CTBC 01jul09.ppt\s4\</t>
  </si>
  <si>
    <t>Planilha do Microsoft Excel.xls</t>
  </si>
  <si>
    <t>E:\BK_final\Vilarinho\Vilarinho - Trabalho\Algar Telecom\BK_K_CCA_Vila_27.11.14\Analise de Resultados\2009\Planejamento 2 Trimestre- 09\Planejamento Resultado CTBC 01jul09.ppt</t>
  </si>
  <si>
    <t>11/19/2019 13:33:12</t>
  </si>
  <si>
    <t>C:\Vila\Empresas Anterior\Arquivos Telecom\BK_K_CCA_Vila_27.11.14\Analise de Resultados\2009\Planejamento 2 Trimestre- 09\Planejamento Resultado CTBC 09-07-2009.ppt\s4\</t>
  </si>
  <si>
    <t>E:\BK_final\Vilarinho\Vilarinho - Trabalho\Algar Telecom\BK_K_CCA_Vila_27.11.14\Analise de Resultados\2009\Planejamento 2 Trimestre- 09\Planejamento Resultado CTBC 09-07-2009.ppt</t>
  </si>
  <si>
    <t>Planilha do Microsoft Excel1.xls</t>
  </si>
  <si>
    <t>11/19/2019 13:33:13</t>
  </si>
  <si>
    <t>C:\Vila\Empresas Anterior\Arquivos Telecom\BK_K_CCA_Vila_27.11.14\Analise de Resultados\2009\Planejamento 2 Trimestre- 09\Planejamento Resultado CTBC 26-06.ppt\s4\</t>
  </si>
  <si>
    <t>E:\BK_final\Vilarinho\Vilarinho - Trabalho\Algar Telecom\BK_K_CCA_Vila_27.11.14\Analise de Resultados\2009\Planejamento 2 Trimestre- 09\Planejamento Resultado CTBC 26-06.ppt</t>
  </si>
  <si>
    <t>C:\Vila\Empresas Anterior\Arquivos Telecom\BK_K_CCA_Vila_27.11.14\Analise de Resultados\2009\Planejamento 2 Trimestre- 09\Planejamento Resultado CTBC 30-06.ppt\s4\</t>
  </si>
  <si>
    <t>E:\BK_final\Vilarinho\Vilarinho - Trabalho\Algar Telecom\BK_K_CCA_Vila_27.11.14\Analise de Resultados\2009\Planejamento 2 Trimestre- 09\Planejamento Resultado CTBC 30-06.ppt</t>
  </si>
  <si>
    <t>11/19/2019 13:33:14</t>
  </si>
  <si>
    <t>Resumo Proteções Jun-09.xls</t>
  </si>
  <si>
    <t>E:\BK_final\Vilarinho\Vilarinho - Trabalho\Algar Telecom\BK_K_CCA_Vila_27.11.14\Analise de Resultados\2009\Planejamento 2 Trimestre- 09\Resumo Proteções Jun-09.xls</t>
  </si>
  <si>
    <t>Valores - Abono por Resultado de Vendas EBIT.xls</t>
  </si>
  <si>
    <t>E:\BK_final\Vilarinho\Vilarinho - Trabalho\Algar Telecom\BK_K_CCA_Vila_27.11.14\Analise de Resultados\2009\Planejamento 2 Trimestre- 09\Valores - Abono por Resultado de Vendas EBIT.xls</t>
  </si>
  <si>
    <t>C:\Vila\Empresas Anterior\Arquivos Telecom\BK_K_CCA_Vila_27.11.14\Analise de Resultados\2009\Planejamento 3 Trimestre - 09\</t>
  </si>
  <si>
    <t>Análise 3T 2009 e Ano - Real até Set-09.xls</t>
  </si>
  <si>
    <t>E:\BK_final\Vilarinho\Vilarinho - Trabalho\Algar Telecom\BK_K_CCA_Vila_27.11.14\Analise de Resultados\2009\Planejamento 3 Trimestre - 09\Análise 3T 2009 e Ano - Real até Set-09.xls</t>
  </si>
  <si>
    <t>Análise 3T 2009 e Ano.xls</t>
  </si>
  <si>
    <t>E:\BK_final\Vilarinho\Vilarinho - Trabalho\Algar Telecom\BK_K_CCA_Vila_27.11.14\Analise de Resultados\2009\Planejamento 3 Trimestre - 09\Análise 3T 2009 e Ano.xls</t>
  </si>
  <si>
    <t>11/19/2019 13:33:17</t>
  </si>
  <si>
    <t>C:\Vila\Empresas Anterior\Arquivos Telecom\BK_K_CCA_Vila_27.11.14\Analise de Resultados\2009\Planejamento 4 Trimestre - 09\</t>
  </si>
  <si>
    <t>Teoria Refis.xlsx</t>
  </si>
  <si>
    <t>E:\BK_final\Vilarinho\Vilarinho - Trabalho\Algar Telecom\BK_K_CCA_Vila_27.11.14\Analise de Resultados\2009\Planejamento 4 Trimestre - 09\Teoria Refis.xlsx</t>
  </si>
  <si>
    <t>11/19/2019 13:33:18</t>
  </si>
  <si>
    <t>C:\Vila\Empresas Anterior\Arquivos Telecom\BK_K_CCA_Vila_27.11.14\Analise de Resultados\2009\Planejamento 4 Trimestre - 09\Analise REFIS Multimidia\</t>
  </si>
  <si>
    <t>Razonetes Operação Contabil - Final.xls</t>
  </si>
  <si>
    <t>E:\BK_final\Vilarinho\Vilarinho - Trabalho\Algar Telecom\BK_K_CCA_Vila_27.11.14\Analise de Resultados\2009\Planejamento 4 Trimestre - 09\Analise REFIS Multimidia\Razonetes Operação Contabil - Final.xls</t>
  </si>
  <si>
    <t>Razonetes Operação Contabil.xls</t>
  </si>
  <si>
    <t>E:\BK_final\Vilarinho\Vilarinho - Trabalho\Algar Telecom\BK_K_CCA_Vila_27.11.14\Analise de Resultados\2009\Planejamento 4 Trimestre - 09\Analise REFIS Multimidia\Razonetes Operação Contabil.xls</t>
  </si>
  <si>
    <t>C:\Vila\Empresas Anterior\Arquivos Telecom\BK_K_CCA_Vila_27.11.14\Analise de Resultados\2009\Planejamento 4 Trimestre - 09\Controle Constituições 4t2009\</t>
  </si>
  <si>
    <t>Algar Tecnologia.xls</t>
  </si>
  <si>
    <t>E:\BK_final\Vilarinho\Vilarinho - Trabalho\Algar Telecom\BK_K_CCA_Vila_27.11.14\Analise de Resultados\2009\Planejamento 4 Trimestre - 09\Controle Constituições 4t2009\Algar Tecnologia.xls</t>
  </si>
  <si>
    <t>Planejamento Toutatis - Constituições-Revisão 1-19-11-09.xls</t>
  </si>
  <si>
    <t>E:\BK_final\Vilarinho\Vilarinho - Trabalho\Algar Telecom\BK_K_CCA_Vila_27.11.14\Analise de Resultados\2009\Planejamento 4 Trimestre - 09\Controle Constituições 4t2009\Planejamento Toutatis - Constituições-Revisão 1-19-11-09.xls</t>
  </si>
  <si>
    <t>Resumo Geral Constituições 4T09.xls</t>
  </si>
  <si>
    <t>E:\BK_final\Vilarinho\Vilarinho - Trabalho\Algar Telecom\BK_K_CCA_Vila_27.11.14\Analise de Resultados\2009\Planejamento 4 Trimestre - 09\Controle Constituições 4t2009\Resumo Geral Constituições 4T09.xls</t>
  </si>
  <si>
    <t>C:\Vila\Empresas Anterior\Arquivos Telecom\BK_K_CCA_Vila_27.11.14\Analise de Resultados\2009\Planejamento 4 Trimestre - 09\Controle Constituições 4t2009\Algar Tecnologia\</t>
  </si>
  <si>
    <t>Ciritério rateio Mckinsey.xlsx</t>
  </si>
  <si>
    <t>E:\BK_final\Vilarinho\Vilarinho - Trabalho\Algar Telecom\BK_K_CCA_Vila_27.11.14\Analise de Resultados\2009\Planejamento 4 Trimestre - 09\Controle Constituições 4t2009\Algar Tecnologia\Ciritério rateio Mckinsey.xlsx</t>
  </si>
  <si>
    <t>Memórias valores da Algar Tecnologia.xlsx</t>
  </si>
  <si>
    <t>E:\BK_final\Vilarinho\Vilarinho - Trabalho\Algar Telecom\BK_K_CCA_Vila_27.11.14\Analise de Resultados\2009\Planejamento 4 Trimestre - 09\Controle Constituições 4t2009\Algar Tecnologia\Memórias valores da Algar Tecnologia.xlsx</t>
  </si>
  <si>
    <t>11/19/2019 13:33:21</t>
  </si>
  <si>
    <t>C:\Vila\Empresas Anterior\Arquivos Telecom\BK_K_CCA_Vila_27.11.14\Analise de Resultados\2009\Planejamento 4 Trimestre - 09\Controle Constituições 4t2009\Outros\</t>
  </si>
  <si>
    <t>Opex CTI 2010 versão 04Nov.xls</t>
  </si>
  <si>
    <t>E:\BK_final\Vilarinho\Vilarinho - Trabalho\Algar Telecom\BK_K_CCA_Vila_27.11.14\Analise de Resultados\2009\Planejamento 4 Trimestre - 09\Controle Constituições 4t2009\Outros\Opex CTI 2010 versão 04Nov.xls</t>
  </si>
  <si>
    <t>Planejamento Kyros e Swb - Constituições.xls</t>
  </si>
  <si>
    <t>E:\BK_final\Vilarinho\Vilarinho - Trabalho\Algar Telecom\BK_K_CCA_Vila_27.11.14\Analise de Resultados\2009\Planejamento 4 Trimestre - 09\Controle Constituições 4t2009\Outros\Planejamento Kyros e Swb - Constituições.xls</t>
  </si>
  <si>
    <t>Planejamento Toutatis - Constituições.xls</t>
  </si>
  <si>
    <t>E:\BK_final\Vilarinho\Vilarinho - Trabalho\Algar Telecom\BK_K_CCA_Vila_27.11.14\Analise de Resultados\2009\Planejamento 4 Trimestre - 09\Controle Constituições 4t2009\Outros\Planejamento Toutatis - Constituições.xls</t>
  </si>
  <si>
    <t>Reversões Oracle.xls</t>
  </si>
  <si>
    <t>E:\BK_final\Vilarinho\Vilarinho - Trabalho\Algar Telecom\BK_K_CCA_Vila_27.11.14\Analise de Resultados\2009\Planejamento 4 Trimestre - 09\Controle Constituições 4t2009\Outros\Reversões Oracle.xls</t>
  </si>
  <si>
    <t>11/19/2019 13:33:22</t>
  </si>
  <si>
    <t>C:\Vila\Empresas Anterior\Arquivos Telecom\BK_K_CCA_Vila_27.11.14\Analise de Resultados\2010\</t>
  </si>
  <si>
    <t>Proteções_2010.xlsx</t>
  </si>
  <si>
    <t>E:\BK_final\Vilarinho\Vilarinho - Trabalho\Algar Telecom\BK_K_CCA_Vila_27.11.14\Analise de Resultados\2010\Proteções_2010.xlsx</t>
  </si>
  <si>
    <t>11/19/2019 13:33:25</t>
  </si>
  <si>
    <t>C:\Vila\Empresas Anterior\Arquivos Telecom\BK_K_CCA_Vila_27.11.14\Analise de Resultados\2010\Fech_Dez-10\Versão 1\</t>
  </si>
  <si>
    <t>12-Mapa resultados DezembroV1 2010.xlsx</t>
  </si>
  <si>
    <t>E:\BK_final\Vilarinho\Vilarinho - Trabalho\Algar Telecom\BK_K_CCA_Vila_27.11.14\Analise de Resultados\2010\Fech_Dez-10\Versão 1\12-Mapa resultados DezembroV1 2010.xlsx</t>
  </si>
  <si>
    <t>Crédito Fiscal IR-CS 2010.xlsx</t>
  </si>
  <si>
    <t>E:\BK_final\Vilarinho\Vilarinho - Trabalho\Algar Telecom\BK_K_CCA_Vila_27.11.14\Analise de Resultados\2010\Fech_Dez-10\Versão 1\Crédito Fiscal IR-CS 2010.xlsx</t>
  </si>
  <si>
    <t>DRE CCA_Redução R$ 10MM_IR Diferido.xlsx</t>
  </si>
  <si>
    <t>E:\BK_final\Vilarinho\Vilarinho - Trabalho\Algar Telecom\BK_K_CCA_Vila_27.11.14\Analise de Resultados\2010\Fech_Dez-10\Versão 1\DRE CCA_Redução R$ 10MM_IR Diferido.xlsx</t>
  </si>
  <si>
    <t>11/19/2019 13:33:28</t>
  </si>
  <si>
    <t>C:\Vila\Empresas Anterior\Arquivos Telecom\BK_K_CCA_Vila_27.11.14\Analise de Resultados\2010\Fech_Dez-10\Versão 2\</t>
  </si>
  <si>
    <t>E:\BK_final\Vilarinho\Vilarinho - Trabalho\Algar Telecom\BK_K_CCA_Vila_27.11.14\Analise de Resultados\2010\Fech_Dez-10\Versão 2\12-Mapa resultados DezembroV1 2010.xlsx</t>
  </si>
  <si>
    <t>E:\BK_final\Vilarinho\Vilarinho - Trabalho\Algar Telecom\BK_K_CCA_Vila_27.11.14\Analise de Resultados\2010\Fech_Dez-10\Versão 2\Crédito Fiscal IR-CS 2010.xlsx</t>
  </si>
  <si>
    <t>DRE CCA_Redução R$ 9,8 MM_IR Diferido.xlsx</t>
  </si>
  <si>
    <t>E:\BK_final\Vilarinho\Vilarinho - Trabalho\Algar Telecom\BK_K_CCA_Vila_27.11.14\Analise de Resultados\2010\Fech_Dez-10\Versão 2\DRE CCA_Redução R$ 9,8 MM_IR Diferido.xlsx</t>
  </si>
  <si>
    <t>11/19/2019 13:33:29</t>
  </si>
  <si>
    <t>C:\Vila\Empresas Anterior\Arquivos Telecom\BK_K_CCA_Vila_27.11.14\Analise de Resultados\2010\Fech_Dez-10\Versão 3 - TJLP\</t>
  </si>
  <si>
    <t>E:\BK_final\Vilarinho\Vilarinho - Trabalho\Algar Telecom\BK_K_CCA_Vila_27.11.14\Analise de Resultados\2010\Fech_Dez-10\Versão 3 - TJLP\12-Mapa resultados DezembroV1 2010.xlsx</t>
  </si>
  <si>
    <t>E:\BK_final\Vilarinho\Vilarinho - Trabalho\Algar Telecom\BK_K_CCA_Vila_27.11.14\Analise de Resultados\2010\Fech_Dez-10\Versão 3 - TJLP\Crédito Fiscal IR-CS 2010.xlsx</t>
  </si>
  <si>
    <t>DRE CCA_Redução R$ 10MM_IR Diferido V2 30.12.10.xlsx</t>
  </si>
  <si>
    <t>E:\BK_final\Vilarinho\Vilarinho - Trabalho\Algar Telecom\BK_K_CCA_Vila_27.11.14\Analise de Resultados\2010\Fech_Dez-10\Versão 3 - TJLP\DRE CCA_Redução R$ 10MM_IR Diferido V2 30.12.10.xlsx</t>
  </si>
  <si>
    <t>11/19/2019 13:33:30</t>
  </si>
  <si>
    <t>E:\BK_final\Vilarinho\Vilarinho - Trabalho\Algar Telecom\BK_K_CCA_Vila_27.11.14\Analise de Resultados\2010\Fech_Dez-10\Versão 3 - TJLP\DRE CCA_Redução R$ 10MM_IR Diferido.xlsx</t>
  </si>
  <si>
    <t>DRE PRECLOSING ALGAR TEC 2010.xlsx</t>
  </si>
  <si>
    <t>E:\BK_final\Vilarinho\Vilarinho - Trabalho\Algar Telecom\BK_K_CCA_Vila_27.11.14\Analise de Resultados\2010\Fech_Dez-10\Versão 3 - TJLP\DRE PRECLOSING ALGAR TEC 2010.xlsx</t>
  </si>
  <si>
    <t>Juros capital próprio - Algar Tec x CTBC.xls</t>
  </si>
  <si>
    <t>E:\BK_final\Vilarinho\Vilarinho - Trabalho\Algar Telecom\BK_K_CCA_Vila_27.11.14\Analise de Resultados\2010\Fech_Dez-10\Versão 3 - TJLP\Juros capital próprio - Algar Tec x CTBC.xls</t>
  </si>
  <si>
    <t>TJLP - Algar Tecnologia 2010.xlsx</t>
  </si>
  <si>
    <t>E:\BK_final\Vilarinho\Vilarinho - Trabalho\Algar Telecom\BK_K_CCA_Vila_27.11.14\Analise de Resultados\2010\Fech_Dez-10\Versão 3 - TJLP\TJLP - Algar Tecnologia 2010.xlsx</t>
  </si>
  <si>
    <t>C:\Vila\Empresas Anterior\Arquivos Telecom\BK_K_CCA_Vila_27.11.14\Analise de Resultados\2011\</t>
  </si>
  <si>
    <t>Memoria Ajustes 1T11.xls</t>
  </si>
  <si>
    <t>E:\BK_final\Vilarinho\Vilarinho - Trabalho\Algar Telecom\BK_K_CCA_Vila_27.11.14\Analise de Resultados\2011\Memoria Ajustes 1T11.xls</t>
  </si>
  <si>
    <t>Reservas Telecom - Algar.xlsx</t>
  </si>
  <si>
    <t>E:\BK_final\Vilarinho\Vilarinho - Trabalho\Algar Telecom\BK_K_CCA_Vila_27.11.14\Analise de Resultados\2011\Reservas Telecom - Algar.xlsx</t>
  </si>
  <si>
    <t>11/19/2019 13:33:31</t>
  </si>
  <si>
    <t>Reservas Telecom - CTBC.xlsx</t>
  </si>
  <si>
    <t>E:\BK_final\Vilarinho\Vilarinho - Trabalho\Algar Telecom\BK_K_CCA_Vila_27.11.14\Analise de Resultados\2011\Reservas Telecom - CTBC.xlsx</t>
  </si>
  <si>
    <t>Reservas_2011-Antigo.xlsx</t>
  </si>
  <si>
    <t>E:\BK_final\Vilarinho\Vilarinho - Trabalho\Algar Telecom\BK_K_CCA_Vila_27.11.14\Analise de Resultados\2011\Reservas_2011-Antigo.xlsx</t>
  </si>
  <si>
    <t>Reservas_2011.xls</t>
  </si>
  <si>
    <t>E:\BK_final\Vilarinho\Vilarinho - Trabalho\Algar Telecom\BK_K_CCA_Vila_27.11.14\Analise de Resultados\2011\Reservas_2011.xls</t>
  </si>
  <si>
    <t>C:\Vila\Empresas Anterior\Arquivos Telecom\BK_K_CCA_Vila_27.11.14\Analise de Resultados\2011\Fechamento 1T11\</t>
  </si>
  <si>
    <t>Contingência Concessão-Autorização Anatel.xls</t>
  </si>
  <si>
    <t>E:\BK_final\Vilarinho\Vilarinho - Trabalho\Algar Telecom\BK_K_CCA_Vila_27.11.14\Analise de Resultados\2011\Fechamento 1T11\Contingência Concessão-Autorização Anatel.xls</t>
  </si>
  <si>
    <t>Contingência Concessão-Autorização Anatel.xlsb</t>
  </si>
  <si>
    <t>E:\BK_final\Vilarinho\Vilarinho - Trabalho\Algar Telecom\BK_K_CCA_Vila_27.11.14\Analise de Resultados\2011\Fechamento 1T11\Contingência Concessão-Autorização Anatel.xlsb</t>
  </si>
  <si>
    <t>E:\BK_final\Vilarinho\Vilarinho - Trabalho\Algar Telecom\BK_K_CCA_Vila_27.11.14\Analise de Resultados\2011\Fechamento 1T11\Memoria Ajustes 1T11.xls</t>
  </si>
  <si>
    <t>C:\Vila\Empresas Anterior\Arquivos Telecom\BK_K_CCA_Vila_27.11.14\Gerais\</t>
  </si>
  <si>
    <t>5.2.6.1 Análise de Percepção_Carlos Henrique Vilarinho.xls</t>
  </si>
  <si>
    <t>E:\BK_final\Vilarinho\Vilarinho - Trabalho\Algar Telecom\BK_K_CCA_Vila_27.11.14\Gerais\5.2.6.1 Análise de Percepção_Carlos Henrique Vilarinho.xls</t>
  </si>
  <si>
    <t>acerto benchmark europa.xls</t>
  </si>
  <si>
    <t>E:\BK_final\Vilarinho\Vilarinho - Trabalho\Algar Telecom\BK_K_CCA_Vila_27.11.14\Gerais\acerto benchmark europa.xls</t>
  </si>
  <si>
    <t>11/19/2019 13:33:32</t>
  </si>
  <si>
    <t>acerto benchmark europa.xlsx</t>
  </si>
  <si>
    <t>E:\BK_final\Vilarinho\Vilarinho - Trabalho\Algar Telecom\BK_K_CCA_Vila_27.11.14\Gerais\acerto benchmark europa.xlsx</t>
  </si>
  <si>
    <t>Agenda Avaliações Performance.xls</t>
  </si>
  <si>
    <t>E:\BK_final\Vilarinho\Vilarinho - Trabalho\Algar Telecom\BK_K_CCA_Vila_27.11.14\Gerais\Agenda Avaliações Performance.xls</t>
  </si>
  <si>
    <t>Anistia MG.xls</t>
  </si>
  <si>
    <t>E:\BK_final\Vilarinho\Vilarinho - Trabalho\Algar Telecom\BK_K_CCA_Vila_27.11.14\Gerais\Anistia MG.xls</t>
  </si>
  <si>
    <t>Associados por empresa - Analise Custos ADM - CML - CST.xls</t>
  </si>
  <si>
    <t>E:\BK_final\Vilarinho\Vilarinho - Trabalho\Algar Telecom\BK_K_CCA_Vila_27.11.14\Gerais\Associados por empresa - Analise Custos ADM - CML - CST.xls</t>
  </si>
  <si>
    <t>Atividades CON e CJU (com alter. após reunião entre CJU e CON na CTBC).xls</t>
  </si>
  <si>
    <t>E:\BK_final\Vilarinho\Vilarinho - Trabalho\Algar Telecom\BK_K_CCA_Vila_27.11.14\Gerais\Atividades CON e CJU (com alter. após reunião entre CJU e CON na CTBC).xls</t>
  </si>
  <si>
    <t>Controle de Orçamento e Realização Contingências.xls</t>
  </si>
  <si>
    <t>E:\BK_final\Vilarinho\Vilarinho - Trabalho\Algar Telecom\BK_K_CCA_Vila_27.11.14\Gerais\Controle de Orçamento e Realização Contingências.xls</t>
  </si>
  <si>
    <t>11/19/2019 13:33:33</t>
  </si>
  <si>
    <t>CRs Analíticos-De_Para_Aprovado_2a Revisão.xls</t>
  </si>
  <si>
    <t>E:\BK_final\Vilarinho\Vilarinho - Trabalho\Algar Telecom\BK_K_CCA_Vila_27.11.14\Gerais\CRs Analíticos-De_Para_Aprovado_2a Revisão.xls</t>
  </si>
  <si>
    <t>Custos Adicionais SOMAR.xls</t>
  </si>
  <si>
    <t>E:\BK_final\Vilarinho\Vilarinho - Trabalho\Algar Telecom\BK_K_CCA_Vila_27.11.14\Gerais\Custos Adicionais SOMAR.xls</t>
  </si>
  <si>
    <t>Divida Engeset corrigido.xls</t>
  </si>
  <si>
    <t>E:\BK_final\Vilarinho\Vilarinho - Trabalho\Algar Telecom\BK_K_CCA_Vila_27.11.14\Gerais\Divida Engeset corrigido.xls</t>
  </si>
  <si>
    <t>Divida Engeset.xls</t>
  </si>
  <si>
    <t>E:\BK_final\Vilarinho\Vilarinho - Trabalho\Algar Telecom\BK_K_CCA_Vila_27.11.14\Gerais\Divida Engeset.xls</t>
  </si>
  <si>
    <t>Entregas Regulatórias CCA.xls</t>
  </si>
  <si>
    <t>E:\BK_final\Vilarinho\Vilarinho - Trabalho\Algar Telecom\BK_K_CCA_Vila_27.11.14\Gerais\Entregas Regulatórias CCA.xls</t>
  </si>
  <si>
    <t>Formulário de objetivos - 2° sem Executivos 2008 MODELO40-FINAL.xls</t>
  </si>
  <si>
    <t>E:\BK_final\Vilarinho\Vilarinho - Trabalho\Algar Telecom\BK_K_CCA_Vila_27.11.14\Gerais\Formulário de objetivos - 2° sem Executivos 2008 MODELO40-FINAL.xls</t>
  </si>
  <si>
    <t>Formulário de objetivos - 2° sem Executivos 2008 MODELO40.xls</t>
  </si>
  <si>
    <t>E:\BK_final\Vilarinho\Vilarinho - Trabalho\Algar Telecom\BK_K_CCA_Vila_27.11.14\Gerais\Formulário de objetivos - 2° sem Executivos 2008 MODELO40.xls</t>
  </si>
  <si>
    <t>11/19/2019 13:33:40</t>
  </si>
  <si>
    <t>Investimentos 2009_DEF.xls</t>
  </si>
  <si>
    <t>E:\BK_final\Vilarinho\Vilarinho - Trabalho\Algar Telecom\BK_K_CCA_Vila_27.11.14\Gerais\Investimentos 2009_DEF.xls</t>
  </si>
  <si>
    <t>11/19/2019 13:33:42</t>
  </si>
  <si>
    <t>Matriz de Projetos CCA 2008 - 2009.xls</t>
  </si>
  <si>
    <t>E:\BK_final\Vilarinho\Vilarinho - Trabalho\Algar Telecom\BK_K_CCA_Vila_27.11.14\Gerais\Matriz de Projetos CCA 2008 - 2009.xls</t>
  </si>
  <si>
    <t>11/19/2019 13:33:43</t>
  </si>
  <si>
    <t>Modelo Análise de Investimentos - Cenario_Final.xls</t>
  </si>
  <si>
    <t>E:\BK_final\Vilarinho\Vilarinho - Trabalho\Algar Telecom\BK_K_CCA_Vila_27.11.14\Gerais\Modelo Análise de Investimentos - Cenario_Final.xls</t>
  </si>
  <si>
    <t>Modelo Objetivos Específicos - CCA - 2010.xls</t>
  </si>
  <si>
    <t>E:\BK_final\Vilarinho\Vilarinho - Trabalho\Algar Telecom\BK_K_CCA_Vila_27.11.14\Gerais\Modelo Objetivos Específicos - CCA - 2010.xls</t>
  </si>
  <si>
    <t>11/19/2019 13:33:44</t>
  </si>
  <si>
    <t>MOTIVOGRAMA-VIlarinho.xls</t>
  </si>
  <si>
    <t>E:\BK_final\Vilarinho\Vilarinho - Trabalho\Algar Telecom\BK_K_CCA_Vila_27.11.14\Gerais\MOTIVOGRAMA-VIlarinho.xls</t>
  </si>
  <si>
    <t>necessidades da Area.xls</t>
  </si>
  <si>
    <t>E:\BK_final\Vilarinho\Vilarinho - Trabalho\Algar Telecom\BK_K_CCA_Vila_27.11.14\Gerais\necessidades da Area.xls</t>
  </si>
  <si>
    <t>Orçamento CCA.xls</t>
  </si>
  <si>
    <t>E:\BK_final\Vilarinho\Vilarinho - Trabalho\Algar Telecom\BK_K_CCA_Vila_27.11.14\Gerais\Orçamento CCA.xls</t>
  </si>
  <si>
    <t>Participantes Treinamento IFRS - CCA.xls</t>
  </si>
  <si>
    <t>E:\BK_final\Vilarinho\Vilarinho - Trabalho\Algar Telecom\BK_K_CCA_Vila_27.11.14\Gerais\Participantes Treinamento IFRS - CCA.xls</t>
  </si>
  <si>
    <t>Pesquisa - Dedicação de tempo e responsabilidade 2008 - CCA.xls</t>
  </si>
  <si>
    <t>E:\BK_final\Vilarinho\Vilarinho - Trabalho\Algar Telecom\BK_K_CCA_Vila_27.11.14\Gerais\Pesquisa - Dedicação de tempo e responsabilidade 2008 - CCA.xls</t>
  </si>
  <si>
    <t>11/19/2019 13:33:45</t>
  </si>
  <si>
    <t>Proposta Orçamento.xls</t>
  </si>
  <si>
    <t>E:\BK_final\Vilarinho\Vilarinho - Trabalho\Algar Telecom\BK_K_CCA_Vila_27.11.14\Gerais\Proposta Orçamento.xls</t>
  </si>
  <si>
    <t>Provisão Custos CCA Mar-09.xls</t>
  </si>
  <si>
    <t>E:\BK_final\Vilarinho\Vilarinho - Trabalho\Algar Telecom\BK_K_CCA_Vila_27.11.14\Gerais\Provisão Custos CCA Mar-09.xls</t>
  </si>
  <si>
    <t>Rotinas Atividades Real x Real.xls</t>
  </si>
  <si>
    <t>E:\BK_final\Vilarinho\Vilarinho - Trabalho\Algar Telecom\BK_K_CCA_Vila_27.11.14\Gerais\Rotinas Atividades Real x Real.xls</t>
  </si>
  <si>
    <t>Saldo API Provisão Somar.xls</t>
  </si>
  <si>
    <t>E:\BK_final\Vilarinho\Vilarinho - Trabalho\Algar Telecom\BK_K_CCA_Vila_27.11.14\Gerais\Saldo API Provisão Somar.xls</t>
  </si>
  <si>
    <t>C:\Vila\Empresas Anterior\Arquivos Telecom\BK_K_CCA_Vila_27.11.14\Gestão da Equipe e Area\</t>
  </si>
  <si>
    <t>Análise salarial para Terceiro CCA -v1 - Ana Paula.xls</t>
  </si>
  <si>
    <t>E:\BK_final\Vilarinho\Vilarinho - Trabalho\Algar Telecom\BK_K_CCA_Vila_27.11.14\Gestão da Equipe e Area\Análise salarial para Terceiro CCA -v1 - Ana Paula.xls</t>
  </si>
  <si>
    <t>Associado-matrícula.xlsx</t>
  </si>
  <si>
    <t>E:\BK_final\Vilarinho\Vilarinho - Trabalho\Algar Telecom\BK_K_CCA_Vila_27.11.14\Gestão da Equipe e Area\Associado-matrícula.xlsx</t>
  </si>
  <si>
    <t>Confraternização 2012.xlsx</t>
  </si>
  <si>
    <t>E:\BK_final\Vilarinho\Vilarinho - Trabalho\Algar Telecom\BK_K_CCA_Vila_27.11.14\Gestão da Equipe e Area\Confraternização 2012.xlsx</t>
  </si>
  <si>
    <t>11/19/2019 13:33:46</t>
  </si>
  <si>
    <t>Devolutiva DEF.xlsx</t>
  </si>
  <si>
    <t>E:\BK_final\Vilarinho\Vilarinho - Trabalho\Algar Telecom\BK_K_CCA_Vila_27.11.14\Gestão da Equipe e Area\Devolutiva DEF.xlsx</t>
  </si>
  <si>
    <t>Ferias DCP.xlsx</t>
  </si>
  <si>
    <t>E:\BK_final\Vilarinho\Vilarinho - Trabalho\Algar Telecom\BK_K_CCA_Vila_27.11.14\Gestão da Equipe e Area\Ferias DCP.xlsx</t>
  </si>
  <si>
    <t>lista associados cca.xls</t>
  </si>
  <si>
    <t>E:\BK_final\Vilarinho\Vilarinho - Trabalho\Algar Telecom\BK_K_CCA_Vila_27.11.14\Gestão da Equipe e Area\lista associados cca.xls</t>
  </si>
  <si>
    <t>NOTEBOOKS DO CCA.xlsx</t>
  </si>
  <si>
    <t>E:\BK_final\Vilarinho\Vilarinho - Trabalho\Algar Telecom\BK_K_CCA_Vila_27.11.14\Gestão da Equipe e Area\NOTEBOOKS DO CCA.xlsx</t>
  </si>
  <si>
    <t>Reembolso de Utilização de Veículos Particulares à Serviço.xls</t>
  </si>
  <si>
    <t>E:\BK_final\Vilarinho\Vilarinho - Trabalho\Algar Telecom\BK_K_CCA_Vila_27.11.14\Gestão da Equipe e Area\Reembolso de Utilização de Veículos Particulares à Serviço.xls</t>
  </si>
  <si>
    <t>C:\Vila\Empresas Anterior\Arquivos Telecom\BK_K_CCA_Vila_27.11.14\Gestão da Equipe e Area\Avaliação Performance Equipe 2011\</t>
  </si>
  <si>
    <t>Horarios equipe CCA.xlsx</t>
  </si>
  <si>
    <t>E:\BK_final\Vilarinho\Vilarinho - Trabalho\Algar Telecom\BK_K_CCA_Vila_27.11.14\Gestão da Equipe e Area\Avaliação Performance Equipe 2011\Horarios equipe CCA.xlsx</t>
  </si>
  <si>
    <t>11/19/2019 13:33:47</t>
  </si>
  <si>
    <t>C:\Vila\Empresas Anterior\Arquivos Telecom\BK_K_CCA_Vila_27.11.14\Gestão da Equipe e Area\Clima Organizacional\Clima CCA 2008\</t>
  </si>
  <si>
    <t>CR-CCA.xls</t>
  </si>
  <si>
    <t>E:\BK_final\Vilarinho\Vilarinho - Trabalho\Algar Telecom\BK_K_CCA_Vila_27.11.14\Gestão da Equipe e Area\Clima Organizacional\Clima CCA 2008\CR-CCA.xls</t>
  </si>
  <si>
    <t>11/19/2019 13:33:51</t>
  </si>
  <si>
    <t>C:\Vila\Empresas Anterior\Arquivos Telecom\BK_K_CCA_Vila_27.11.14\Gestão da Equipe e Area\Clima Organizacional\Clima CCA 2009\</t>
  </si>
  <si>
    <t>CCA - COORD. DE CONTROLADORIA E ATIVOS FINAL - mexido.xls</t>
  </si>
  <si>
    <t>E:\BK_final\Vilarinho\Vilarinho - Trabalho\Algar Telecom\BK_K_CCA_Vila_27.11.14\Gestão da Equipe e Area\Clima Organizacional\Clima CCA 2009\CCA - COORD. DE CONTROLADORIA E ATIVOS FINAL - mexido.xls</t>
  </si>
  <si>
    <t>CCA - COORD. DE CONTROLADORIA E ATIVOS FINAL base oficial.xls</t>
  </si>
  <si>
    <t>E:\BK_final\Vilarinho\Vilarinho - Trabalho\Algar Telecom\BK_K_CCA_Vila_27.11.14\Gestão da Equipe e Area\Clima Organizacional\Clima CCA 2009\CCA - COORD. DE CONTROLADORIA E ATIVOS FINAL base oficial.xls</t>
  </si>
  <si>
    <t>CCA - COORD. DE CONTROLADORIA E ATIVOS FINAL.xls</t>
  </si>
  <si>
    <t>E:\BK_final\Vilarinho\Vilarinho - Trabalho\Algar Telecom\BK_K_CCA_Vila_27.11.14\Gestão da Equipe e Area\Clima Organizacional\Clima CCA 2009\CCA - COORD. DE CONTROLADORIA E ATIVOS FINAL.xls</t>
  </si>
  <si>
    <t>11/19/2019 13:33:52</t>
  </si>
  <si>
    <t>C:\Vila\Empresas Anterior\Arquivos Telecom\BK_K_CCA_Vila_27.11.14\Gestão da Equipe e Area\Clima Organizacional\Clima CCA 2009\Plano de Ação e Acompanhamento\</t>
  </si>
  <si>
    <t>Plano de Ação Clima CCA 2009.xls</t>
  </si>
  <si>
    <t>E:\BK_final\Vilarinho\Vilarinho - Trabalho\Algar Telecom\BK_K_CCA_Vila_27.11.14\Gestão da Equipe e Area\Clima Organizacional\Clima CCA 2009\Plano de Ação e Acompanhamento\Plano de Ação Clima CCA 2009.xls</t>
  </si>
  <si>
    <t>11/19/2019 13:33:54</t>
  </si>
  <si>
    <t>C:\Vila\Empresas Anterior\Arquivos Telecom\BK_K_CCA_Vila_27.11.14\Gestão da Equipe e Area\Estrutura da Área\% trab_CNPJ\</t>
  </si>
  <si>
    <t>Pesquisa dedicação de tempo e responsabilidade - setembro 2010 - versão oficial.xls</t>
  </si>
  <si>
    <t>E:\BK_final\Vilarinho\Vilarinho - Trabalho\Algar Telecom\BK_K_CCA_Vila_27.11.14\Gestão da Equipe e Area\Estrutura da Área\% trab_CNPJ\Pesquisa dedicação de tempo e responsabilidade - setembro 2010 - versão oficial.xls</t>
  </si>
  <si>
    <t>11/19/2019 13:33:58</t>
  </si>
  <si>
    <t>C:\Vila\Empresas Anterior\Arquivos Telecom\BK_K_CCA_Vila_27.11.14\Gestão da Equipe e Area\Férias - associados\</t>
  </si>
  <si>
    <t>Ferias Vilarinho.xlsx</t>
  </si>
  <si>
    <t>E:\BK_final\Vilarinho\Vilarinho - Trabalho\Algar Telecom\BK_K_CCA_Vila_27.11.14\Gestão da Equipe e Area\Férias - associados\Ferias Vilarinho.xlsx</t>
  </si>
  <si>
    <t>11/19/2019 13:33:59</t>
  </si>
  <si>
    <t>Lista de Associados CCA.xlsx</t>
  </si>
  <si>
    <t>E:\BK_final\Vilarinho\Vilarinho - Trabalho\Algar Telecom\BK_K_CCA_Vila_27.11.14\Gestão da Equipe e Area\Férias - associados\Lista de Associados CCA.xlsx</t>
  </si>
  <si>
    <t>Programação Férias CCA - Plano 2011 e 2012 e 2013.xlsx</t>
  </si>
  <si>
    <t>E:\BK_final\Vilarinho\Vilarinho - Trabalho\Algar Telecom\BK_K_CCA_Vila_27.11.14\Gestão da Equipe e Area\Férias - associados\Programação Férias CCA - Plano 2011 e 2012 e 2013.xlsx</t>
  </si>
  <si>
    <t>Programação Férias DEF - Plano 2012.xlsx</t>
  </si>
  <si>
    <t>E:\BK_final\Vilarinho\Vilarinho - Trabalho\Algar Telecom\BK_K_CCA_Vila_27.11.14\Gestão da Equipe e Area\Férias - associados\Programação Férias DEF - Plano 2012.xlsx</t>
  </si>
  <si>
    <t>C:\Vila\Empresas Anterior\Arquivos Telecom\BK_K_CCA_Vila_27.11.14\Gestão da Equipe e Area\Férias - associados\Drafts\</t>
  </si>
  <si>
    <t>Mapa Meses Possiveis de Fërias-ativos.xlsx</t>
  </si>
  <si>
    <t>E:\BK_final\Vilarinho\Vilarinho - Trabalho\Algar Telecom\BK_K_CCA_Vila_27.11.14\Gestão da Equipe e Area\Férias - associados\Drafts\Mapa Meses Possiveis de Fërias-ativos.xlsx</t>
  </si>
  <si>
    <t>Mapa Meses Possiveis de Fërias.xlsx</t>
  </si>
  <si>
    <t>E:\BK_final\Vilarinho\Vilarinho - Trabalho\Algar Telecom\BK_K_CCA_Vila_27.11.14\Gestão da Equipe e Area\Férias - associados\Drafts\Mapa Meses Possiveis de Fërias.xlsx</t>
  </si>
  <si>
    <t>Plano de Férias CCA - 2010.xls</t>
  </si>
  <si>
    <t>E:\BK_final\Vilarinho\Vilarinho - Trabalho\Algar Telecom\BK_K_CCA_Vila_27.11.14\Gestão da Equipe e Area\Férias - associados\Drafts\Plano de Férias CCA - 2010.xls</t>
  </si>
  <si>
    <t>Plano de Férias CCA - 2011.xls</t>
  </si>
  <si>
    <t>E:\BK_final\Vilarinho\Vilarinho - Trabalho\Algar Telecom\BK_K_CCA_Vila_27.11.14\Gestão da Equipe e Area\Férias - associados\Drafts\Plano de Férias CCA - 2011.xls</t>
  </si>
  <si>
    <t>C:\Vila\Empresas Anterior\Arquivos Telecom\BK_K_CCA_Vila_27.11.14\Gestão da Equipe e Area\Home Office\</t>
  </si>
  <si>
    <t>Layout.xlsx</t>
  </si>
  <si>
    <t>E:\BK_final\Vilarinho\Vilarinho - Trabalho\Algar Telecom\BK_K_CCA_Vila_27.11.14\Gestão da Equipe e Area\Home Office\Layout.xlsx</t>
  </si>
  <si>
    <t>11/19/2019 13:34:00</t>
  </si>
  <si>
    <t>Levantamento WS por CR e Assoc Home Office.xls</t>
  </si>
  <si>
    <t>E:\BK_final\Vilarinho\Vilarinho - Trabalho\Algar Telecom\BK_K_CCA_Vila_27.11.14\Gestão da Equipe e Area\Home Office\Levantamento WS por CR e Assoc Home Office.xls</t>
  </si>
  <si>
    <t>C:\Vila\Empresas Anterior\Arquivos Telecom\BK_K_CCA_Vila_27.11.14\Gestão da Equipe e Area\Objetivos Especificos 2011\</t>
  </si>
  <si>
    <t>Objetivos CCA 1º semestre 2011.xls</t>
  </si>
  <si>
    <t>E:\BK_final\Vilarinho\Vilarinho - Trabalho\Algar Telecom\BK_K_CCA_Vila_27.11.14\Gestão da Equipe e Area\Objetivos Especificos 2011\Objetivos CCA 1º semestre 2011.xls</t>
  </si>
  <si>
    <t>C:\Vila\Empresas Anterior\Arquivos Telecom\BK_K_CCA_Vila_27.11.14\Gestão da Equipe e Area\Objetivos Especificos 2011\Draft's\</t>
  </si>
  <si>
    <t>Objetivos corporativos 2011 associado nao executivo.xls</t>
  </si>
  <si>
    <t>E:\BK_final\Vilarinho\Vilarinho - Trabalho\Algar Telecom\BK_K_CCA_Vila_27.11.14\Gestão da Equipe e Area\Objetivos Especificos 2011\Draft's\Objetivos corporativos 2011 associado nao executivo.xls</t>
  </si>
  <si>
    <t>Objetivos corporativos 2011 executivos.xlsb</t>
  </si>
  <si>
    <t>E:\BK_final\Vilarinho\Vilarinho - Trabalho\Algar Telecom\BK_K_CCA_Vila_27.11.14\Gestão da Equipe e Area\Objetivos Especificos 2011\Draft's\Objetivos corporativos 2011 executivos.xlsb</t>
  </si>
  <si>
    <t>objetivos toda equipe do CCA 2011.xls</t>
  </si>
  <si>
    <t>E:\BK_final\Vilarinho\Vilarinho - Trabalho\Algar Telecom\BK_K_CCA_Vila_27.11.14\Gestão da Equipe e Area\Objetivos Especificos 2011\Draft's\objetivos toda equipe do CCA 2011.xls</t>
  </si>
  <si>
    <t>11/19/2019 13:34:02</t>
  </si>
  <si>
    <t>C:\Vila\Empresas Anterior\Arquivos Telecom\BK_K_CCA_Vila_27.11.14\Gestão da Equipe e Area\OHI\OHI\DEF\CAF\</t>
  </si>
  <si>
    <t>Doc 2 - CAF.xls</t>
  </si>
  <si>
    <t>E:\BK_final\Vilarinho\Vilarinho - Trabalho\Algar Telecom\BK_K_CCA_Vila_27.11.14\Gestão da Equipe e Area\OHI\OHI\DEF\CAF\Doc 2 - CAF.xls</t>
  </si>
  <si>
    <t>DOC 2 CAF.xls</t>
  </si>
  <si>
    <t>E:\BK_final\Vilarinho\Vilarinho - Trabalho\Algar Telecom\BK_K_CCA_Vila_27.11.14\Gestão da Equipe e Area\OHI\OHI\DEF\CAF\DOC 2 CAF.xls</t>
  </si>
  <si>
    <t>11/19/2019 13:34:03</t>
  </si>
  <si>
    <t>C:\Vila\Empresas Anterior\Arquivos Telecom\BK_K_CCA_Vila_27.11.14\Gestão da Equipe e Area\OHI\OHI\DEF\CCA\</t>
  </si>
  <si>
    <t>Doc 2 - CCA.xls</t>
  </si>
  <si>
    <t>E:\BK_final\Vilarinho\Vilarinho - Trabalho\Algar Telecom\BK_K_CCA_Vila_27.11.14\Gestão da Equipe e Area\OHI\OHI\DEF\CCA\Doc 2 - CCA.xls</t>
  </si>
  <si>
    <t>11/19/2019 13:34:06</t>
  </si>
  <si>
    <t>C:\Vila\Empresas Anterior\Arquivos Telecom\BK_K_CCA_Vila_27.11.14\Gestão da Equipe e Area\OHI\OHI\DEF\CFI\</t>
  </si>
  <si>
    <t>CFI.xlsx</t>
  </si>
  <si>
    <t>E:\BK_final\Vilarinho\Vilarinho - Trabalho\Algar Telecom\BK_K_CCA_Vila_27.11.14\Gestão da Equipe e Area\OHI\OHI\DEF\CFI\CFI.xlsx</t>
  </si>
  <si>
    <t>11/19/2019 13:34:11</t>
  </si>
  <si>
    <t>C:\Vila\Empresas Anterior\Arquivos Telecom\BK_K_CCA_Vila_27.11.14\Gestão da Equipe e Area\OHI\OHI\DEF\CPF\</t>
  </si>
  <si>
    <t>Doc 2 - CPF.xls</t>
  </si>
  <si>
    <t>E:\BK_final\Vilarinho\Vilarinho - Trabalho\Algar Telecom\BK_K_CCA_Vila_27.11.14\Gestão da Equipe e Area\OHI\OHI\DEF\CPF\Doc 2 - CPF.xls</t>
  </si>
  <si>
    <t>C:\Vila\Empresas Anterior\Arquivos Telecom\BK_K_CCA_Vila_27.11.14\Gestão da Equipe e Area\OHI\OHI\Enviado ao TH\</t>
  </si>
  <si>
    <t>Docto 2_Identificação valor agregado CCA.xls</t>
  </si>
  <si>
    <t>E:\BK_final\Vilarinho\Vilarinho - Trabalho\Algar Telecom\BK_K_CCA_Vila_27.11.14\Gestão da Equipe e Area\OHI\OHI\Enviado ao TH\Docto 2_Identificação valor agregado CCA.xls</t>
  </si>
  <si>
    <t>11/19/2019 13:34:13</t>
  </si>
  <si>
    <t>C:\Vila\Empresas Anterior\Arquivos Telecom\BK_K_CCA_Vila_27.11.14\Gestão da Equipe e Area\Planejamento Estratégico DEF\Drafts\</t>
  </si>
  <si>
    <t>DEF Objetivos Estrategicos KPIs Milestones (enviado ao Eduardo).xlsx</t>
  </si>
  <si>
    <t>E:\BK_final\Vilarinho\Vilarinho - Trabalho\Algar Telecom\BK_K_CCA_Vila_27.11.14\Gestão da Equipe e Area\Planejamento Estratégico DEF\Drafts\DEF Objetivos Estrategicos KPIs Milestones (enviado ao Eduardo).xlsx</t>
  </si>
  <si>
    <t>DEF Objetivos Estrategicos KPIs Milestones.xlsx</t>
  </si>
  <si>
    <t>E:\BK_final\Vilarinho\Vilarinho - Trabalho\Algar Telecom\BK_K_CCA_Vila_27.11.14\Gestão da Equipe e Area\Planejamento Estratégico DEF\Drafts\DEF Objetivos Estrategicos KPIs Milestones.xlsx</t>
  </si>
  <si>
    <t>11/19/2019 13:34:14</t>
  </si>
  <si>
    <t>C:\Vila\Empresas Anterior\Arquivos Telecom\BK_K_CCA_Vila_27.11.14\Gestão da Equipe e Area\Planejamento Estratégico DEF\Drafts\Geral_V2.pptx\</t>
  </si>
  <si>
    <t>E:\BK_final\Vilarinho\Vilarinho - Trabalho\Algar Telecom\BK_K_CCA_Vila_27.11.14\Gestão da Equipe e Area\Planejamento Estratégico DEF\Drafts\Geral_V2.pptx</t>
  </si>
  <si>
    <t>C:\Vila\Empresas Anterior\Arquivos Telecom\BK_K_CCA_Vila_27.11.14\Gestão da Equipe e Area\Plano Treinamento\2009\</t>
  </si>
  <si>
    <t>Treinamento Associados CCA 2009.xls</t>
  </si>
  <si>
    <t>E:\BK_final\Vilarinho\Vilarinho - Trabalho\Algar Telecom\BK_K_CCA_Vila_27.11.14\Gestão da Equipe e Area\Plano Treinamento\2009\Treinamento Associados CCA 2009.xls</t>
  </si>
  <si>
    <t>11/19/2019 13:34:15</t>
  </si>
  <si>
    <t>C:\Vila\Empresas Anterior\Arquivos Telecom\BK_K_CCA_Vila_27.11.14\Gestão da Equipe e Area\Plano Treinamento\2011\</t>
  </si>
  <si>
    <t>CCA.xlsx</t>
  </si>
  <si>
    <t>E:\BK_final\Vilarinho\Vilarinho - Trabalho\Algar Telecom\BK_K_CCA_Vila_27.11.14\Gestão da Equipe e Area\Plano Treinamento\2011\CCA.xlsx</t>
  </si>
  <si>
    <t>11/19/2019 13:34:16</t>
  </si>
  <si>
    <t>C:\Vila\Empresas Anterior\Arquivos Telecom\BK_K_CCA_Vila_27.11.14\Gestão da Equipe e Area\Plano Treinamento\2011\Manual Plano de Formação 2011 v4.docx\</t>
  </si>
  <si>
    <t>E:\BK_final\Vilarinho\Vilarinho - Trabalho\Algar Telecom\BK_K_CCA_Vila_27.11.14\Gestão da Equipe e Area\Plano Treinamento\2011\Manual Plano de Formação 2011 v4.docx</t>
  </si>
  <si>
    <t>TREINAMENTO 2011- CCA.xls</t>
  </si>
  <si>
    <t>E:\BK_final\Vilarinho\Vilarinho - Trabalho\Algar Telecom\BK_K_CCA_Vila_27.11.14\Gestão da Equipe e Area\Plano Treinamento\2011\TREINAMENTO 2011- CCA.xls</t>
  </si>
  <si>
    <t>11/19/2019 13:40:33</t>
  </si>
  <si>
    <t>C:\Vila\Empresas Anterior\Arquivos Telecom\BK_K_CCA_Vila_27.11.14\Gestão da Equipe e Area\Processo de Contratação\CTBC\Analista Controladoria (vaga Antônio)\</t>
  </si>
  <si>
    <t>Gabarito Final Analise.xls</t>
  </si>
  <si>
    <t>E:\BK_final\Vilarinho\Vilarinho - Trabalho\Algar Telecom\BK_K_CCA_Vila_27.11.14\Gestão da Equipe e Area\Processo de Contratação\CTBC\Analista Controladoria (vaga Antônio)\Gabarito Final Analise.xls</t>
  </si>
  <si>
    <t>Teste Anal_Controladoria (questões 1 e 2).xlsx</t>
  </si>
  <si>
    <t>E:\BK_final\Vilarinho\Vilarinho - Trabalho\Algar Telecom\BK_K_CCA_Vila_27.11.14\Gestão da Equipe e Area\Processo de Contratação\CTBC\Analista Controladoria (vaga Antônio)\Teste Anal_Controladoria (questões 1 e 2).xlsx</t>
  </si>
  <si>
    <t>Teste Excell - Fluxo Caixa Excell.xls</t>
  </si>
  <si>
    <t>E:\BK_final\Vilarinho\Vilarinho - Trabalho\Algar Telecom\BK_K_CCA_Vila_27.11.14\Gestão da Equipe e Area\Processo de Contratação\CTBC\Analista Controladoria (vaga Antônio)\Teste Excell - Fluxo Caixa Excell.xls</t>
  </si>
  <si>
    <t>C:\Vila\Empresas Anterior\Arquivos Telecom\BK_K_CCA_Vila_27.11.14\Gestão da Equipe e Area\Processo de Contratação\CTBC\Analista Controladoria (vaga Antônio)\Provas Excel\</t>
  </si>
  <si>
    <t>Altamara.xls</t>
  </si>
  <si>
    <t>E:\BK_final\Vilarinho\Vilarinho - Trabalho\Algar Telecom\BK_K_CCA_Vila_27.11.14\Gestão da Equipe e Area\Processo de Contratação\CTBC\Analista Controladoria (vaga Antônio)\Provas Excel\Altamara.xls</t>
  </si>
  <si>
    <t>Danilo.xls</t>
  </si>
  <si>
    <t>E:\BK_final\Vilarinho\Vilarinho - Trabalho\Algar Telecom\BK_K_CCA_Vila_27.11.14\Gestão da Equipe e Area\Processo de Contratação\CTBC\Analista Controladoria (vaga Antônio)\Provas Excel\Danilo.xls</t>
  </si>
  <si>
    <t>Fluxo Caixa Excell- Fernando.xls</t>
  </si>
  <si>
    <t>E:\BK_final\Vilarinho\Vilarinho - Trabalho\Algar Telecom\BK_K_CCA_Vila_27.11.14\Gestão da Equipe e Area\Processo de Contratação\CTBC\Analista Controladoria (vaga Antônio)\Provas Excel\Fluxo Caixa Excell- Fernando.xls</t>
  </si>
  <si>
    <t>Teste Excell - Fluxo Caixa Excell-Cássio.xls</t>
  </si>
  <si>
    <t>E:\BK_final\Vilarinho\Vilarinho - Trabalho\Algar Telecom\BK_K_CCA_Vila_27.11.14\Gestão da Equipe e Area\Processo de Contratação\CTBC\Analista Controladoria (vaga Antônio)\Provas Excel\Teste Excell - Fluxo Caixa Excell-Cássio.xls</t>
  </si>
  <si>
    <t>Teste Excell - Fluxo Caixa Excell.Alexandre.xls</t>
  </si>
  <si>
    <t>E:\BK_final\Vilarinho\Vilarinho - Trabalho\Algar Telecom\BK_K_CCA_Vila_27.11.14\Gestão da Equipe e Area\Processo de Contratação\CTBC\Analista Controladoria (vaga Antônio)\Provas Excel\Teste Excell - Fluxo Caixa Excell.Alexandre.xls</t>
  </si>
  <si>
    <t>Teste Excell - Fluxo de C aixa - DOUGLAS.xlsx</t>
  </si>
  <si>
    <t>E:\BK_final\Vilarinho\Vilarinho - Trabalho\Algar Telecom\BK_K_CCA_Vila_27.11.14\Gestão da Equipe e Area\Processo de Contratação\CTBC\Analista Controladoria (vaga Antônio)\Provas Excel\Teste Excell - Fluxo de C aixa - DOUGLAS.xlsx</t>
  </si>
  <si>
    <t>Teste Excell - Fluxo de C aixa - Rubens - SP.xlsx</t>
  </si>
  <si>
    <t>E:\BK_final\Vilarinho\Vilarinho - Trabalho\Algar Telecom\BK_K_CCA_Vila_27.11.14\Gestão da Equipe e Area\Processo de Contratação\CTBC\Analista Controladoria (vaga Antônio)\Provas Excel\Teste Excell - Fluxo de C aixa - Rubens - SP.xlsx</t>
  </si>
  <si>
    <t>11/19/2019 13:34:17</t>
  </si>
  <si>
    <t>Teste Excell - Fluxo de Caixa - Fransérgio.xlsx</t>
  </si>
  <si>
    <t>E:\BK_final\Vilarinho\Vilarinho - Trabalho\Algar Telecom\BK_K_CCA_Vila_27.11.14\Gestão da Equipe e Area\Processo de Contratação\CTBC\Analista Controladoria (vaga Antônio)\Provas Excel\Teste Excell - Fluxo de Caixa - Fransérgio.xlsx</t>
  </si>
  <si>
    <t>Teste Excell Fluxo de Caixa Mariana.xls</t>
  </si>
  <si>
    <t>E:\BK_final\Vilarinho\Vilarinho - Trabalho\Algar Telecom\BK_K_CCA_Vila_27.11.14\Gestão da Equipe e Area\Processo de Contratação\CTBC\Analista Controladoria (vaga Antônio)\Provas Excel\Teste Excell Fluxo de Caixa Mariana.xls</t>
  </si>
  <si>
    <t>Teste Excell Fluxo Onadir.xls</t>
  </si>
  <si>
    <t>E:\BK_final\Vilarinho\Vilarinho - Trabalho\Algar Telecom\BK_K_CCA_Vila_27.11.14\Gestão da Equipe e Area\Processo de Contratação\CTBC\Analista Controladoria (vaga Antônio)\Provas Excel\Teste Excell Fluxo Onadir.xls</t>
  </si>
  <si>
    <t>11/19/2019 13:34:20</t>
  </si>
  <si>
    <t>C:\Vila\Empresas Anterior\Arquivos Telecom\BK_K_CCA_Vila_27.11.14\Gestão da Equipe e Area\Processo de Contratação\CTBC\Analista Contábil\</t>
  </si>
  <si>
    <t>Gabarito - Teste Excell Analista Contabil e Estagiário.xls</t>
  </si>
  <si>
    <t>E:\BK_final\Vilarinho\Vilarinho - Trabalho\Algar Telecom\BK_K_CCA_Vila_27.11.14\Gestão da Equipe e Area\Processo de Contratação\CTBC\Analista Contábil\Gabarito - Teste Excell Analista Contabil e Estagiário.xls</t>
  </si>
  <si>
    <t>Teste Excell Analista Contábil SR e Estagiário.xls</t>
  </si>
  <si>
    <t>E:\BK_final\Vilarinho\Vilarinho - Trabalho\Algar Telecom\BK_K_CCA_Vila_27.11.14\Gestão da Equipe e Area\Processo de Contratação\CTBC\Analista Contábil\Teste Excell Analista Contábil SR e Estagiário.xls</t>
  </si>
  <si>
    <t>11/19/2019 13:34:21</t>
  </si>
  <si>
    <t>C:\Vila\Empresas Anterior\Arquivos Telecom\BK_K_CCA_Vila_27.11.14\Gestão da Equipe e Area\Processo de Contratação\CTBC\Analista Contábil\Analista Senior e Pleno - Processo Maio - 10\</t>
  </si>
  <si>
    <t>Gabarito Analise Final.xls</t>
  </si>
  <si>
    <t>E:\BK_final\Vilarinho\Vilarinho - Trabalho\Algar Telecom\BK_K_CCA_Vila_27.11.14\Gestão da Equipe e Area\Processo de Contratação\CTBC\Analista Contábil\Analista Senior e Pleno - Processo Maio - 10\Gabarito Analise Final.xls</t>
  </si>
  <si>
    <t>11/19/2019 13:34:22</t>
  </si>
  <si>
    <t>E:\BK_final\Vilarinho\Vilarinho - Trabalho\Algar Telecom\BK_K_CCA_Vila_27.11.14\Gestão da Equipe e Area\Processo de Contratação\CTBC\Analista Contábil\Analista Senior e Pleno - Processo Maio - 10\Teste Excell - Fluxo Caixa Excell.xls</t>
  </si>
  <si>
    <t>C:\Vila\Empresas Anterior\Arquivos Telecom\BK_K_CCA_Vila_27.11.14\Gestão da Equipe e Area\Processo de Contratação\CTBC\Analista IFRS\</t>
  </si>
  <si>
    <t>Eder Wagner da Silva - Excel Avançado 270809 Vilarinho.xls</t>
  </si>
  <si>
    <t>E:\BK_final\Vilarinho\Vilarinho - Trabalho\Algar Telecom\BK_K_CCA_Vila_27.11.14\Gestão da Equipe e Area\Processo de Contratação\CTBC\Analista IFRS\Eder Wagner da Silva - Excel Avançado 270809 Vilarinho.xls</t>
  </si>
  <si>
    <t>11/19/2019 13:34:23</t>
  </si>
  <si>
    <t>Eli Geraldo Braga.xls</t>
  </si>
  <si>
    <t>E:\BK_final\Vilarinho\Vilarinho - Trabalho\Algar Telecom\BK_K_CCA_Vila_27.11.14\Gestão da Equipe e Area\Processo de Contratação\CTBC\Analista IFRS\Eli Geraldo Braga.xls</t>
  </si>
  <si>
    <t>Gustavo Braga Silvestre - Excel Avançado 270809 Vilarinho.xlsx</t>
  </si>
  <si>
    <t>E:\BK_final\Vilarinho\Vilarinho - Trabalho\Algar Telecom\BK_K_CCA_Vila_27.11.14\Gestão da Equipe e Area\Processo de Contratação\CTBC\Analista IFRS\Gustavo Braga Silvestre - Excel Avançado 270809 Vilarinho.xlsx</t>
  </si>
  <si>
    <t>Marco Antonio Domingues - Excel Avançado 270809 Vilarinho.xls</t>
  </si>
  <si>
    <t>E:\BK_final\Vilarinho\Vilarinho - Trabalho\Algar Telecom\BK_K_CCA_Vila_27.11.14\Gestão da Equipe e Area\Processo de Contratação\CTBC\Analista IFRS\Marco Antonio Domingues - Excel Avançado 270809 Vilarinho.xls</t>
  </si>
  <si>
    <t>Maria Odenice da Silva - Excel avançado 270809 Vilarinho.xls</t>
  </si>
  <si>
    <t>E:\BK_final\Vilarinho\Vilarinho - Trabalho\Algar Telecom\BK_K_CCA_Vila_27.11.14\Gestão da Equipe e Area\Processo de Contratação\CTBC\Analista IFRS\Maria Odenice da Silva - Excel avançado 270809 Vilarinho.xls</t>
  </si>
  <si>
    <t>Márcio Antônio Pereira Rocha - excel.xls</t>
  </si>
  <si>
    <t>E:\BK_final\Vilarinho\Vilarinho - Trabalho\Algar Telecom\BK_K_CCA_Vila_27.11.14\Gestão da Equipe e Area\Processo de Contratação\CTBC\Analista IFRS\Márcio Antônio Pereira Rocha - excel.xls</t>
  </si>
  <si>
    <t>C:\Vila\Empresas Anterior\Arquivos Telecom\BK_K_CCA_Vila_27.11.14\Gestão da Equipe e Area\Processo de Contratação\CTBC\Estagiario\</t>
  </si>
  <si>
    <t>E:\BK_final\Vilarinho\Vilarinho - Trabalho\Algar Telecom\BK_K_CCA_Vila_27.11.14\Gestão da Equipe e Area\Processo de Contratação\CTBC\Estagiario\Teste Excell Analista Contábil SR e Estagiário.xls</t>
  </si>
  <si>
    <t>C:\Vila\Empresas Anterior\Arquivos Telecom\BK_K_CCA_Vila_27.11.14\Gestão da Equipe e Area\Processo de Contratação\CTBC\Estagiario Fiscal\</t>
  </si>
  <si>
    <t>DANIEL HENRIQUE DA SILVA ALVARENGA.xlsx</t>
  </si>
  <si>
    <t>E:\BK_final\Vilarinho\Vilarinho - Trabalho\Algar Telecom\BK_K_CCA_Vila_27.11.14\Gestão da Equipe e Area\Processo de Contratação\CTBC\Estagiario Fiscal\DANIEL HENRIQUE DA SILVA ALVARENGA.xlsx</t>
  </si>
  <si>
    <t>11/19/2019 13:34:24</t>
  </si>
  <si>
    <t>Priscilla Alves Ferreira.xls</t>
  </si>
  <si>
    <t>E:\BK_final\Vilarinho\Vilarinho - Trabalho\Algar Telecom\BK_K_CCA_Vila_27.11.14\Gestão da Equipe e Area\Processo de Contratação\CTBC\Estagiario Fiscal\Priscilla Alves Ferreira.xls</t>
  </si>
  <si>
    <t>Rafael Siqueira Leal.xls</t>
  </si>
  <si>
    <t>E:\BK_final\Vilarinho\Vilarinho - Trabalho\Algar Telecom\BK_K_CCA_Vila_27.11.14\Gestão da Equipe e Area\Processo de Contratação\CTBC\Estagiario Fiscal\Rafael Siqueira Leal.xls</t>
  </si>
  <si>
    <t>Sabrina Vieirada Silva.xls</t>
  </si>
  <si>
    <t>E:\BK_final\Vilarinho\Vilarinho - Trabalho\Algar Telecom\BK_K_CCA_Vila_27.11.14\Gestão da Equipe e Area\Processo de Contratação\CTBC\Estagiario Fiscal\Sabrina Vieirada Silva.xls</t>
  </si>
  <si>
    <t>Teste Excell Estagiário.xls</t>
  </si>
  <si>
    <t>E:\BK_final\Vilarinho\Vilarinho - Trabalho\Algar Telecom\BK_K_CCA_Vila_27.11.14\Gestão da Equipe e Area\Processo de Contratação\CTBC\Estagiario Fiscal\Teste Excell Estagiário.xls</t>
  </si>
  <si>
    <t>C:\Vila\Empresas Anterior\Arquivos Telecom\BK_K_CCA_Vila_27.11.14\Gestão da Equipe e Area\Reuniões Área\2010\</t>
  </si>
  <si>
    <t>Ata reuniao - Pontos Gerais.xls</t>
  </si>
  <si>
    <t>E:\BK_final\Vilarinho\Vilarinho - Trabalho\Algar Telecom\BK_K_CCA_Vila_27.11.14\Gestão da Equipe e Area\Reuniões Área\2010\Ata reuniao - Pontos Gerais.xls</t>
  </si>
  <si>
    <t>11/19/2019 13:34:26</t>
  </si>
  <si>
    <t>C:\Vila\Empresas Anterior\Arquivos Telecom\BK_K_CCA_Vila_27.11.14\Gestão da Equipe e Area\Reuniões Área\2010\Mensal - 26.01.10\</t>
  </si>
  <si>
    <t>E:\BK_final\Vilarinho\Vilarinho - Trabalho\Algar Telecom\BK_K_CCA_Vila_27.11.14\Gestão da Equipe e Area\Reuniões Área\2010\Mensal - 26.01.10\CCA - COORD. DE CONTROLADORIA E ATIVOS FINAL base oficial.xls</t>
  </si>
  <si>
    <t>E:\BK_final\Vilarinho\Vilarinho - Trabalho\Algar Telecom\BK_K_CCA_Vila_27.11.14\Gestão da Equipe e Area\Reuniões Área\2010\Mensal - 26.01.10\Plano de Ação Clima CCA 2009.xls</t>
  </si>
  <si>
    <t>11/19/2019 13:34:27</t>
  </si>
  <si>
    <t>C:\Vila\Empresas Anterior\Arquivos Telecom\BK_K_CCA_Vila_27.11.14\Gestão da Equipe e Area\Reuniões Área\2010\Mensal - 27.04.10\Projeto BPO_04fev10.pptx\</t>
  </si>
  <si>
    <t>E:\BK_final\Vilarinho\Vilarinho - Trabalho\Algar Telecom\BK_K_CCA_Vila_27.11.14\Gestão da Equipe e Area\Reuniões Área\2010\Mensal - 27.04.10\Projeto BPO_04fev10.pptx</t>
  </si>
  <si>
    <t>11/19/2019 13:34:28</t>
  </si>
  <si>
    <t>C:\Vila\Empresas Anterior\Arquivos Telecom\BK_K_CCA_Vila_27.11.14\Gestão da Equipe e Area\Reuniões Área\2010\Mensal - 29.06.10\Plano de Ação da Pesquisa OHI - Reunião com Coordenadires - Paulo Dias.ppt\s4\</t>
  </si>
  <si>
    <t>Chart.dat</t>
  </si>
  <si>
    <t>E:\BK_final\Vilarinho\Vilarinho - Trabalho\Algar Telecom\BK_K_CCA_Vila_27.11.14\Gestão da Equipe e Area\Reuniões Área\2010\Mensal - 29.06.10\Plano de Ação da Pesquisa OHI - Reunião com Coordenadires - Paulo Dias.ppt</t>
  </si>
  <si>
    <t>11/19/2019 13:34:30</t>
  </si>
  <si>
    <t>Chart1.dat</t>
  </si>
  <si>
    <t>Chart2.dat</t>
  </si>
  <si>
    <t>PowerPoint.OleObj3.dat</t>
  </si>
  <si>
    <t>11/19/2019 13:34:36</t>
  </si>
  <si>
    <t>C:\Vila\Empresas Anterior\Arquivos Telecom\BK_K_CCA_Vila_27.11.14\Gestão da Equipe e Area\Reuniões Área\2010\Mensal - 30.03.10\</t>
  </si>
  <si>
    <t>Plano de Ação Clima CCA 2009 - Follow Up 30.03.10.xls</t>
  </si>
  <si>
    <t>E:\BK_final\Vilarinho\Vilarinho - Trabalho\Algar Telecom\BK_K_CCA_Vila_27.11.14\Gestão da Equipe e Area\Reuniões Área\2010\Mensal - 30.03.10\Plano de Ação Clima CCA 2009 - Follow Up 30.03.10.xls</t>
  </si>
  <si>
    <t>11/19/2019 13:34:37</t>
  </si>
  <si>
    <t>C:\Vila\Empresas Anterior\Arquivos Telecom\BK_K_CCA_Vila_27.11.14\Gestão da Equipe e Area\Reuniões Área\2010\Mensal - 30.03.10\Projeto IFRS_Reunião da área.pptx\</t>
  </si>
  <si>
    <t>E:\BK_final\Vilarinho\Vilarinho - Trabalho\Algar Telecom\BK_K_CCA_Vila_27.11.14\Gestão da Equipe e Area\Reuniões Área\2010\Mensal - 30.03.10\Projeto IFRS_Reunião da área.pptx</t>
  </si>
  <si>
    <t>11/19/2019 13:34:43</t>
  </si>
  <si>
    <t>C:\Vila\Empresas Anterior\Arquivos Telecom\BK_K_CCA_Vila_27.11.14\Gestão da Equipe e Area\Reuniões Área\2011\Mensal - 03.01.11\Treinamento Jeito Algar de Ser\</t>
  </si>
  <si>
    <t>Treinamento - Exemplos.xlsx</t>
  </si>
  <si>
    <t>E:\BK_final\Vilarinho\Vilarinho - Trabalho\Algar Telecom\BK_K_CCA_Vila_27.11.14\Gestão da Equipe e Area\Reuniões Área\2011\Mensal - 03.01.11\Treinamento Jeito Algar de Ser\Treinamento - Exemplos.xlsx</t>
  </si>
  <si>
    <t>11/19/2019 13:34:45</t>
  </si>
  <si>
    <t>C:\Vila\Empresas Anterior\Arquivos Telecom\BK_K_CCA_Vila_27.11.14\Gestão da Equipe e Area\Reuniões Área\2011\Mensal - 22.02.11\Clima 2010\Apresentação Telecom DEF janeiro2011.pptx\</t>
  </si>
  <si>
    <t>E:\BK_final\Vilarinho\Vilarinho - Trabalho\Algar Telecom\BK_K_CCA_Vila_27.11.14\Gestão da Equipe e Area\Reuniões Área\2011\Mensal - 22.02.11\Clima 2010\Apresentação Telecom DEF janeiro2011.pptx</t>
  </si>
  <si>
    <t>Planilha_do_Microsoft_Office_Excel5.xlsx</t>
  </si>
  <si>
    <t>11/19/2019 13:34:52</t>
  </si>
  <si>
    <t>C:\Vila\Empresas Anterior\Arquivos Telecom\BK_K_CCA_Vila_27.11.14\Gestão da Equipe e Area\Reuniões Área\2011\Mensal - 25.10.11\Algar Status - 24 de Out V2.ppt\s4\</t>
  </si>
  <si>
    <t>Microsoft Office Excel Worksheet.xlsx</t>
  </si>
  <si>
    <t>E:\BK_final\Vilarinho\Vilarinho - Trabalho\Algar Telecom\BK_K_CCA_Vila_27.11.14\Gestão da Equipe e Area\Reuniões Área\2011\Mensal - 25.10.11\Algar Status - 24 de Out V2.ppt</t>
  </si>
  <si>
    <t>11/19/2019 13:34:54</t>
  </si>
  <si>
    <t>C:\Vila\Empresas Anterior\Arquivos Telecom\BK_K_CCA_Vila_27.11.14\Gestão da Equipe e Area\Reuniões Área\2012\</t>
  </si>
  <si>
    <t>Pauta reuniões.xlsx</t>
  </si>
  <si>
    <t>E:\BK_final\Vilarinho\Vilarinho - Trabalho\Algar Telecom\BK_K_CCA_Vila_27.11.14\Gestão da Equipe e Area\Reuniões Área\2012\Pauta reuniões.xlsx</t>
  </si>
  <si>
    <t>C:\Vila\Empresas Anterior\Arquivos Telecom\BK_K_CCA_Vila_27.11.14\Gestão da Equipe e Area\Reuniões Área\2012\15.03.12\</t>
  </si>
  <si>
    <t>Pauta reuniões-ma.xlsx</t>
  </si>
  <si>
    <t>E:\BK_final\Vilarinho\Vilarinho - Trabalho\Algar Telecom\BK_K_CCA_Vila_27.11.14\Gestão da Equipe e Area\Reuniões Área\2012\15.03.12\Pauta reuniões-ma.xlsx</t>
  </si>
  <si>
    <t>11/19/2019 13:34:56</t>
  </si>
  <si>
    <t>C:\Vila\Empresas Anterior\Arquivos Telecom\BK_K_CCA_Vila_27.11.14\Gestão de Contratos\</t>
  </si>
  <si>
    <t>Planilha Controle de Contratos.xlsx</t>
  </si>
  <si>
    <t>E:\BK_final\Vilarinho\Vilarinho - Trabalho\Algar Telecom\BK_K_CCA_Vila_27.11.14\Gestão de Contratos\Planilha Controle de Contratos.xlsx</t>
  </si>
  <si>
    <t>C:\Vila\Empresas Anterior\Arquivos Telecom\BK_K_CCA_Vila_27.11.14\Planejamento DEF 2011\</t>
  </si>
  <si>
    <t>Planejamento estratégico DEF.xlsx</t>
  </si>
  <si>
    <t>E:\BK_final\Vilarinho\Vilarinho - Trabalho\Algar Telecom\BK_K_CCA_Vila_27.11.14\Planejamento DEF 2011\Planejamento estratégico DEF.xlsx</t>
  </si>
  <si>
    <t>11/19/2019 13:34:57</t>
  </si>
  <si>
    <t>C:\Vila\Empresas Anterior\Arquivos Telecom\BK_K_CCA_Vila_27.11.14\Projetos\Antigos\</t>
  </si>
  <si>
    <t>Analise Impacto Torres na CTBC.xls</t>
  </si>
  <si>
    <t>E:\BK_final\Vilarinho\Vilarinho - Trabalho\Algar Telecom\BK_K_CCA_Vila_27.11.14\Projetos\Antigos\Analise Impacto Torres na CTBC.xls</t>
  </si>
  <si>
    <t>Orçado 2013 Opex e Capex - Consolidado Hypireon-Final.xlsx</t>
  </si>
  <si>
    <t>E:\BK_final\Vilarinho\Vilarinho - Trabalho\Algar Telecom\BK_K_CCA_Vila_27.11.14\Projetos\Antigos\Orçado 2013 Opex e Capex - Consolidado Hypireon-Final.xlsx</t>
  </si>
  <si>
    <t>Orçado 2013 Opex e Capex - Consolidado Hypireon.xlsx</t>
  </si>
  <si>
    <t>E:\BK_final\Vilarinho\Vilarinho - Trabalho\Algar Telecom\BK_K_CCA_Vila_27.11.14\Projetos\Antigos\Orçado 2013 Opex e Capex - Consolidado Hypireon.xlsx</t>
  </si>
  <si>
    <t>C:\Vila\Empresas Anterior\Arquivos Telecom\BK_K_CCA_Vila_27.11.14\Projetos\Antigos\2020\</t>
  </si>
  <si>
    <t>Analise Alternativas.xlsx</t>
  </si>
  <si>
    <t>E:\BK_final\Vilarinho\Vilarinho - Trabalho\Algar Telecom\BK_K_CCA_Vila_27.11.14\Projetos\Antigos\2020\Analise Alternativas.xlsx</t>
  </si>
  <si>
    <t>Analise Alternativasv1.xlsx</t>
  </si>
  <si>
    <t>E:\BK_final\Vilarinho\Vilarinho - Trabalho\Algar Telecom\BK_K_CCA_Vila_27.11.14\Projetos\Antigos\2020\Analise Alternativasv1.xlsx</t>
  </si>
  <si>
    <t>11/19/2019 13:34:59</t>
  </si>
  <si>
    <t>C:\Vila\Empresas Anterior\Arquivos Telecom\BK_K_CCA_Vila_27.11.14\Projetos\Antigos\3g Auditoria - Sustentação - Jun-2008\Apresentação 3G - EY - Anterior.ppt\s4\</t>
  </si>
  <si>
    <t>E:\BK_final\Vilarinho\Vilarinho - Trabalho\Algar Telecom\BK_K_CCA_Vila_27.11.14\Projetos\Antigos\3g Auditoria - Sustentação - Jun-2008\Apresentação 3G - EY - Anterior.ppt</t>
  </si>
  <si>
    <t>C:\Vila\Empresas Anterior\Arquivos Telecom\BK_K_CCA_Vila_27.11.14\Projetos\Antigos\3g Auditoria - Sustentação - Jun-2008\Apresentação 3G - EY - c MKT.ppt\s4\</t>
  </si>
  <si>
    <t>E:\BK_final\Vilarinho\Vilarinho - Trabalho\Algar Telecom\BK_K_CCA_Vila_27.11.14\Projetos\Antigos\3g Auditoria - Sustentação - Jun-2008\Apresentação 3G - EY - c MKT.ppt</t>
  </si>
  <si>
    <t>11/19/2019 13:35:00</t>
  </si>
  <si>
    <t>C:\Vila\Empresas Anterior\Arquivos Telecom\BK_K_CCA_Vila_27.11.14\Projetos\Antigos\3g Auditoria - Sustentação - Jun-2008\</t>
  </si>
  <si>
    <t>BP 3G longo prazo 2100mhz - 3G_SEM MERCADOLOGICO.xls</t>
  </si>
  <si>
    <t>E:\BK_final\Vilarinho\Vilarinho - Trabalho\Algar Telecom\BK_K_CCA_Vila_27.11.14\Projetos\Antigos\3g Auditoria - Sustentação - Jun-2008\BP 3G longo prazo 2100mhz - 3G_SEM MERCADOLOGICO.xls</t>
  </si>
  <si>
    <t>11/19/2019 13:35:03</t>
  </si>
  <si>
    <t>C:\Vila\Empresas Anterior\Arquivos Telecom\BK_K_CCA_Vila_27.11.14\Projetos\Antigos\44 - Redução Custos DEF - 2011-Antigo\Apresentação Reduções DEF_1.ppt\s4\</t>
  </si>
  <si>
    <t>Planilha.xlsx</t>
  </si>
  <si>
    <t>E:\BK_final\Vilarinho\Vilarinho - Trabalho\Algar Telecom\BK_K_CCA_Vila_27.11.14\Projetos\Antigos\44 - Redução Custos DEF - 2011-Antigo\Apresentação Reduções DEF_1.ppt</t>
  </si>
  <si>
    <t>11/19/2019 13:35:04</t>
  </si>
  <si>
    <t>C:\Vila\Empresas Anterior\Arquivos Telecom\BK_K_CCA_Vila_27.11.14\Projetos\Antigos\44 - Redução Custos DEF - 2011-Antigo\</t>
  </si>
  <si>
    <t>Redução custo DEF 2011.xlsx</t>
  </si>
  <si>
    <t>E:\BK_final\Vilarinho\Vilarinho - Trabalho\Algar Telecom\BK_K_CCA_Vila_27.11.14\Projetos\Antigos\44 - Redução Custos DEF - 2011-Antigo\Redução custo DEF 2011.xlsx</t>
  </si>
  <si>
    <t>C:\Vila\Empresas Anterior\Arquivos Telecom\BK_K_CCA_Vila_27.11.14\Projetos\Antigos\44 - Redução Custos DEF - 2011-Antigo\Acompanhamento Reduções 2011\</t>
  </si>
  <si>
    <t>Acompanhamento CCA-Custos 2011.xls</t>
  </si>
  <si>
    <t>E:\BK_final\Vilarinho\Vilarinho - Trabalho\Algar Telecom\BK_K_CCA_Vila_27.11.14\Projetos\Antigos\44 - Redução Custos DEF - 2011-Antigo\Acompanhamento Reduções 2011\Acompanhamento CCA-Custos 2011.xls</t>
  </si>
  <si>
    <t>C:\Vila\Empresas Anterior\Arquivos Telecom\BK_K_CCA_Vila_27.11.14\Projetos\Antigos\44 - Redução Custos DEF - 2011-Antigo\Red_Gastos 2011\Acompanhmento\</t>
  </si>
  <si>
    <t>Meta de Redução CCA 2011 (envio para Wendel Lobato).xlsx</t>
  </si>
  <si>
    <t>E:\BK_final\Vilarinho\Vilarinho - Trabalho\Algar Telecom\BK_K_CCA_Vila_27.11.14\Projetos\Antigos\44 - Redução Custos DEF - 2011-Antigo\Red_Gastos 2011\Acompanhmento\Meta de Redução CCA 2011 (envio para Wendel Lobato).xlsx</t>
  </si>
  <si>
    <t>Meta de Redução CCA 2011.xlsx</t>
  </si>
  <si>
    <t>E:\BK_final\Vilarinho\Vilarinho - Trabalho\Algar Telecom\BK_K_CCA_Vila_27.11.14\Projetos\Antigos\44 - Redução Custos DEF - 2011-Antigo\Red_Gastos 2011\Acompanhmento\Meta de Redução CCA 2011.xlsx</t>
  </si>
  <si>
    <t>Meta de Redução DEF 2011 (modelo).xlsx</t>
  </si>
  <si>
    <t>E:\BK_final\Vilarinho\Vilarinho - Trabalho\Algar Telecom\BK_K_CCA_Vila_27.11.14\Projetos\Antigos\44 - Redução Custos DEF - 2011-Antigo\Red_Gastos 2011\Acompanhmento\Meta de Redução DEF 2011 (modelo).xlsx</t>
  </si>
  <si>
    <t>Redução CCA_2011.xlsx</t>
  </si>
  <si>
    <t>E:\BK_final\Vilarinho\Vilarinho - Trabalho\Algar Telecom\BK_K_CCA_Vila_27.11.14\Projetos\Antigos\44 - Redução Custos DEF - 2011-Antigo\Red_Gastos 2011\Acompanhmento\Redução CCA_2011.xlsx</t>
  </si>
  <si>
    <t>C:\Vila\Empresas Anterior\Arquivos Telecom\BK_K_CCA_Vila_27.11.14\Projetos\Antigos\44 - Redução Custos DEF - 2011-Antigo\Red_Gastos 2011\DEF 14_12_10\</t>
  </si>
  <si>
    <t>Acompanhamento de Custos e Despesas 2011.xlsx</t>
  </si>
  <si>
    <t>E:\BK_final\Vilarinho\Vilarinho - Trabalho\Algar Telecom\BK_K_CCA_Vila_27.11.14\Projetos\Antigos\44 - Redução Custos DEF - 2011-Antigo\Red_Gastos 2011\DEF 14_12_10\Acompanhamento de Custos e Despesas 2011.xlsx</t>
  </si>
  <si>
    <t>11/19/2019 13:35:05</t>
  </si>
  <si>
    <t>C:\Vila\Empresas Anterior\Arquivos Telecom\BK_K_CCA_Vila_27.11.14\Projetos\Antigos\44 - Redução Custos DEF - 2011-Antigo\Red_Gastos 2011\DEF 14_12_10\Apresentação CCA - Versão Final (OHI).ppt\s4\</t>
  </si>
  <si>
    <t>E:\BK_final\Vilarinho\Vilarinho - Trabalho\Algar Telecom\BK_K_CCA_Vila_27.11.14\Projetos\Antigos\44 - Redução Custos DEF - 2011-Antigo\Red_Gastos 2011\DEF 14_12_10\Apresentação CCA - Versão Final (OHI).ppt</t>
  </si>
  <si>
    <t>Planilha1.xlsx</t>
  </si>
  <si>
    <t>11/19/2019 13:35:06</t>
  </si>
  <si>
    <t>Planilha2.xlsx</t>
  </si>
  <si>
    <t>Compara Ano 2008 até 2011.xls</t>
  </si>
  <si>
    <t>E:\BK_final\Vilarinho\Vilarinho - Trabalho\Algar Telecom\BK_K_CCA_Vila_27.11.14\Projetos\Antigos\44 - Redução Custos DEF - 2011-Antigo\Red_Gastos 2011\DEF 14_12_10\Compara Ano 2008 até 2011.xls</t>
  </si>
  <si>
    <t>Levantamento_Intervencao_Manual_Toutatis_v1.xls</t>
  </si>
  <si>
    <t>E:\BK_final\Vilarinho\Vilarinho - Trabalho\Algar Telecom\BK_K_CCA_Vila_27.11.14\Projetos\Antigos\44 - Redução Custos DEF - 2011-Antigo\Red_Gastos 2011\DEF 14_12_10\Levantamento_Intervencao_Manual_Toutatis_v1.xls</t>
  </si>
  <si>
    <t>11/19/2019 13:35:07</t>
  </si>
  <si>
    <t>C:\Vila\Empresas Anterior\Arquivos Telecom\BK_K_CCA_Vila_27.11.14\Projetos\Antigos\44 - Redução Custos DEF - 2011-Antigo\Red_Gastos 2011\DEF 14_12_10\Planejamento Tributário - Tatiane.pptx\</t>
  </si>
  <si>
    <t>E:\BK_final\Vilarinho\Vilarinho - Trabalho\Algar Telecom\BK_K_CCA_Vila_27.11.14\Projetos\Antigos\44 - Redução Custos DEF - 2011-Antigo\Red_Gastos 2011\DEF 14_12_10\Planejamento Tributário - Tatiane.pptx</t>
  </si>
  <si>
    <t>E:\BK_final\Vilarinho\Vilarinho - Trabalho\Algar Telecom\BK_K_CCA_Vila_27.11.14\Projetos\Antigos\44 - Redução Custos DEF - 2011-Antigo\Red_Gastos 2011\DEF 14_12_10\Redução custo DEF 2011.xlsx</t>
  </si>
  <si>
    <t>11/19/2019 13:35:08</t>
  </si>
  <si>
    <t>C:\Vila\Empresas Anterior\Arquivos Telecom\BK_K_CCA_Vila_27.11.14\Projetos\Antigos\Analise de Terceiros - Ago-12\</t>
  </si>
  <si>
    <t>Contratos Terceiros_CCA.xlsx</t>
  </si>
  <si>
    <t>E:\BK_final\Vilarinho\Vilarinho - Trabalho\Algar Telecom\BK_K_CCA_Vila_27.11.14\Projetos\Antigos\Analise de Terceiros - Ago-12\Contratos Terceiros_CCA.xlsx</t>
  </si>
  <si>
    <t>C:\Vila\Empresas Anterior\Arquivos Telecom\BK_K_CCA_Vila_27.11.14\Projetos\Antigos\Analise Gastos ADM - MAR 2013\</t>
  </si>
  <si>
    <t>Evolução Pessoal CCA.xlsx</t>
  </si>
  <si>
    <t>E:\BK_final\Vilarinho\Vilarinho - Trabalho\Algar Telecom\BK_K_CCA_Vila_27.11.14\Projetos\Antigos\Analise Gastos ADM - MAR 2013\Evolução Pessoal CCA.xlsx</t>
  </si>
  <si>
    <t>C:\Vila\Empresas Anterior\Arquivos Telecom\BK_K_CCA_Vila_27.11.14\Projetos\Antigos\Analise Makenzi - Pessoal ADM - CTO - CML - Abril 2009\</t>
  </si>
  <si>
    <t>Cópia de Relação de Associados CTBC - Março 09.xls</t>
  </si>
  <si>
    <t>E:\BK_final\Vilarinho\Vilarinho - Trabalho\Algar Telecom\BK_K_CCA_Vila_27.11.14\Projetos\Antigos\Analise Makenzi - Pessoal ADM - CTO - CML - Abril 2009\Cópia de Relação de Associados CTBC - Março 09.xls</t>
  </si>
  <si>
    <t>C:\Vila\Empresas Anterior\Arquivos Telecom\BK_K_CCA_Vila_27.11.14\Projetos\Antigos\Analise Modelo Calculo Premio\</t>
  </si>
  <si>
    <t>19-04-2010-Analise Calculo para apresentação.xls</t>
  </si>
  <si>
    <t>E:\BK_final\Vilarinho\Vilarinho - Trabalho\Algar Telecom\BK_K_CCA_Vila_27.11.14\Projetos\Antigos\Analise Modelo Calculo Premio\19-04-2010-Analise Calculo para apresentação.xls</t>
  </si>
  <si>
    <t>11/19/2019 13:35:09</t>
  </si>
  <si>
    <t>Analise Calculo.xls</t>
  </si>
  <si>
    <t>E:\BK_final\Vilarinho\Vilarinho - Trabalho\Algar Telecom\BK_K_CCA_Vila_27.11.14\Projetos\Antigos\Analise Modelo Calculo Premio\Analise Calculo.xls</t>
  </si>
  <si>
    <t>C:\Vila\Empresas Anterior\Arquivos Telecom\BK_K_CCA_Vila_27.11.14\Projetos\Antigos\Analise Modelo Calculo Premio\FInal\</t>
  </si>
  <si>
    <t>E:\BK_final\Vilarinho\Vilarinho - Trabalho\Algar Telecom\BK_K_CCA_Vila_27.11.14\Projetos\Antigos\Analise Modelo Calculo Premio\FInal\19-04-2010-Analise Calculo para apresentação.xls</t>
  </si>
  <si>
    <t>C:\Vila\Empresas Anterior\Arquivos Telecom\BK_K_CCA_Vila_27.11.14\Projetos\Antigos\Analise Nao Faturado Telecom Set-09\</t>
  </si>
  <si>
    <t>210201007 - Nai Fatura Telecom 30.09.09.xls</t>
  </si>
  <si>
    <t>E:\BK_final\Vilarinho\Vilarinho - Trabalho\Algar Telecom\BK_K_CCA_Vila_27.11.14\Projetos\Antigos\Analise Nao Faturado Telecom Set-09\210201007 - Nai Fatura Telecom 30.09.09.xls</t>
  </si>
  <si>
    <t>11/19/2019 13:35:11</t>
  </si>
  <si>
    <t>C:\Vila\Empresas Anterior\Arquivos Telecom\BK_K_CCA_Vila_27.11.14\Projetos\Antigos\Análise Contingencias\</t>
  </si>
  <si>
    <t>CELULAR 112008.xls</t>
  </si>
  <si>
    <t>E:\BK_final\Vilarinho\Vilarinho - Trabalho\Algar Telecom\BK_K_CCA_Vila_27.11.14\Projetos\Antigos\Análise Contingencias\CELULAR 112008.xls</t>
  </si>
  <si>
    <t>11/19/2019 13:35:19</t>
  </si>
  <si>
    <t>Cronograma Reorganização Societária Data Center v3.xls</t>
  </si>
  <si>
    <t>E:\BK_final\Vilarinho\Vilarinho - Trabalho\Algar Telecom\BK_K_CCA_Vila_27.11.14\Projetos\Antigos\Análise Contingencias\Cronograma Reorganização Societária Data Center v3.xls</t>
  </si>
  <si>
    <t>11/19/2019 13:35:21</t>
  </si>
  <si>
    <t>CTBC 11-2008.xls</t>
  </si>
  <si>
    <t>E:\BK_final\Vilarinho\Vilarinho - Trabalho\Algar Telecom\BK_K_CCA_Vila_27.11.14\Projetos\Antigos\Análise Contingencias\CTBC 11-2008.xls</t>
  </si>
  <si>
    <t>11/19/2019 13:35:29</t>
  </si>
  <si>
    <t>CTBC MULTIMIDIA 112008.xls</t>
  </si>
  <si>
    <t>E:\BK_final\Vilarinho\Vilarinho - Trabalho\Algar Telecom\BK_K_CCA_Vila_27.11.14\Projetos\Antigos\Análise Contingencias\CTBC MULTIMIDIA 112008.xls</t>
  </si>
  <si>
    <t>11/19/2019 13:35:30</t>
  </si>
  <si>
    <t>IMAGE 112008.xls</t>
  </si>
  <si>
    <t>E:\BK_final\Vilarinho\Vilarinho - Trabalho\Algar Telecom\BK_K_CCA_Vila_27.11.14\Projetos\Antigos\Análise Contingencias\IMAGE 112008.xls</t>
  </si>
  <si>
    <t>11/19/2019 13:35:34</t>
  </si>
  <si>
    <t>Planejamento venda torres-17-12-08.xls</t>
  </si>
  <si>
    <t>E:\BK_final\Vilarinho\Vilarinho - Trabalho\Algar Telecom\BK_K_CCA_Vila_27.11.14\Projetos\Antigos\Análise Contingencias\Planejamento venda torres-17-12-08.xls</t>
  </si>
  <si>
    <t>Plano de Ação - Possibilidades Reversoes.xls</t>
  </si>
  <si>
    <t>E:\BK_final\Vilarinho\Vilarinho - Trabalho\Algar Telecom\BK_K_CCA_Vila_27.11.14\Projetos\Antigos\Análise Contingencias\Plano de Ação - Possibilidades Reversoes.xls</t>
  </si>
  <si>
    <t>11/19/2019 13:35:35</t>
  </si>
  <si>
    <t>Reservas Provisionadas Setor Telecom (abertura P, M, J).xls</t>
  </si>
  <si>
    <t>E:\BK_final\Vilarinho\Vilarinho - Trabalho\Algar Telecom\BK_K_CCA_Vila_27.11.14\Projetos\Antigos\Análise Contingencias\Reservas Provisionadas Setor Telecom (abertura P, M, J).xls</t>
  </si>
  <si>
    <t>Resumo impacto venda torres - 01 12 08 (2).xls</t>
  </si>
  <si>
    <t>E:\BK_final\Vilarinho\Vilarinho - Trabalho\Algar Telecom\BK_K_CCA_Vila_27.11.14\Projetos\Antigos\Análise Contingencias\Resumo impacto venda torres - 01 12 08 (2).xls</t>
  </si>
  <si>
    <t>11/19/2019 13:35:38</t>
  </si>
  <si>
    <t>C:\Vila\Empresas Anterior\Arquivos Telecom\BK_K_CCA_Vila_27.11.14\Projetos\Antigos\Apresentacao IFRS Redir\10-05-28 Kickoff consolidado final.pptx\</t>
  </si>
  <si>
    <t>E:\BK_final\Vilarinho\Vilarinho - Trabalho\Algar Telecom\BK_K_CCA_Vila_27.11.14\Projetos\Antigos\Apresentacao IFRS Redir\10-05-28 Kickoff consolidado final.pptx</t>
  </si>
  <si>
    <t>C:\Vila\Empresas Anterior\Arquivos Telecom\BK_K_CCA_Vila_27.11.14\Projetos\Antigos\Apresentacao IFRS Redir\Apresentação IFRS dez09.pptx\</t>
  </si>
  <si>
    <t>E:\BK_final\Vilarinho\Vilarinho - Trabalho\Algar Telecom\BK_K_CCA_Vila_27.11.14\Projetos\Antigos\Apresentacao IFRS Redir\Apresentação IFRS dez09.pptx</t>
  </si>
  <si>
    <t>C:\Vila\Empresas Anterior\Arquivos Telecom\BK_K_CCA_Vila_27.11.14\Projetos\Antigos\Apresentacao IFRS Redir\Apresentação IFRS Vilarinho.pptx\</t>
  </si>
  <si>
    <t>E:\BK_final\Vilarinho\Vilarinho - Trabalho\Algar Telecom\BK_K_CCA_Vila_27.11.14\Projetos\Antigos\Apresentacao IFRS Redir\Apresentação IFRS Vilarinho.pptx</t>
  </si>
  <si>
    <t>11/19/2019 13:35:40</t>
  </si>
  <si>
    <t>C:\Vila\Empresas Anterior\Arquivos Telecom\BK_K_CCA_Vila_27.11.14\Projetos\Antigos\Despesas Administrativas\DEF Analise Desp Adm status 020810.pptx\</t>
  </si>
  <si>
    <t>E:\BK_final\Vilarinho\Vilarinho - Trabalho\Algar Telecom\BK_K_CCA_Vila_27.11.14\Projetos\Antigos\Despesas Administrativas\DEF Analise Desp Adm status 020810.pptx</t>
  </si>
  <si>
    <t>11/19/2019 13:35:45</t>
  </si>
  <si>
    <t>C:\Vila\Empresas Anterior\Arquivos Telecom\BK_K_CCA_Vila_27.11.14\Projetos\Antigos\EstruturaçÃo Auditoria Externa - Maio 2010\Auditoria Externa - Versao Final.ppt\s4\</t>
  </si>
  <si>
    <t>E:\BK_final\Vilarinho\Vilarinho - Trabalho\Algar Telecom\BK_K_CCA_Vila_27.11.14\Projetos\Antigos\EstruturaçÃo Auditoria Externa - Maio 2010\Auditoria Externa - Versao Final.ppt</t>
  </si>
  <si>
    <t>11/19/2019 13:35:46</t>
  </si>
  <si>
    <t>C:\Vila\Empresas Anterior\Arquivos Telecom\BK_K_CCA_Vila_27.11.14\Projetos\Antigos\EstruturaçÃo Auditoria Externa - Maio 2010\</t>
  </si>
  <si>
    <t>CRONOGRAMA ANUAL vila.xls</t>
  </si>
  <si>
    <t>E:\BK_final\Vilarinho\Vilarinho - Trabalho\Algar Telecom\BK_K_CCA_Vila_27.11.14\Projetos\Antigos\EstruturaçÃo Auditoria Externa - Maio 2010\CRONOGRAMA ANUAL vila.xls</t>
  </si>
  <si>
    <t>Cronograma kpmg - Segmento Telecom - 2010.xlsx</t>
  </si>
  <si>
    <t>E:\BK_final\Vilarinho\Vilarinho - Trabalho\Algar Telecom\BK_K_CCA_Vila_27.11.14\Projetos\Antigos\EstruturaçÃo Auditoria Externa - Maio 2010\Cronograma kpmg - Segmento Telecom - 2010.xlsx</t>
  </si>
  <si>
    <t>Planilha Controle de Horas GP da Toutatis.xls</t>
  </si>
  <si>
    <t>E:\BK_final\Vilarinho\Vilarinho - Trabalho\Algar Telecom\BK_K_CCA_Vila_27.11.14\Projetos\Antigos\EstruturaçÃo Auditoria Externa - Maio 2010\Planilha Controle de Horas GP da Toutatis.xls</t>
  </si>
  <si>
    <t>C:\Vila\Empresas Anterior\Arquivos Telecom\BK_K_CCA_Vila_27.11.14\Projetos\Antigos\Estudo Celular - Maio-08\</t>
  </si>
  <si>
    <t>Cópia de EBIT POR REGIONAL - IMOVEIS ALGAR2.xls</t>
  </si>
  <si>
    <t>E:\BK_final\Vilarinho\Vilarinho - Trabalho\Algar Telecom\BK_K_CCA_Vila_27.11.14\Projetos\Antigos\Estudo Celular - Maio-08\Cópia de EBIT POR REGIONAL - IMOVEIS ALGAR2.xls</t>
  </si>
  <si>
    <t>C:\Vila\Empresas Anterior\Arquivos Telecom\BK_K_CCA_Vila_27.11.14\Projetos\Antigos\Estudo Celular - Maio-08\imersão celular.ppt\s4\</t>
  </si>
  <si>
    <t>Planilha do Microsoft Office Excel.xls</t>
  </si>
  <si>
    <t>E:\BK_final\Vilarinho\Vilarinho - Trabalho\Algar Telecom\BK_K_CCA_Vila_27.11.14\Projetos\Antigos\Estudo Celular - Maio-08\imersão celular.ppt</t>
  </si>
  <si>
    <t>Planilha do Microsoft Office Excel1.xls</t>
  </si>
  <si>
    <t>Planilha do Microsoft Office Excel2.xls</t>
  </si>
  <si>
    <t>11/19/2019 13:35:47</t>
  </si>
  <si>
    <t>Plano de ação - celular.xls</t>
  </si>
  <si>
    <t>E:\BK_final\Vilarinho\Vilarinho - Trabalho\Algar Telecom\BK_K_CCA_Vila_27.11.14\Projetos\Antigos\Estudo Celular - Maio-08\Plano de ação - celular.xls</t>
  </si>
  <si>
    <t>11/19/2019 13:35:48</t>
  </si>
  <si>
    <t>áreas-V01-236.xls</t>
  </si>
  <si>
    <t>E:\BK_final\Vilarinho\Vilarinho - Trabalho\Algar Telecom\BK_K_CCA_Vila_27.11.14\Projetos\Antigos\Estudo Celular - Maio-08\áreas-V01-236.xls</t>
  </si>
  <si>
    <t>11/19/2019 13:35:49</t>
  </si>
  <si>
    <t>C:\Vila\Empresas Anterior\Arquivos Telecom\BK_K_CCA_Vila_27.11.14\Projetos\Antigos\Fluxo de Caixa - 2 Sem 2012\</t>
  </si>
  <si>
    <t>Macro-Cronograma Fluxo de Caixa-v1.xlsx</t>
  </si>
  <si>
    <t>E:\BK_final\Vilarinho\Vilarinho - Trabalho\Algar Telecom\BK_K_CCA_Vila_27.11.14\Projetos\Antigos\Fluxo de Caixa - 2 Sem 2012\Macro-Cronograma Fluxo de Caixa-v1.xlsx</t>
  </si>
  <si>
    <t>11/19/2019 13:35:50</t>
  </si>
  <si>
    <t>Macro-Cronograma Fluxo de Caixa-v2.xlsx</t>
  </si>
  <si>
    <t>E:\BK_final\Vilarinho\Vilarinho - Trabalho\Algar Telecom\BK_K_CCA_Vila_27.11.14\Projetos\Antigos\Fluxo de Caixa - 2 Sem 2012\Macro-Cronograma Fluxo de Caixa-v2.xlsx</t>
  </si>
  <si>
    <t>Macro-Cronograma Fluxo de Caixa.xlsx</t>
  </si>
  <si>
    <t>E:\BK_final\Vilarinho\Vilarinho - Trabalho\Algar Telecom\BK_K_CCA_Vila_27.11.14\Projetos\Antigos\Fluxo de Caixa - 2 Sem 2012\Macro-Cronograma Fluxo de Caixa.xlsx</t>
  </si>
  <si>
    <t>11/19/2019 13:36:02</t>
  </si>
  <si>
    <t>C:\Vila\Empresas Anterior\Arquivos Telecom\BK_K_CCA_Vila_27.11.14\Projetos\Antigos\GSM\</t>
  </si>
  <si>
    <t>GSM valores.xlsx</t>
  </si>
  <si>
    <t>E:\BK_final\Vilarinho\Vilarinho - Trabalho\Algar Telecom\BK_K_CCA_Vila_27.11.14\Projetos\Antigos\GSM\GSM valores.xlsx</t>
  </si>
  <si>
    <t>C:\Vila\Empresas Anterior\Arquivos Telecom\BK_K_CCA_Vila_27.11.14\Projetos\Antigos\Horas Adicionais KPMG\</t>
  </si>
  <si>
    <t>Horas adicionais - Telecom - Fechamento 2011.xlsx</t>
  </si>
  <si>
    <t>E:\BK_final\Vilarinho\Vilarinho - Trabalho\Algar Telecom\BK_K_CCA_Vila_27.11.14\Projetos\Antigos\Horas Adicionais KPMG\Horas adicionais - Telecom - Fechamento 2011.xlsx</t>
  </si>
  <si>
    <t>C:\Vila\Empresas Anterior\Arquivos Telecom\BK_K_CCA_Vila_27.11.14\Projetos\Antigos\horas Adicionais Projeto IFRS c KPMG\</t>
  </si>
  <si>
    <t>Update Consumo Horas 25 feb 2010.xls</t>
  </si>
  <si>
    <t>E:\BK_final\Vilarinho\Vilarinho - Trabalho\Algar Telecom\BK_K_CCA_Vila_27.11.14\Projetos\Antigos\horas Adicionais Projeto IFRS c KPMG\Update Consumo Horas 25 feb 2010.xls</t>
  </si>
  <si>
    <t>11/19/2019 13:36:03</t>
  </si>
  <si>
    <t>C:\Vila\Empresas Anterior\Arquivos Telecom\BK_K_CCA_Vila_27.11.14\Projetos\Antigos\Imovel Guaira\</t>
  </si>
  <si>
    <t>Estudo Viabilidade - Venda ou Permuta.xlsx</t>
  </si>
  <si>
    <t>E:\BK_final\Vilarinho\Vilarinho - Trabalho\Algar Telecom\BK_K_CCA_Vila_27.11.14\Projetos\Antigos\Imovel Guaira\Estudo Viabilidade - Venda ou Permuta.xlsx</t>
  </si>
  <si>
    <t>11/19/2019 13:36:04</t>
  </si>
  <si>
    <t>C:\Vila\Empresas Anterior\Arquivos Telecom\BK_K_CCA_Vila_27.11.14\Projetos\Antigos\Instrucao Trabalho - Fechamento Contábil\</t>
  </si>
  <si>
    <t>Sugestao Modelo Check List.xls</t>
  </si>
  <si>
    <t>E:\BK_final\Vilarinho\Vilarinho - Trabalho\Algar Telecom\BK_K_CCA_Vila_27.11.14\Projetos\Antigos\Instrucao Trabalho - Fechamento Contábil\Sugestao Modelo Check List.xls</t>
  </si>
  <si>
    <t>11/19/2019 13:36:05</t>
  </si>
  <si>
    <t>C:\Vila\Empresas Anterior\Arquivos Telecom\BK_K_CCA_Vila_27.11.14\Projetos\Antigos\IT Consulta tributária\</t>
  </si>
  <si>
    <t>Anexo Apresentação - Consutlas Tributárias.xls</t>
  </si>
  <si>
    <t>E:\BK_final\Vilarinho\Vilarinho - Trabalho\Algar Telecom\BK_K_CCA_Vila_27.11.14\Projetos\Antigos\IT Consulta tributária\Anexo Apresentação - Consutlas Tributárias.xls</t>
  </si>
  <si>
    <t>11/19/2019 13:36:06</t>
  </si>
  <si>
    <t>C:\Vila\Empresas Anterior\Arquivos Telecom\BK_K_CCA_Vila_27.11.14\Projetos\Antigos\Negociação FCONT Maio-10\</t>
  </si>
  <si>
    <t>Negociacao Toutatis FCONT.xls</t>
  </si>
  <si>
    <t>E:\BK_final\Vilarinho\Vilarinho - Trabalho\Algar Telecom\BK_K_CCA_Vila_27.11.14\Projetos\Antigos\Negociação FCONT Maio-10\Negociacao Toutatis FCONT.xls</t>
  </si>
  <si>
    <t>C:\Vila\Empresas Anterior\Arquivos Telecom\BK_K_CCA_Vila_27.11.14\Projetos\Antigos\Negociações Horas Adicionais Toutatis - Jan - 10\</t>
  </si>
  <si>
    <t>Horas Adicionais.xls</t>
  </si>
  <si>
    <t>E:\BK_final\Vilarinho\Vilarinho - Trabalho\Algar Telecom\BK_K_CCA_Vila_27.11.14\Projetos\Antigos\Negociações Horas Adicionais Toutatis - Jan - 10\Horas Adicionais.xls</t>
  </si>
  <si>
    <t>C:\Vila\Empresas Anterior\Arquivos Telecom\BK_K_CCA_Vila_27.11.14\Projetos\Antigos\Orcamento 2 Revisao 2008\</t>
  </si>
  <si>
    <t>Consolidado COntingencias 2 revisao 2008.xlsx</t>
  </si>
  <si>
    <t>E:\BK_final\Vilarinho\Vilarinho - Trabalho\Algar Telecom\BK_K_CCA_Vila_27.11.14\Projetos\Antigos\Orcamento 2 Revisao 2008\Consolidado COntingencias 2 revisao 2008.xlsx</t>
  </si>
  <si>
    <t>Orcamento contingencias tributarias.xlsx</t>
  </si>
  <si>
    <t>E:\BK_final\Vilarinho\Vilarinho - Trabalho\Algar Telecom\BK_K_CCA_Vila_27.11.14\Projetos\Antigos\Orcamento 2 Revisao 2008\Orcamento contingencias tributarias.xlsx</t>
  </si>
  <si>
    <t>Orçamento de contingências - todas as empresas - 2º sem 2008.xls</t>
  </si>
  <si>
    <t>E:\BK_final\Vilarinho\Vilarinho - Trabalho\Algar Telecom\BK_K_CCA_Vila_27.11.14\Projetos\Antigos\Orcamento 2 Revisao 2008\Orçamento de contingências - todas as empresas - 2º sem 2008.xls</t>
  </si>
  <si>
    <t>Revisão Contingências Trabalhistas - julho a dezembro 2008.xls</t>
  </si>
  <si>
    <t>E:\BK_final\Vilarinho\Vilarinho - Trabalho\Algar Telecom\BK_K_CCA_Vila_27.11.14\Projetos\Antigos\Orcamento 2 Revisao 2008\Revisão Contingências Trabalhistas - julho a dezembro 2008.xls</t>
  </si>
  <si>
    <t>C:\Vila\Empresas Anterior\Arquivos Telecom\BK_K_CCA_Vila_27.11.14\Projetos\Antigos\Orçamento EBIT POR REGIONAL\</t>
  </si>
  <si>
    <t>Orçamento Projeto Ebit por Regional - V. 28.11.08.xls</t>
  </si>
  <si>
    <t>E:\BK_final\Vilarinho\Vilarinho - Trabalho\Algar Telecom\BK_K_CCA_Vila_27.11.14\Projetos\Antigos\Orçamento EBIT POR REGIONAL\Orçamento Projeto Ebit por Regional - V. 28.11.08.xls</t>
  </si>
  <si>
    <t>C:\Vila\Empresas Anterior\Arquivos Telecom\BK_K_CCA_Vila_27.11.14\Projetos\Antigos\Pados\</t>
  </si>
  <si>
    <t>Pados.xls</t>
  </si>
  <si>
    <t>E:\BK_final\Vilarinho\Vilarinho - Trabalho\Algar Telecom\BK_K_CCA_Vila_27.11.14\Projetos\Antigos\Pados\Pados.xls</t>
  </si>
  <si>
    <t>11/19/2019 13:36:07</t>
  </si>
  <si>
    <t>C:\Vila\Empresas Anterior\Arquivos Telecom\BK_K_CCA_Vila_27.11.14\Projetos\Antigos\Planej_Estratégico\</t>
  </si>
  <si>
    <t>Estruturação apresentação LP.xlsx</t>
  </si>
  <si>
    <t>E:\BK_final\Vilarinho\Vilarinho - Trabalho\Algar Telecom\BK_K_CCA_Vila_27.11.14\Projetos\Antigos\Planej_Estratégico\Estruturação apresentação LP.xlsx</t>
  </si>
  <si>
    <t>11/19/2019 13:36:08</t>
  </si>
  <si>
    <t>C:\Vila\Empresas Anterior\Arquivos Telecom\BK_K_CCA_Vila_27.11.14\Projetos\Antigos\Preclosing 2011\</t>
  </si>
  <si>
    <t>Contingencia Grupamento Acoes.xlsx</t>
  </si>
  <si>
    <t>E:\BK_final\Vilarinho\Vilarinho - Trabalho\Algar Telecom\BK_K_CCA_Vila_27.11.14\Projetos\Antigos\Preclosing 2011\Contingencia Grupamento Acoes.xlsx</t>
  </si>
  <si>
    <t>Contingencia Revisao Billing-Preclosing.xlsx</t>
  </si>
  <si>
    <t>E:\BK_final\Vilarinho\Vilarinho - Trabalho\Algar Telecom\BK_K_CCA_Vila_27.11.14\Projetos\Antigos\Preclosing 2011\Contingencia Revisao Billing-Preclosing.xlsx</t>
  </si>
  <si>
    <t>Impacto Resultado 2011.xlsx</t>
  </si>
  <si>
    <t>E:\BK_final\Vilarinho\Vilarinho - Trabalho\Algar Telecom\BK_K_CCA_Vila_27.11.14\Projetos\Antigos\Preclosing 2011\Impacto Resultado 2011.xlsx</t>
  </si>
  <si>
    <t>Preclsosing 2011.xlsx</t>
  </si>
  <si>
    <t>E:\BK_final\Vilarinho\Vilarinho - Trabalho\Algar Telecom\BK_K_CCA_Vila_27.11.14\Projetos\Antigos\Preclosing 2011\Preclsosing 2011.xlsx</t>
  </si>
  <si>
    <t>11/19/2019 13:36:09</t>
  </si>
  <si>
    <t>C:\Vila\Empresas Anterior\Arquivos Telecom\BK_K_CCA_Vila_27.11.14\Projetos\Antigos\Projeto - CSC - Out-2010\Análises Out-12\Parecer Gastos de Transição IBM - versao final.doc\</t>
  </si>
  <si>
    <t>E:\BK_final\Vilarinho\Vilarinho - Trabalho\Algar Telecom\BK_K_CCA_Vila_27.11.14\Projetos\Antigos\Projeto - CSC - Out-2010\Análises Out-12\Parecer Gastos de Transição IBM - versao final.doc</t>
  </si>
  <si>
    <t>C:\Vila\Empresas Anterior\Arquivos Telecom\BK_K_CCA_Vila_27.11.14\Projetos\Antigos\Projeto - CSC - Out-2010\Análises Out-12\</t>
  </si>
  <si>
    <t>Template revisão escopo CSC em FICO - IBM.xlsx</t>
  </si>
  <si>
    <t>E:\BK_final\Vilarinho\Vilarinho - Trabalho\Algar Telecom\BK_K_CCA_Vila_27.11.14\Projetos\Antigos\Projeto - CSC - Out-2010\Análises Out-12\Template revisão escopo CSC em FICO - IBM.xlsx</t>
  </si>
  <si>
    <t>11/19/2019 13:36:12</t>
  </si>
  <si>
    <t>C:\Vila\Empresas Anterior\Arquivos Telecom\BK_K_CCA_Vila_27.11.14\Projetos\Antigos\Projeto - CSC - Out-2010\Fase Transição - Desk's\Contabil\Revisados\</t>
  </si>
  <si>
    <t>sugestao plan de reserva legal.xls</t>
  </si>
  <si>
    <t>E:\BK_final\Vilarinho\Vilarinho - Trabalho\Algar Telecom\BK_K_CCA_Vila_27.11.14\Projetos\Antigos\Projeto - CSC - Out-2010\Fase Transição - Desk's\Contabil\Revisados\sugestao plan de reserva legal.xls</t>
  </si>
  <si>
    <t>11/19/2019 13:36:13</t>
  </si>
  <si>
    <t>C:\Vila\Empresas Anterior\Arquivos Telecom\BK_K_CCA_Vila_27.11.14\Projetos\Antigos\Projeto - CSC - Out-2010\Vilarinho-FASE II\Analise Propostas\</t>
  </si>
  <si>
    <t>Analise - Perguntas e Respostas - Gerais.xls</t>
  </si>
  <si>
    <t>E:\BK_final\Vilarinho\Vilarinho - Trabalho\Algar Telecom\BK_K_CCA_Vila_27.11.14\Projetos\Antigos\Projeto - CSC - Out-2010\Vilarinho-FASE II\Analise Propostas\Analise - Perguntas e Respostas - Gerais.xls</t>
  </si>
  <si>
    <t>Template Analises CSC_FICO-novo.xls</t>
  </si>
  <si>
    <t>E:\BK_final\Vilarinho\Vilarinho - Trabalho\Algar Telecom\BK_K_CCA_Vila_27.11.14\Projetos\Antigos\Projeto - CSC - Out-2010\Vilarinho-FASE II\Analise Propostas\Template Analises CSC_FICO-novo.xls</t>
  </si>
  <si>
    <t>To Do por Frente.xls</t>
  </si>
  <si>
    <t>E:\BK_final\Vilarinho\Vilarinho - Trabalho\Algar Telecom\BK_K_CCA_Vila_27.11.14\Projetos\Antigos\Projeto - CSC - Out-2010\Vilarinho-FASE II\Analise Propostas\To Do por Frente.xls</t>
  </si>
  <si>
    <t>C:\Vila\Empresas Anterior\Arquivos Telecom\BK_K_CCA_Vila_27.11.14\Projetos\Antigos\Projeto - CSC - Out-2010\Vilarinho-FASE II\Analise Propostas\Analise Final\</t>
  </si>
  <si>
    <t>Comparação Técnica - Propostas-Final.xls</t>
  </si>
  <si>
    <t>E:\BK_final\Vilarinho\Vilarinho - Trabalho\Algar Telecom\BK_K_CCA_Vila_27.11.14\Projetos\Antigos\Projeto - CSC - Out-2010\Vilarinho-FASE II\Analise Propostas\Analise Final\Comparação Técnica - Propostas-Final.xls</t>
  </si>
  <si>
    <t>Cópia de Custos adicionais csc final.xls</t>
  </si>
  <si>
    <t>E:\BK_final\Vilarinho\Vilarinho - Trabalho\Algar Telecom\BK_K_CCA_Vila_27.11.14\Projetos\Antigos\Projeto - CSC - Out-2010\Vilarinho-FASE II\Analise Propostas\Analise Final\Cópia de Custos adicionais csc final.xls</t>
  </si>
  <si>
    <t>Ponderacao final.xls</t>
  </si>
  <si>
    <t>E:\BK_final\Vilarinho\Vilarinho - Trabalho\Algar Telecom\BK_K_CCA_Vila_27.11.14\Projetos\Antigos\Projeto - CSC - Out-2010\Vilarinho-FASE II\Analise Propostas\Analise Final\Ponderacao final.xls</t>
  </si>
  <si>
    <t>11/19/2019 13:36:14</t>
  </si>
  <si>
    <t>C:\Vila\Empresas Anterior\Arquivos Telecom\BK_K_CCA_Vila_27.11.14\Projetos\Antigos\Projeto - CSC - Out-2010\Vilarinho-FASE II\Analise Propostas\Analise Proposta Toutatis\Material suporte\Recon\</t>
  </si>
  <si>
    <t>Detalhamento RECON.xls</t>
  </si>
  <si>
    <t>E:\BK_final\Vilarinho\Vilarinho - Trabalho\Algar Telecom\BK_K_CCA_Vila_27.11.14\Projetos\Antigos\Projeto - CSC - Out-2010\Vilarinho-FASE II\Analise Propostas\Analise Proposta Toutatis\Material suporte\Recon\Detalhamento RECON.xls</t>
  </si>
  <si>
    <t>C:\Vila\Empresas Anterior\Arquivos Telecom\BK_K_CCA_Vila_27.11.14\Projetos\Antigos\Projeto - CSC - Out-2010\Vilarinho-FASE II\Analise Propostas\Analises Proposta IBM\Material Apoio\</t>
  </si>
  <si>
    <t>FICO - Alinhamento IBM.xlsx</t>
  </si>
  <si>
    <t>E:\BK_final\Vilarinho\Vilarinho - Trabalho\Algar Telecom\BK_K_CCA_Vila_27.11.14\Projetos\Antigos\Projeto - CSC - Out-2010\Vilarinho-FASE II\Analise Propostas\Analises Proposta IBM\Material Apoio\FICO - Alinhamento IBM.xlsx</t>
  </si>
  <si>
    <t>Processo Arrecadação - FICO.xls</t>
  </si>
  <si>
    <t>E:\BK_final\Vilarinho\Vilarinho - Trabalho\Algar Telecom\BK_K_CCA_Vila_27.11.14\Projetos\Antigos\Projeto - CSC - Out-2010\Vilarinho-FASE II\Analise Propostas\Analises Proposta IBM\Material Apoio\Processo Arrecadação - FICO.xls</t>
  </si>
  <si>
    <t>Template FICO- Parte Fiscal.xls</t>
  </si>
  <si>
    <t>E:\BK_final\Vilarinho\Vilarinho - Trabalho\Algar Telecom\BK_K_CCA_Vila_27.11.14\Projetos\Antigos\Projeto - CSC - Out-2010\Vilarinho-FASE II\Analise Propostas\Analises Proposta IBM\Material Apoio\Template FICO- Parte Fiscal.xls</t>
  </si>
  <si>
    <t>11/19/2019 13:36:19</t>
  </si>
  <si>
    <t>C:\Vila\Empresas Anterior\Arquivos Telecom\BK_K_CCA_Vila_27.11.14\Projetos\Antigos\Projeto - CSC - Out-2010\Vilarinho-FASE II\Atas da IBM\Revisadas pela Karina e kely\</t>
  </si>
  <si>
    <t>Resumo Lotes Contabilizados.xls</t>
  </si>
  <si>
    <t>E:\BK_final\Vilarinho\Vilarinho - Trabalho\Algar Telecom\BK_K_CCA_Vila_27.11.14\Projetos\Antigos\Projeto - CSC - Out-2010\Vilarinho-FASE II\Atas da IBM\Revisadas pela Karina e kely\Resumo Lotes Contabilizados.xls</t>
  </si>
  <si>
    <t>11/19/2019 13:36:20</t>
  </si>
  <si>
    <t>C:\Vila\Empresas Anterior\Arquivos Telecom\BK_K_CCA_Vila_27.11.14\Projetos\Antigos\Projeto - CSC - Out-2010\Vilarinho-FASE II\Atividades e FTE's e questionarios - FICO\</t>
  </si>
  <si>
    <t>Atividades e Processos - Controladoria.xlsx</t>
  </si>
  <si>
    <t>E:\BK_final\Vilarinho\Vilarinho - Trabalho\Algar Telecom\BK_K_CCA_Vila_27.11.14\Projetos\Antigos\Projeto - CSC - Out-2010\Vilarinho-FASE II\Atividades e FTE's e questionarios - FICO\Atividades e Processos - Controladoria.xlsx</t>
  </si>
  <si>
    <t>Atividades e Processos - Financeiro.xls</t>
  </si>
  <si>
    <t>E:\BK_final\Vilarinho\Vilarinho - Trabalho\Algar Telecom\BK_K_CCA_Vila_27.11.14\Projetos\Antigos\Projeto - CSC - Out-2010\Vilarinho-FASE II\Atividades e FTE's e questionarios - FICO\Atividades e Processos - Financeiro.xls</t>
  </si>
  <si>
    <t>CSC_Financeiro_FTE_As_Is.xls</t>
  </si>
  <si>
    <t>E:\BK_final\Vilarinho\Vilarinho - Trabalho\Algar Telecom\BK_K_CCA_Vila_27.11.14\Projetos\Antigos\Projeto - CSC - Out-2010\Vilarinho-FASE II\Atividades e FTE's e questionarios - FICO\CSC_Financeiro_FTE_As_Is.xls</t>
  </si>
  <si>
    <t>FTE As Is FICO.xls</t>
  </si>
  <si>
    <t>E:\BK_final\Vilarinho\Vilarinho - Trabalho\Algar Telecom\BK_K_CCA_Vila_27.11.14\Projetos\Antigos\Projeto - CSC - Out-2010\Vilarinho-FASE II\Atividades e FTE's e questionarios - FICO\FTE As Is FICO.xls</t>
  </si>
  <si>
    <t>11/19/2019 13:36:21</t>
  </si>
  <si>
    <t>ResumoCSC_Final-FTE Controladoria.xlsx</t>
  </si>
  <si>
    <t>E:\BK_final\Vilarinho\Vilarinho - Trabalho\Algar Telecom\BK_K_CCA_Vila_27.11.14\Projetos\Antigos\Projeto - CSC - Out-2010\Vilarinho-FASE II\Atividades e FTE's e questionarios - FICO\ResumoCSC_Final-FTE Controladoria.xlsx</t>
  </si>
  <si>
    <t>TCP (To Be).xls</t>
  </si>
  <si>
    <t>E:\BK_final\Vilarinho\Vilarinho - Trabalho\Algar Telecom\BK_K_CCA_Vila_27.11.14\Projetos\Antigos\Projeto - CSC - Out-2010\Vilarinho-FASE II\Atividades e FTE's e questionarios - FICO\TCP (To Be).xls</t>
  </si>
  <si>
    <t>TCP Macro (Consolidado).xls</t>
  </si>
  <si>
    <t>E:\BK_final\Vilarinho\Vilarinho - Trabalho\Algar Telecom\BK_K_CCA_Vila_27.11.14\Projetos\Antigos\Projeto - CSC - Out-2010\Vilarinho-FASE II\Atividades e FTE's e questionarios - FICO\TCP Macro (Consolidado).xls</t>
  </si>
  <si>
    <t>TCP Macro (Consolidado).xlsx</t>
  </si>
  <si>
    <t>E:\BK_final\Vilarinho\Vilarinho - Trabalho\Algar Telecom\BK_K_CCA_Vila_27.11.14\Projetos\Antigos\Projeto - CSC - Out-2010\Vilarinho-FASE II\Atividades e FTE's e questionarios - FICO\TCP Macro (Consolidado).xlsx</t>
  </si>
  <si>
    <t>C:\Vila\Empresas Anterior\Arquivos Telecom\BK_K_CCA_Vila_27.11.14\Projetos\Antigos\Projeto - CSC - Out-2010\Vilarinho-FASE II\Benchmarking\FICO\Bunge\Benchmarking - FICO - Bunge 05.10.10.ppt\s4\</t>
  </si>
  <si>
    <t>E:\BK_final\Vilarinho\Vilarinho - Trabalho\Algar Telecom\BK_K_CCA_Vila_27.11.14\Projetos\Antigos\Projeto - CSC - Out-2010\Vilarinho-FASE II\Benchmarking\FICO\Bunge\Benchmarking - FICO - Bunge 05.10.10.ppt</t>
  </si>
  <si>
    <t>C:\Vila\Empresas Anterior\Arquivos Telecom\BK_K_CCA_Vila_27.11.14\Projetos\Antigos\Projeto - CSC - Out-2010\Vilarinho-FASE II\Benchmarking\FICO\Bunge\</t>
  </si>
  <si>
    <t>Benchmarking_Bunge_ FICO_vf- Karina.xlsx</t>
  </si>
  <si>
    <t>E:\BK_final\Vilarinho\Vilarinho - Trabalho\Algar Telecom\BK_K_CCA_Vila_27.11.14\Projetos\Antigos\Projeto - CSC - Out-2010\Vilarinho-FASE II\Benchmarking\FICO\Bunge\Benchmarking_Bunge_ FICO_vf- Karina.xlsx</t>
  </si>
  <si>
    <t>Check List benchmarking - FICO- Bounge.xls</t>
  </si>
  <si>
    <t>E:\BK_final\Vilarinho\Vilarinho - Trabalho\Algar Telecom\BK_K_CCA_Vila_27.11.14\Projetos\Antigos\Projeto - CSC - Out-2010\Vilarinho-FASE II\Benchmarking\FICO\Bunge\Check List benchmarking - FICO- Bounge.xls</t>
  </si>
  <si>
    <t>11/19/2019 13:36:22</t>
  </si>
  <si>
    <t>C:\Vila\Empresas Anterior\Arquivos Telecom\BK_K_CCA_Vila_27.11.14\Projetos\Antigos\Projeto - CSC - Out-2010\Vilarinho-FASE II\Benchmarking\FICO\Bunge\Projeto CSC_Pto Controle_07_10_.ppt\s4\</t>
  </si>
  <si>
    <t>E:\BK_final\Vilarinho\Vilarinho - Trabalho\Algar Telecom\BK_K_CCA_Vila_27.11.14\Projetos\Antigos\Projeto - CSC - Out-2010\Vilarinho-FASE II\Benchmarking\FICO\Bunge\Projeto CSC_Pto Controle_07_10_.ppt</t>
  </si>
  <si>
    <t>C:\Vila\Empresas Anterior\Arquivos Telecom\BK_K_CCA_Vila_27.11.14\Projetos\Antigos\Projeto - CSC - Out-2010\Vilarinho-FASE II\Benchmarking\FICO\Draft's\</t>
  </si>
  <si>
    <t>Checklist benchmarketing clientes CSC - Parte Finanças.xls</t>
  </si>
  <si>
    <t>E:\BK_final\Vilarinho\Vilarinho - Trabalho\Algar Telecom\BK_K_CCA_Vila_27.11.14\Projetos\Antigos\Projeto - CSC - Out-2010\Vilarinho-FASE II\Benchmarking\FICO\Draft's\Checklist benchmarketing clientes CSC - Parte Finanças.xls</t>
  </si>
  <si>
    <t>11/19/2019 13:36:23</t>
  </si>
  <si>
    <t>C:\Vila\Empresas Anterior\Arquivos Telecom\BK_K_CCA_Vila_27.11.14\Projetos\Antigos\Projeto - CSC - Out-2010\Vilarinho-FASE II\Benchmarking\FICO\Natura\</t>
  </si>
  <si>
    <t>Check List benchmarking - FICO-Final.xls</t>
  </si>
  <si>
    <t>E:\BK_final\Vilarinho\Vilarinho - Trabalho\Algar Telecom\BK_K_CCA_Vila_27.11.14\Projetos\Antigos\Projeto - CSC - Out-2010\Vilarinho-FASE II\Benchmarking\FICO\Natura\Check List benchmarking - FICO-Final.xls</t>
  </si>
  <si>
    <t>C:\Vila\Empresas Anterior\Arquivos Telecom\BK_K_CCA_Vila_27.11.14\Projetos\Antigos\Projeto - CSC - Out-2010\Vilarinho-FASE II\Benchmarking\TH\</t>
  </si>
  <si>
    <t>ANALISE Pontos Positivos x Negativos - IBM.xls</t>
  </si>
  <si>
    <t>E:\BK_final\Vilarinho\Vilarinho - Trabalho\Algar Telecom\BK_K_CCA_Vila_27.11.14\Projetos\Antigos\Projeto - CSC - Out-2010\Vilarinho-FASE II\Benchmarking\TH\ANALISE Pontos Positivos x Negativos - IBM.xls</t>
  </si>
  <si>
    <t>ANALISE Pontos Positivos x Negativos - TOUTATIS.xls</t>
  </si>
  <si>
    <t>E:\BK_final\Vilarinho\Vilarinho - Trabalho\Algar Telecom\BK_K_CCA_Vila_27.11.14\Projetos\Antigos\Projeto - CSC - Out-2010\Vilarinho-FASE II\Benchmarking\TH\ANALISE Pontos Positivos x Negativos - TOUTATIS.xls</t>
  </si>
  <si>
    <t>11/19/2019 13:36:26</t>
  </si>
  <si>
    <t>C:\Vila\Empresas Anterior\Arquivos Telecom\BK_K_CCA_Vila_27.11.14\Projetos\Antigos\Projeto - CSC - Out-2010\Vilarinho-FASE II\Cronogramas\</t>
  </si>
  <si>
    <t>Agendas WorkShops 14 e 15.xls</t>
  </si>
  <si>
    <t>E:\BK_final\Vilarinho\Vilarinho - Trabalho\Algar Telecom\BK_K_CCA_Vila_27.11.14\Projetos\Antigos\Projeto - CSC - Out-2010\Vilarinho-FASE II\Cronogramas\Agendas WorkShops 14 e 15.xls</t>
  </si>
  <si>
    <t>Cronograma Semana 9 a 13 Agosto - 2010 - Frente FICO.xls</t>
  </si>
  <si>
    <t>E:\BK_final\Vilarinho\Vilarinho - Trabalho\Algar Telecom\BK_K_CCA_Vila_27.11.14\Projetos\Antigos\Projeto - CSC - Out-2010\Vilarinho-FASE II\Cronogramas\Cronograma Semana 9 a 13 Agosto - 2010 - Frente FICO.xls</t>
  </si>
  <si>
    <t>C:\Vila\Empresas Anterior\Arquivos Telecom\BK_K_CCA_Vila_27.11.14\Projetos\Antigos\Projeto - CSC - Out-2010\Vilarinho-FASE II\Cronogramas\Projeto CSC_Pto Controle_07_10_.ppt\s4\</t>
  </si>
  <si>
    <t>E:\BK_final\Vilarinho\Vilarinho - Trabalho\Algar Telecom\BK_K_CCA_Vila_27.11.14\Projetos\Antigos\Projeto - CSC - Out-2010\Vilarinho-FASE II\Cronogramas\Projeto CSC_Pto Controle_07_10_.ppt</t>
  </si>
  <si>
    <t>TOUTATIS_Entrevistas Externas Contabil Fiscal Finanças(2)(1).xls</t>
  </si>
  <si>
    <t>E:\BK_final\Vilarinho\Vilarinho - Trabalho\Algar Telecom\BK_K_CCA_Vila_27.11.14\Projetos\Antigos\Projeto - CSC - Out-2010\Vilarinho-FASE II\Cronogramas\TOUTATIS_Entrevistas Externas Contabil Fiscal Finanças(2)(1).xls</t>
  </si>
  <si>
    <t>11/19/2019 13:36:28</t>
  </si>
  <si>
    <t>C:\Vila\Empresas Anterior\Arquivos Telecom\BK_K_CCA_Vila_27.11.14\Projetos\Antigos\Projeto - CSC - Out-2010\Vilarinho-FASE II\Custos Adicionais FICO\</t>
  </si>
  <si>
    <t>Custos Adicionais_FICO.xls</t>
  </si>
  <si>
    <t>E:\BK_final\Vilarinho\Vilarinho - Trabalho\Algar Telecom\BK_K_CCA_Vila_27.11.14\Projetos\Antigos\Projeto - CSC - Out-2010\Vilarinho-FASE II\Custos Adicionais FICO\Custos Adicionais_FICO.xls</t>
  </si>
  <si>
    <t>Equalização Proposta CSC - 03.11.10.xls</t>
  </si>
  <si>
    <t>E:\BK_final\Vilarinho\Vilarinho - Trabalho\Algar Telecom\BK_K_CCA_Vila_27.11.14\Projetos\Antigos\Projeto - CSC - Out-2010\Vilarinho-FASE II\Custos Adicionais FICO\Equalização Proposta CSC - 03.11.10.xls</t>
  </si>
  <si>
    <t>TCO_Custos adicionais csc final.xls</t>
  </si>
  <si>
    <t>E:\BK_final\Vilarinho\Vilarinho - Trabalho\Algar Telecom\BK_K_CCA_Vila_27.11.14\Projetos\Antigos\Projeto - CSC - Out-2010\Vilarinho-FASE II\Custos Adicionais FICO\TCO_Custos adicionais csc final.xls</t>
  </si>
  <si>
    <t>TCO_Custos adicionais FICO csc - Ajustes Finais.xls</t>
  </si>
  <si>
    <t>E:\BK_final\Vilarinho\Vilarinho - Trabalho\Algar Telecom\BK_K_CCA_Vila_27.11.14\Projetos\Antigos\Projeto - CSC - Out-2010\Vilarinho-FASE II\Custos Adicionais FICO\TCO_Custos adicionais FICO csc - Ajustes Finais.xls</t>
  </si>
  <si>
    <t>C:\Vila\Empresas Anterior\Arquivos Telecom\BK_K_CCA_Vila_27.11.14\Projetos\Antigos\Projeto - CSC - Out-2010\Vilarinho-FASE II\Custos Adicionais FICO\Emissao Cheques\</t>
  </si>
  <si>
    <t>Custo Estrutura Adicional - Finanças.xls</t>
  </si>
  <si>
    <t>E:\BK_final\Vilarinho\Vilarinho - Trabalho\Algar Telecom\BK_K_CCA_Vila_27.11.14\Projetos\Antigos\Projeto - CSC - Out-2010\Vilarinho-FASE II\Custos Adicionais FICO\Emissao Cheques\Custo Estrutura Adicional - Finanças.xls</t>
  </si>
  <si>
    <t>11/19/2019 13:36:31</t>
  </si>
  <si>
    <t>C:\Vila\Empresas Anterior\Arquivos Telecom\BK_K_CCA_Vila_27.11.14\Projetos\Antigos\Projeto - CSC - Out-2010\Vilarinho-FASE II\Custos Adicionais FICO\Estrutura Fiscal\</t>
  </si>
  <si>
    <t>Custo Estrutura Fiscal Adicional.xls</t>
  </si>
  <si>
    <t>E:\BK_final\Vilarinho\Vilarinho - Trabalho\Algar Telecom\BK_K_CCA_Vila_27.11.14\Projetos\Antigos\Projeto - CSC - Out-2010\Vilarinho-FASE II\Custos Adicionais FICO\Estrutura Fiscal\Custo Estrutura Fiscal Adicional.xls</t>
  </si>
  <si>
    <t>C:\Vila\Empresas Anterior\Arquivos Telecom\BK_K_CCA_Vila_27.11.14\Projetos\Antigos\Projeto - CSC - Out-2010\Vilarinho-FASE II\Custos Adicionais FICO\Estrutura Transição\</t>
  </si>
  <si>
    <t>Equipe Algar Transição - FiCO.xls</t>
  </si>
  <si>
    <t>E:\BK_final\Vilarinho\Vilarinho - Trabalho\Algar Telecom\BK_K_CCA_Vila_27.11.14\Projetos\Antigos\Projeto - CSC - Out-2010\Vilarinho-FASE II\Custos Adicionais FICO\Estrutura Transição\Equipe Algar Transição - FiCO.xls</t>
  </si>
  <si>
    <t>11/19/2019 13:36:33</t>
  </si>
  <si>
    <t>C:\Vila\Empresas Anterior\Arquivos Telecom\BK_K_CCA_Vila_27.11.14\Projetos\Antigos\Projeto - CSC - Out-2010\Vilarinho-FASE II\Custos Adicionais FICO\RECON\</t>
  </si>
  <si>
    <t>Memória Cálculo RECON.xls</t>
  </si>
  <si>
    <t>E:\BK_final\Vilarinho\Vilarinho - Trabalho\Algar Telecom\BK_K_CCA_Vila_27.11.14\Projetos\Antigos\Projeto - CSC - Out-2010\Vilarinho-FASE II\Custos Adicionais FICO\RECON\Memória Cálculo RECON.xls</t>
  </si>
  <si>
    <t>11/19/2019 13:36:37</t>
  </si>
  <si>
    <t>C:\Vila\Empresas Anterior\Arquivos Telecom\BK_K_CCA_Vila_27.11.14\Projetos\Antigos\Projeto - CSC - Out-2010\Vilarinho-FASE II\Material Finanças\</t>
  </si>
  <si>
    <t>E:\BK_final\Vilarinho\Vilarinho - Trabalho\Algar Telecom\BK_K_CCA_Vila_27.11.14\Projetos\Antigos\Projeto - CSC - Out-2010\Vilarinho-FASE II\Material Finanças\CSC_Financeiro_FTE_As_Is.xls</t>
  </si>
  <si>
    <t>11/19/2019 13:36:38</t>
  </si>
  <si>
    <t>C:\Vila\Empresas Anterior\Arquivos Telecom\BK_K_CCA_Vila_27.11.14\Projetos\Antigos\Projeto - CSC - Out-2010\Vilarinho-FASE II\Material Finanças\FICO.zip\</t>
  </si>
  <si>
    <t>Controladoria.xls</t>
  </si>
  <si>
    <t>E:\BK_final\Vilarinho\Vilarinho - Trabalho\Algar Telecom\BK_K_CCA_Vila_27.11.14\Projetos\Antigos\Projeto - CSC - Out-2010\Vilarinho-FASE II\Material Finanças\FICO.zip</t>
  </si>
  <si>
    <t>Financeiro.xls</t>
  </si>
  <si>
    <t>11/19/2019 13:36:41</t>
  </si>
  <si>
    <t>C:\Vila\Empresas Anterior\Arquivos Telecom\BK_K_CCA_Vila_27.11.14\Projetos\Antigos\Projeto - CSC - Out-2010\Vilarinho-FASE II\Matriz Decisao\</t>
  </si>
  <si>
    <t>Matriz de decisao - Projeto CSC_Consolidado-Final FICO.xls</t>
  </si>
  <si>
    <t>E:\BK_final\Vilarinho\Vilarinho - Trabalho\Algar Telecom\BK_K_CCA_Vila_27.11.14\Projetos\Antigos\Projeto - CSC - Out-2010\Vilarinho-FASE II\Matriz Decisao\Matriz de decisao - Projeto CSC_Consolidado-Final FICO.xls</t>
  </si>
  <si>
    <t>Matriz de decisao - Projeto CSC_Consolidado.xls</t>
  </si>
  <si>
    <t>E:\BK_final\Vilarinho\Vilarinho - Trabalho\Algar Telecom\BK_K_CCA_Vila_27.11.14\Projetos\Antigos\Projeto - CSC - Out-2010\Vilarinho-FASE II\Matriz Decisao\Matriz de decisao - Projeto CSC_Consolidado.xls</t>
  </si>
  <si>
    <t>11/19/2019 13:36:43</t>
  </si>
  <si>
    <t>C:\Vila\Empresas Anterior\Arquivos Telecom\BK_K_CCA_Vila_27.11.14\Projetos\Antigos\Projeto - CSC - Out-2010\Vilarinho-FASE II\Matriz Decisao\Consolidação Matrizes Frentes\Ajustadas\MatrizAreasAJustas.rar\</t>
  </si>
  <si>
    <t>CÃ³pia de Matriz de decisao - Projeto CSC_Consolidado 03nov-CJU.xls</t>
  </si>
  <si>
    <t>E:\BK_final\Vilarinho\Vilarinho - Trabalho\Algar Telecom\BK_K_CCA_Vila_27.11.14\Projetos\Antigos\Projeto - CSC - Out-2010\Vilarinho-FASE II\Matriz Decisao\Consolidação Matrizes Frentes\Ajustadas\MatrizAreasAJustas.rar</t>
  </si>
  <si>
    <t>MATRIZ de Decisao - Projeto CSC_CONSOLIDADO JA PONTUADA-TH.xls</t>
  </si>
  <si>
    <t>11/19/2019 13:36:44</t>
  </si>
  <si>
    <t>C:\Vila\Empresas Anterior\Arquivos Telecom\BK_K_CCA_Vila_27.11.14\Projetos\Antigos\Projeto - CSC - Out-2010\Vilarinho-FASE II\Matriz Decisao\Drafts\</t>
  </si>
  <si>
    <t>Matriz de decisao - Projeto CSC - FICO-alinhada dia 13.10.10.xls</t>
  </si>
  <si>
    <t>E:\BK_final\Vilarinho\Vilarinho - Trabalho\Algar Telecom\BK_K_CCA_Vila_27.11.14\Projetos\Antigos\Projeto - CSC - Out-2010\Vilarinho-FASE II\Matriz Decisao\Drafts\Matriz de decisao - Projeto CSC - FICO-alinhada dia 13.10.10.xls</t>
  </si>
  <si>
    <t>Matriz de decisao - Projeto CSC - FICO.xls</t>
  </si>
  <si>
    <t>E:\BK_final\Vilarinho\Vilarinho - Trabalho\Algar Telecom\BK_K_CCA_Vila_27.11.14\Projetos\Antigos\Projeto - CSC - Out-2010\Vilarinho-FASE II\Matriz Decisao\Drafts\Matriz de decisao - Projeto CSC - FICO.xls</t>
  </si>
  <si>
    <t>11/19/2019 13:45:34</t>
  </si>
  <si>
    <t>Matriz de decisao - Projeto CSC.xls</t>
  </si>
  <si>
    <t>E:\BK_final\Vilarinho\Vilarinho - Trabalho\Algar Telecom\BK_K_CCA_Vila_27.11.14\Projetos\Antigos\Projeto - CSC - Out-2010\Vilarinho-FASE II\Matriz Decisao\Drafts\Matriz de decisao - Projeto CSC.xls</t>
  </si>
  <si>
    <t>C:\Vila\Empresas Anterior\Arquivos Telecom\BK_K_CCA_Vila_27.11.14\Projetos\Antigos\Projeto - CSC - Out-2010\Vilarinho-FASE II\Matriz Decisao\Modelos\</t>
  </si>
  <si>
    <t>Matriz de Decisão - Modelo.xls</t>
  </si>
  <si>
    <t>E:\BK_final\Vilarinho\Vilarinho - Trabalho\Algar Telecom\BK_K_CCA_Vila_27.11.14\Projetos\Antigos\Projeto - CSC - Out-2010\Vilarinho-FASE II\Matriz Decisao\Modelos\Matriz de Decisão - Modelo.xls</t>
  </si>
  <si>
    <t>11/19/2019 13:36:49</t>
  </si>
  <si>
    <t>C:\Vila\Empresas Anterior\Arquivos Telecom\BK_K_CCA_Vila_27.11.14\Projetos\Antigos\Projeto - CSC - Out-2010\Vilarinho-FASE II\Outros\Apresentação CCA - Versão Final.ppt\s4\</t>
  </si>
  <si>
    <t>E:\BK_final\Vilarinho\Vilarinho - Trabalho\Algar Telecom\BK_K_CCA_Vila_27.11.14\Projetos\Antigos\Projeto - CSC - Out-2010\Vilarinho-FASE II\Outros\Apresentação CCA - Versão Final.ppt</t>
  </si>
  <si>
    <t>11/19/2019 13:36:50</t>
  </si>
  <si>
    <t>C:\Vila\Empresas Anterior\Arquivos Telecom\BK_K_CCA_Vila_27.11.14\Projetos\Antigos\Projeto - CSC - Out-2010\Vilarinho-FASE II\Outros\CPC 04-diagnostico IFRS.docx\</t>
  </si>
  <si>
    <t>E:\BK_final\Vilarinho\Vilarinho - Trabalho\Algar Telecom\BK_K_CCA_Vila_27.11.14\Projetos\Antigos\Projeto - CSC - Out-2010\Vilarinho-FASE II\Outros\CPC 04-diagnostico IFRS.docx</t>
  </si>
  <si>
    <t>11/19/2019 13:37:22</t>
  </si>
  <si>
    <t>C:\Vila\Empresas Anterior\Arquivos Telecom\BK_K_CCA_Vila_27.11.14\Projetos\Antigos\Projeto - CSC - Out-2010\Vilarinho-FASE II\Reuniões FICO-Informações Enviadas\31_Apres Processo de Conciliacao.pptx\</t>
  </si>
  <si>
    <t>E:\BK_final\Vilarinho\Vilarinho - Trabalho\Algar Telecom\BK_K_CCA_Vila_27.11.14\Projetos\Antigos\Projeto - CSC - Out-2010\Vilarinho-FASE II\Reuniões FICO-Informações Enviadas\31_Apres Processo de Conciliacao.pptx</t>
  </si>
  <si>
    <t>C:\Vila\Empresas Anterior\Arquivos Telecom\BK_K_CCA_Vila_27.11.14\Projetos\Antigos\Projeto - CSC - Out-2010\Vilarinho-FASE II\Reuniões FICO-Informações Enviadas\31_Apres Processo de Conciliacao.pptx\Planilha_do_Microsoft_Office_Excel2.xlsx\</t>
  </si>
  <si>
    <t>Planilha_do_Microsoft_Office_Excel10.xlsx</t>
  </si>
  <si>
    <t>11/19/2019 13:37:23</t>
  </si>
  <si>
    <t>Planilha_do_Microsoft_Office_Excel6.xlsx</t>
  </si>
  <si>
    <t>Planilha_do_Microsoft_Office_Excel7.xlsx</t>
  </si>
  <si>
    <t>Planilha_do_Microsoft_Office_Excel8.xlsx</t>
  </si>
  <si>
    <t>Planilha_do_Microsoft_Office_Excel9.xlsx</t>
  </si>
  <si>
    <t>C:\Vila\Empresas Anterior\Arquivos Telecom\BK_K_CCA_Vila_27.11.14\Projetos\Antigos\Projeto - CSC - Out-2010\Vilarinho-FASE II\Reuniões FICO-Informações Enviadas\</t>
  </si>
  <si>
    <t>Abertura NF - Telecom.xls</t>
  </si>
  <si>
    <t>E:\BK_final\Vilarinho\Vilarinho - Trabalho\Algar Telecom\BK_K_CCA_Vila_27.11.14\Projetos\Antigos\Projeto - CSC - Out-2010\Vilarinho-FASE II\Reuniões FICO-Informações Enviadas\Abertura NF - Telecom.xls</t>
  </si>
  <si>
    <t>Cronograma_06_2010 Telecom_R12.xls</t>
  </si>
  <si>
    <t>E:\BK_final\Vilarinho\Vilarinho - Trabalho\Algar Telecom\BK_K_CCA_Vila_27.11.14\Projetos\Antigos\Projeto - CSC - Out-2010\Vilarinho-FASE II\Reuniões FICO-Informações Enviadas\Cronograma_06_2010 Telecom_R12.xls</t>
  </si>
  <si>
    <t>11/19/2019 13:37:24</t>
  </si>
  <si>
    <t>C:\Vila\Empresas Anterior\Arquivos Telecom\BK_K_CCA_Vila_27.11.14\Projetos\Antigos\Projeto - CSC - Out-2010\Vilarinho-FASE II\Transição - Pessoas Chave Toutatis\</t>
  </si>
  <si>
    <t>Key People Toutatis.xlsx</t>
  </si>
  <si>
    <t>E:\BK_final\Vilarinho\Vilarinho - Trabalho\Algar Telecom\BK_K_CCA_Vila_27.11.14\Projetos\Antigos\Projeto - CSC - Out-2010\Vilarinho-FASE II\Transição - Pessoas Chave Toutatis\Key People Toutatis.xlsx</t>
  </si>
  <si>
    <t>11/19/2019 13:37:26</t>
  </si>
  <si>
    <t>C:\Vila\Empresas Anterior\Arquivos Telecom\BK_K_CCA_Vila_27.11.14\Projetos\Antigos\Projeto - CSC - Out-2010\Vilarinho-FASE III\Anexos Contrato\Apresentacao e Pontos Pendentes Contrato\Material Suporte\</t>
  </si>
  <si>
    <t>Volumes - FICO.xls</t>
  </si>
  <si>
    <t>E:\BK_final\Vilarinho\Vilarinho - Trabalho\Algar Telecom\BK_K_CCA_Vila_27.11.14\Projetos\Antigos\Projeto - CSC - Out-2010\Vilarinho-FASE III\Anexos Contrato\Apresentacao e Pontos Pendentes Contrato\Material Suporte\Volumes - FICO.xls</t>
  </si>
  <si>
    <t>11/19/2019 13:37:27</t>
  </si>
  <si>
    <t>Volumes - TH.xls</t>
  </si>
  <si>
    <t>E:\BK_final\Vilarinho\Vilarinho - Trabalho\Algar Telecom\BK_K_CCA_Vila_27.11.14\Projetos\Antigos\Projeto - CSC - Out-2010\Vilarinho-FASE III\Anexos Contrato\Apresentacao e Pontos Pendentes Contrato\Material Suporte\Volumes - TH.xls</t>
  </si>
  <si>
    <t>11/19/2019 13:37:34</t>
  </si>
  <si>
    <t>C:\Vila\Empresas Anterior\Arquivos Telecom\BK_K_CCA_Vila_27.11.14\Projetos\Antigos\Projeto - CSC - Out-2010\Vilarinho-FASE III\Anexos Contrato\SWO SLA VOLUMES\</t>
  </si>
  <si>
    <t>Materiais Anexos - Algar F&amp;A Final - 1 Revisao Algar.xls</t>
  </si>
  <si>
    <t>E:\BK_final\Vilarinho\Vilarinho - Trabalho\Algar Telecom\BK_K_CCA_Vila_27.11.14\Projetos\Antigos\Projeto - CSC - Out-2010\Vilarinho-FASE III\Anexos Contrato\SWO SLA VOLUMES\Materiais Anexos - Algar F&amp;A Final - 1 Revisao Algar.xls</t>
  </si>
  <si>
    <t>Materiais Anexos - Algar F&amp;A_v6.0_final.xls</t>
  </si>
  <si>
    <t>E:\BK_final\Vilarinho\Vilarinho - Trabalho\Algar Telecom\BK_K_CCA_Vila_27.11.14\Projetos\Antigos\Projeto - CSC - Out-2010\Vilarinho-FASE III\Anexos Contrato\SWO SLA VOLUMES\Materiais Anexos - Algar F&amp;A_v6.0_final.xls</t>
  </si>
  <si>
    <t>11/19/2019 13:37:35</t>
  </si>
  <si>
    <t>C:\Vila\Empresas Anterior\Arquivos Telecom\BK_K_CCA_Vila_27.11.14\Projetos\Antigos\Projeto - CSC - Out-2010\Vilarinho-FASE III\Informações Gerais\</t>
  </si>
  <si>
    <t>ATI - IBM - DD Questionario - Finanças e Controladoria (Final).xlsx</t>
  </si>
  <si>
    <t>E:\BK_final\Vilarinho\Vilarinho - Trabalho\Algar Telecom\BK_K_CCA_Vila_27.11.14\Projetos\Antigos\Projeto - CSC - Out-2010\Vilarinho-FASE III\Informações Gerais\ATI - IBM - DD Questionario - Finanças e Controladoria (Final).xlsx</t>
  </si>
  <si>
    <t>C:\Vila\Empresas Anterior\Arquivos Telecom\BK_K_CCA_Vila_27.11.14\Projetos\Antigos\Projeto - CSC - Out-2010\Vilarinho-FASE III\Informações Gerais\ATI - IBM - DD Questionario - Finanças e Controladoria (Final).xlsx\Escopo.zip\</t>
  </si>
  <si>
    <t>Escopo.xlsx</t>
  </si>
  <si>
    <t>ATT - IBM - DD Questionario - Finanças e Controladoria (Final).xlsx</t>
  </si>
  <si>
    <t>E:\BK_final\Vilarinho\Vilarinho - Trabalho\Algar Telecom\BK_K_CCA_Vila_27.11.14\Projetos\Antigos\Projeto - CSC - Out-2010\Vilarinho-FASE III\Informações Gerais\ATT - IBM - DD Questionario - Finanças e Controladoria (Final).xlsx</t>
  </si>
  <si>
    <t xml:space="preserve">C:\Vila\Empresas Anterior\Arquivos Telecom\BK_K_CCA_Vila_27.11.14\Projetos\Antigos\Projeto - CSC - Out-2010\Vilarinho-FASE III\Informações Gerais\ATT - IBM - DD Questionario - Finanças e Controladoria (Final).xlsx\Planilha em ATT - IBM - DD Questionario - </t>
  </si>
  <si>
    <t>Planilha em ATT - IBM - DD Questionario - Finan‡as e Controladoria (Final).xlsx</t>
  </si>
  <si>
    <t>KIT_TCO - Proposta IBM - Controladoria e Fiscal.xls</t>
  </si>
  <si>
    <t>E:\BK_final\Vilarinho\Vilarinho - Trabalho\Algar Telecom\BK_K_CCA_Vila_27.11.14\Projetos\Antigos\Projeto - CSC - Out-2010\Vilarinho-FASE III\Informações Gerais\KIT_TCO - Proposta IBM - Controladoria e Fiscal.xls</t>
  </si>
  <si>
    <t>KIT_TCO_Proposta IBM_FINANÇAS.xlsx</t>
  </si>
  <si>
    <t>E:\BK_final\Vilarinho\Vilarinho - Trabalho\Algar Telecom\BK_K_CCA_Vila_27.11.14\Projetos\Antigos\Projeto - CSC - Out-2010\Vilarinho-FASE III\Informações Gerais\KIT_TCO_Proposta IBM_FINANÇAS.xlsx</t>
  </si>
  <si>
    <t>11/19/2019 13:37:36</t>
  </si>
  <si>
    <t>C:\Vila\Empresas Anterior\Arquivos Telecom\BK_K_CCA_Vila_27.11.14\Projetos\Antigos\Projeto - CSC - Out-2010\Vilarinho-FASE III\Informações Gerais\Questionariosekitfinal.zip\</t>
  </si>
  <si>
    <t>ATI - IBM - DD Questionario - Finan‡as e Controladoria (Final).xlsx</t>
  </si>
  <si>
    <t>E:\BK_final\Vilarinho\Vilarinho - Trabalho\Algar Telecom\BK_K_CCA_Vila_27.11.14\Projetos\Antigos\Projeto - CSC - Out-2010\Vilarinho-FASE III\Informações Gerais\Questionariosekitfinal.zip</t>
  </si>
  <si>
    <t>ATT - IBM - DD Questionario - Finan‡as e Controladoria (Final).xlsx</t>
  </si>
  <si>
    <t>KIT_TCO_Proposta IBM_FINAN€AS.xlsx</t>
  </si>
  <si>
    <t>C:\Vila\Empresas Anterior\Arquivos Telecom\BK_K_CCA_Vila_27.11.14\Projetos\Antigos\Projeto - CSC - Out-2010\Vilarinho-FASE III\Informações Gerais\Questionariosekitfinal.zip\ATI - IBM - DD Questionario - Finan‡as e Controladoria (Final).xlsx\Escopo.zip\</t>
  </si>
  <si>
    <t>C:\Vila\Empresas Anterior\Arquivos Telecom\BK_K_CCA_Vila_27.11.14\Projetos\Antigos\Projeto - CSC - Out-2010\Vilarinho-FASE III\Informações Gerais\Questionariosekitfinal.zip\ATT - IBM - DD Questionario - Finan‡as e Controladoria (Final).xlsx\Planilha em ATT</t>
  </si>
  <si>
    <t>11/19/2019 13:37:38</t>
  </si>
  <si>
    <t>C:\Vila\Empresas Anterior\Arquivos Telecom\BK_K_CCA_Vila_27.11.14\Projetos\Antigos\Projeto - CSC - Out-2010\Vilarinho-FASE III\Orçamento e Preços Contrato\</t>
  </si>
  <si>
    <t>%faturamento e valores por empresa Ongoing e Transição.xls</t>
  </si>
  <si>
    <t>E:\BK_final\Vilarinho\Vilarinho - Trabalho\Algar Telecom\BK_K_CCA_Vila_27.11.14\Projetos\Antigos\Projeto - CSC - Out-2010\Vilarinho-FASE III\Orçamento e Preços Contrato\%faturamento e valores por empresa Ongoing e Transição.xls</t>
  </si>
  <si>
    <t>Comparativo de preços IBM - ARC vs EMB_FICO.xls</t>
  </si>
  <si>
    <t>E:\BK_final\Vilarinho\Vilarinho - Trabalho\Algar Telecom\BK_K_CCA_Vila_27.11.14\Projetos\Antigos\Projeto - CSC - Out-2010\Vilarinho-FASE III\Orçamento e Preços Contrato\Comparativo de preços IBM - ARC vs EMB_FICO.xls</t>
  </si>
  <si>
    <t>11/19/2019 13:37:40</t>
  </si>
  <si>
    <t>E:\BK_final\Vilarinho\Vilarinho - Trabalho\Algar Telecom\BK_K_CCA_Vila_27.11.14\Projetos\Antigos\Projeto - CSC - Out-2010\Vilarinho-FASE III\Orçamento e Preços Contrato\Equalização Proposta CSC - 03.11.10.xls</t>
  </si>
  <si>
    <t>Orçamento projeto CSC.xlsx</t>
  </si>
  <si>
    <t>E:\BK_final\Vilarinho\Vilarinho - Trabalho\Algar Telecom\BK_K_CCA_Vila_27.11.14\Projetos\Antigos\Projeto - CSC - Out-2010\Vilarinho-FASE III\Orçamento e Preços Contrato\Orçamento projeto CSC.xlsx</t>
  </si>
  <si>
    <t>11/19/2019 13:37:45</t>
  </si>
  <si>
    <t>Premissas - Custos Adicionais - FICO - IBM.xls</t>
  </si>
  <si>
    <t>E:\BK_final\Vilarinho\Vilarinho - Trabalho\Algar Telecom\BK_K_CCA_Vila_27.11.14\Projetos\Antigos\Projeto - CSC - Out-2010\Vilarinho-FASE III\Orçamento e Preços Contrato\Premissas - Custos Adicionais - FICO - IBM.xls</t>
  </si>
  <si>
    <t>Premissas - Custos Adicionais - TI e Compras e Comuns - IBM.xls</t>
  </si>
  <si>
    <t>E:\BK_final\Vilarinho\Vilarinho - Trabalho\Algar Telecom\BK_K_CCA_Vila_27.11.14\Projetos\Antigos\Projeto - CSC - Out-2010\Vilarinho-FASE III\Orçamento e Preços Contrato\Premissas - Custos Adicionais - TI e Compras e Comuns - IBM.xls</t>
  </si>
  <si>
    <t>C:\Vila\Empresas Anterior\Arquivos Telecom\BK_K_CCA_Vila_27.11.14\Projetos\Antigos\Projeto Amperj\</t>
  </si>
  <si>
    <t>Projeto Amperj - Documentos Organização-26.05.11.xlsx</t>
  </si>
  <si>
    <t>E:\BK_final\Vilarinho\Vilarinho - Trabalho\Algar Telecom\BK_K_CCA_Vila_27.11.14\Projetos\Antigos\Projeto Amperj\Projeto Amperj - Documentos Organização-26.05.11.xlsx</t>
  </si>
  <si>
    <t>Projeto Amperj - Documentos Organização.xlsx</t>
  </si>
  <si>
    <t>E:\BK_final\Vilarinho\Vilarinho - Trabalho\Algar Telecom\BK_K_CCA_Vila_27.11.14\Projetos\Antigos\Projeto Amperj\Projeto Amperj - Documentos Organização.xlsx</t>
  </si>
  <si>
    <t>Projeto Amperj - Pessoas Organização-26.05.11.xlsx</t>
  </si>
  <si>
    <t>E:\BK_final\Vilarinho\Vilarinho - Trabalho\Algar Telecom\BK_K_CCA_Vila_27.11.14\Projetos\Antigos\Projeto Amperj\Projeto Amperj - Pessoas Organização-26.05.11.xlsx</t>
  </si>
  <si>
    <t>Projeto Amperj - Pessoas Organização.xlsx</t>
  </si>
  <si>
    <t>E:\BK_final\Vilarinho\Vilarinho - Trabalho\Algar Telecom\BK_K_CCA_Vila_27.11.14\Projetos\Antigos\Projeto Amperj\Projeto Amperj - Pessoas Organização.xlsx</t>
  </si>
  <si>
    <t>Projeto Amperj - Propostas Portugual.xlsx</t>
  </si>
  <si>
    <t>E:\BK_final\Vilarinho\Vilarinho - Trabalho\Algar Telecom\BK_K_CCA_Vila_27.11.14\Projetos\Antigos\Projeto Amperj\Projeto Amperj - Propostas Portugual.xlsx</t>
  </si>
  <si>
    <t>Projeto Amperj - Status Frentes Trabalho.xlsx</t>
  </si>
  <si>
    <t>E:\BK_final\Vilarinho\Vilarinho - Trabalho\Algar Telecom\BK_K_CCA_Vila_27.11.14\Projetos\Antigos\Projeto Amperj\Projeto Amperj - Status Frentes Trabalho.xlsx</t>
  </si>
  <si>
    <t>11/19/2019 13:37:47</t>
  </si>
  <si>
    <t>C:\Vila\Empresas Anterior\Arquivos Telecom\BK_K_CCA_Vila_27.11.14\Projetos\Antigos\Projeto Estoque\</t>
  </si>
  <si>
    <t>Contas Estoque.xls</t>
  </si>
  <si>
    <t>E:\BK_final\Vilarinho\Vilarinho - Trabalho\Algar Telecom\BK_K_CCA_Vila_27.11.14\Projetos\Antigos\Projeto Estoque\Contas Estoque.xls</t>
  </si>
  <si>
    <t>C:\Vila\Empresas Anterior\Arquivos Telecom\BK_K_CCA_Vila_27.11.14\Projetos\Antigos\Projeto Home Office\</t>
  </si>
  <si>
    <t>Escala Home Ofice - final.xls</t>
  </si>
  <si>
    <t>E:\BK_final\Vilarinho\Vilarinho - Trabalho\Algar Telecom\BK_K_CCA_Vila_27.11.14\Projetos\Antigos\Projeto Home Office\Escala Home Ofice - final.xls</t>
  </si>
  <si>
    <t>Escala Home Ofice.xls</t>
  </si>
  <si>
    <t>E:\BK_final\Vilarinho\Vilarinho - Trabalho\Algar Telecom\BK_K_CCA_Vila_27.11.14\Projetos\Antigos\Projeto Home Office\Escala Home Ofice.xls</t>
  </si>
  <si>
    <t>11/19/2019 13:38:09</t>
  </si>
  <si>
    <t>C:\Vila\Empresas Anterior\Arquivos Telecom\BK_K_CCA_Vila_27.11.14\Projetos\Antigos\Projeto Produtividade\Projeto Produtividade\Book DEF_rev05.ppt\s4\</t>
  </si>
  <si>
    <t>E:\BK_final\Vilarinho\Vilarinho - Trabalho\Algar Telecom\BK_K_CCA_Vila_27.11.14\Projetos\Antigos\Projeto Produtividade\Projeto Produtividade\Book DEF_rev05.ppt</t>
  </si>
  <si>
    <t>Planilha do Microsoft Office Excel2.xlsx</t>
  </si>
  <si>
    <t>Planilha do Microsoft Office Excel3.xlsx</t>
  </si>
  <si>
    <t>11/19/2019 13:38:10</t>
  </si>
  <si>
    <t>C:\Vila\Empresas Anterior\Arquivos Telecom\BK_K_CCA_Vila_27.11.14\Projetos\Antigos\Projeto Produtividade\Projeto Produtividade\CCA_Planilhas_Book\</t>
  </si>
  <si>
    <t>CCA_Atend-Holding-CVMe-Apoio Gerencial.xls</t>
  </si>
  <si>
    <t>E:\BK_final\Vilarinho\Vilarinho - Trabalho\Algar Telecom\BK_K_CCA_Vila_27.11.14\Projetos\Antigos\Projeto Produtividade\Projeto Produtividade\CCA_Planilhas_Book\CCA_Atend-Holding-CVMe-Apoio Gerencial.xls</t>
  </si>
  <si>
    <t>CCA_Consultoria Contábil_IFRS_Lei 11638.xls</t>
  </si>
  <si>
    <t>E:\BK_final\Vilarinho\Vilarinho - Trabalho\Algar Telecom\BK_K_CCA_Vila_27.11.14\Projetos\Antigos\Projeto Produtividade\Projeto Produtividade\CCA_Planilhas_Book\CCA_Consultoria Contábil_IFRS_Lei 11638.xls</t>
  </si>
  <si>
    <t>CCA_Contabilidade Gerencial.xls</t>
  </si>
  <si>
    <t>E:\BK_final\Vilarinho\Vilarinho - Trabalho\Algar Telecom\BK_K_CCA_Vila_27.11.14\Projetos\Antigos\Projeto Produtividade\Projeto Produtividade\CCA_Planilhas_Book\CCA_Contabilidade Gerencial.xls</t>
  </si>
  <si>
    <t>CCA_Gestão Contábil e Regulatória.xls</t>
  </si>
  <si>
    <t>E:\BK_final\Vilarinho\Vilarinho - Trabalho\Algar Telecom\BK_K_CCA_Vila_27.11.14\Projetos\Antigos\Projeto Produtividade\Projeto Produtividade\CCA_Planilhas_Book\CCA_Gestão Contábil e Regulatória.xls</t>
  </si>
  <si>
    <t>CCA_Gestão de Frota de Veículos.xls</t>
  </si>
  <si>
    <t>E:\BK_final\Vilarinho\Vilarinho - Trabalho\Algar Telecom\BK_K_CCA_Vila_27.11.14\Projetos\Antigos\Projeto Produtividade\Projeto Produtividade\CCA_Planilhas_Book\CCA_Gestão de Frota de Veículos.xls</t>
  </si>
  <si>
    <t>CCA_Gestão de Imoveis.xls</t>
  </si>
  <si>
    <t>E:\BK_final\Vilarinho\Vilarinho - Trabalho\Algar Telecom\BK_K_CCA_Vila_27.11.14\Projetos\Antigos\Projeto Produtividade\Projeto Produtividade\CCA_Planilhas_Book\CCA_Gestão de Imoveis.xls</t>
  </si>
  <si>
    <t>CCA_Gestão de Projetos.xls</t>
  </si>
  <si>
    <t>E:\BK_final\Vilarinho\Vilarinho - Trabalho\Algar Telecom\BK_K_CCA_Vila_27.11.14\Projetos\Antigos\Projeto Produtividade\Projeto Produtividade\CCA_Planilhas_Book\CCA_Gestão de Projetos.xls</t>
  </si>
  <si>
    <t>CCA_Gestão Fiscal.xls</t>
  </si>
  <si>
    <t>E:\BK_final\Vilarinho\Vilarinho - Trabalho\Algar Telecom\BK_K_CCA_Vila_27.11.14\Projetos\Antigos\Projeto Produtividade\Projeto Produtividade\CCA_Planilhas_Book\CCA_Gestão Fiscal.xls</t>
  </si>
  <si>
    <t>CCA_Planejamento Tribut_Consul_Cont_Fiscal.xls</t>
  </si>
  <si>
    <t>E:\BK_final\Vilarinho\Vilarinho - Trabalho\Algar Telecom\BK_K_CCA_Vila_27.11.14\Projetos\Antigos\Projeto Produtividade\Projeto Produtividade\CCA_Planilhas_Book\CCA_Planejamento Tribut_Consul_Cont_Fiscal.xls</t>
  </si>
  <si>
    <t>CCA_Vendas de Ativos.xls</t>
  </si>
  <si>
    <t>E:\BK_final\Vilarinho\Vilarinho - Trabalho\Algar Telecom\BK_K_CCA_Vila_27.11.14\Projetos\Antigos\Projeto Produtividade\Projeto Produtividade\CCA_Planilhas_Book\CCA_Vendas de Ativos.xls</t>
  </si>
  <si>
    <t>11/19/2019 13:38:11</t>
  </si>
  <si>
    <t>C:\Vila\Empresas Anterior\Arquivos Telecom\BK_K_CCA_Vila_27.11.14\Projetos\Antigos\Proposta Veículos Diretoria\</t>
  </si>
  <si>
    <t>Levantamento para Marineide.xls</t>
  </si>
  <si>
    <t>E:\BK_final\Vilarinho\Vilarinho - Trabalho\Algar Telecom\BK_K_CCA_Vila_27.11.14\Projetos\Antigos\Proposta Veículos Diretoria\Levantamento para Marineide.xls</t>
  </si>
  <si>
    <t>11/19/2019 13:38:16</t>
  </si>
  <si>
    <t>C:\Vila\Empresas Anterior\Arquivos Telecom\BK_K_CCA_Vila_27.11.14\Projetos\Antigos\Redução Custos DEF - Plano 2013\</t>
  </si>
  <si>
    <t>Plano de Ação DEF - Diretoria de Controladoria e Planejamento.xls</t>
  </si>
  <si>
    <t>E:\BK_final\Vilarinho\Vilarinho - Trabalho\Algar Telecom\BK_K_CCA_Vila_27.11.14\Projetos\Antigos\Redução Custos DEF - Plano 2013\Plano de Ação DEF - Diretoria de Controladoria e Planejamento.xls</t>
  </si>
  <si>
    <t>11/19/2019 13:38:17</t>
  </si>
  <si>
    <t>Plano Reduçao Custos DEF - 2013-FInal V2.xls</t>
  </si>
  <si>
    <t>E:\BK_final\Vilarinho\Vilarinho - Trabalho\Algar Telecom\BK_K_CCA_Vila_27.11.14\Projetos\Antigos\Redução Custos DEF - Plano 2013\Plano Reduçao Custos DEF - 2013-FInal V2.xls</t>
  </si>
  <si>
    <t>Plano Reduçao Custos DEF - 2013-FInal.xls</t>
  </si>
  <si>
    <t>E:\BK_final\Vilarinho\Vilarinho - Trabalho\Algar Telecom\BK_K_CCA_Vila_27.11.14\Projetos\Antigos\Redução Custos DEF - Plano 2013\Plano Reduçao Custos DEF - 2013-FInal.xls</t>
  </si>
  <si>
    <t>11/19/2019 13:38:18</t>
  </si>
  <si>
    <t>Plano Reduçao Custos DEF - 2013.xls</t>
  </si>
  <si>
    <t>E:\BK_final\Vilarinho\Vilarinho - Trabalho\Algar Telecom\BK_K_CCA_Vila_27.11.14\Projetos\Antigos\Redução Custos DEF - Plano 2013\Plano Reduçao Custos DEF - 2013.xls</t>
  </si>
  <si>
    <t>Plano Reduçao DEF - 2013 - Acompanhamento.xls</t>
  </si>
  <si>
    <t>E:\BK_final\Vilarinho\Vilarinho - Trabalho\Algar Telecom\BK_K_CCA_Vila_27.11.14\Projetos\Antigos\Redução Custos DEF - Plano 2013\Plano Reduçao DEF - 2013 - Acompanhamento.xls</t>
  </si>
  <si>
    <t>11/19/2019 13:38:19</t>
  </si>
  <si>
    <t>C:\Vila\Empresas Anterior\Arquivos Telecom\BK_K_CCA_Vila_27.11.14\Projetos\Antigos\Reestruturação CR abril-09\</t>
  </si>
  <si>
    <t>Validação Nova Estrutura de CRs.xls</t>
  </si>
  <si>
    <t>E:\BK_final\Vilarinho\Vilarinho - Trabalho\Algar Telecom\BK_K_CCA_Vila_27.11.14\Projetos\Antigos\Reestruturação CR abril-09\Validação Nova Estrutura de CRs.xls</t>
  </si>
  <si>
    <t>11/19/2019 13:38:31</t>
  </si>
  <si>
    <t>C:\Vila\Empresas Anterior\Arquivos Telecom\BK_K_CCA_Vila_27.11.14\Projetos\Antigos\Reniao Imobilizado - TV Integração\2010 09 22- Ajustes IFRS.pptx\</t>
  </si>
  <si>
    <t>E:\BK_final\Vilarinho\Vilarinho - Trabalho\Algar Telecom\BK_K_CCA_Vila_27.11.14\Projetos\Antigos\Reniao Imobilizado - TV Integração\2010 09 22- Ajustes IFRS.pptx</t>
  </si>
  <si>
    <t>C:\Vila\Empresas Anterior\Arquivos Telecom\BK_K_CCA_Vila_27.11.14\Projetos\Antigos\Reniao Imobilizado - TV Integração\2010 09 22- Ajustes IFRS.pptx\Documento_do_Microsoft_Office_Word_97_-_20031.doc\</t>
  </si>
  <si>
    <t>11/19/2019 13:40:01</t>
  </si>
  <si>
    <t>C:\Vila\Empresas Anterior\Arquivos Telecom\BK_K_CCA_Vila_27.11.14\Projetos\Antigos\Reniao Imobilizado - TV Integração\Laudo Final Cris.docx\</t>
  </si>
  <si>
    <t>E:\BK_final\Vilarinho\Vilarinho - Trabalho\Algar Telecom\BK_K_CCA_Vila_27.11.14\Projetos\Antigos\Reniao Imobilizado - TV Integração\Laudo Final Cris.docx</t>
  </si>
  <si>
    <t>11/19/2019 13:40:03</t>
  </si>
  <si>
    <t>C:\Vila\Empresas Anterior\Arquivos Telecom\BK_K_CCA_Vila_27.11.14\Projetos\Antigos\Subsidio de Aparelhos Mudança Pratica\</t>
  </si>
  <si>
    <t>Impacto Subsidio.xls</t>
  </si>
  <si>
    <t>E:\BK_final\Vilarinho\Vilarinho - Trabalho\Algar Telecom\BK_K_CCA_Vila_27.11.14\Projetos\Antigos\Subsidio de Aparelhos Mudança Pratica\Impacto Subsidio.xls</t>
  </si>
  <si>
    <t>11/19/2019 13:40:06</t>
  </si>
  <si>
    <t>C:\Vila\Empresas Anterior\Arquivos Telecom\BK_K_CCA_Vila_27.11.14\Projetos\Antigos\Validação Fiscal - SOMAR\FISCAL CTBC.rar\FISCAL CTBC\</t>
  </si>
  <si>
    <t>Algar_RI SETUP.xls</t>
  </si>
  <si>
    <t>E:\BK_final\Vilarinho\Vilarinho - Trabalho\Algar Telecom\BK_K_CCA_Vila_27.11.14\Projetos\Antigos\Validação Fiscal - SOMAR\FISCAL CTBC.rar</t>
  </si>
  <si>
    <t>ANALISE-SETUP-GRUPOTELECOM2.xls</t>
  </si>
  <si>
    <t>ANALISE_FATURAMENTO_GRUPOTELECOM.xls</t>
  </si>
  <si>
    <t>11/19/2019 13:40:10</t>
  </si>
  <si>
    <t>C:\Vila\Empresas Anterior\Arquivos Telecom\BK_K_CCA_Vila_27.11.14\Projetos\Migração Data Center\</t>
  </si>
  <si>
    <t>Acoes do ACORDO FINAL.xls</t>
  </si>
  <si>
    <t>E:\BK_final\Vilarinho\Vilarinho - Trabalho\Algar Telecom\BK_K_CCA_Vila_27.11.14\Projetos\Migração Data Center\Acoes do ACORDO FINAL.xls</t>
  </si>
  <si>
    <t>11/19/2019 13:40:11</t>
  </si>
  <si>
    <t>Clientes Licitação.xls</t>
  </si>
  <si>
    <t>E:\BK_final\Vilarinho\Vilarinho - Trabalho\Algar Telecom\BK_K_CCA_Vila_27.11.14\Projetos\Migração Data Center\Clientes Licitação.xls</t>
  </si>
  <si>
    <t>Comparativo de Capex do Data Center na Multimídia.xls</t>
  </si>
  <si>
    <t>E:\BK_final\Vilarinho\Vilarinho - Trabalho\Algar Telecom\BK_K_CCA_Vila_27.11.14\Projetos\Migração Data Center\Comparativo de Capex do Data Center na Multimídia.xls</t>
  </si>
  <si>
    <t>Contrato Oracle - Rateio entre empresas.xls</t>
  </si>
  <si>
    <t>E:\BK_final\Vilarinho\Vilarinho - Trabalho\Algar Telecom\BK_K_CCA_Vila_27.11.14\Projetos\Migração Data Center\Contrato Oracle - Rateio entre empresas.xls</t>
  </si>
  <si>
    <t>Cronograma reorganização societária Data Center.xls</t>
  </si>
  <si>
    <t>E:\BK_final\Vilarinho\Vilarinho - Trabalho\Algar Telecom\BK_K_CCA_Vila_27.11.14\Projetos\Migração Data Center\Cronograma reorganização societária Data Center.xls</t>
  </si>
  <si>
    <t>11/19/2019 13:40:18</t>
  </si>
  <si>
    <t>C:\Vila\Empresas Anterior\Arquivos Telecom\BK_K_CCA_Vila_27.11.14\Projetos\Migração Data Center\CTBC Multimidia Custos e Despesas - 2008.rar\</t>
  </si>
  <si>
    <t>CTBC Multimidia Custos e Despesas - 2008.xls</t>
  </si>
  <si>
    <t>E:\BK_final\Vilarinho\Vilarinho - Trabalho\Algar Telecom\BK_K_CCA_Vila_27.11.14\Projetos\Migração Data Center\CTBC Multimidia Custos e Despesas - 2008.rar</t>
  </si>
  <si>
    <t>Cópia de Desd_ Multimídia_Dez08.xls</t>
  </si>
  <si>
    <t>E:\BK_final\Vilarinho\Vilarinho - Trabalho\Algar Telecom\BK_K_CCA_Vila_27.11.14\Projetos\Migração Data Center\Cópia de Desd_ Multimídia_Dez08.xls</t>
  </si>
  <si>
    <t>11/19/2019 13:40:19</t>
  </si>
  <si>
    <t>Divida Data Center na Multimídia.xls</t>
  </si>
  <si>
    <t>E:\BK_final\Vilarinho\Vilarinho - Trabalho\Algar Telecom\BK_K_CCA_Vila_27.11.14\Projetos\Migração Data Center\Divida Data Center na Multimídia.xls</t>
  </si>
  <si>
    <t>End_ Multimídia_Dez08.xls</t>
  </si>
  <si>
    <t>E:\BK_final\Vilarinho\Vilarinho - Trabalho\Algar Telecom\BK_K_CCA_Vila_27.11.14\Projetos\Migração Data Center\End_ Multimídia_Dez08.xls</t>
  </si>
  <si>
    <t>11/19/2019 13:40:20</t>
  </si>
  <si>
    <t>FAT POR SEGMENTO DC.xls</t>
  </si>
  <si>
    <t>E:\BK_final\Vilarinho\Vilarinho - Trabalho\Algar Telecom\BK_K_CCA_Vila_27.11.14\Projetos\Migração Data Center\FAT POR SEGMENTO DC.xls</t>
  </si>
  <si>
    <t>Fornecedores Data Center.xls</t>
  </si>
  <si>
    <t>E:\BK_final\Vilarinho\Vilarinho - Trabalho\Algar Telecom\BK_K_CCA_Vila_27.11.14\Projetos\Migração Data Center\Fornecedores Data Center.xls</t>
  </si>
  <si>
    <t>Nota de débito.xls</t>
  </si>
  <si>
    <t>E:\BK_final\Vilarinho\Vilarinho - Trabalho\Algar Telecom\BK_K_CCA_Vila_27.11.14\Projetos\Migração Data Center\Nota de débito.xls</t>
  </si>
  <si>
    <t>Nota de débito.xlsx</t>
  </si>
  <si>
    <t>E:\BK_final\Vilarinho\Vilarinho - Trabalho\Algar Telecom\BK_K_CCA_Vila_27.11.14\Projetos\Migração Data Center\Nota de débito.xlsx</t>
  </si>
  <si>
    <t>Planejamento 13-02-09 Data Center.xls</t>
  </si>
  <si>
    <t>E:\BK_final\Vilarinho\Vilarinho - Trabalho\Algar Telecom\BK_K_CCA_Vila_27.11.14\Projetos\Migração Data Center\Planejamento 13-02-09 Data Center.xls</t>
  </si>
  <si>
    <t>11/19/2019 13:40:21</t>
  </si>
  <si>
    <t>PROCEDIMENTOS CONTÁBEIS - RECLASSIFICAÇÃO_ESTORNO_ARRECADAÇÃO_REPASSE.xls</t>
  </si>
  <si>
    <t>E:\BK_final\Vilarinho\Vilarinho - Trabalho\Algar Telecom\BK_K_CCA_Vila_27.11.14\Projetos\Migração Data Center\PROCEDIMENTOS CONTÁBEIS - RECLASSIFICAÇÃO_ESTORNO_ARRECADAÇÃO_REPASSE.xls</t>
  </si>
  <si>
    <t>Provisoes Data Center Dez08.xlsx</t>
  </si>
  <si>
    <t>E:\BK_final\Vilarinho\Vilarinho - Trabalho\Algar Telecom\BK_K_CCA_Vila_27.11.14\Projetos\Migração Data Center\Provisoes Data Center Dez08.xlsx</t>
  </si>
  <si>
    <t>Rateio entre empresas - contrato Oracle.xls</t>
  </si>
  <si>
    <t>E:\BK_final\Vilarinho\Vilarinho - Trabalho\Algar Telecom\BK_K_CCA_Vila_27.11.14\Projetos\Migração Data Center\Rateio entre empresas - contrato Oracle.xls</t>
  </si>
  <si>
    <t>Repasse Algar Tecnologia.xlsx</t>
  </si>
  <si>
    <t>E:\BK_final\Vilarinho\Vilarinho - Trabalho\Algar Telecom\BK_K_CCA_Vila_27.11.14\Projetos\Migração Data Center\Repasse Algar Tecnologia.xlsx</t>
  </si>
  <si>
    <t>11/19/2019 13:40:22</t>
  </si>
  <si>
    <t>usuarios_x_Responsabilidade_SIAF20.xls</t>
  </si>
  <si>
    <t>E:\BK_final\Vilarinho\Vilarinho - Trabalho\Algar Telecom\BK_K_CCA_Vila_27.11.14\Projetos\Migração Data Center\usuarios_x_Responsabilidade_SIAF20.xls</t>
  </si>
  <si>
    <t>C:\Vila\Empresas Anterior\Arquivos Telecom\BK_K_CCA_Vila_27.11.14\Projetos\Migração Data Center\Apresentações\</t>
  </si>
  <si>
    <t>Consolidado valores Oceano Azul.xlsx</t>
  </si>
  <si>
    <t>E:\BK_final\Vilarinho\Vilarinho - Trabalho\Algar Telecom\BK_K_CCA_Vila_27.11.14\Projetos\Migração Data Center\Apresentações\Consolidado valores Oceano Azul.xlsx</t>
  </si>
  <si>
    <t>11/19/2019 13:40:24</t>
  </si>
  <si>
    <t>C:\Vila\Empresas Anterior\Arquivos Telecom\BK_K_CCA_Vila_27.11.14\Projetos\Migração Data Center\Apresentações\Data Center jan09.ppt\s4\</t>
  </si>
  <si>
    <t>E:\BK_final\Vilarinho\Vilarinho - Trabalho\Algar Telecom\BK_K_CCA_Vila_27.11.14\Projetos\Migração Data Center\Apresentações\Data Center jan09.ppt</t>
  </si>
  <si>
    <t>11/19/2019 13:40:27</t>
  </si>
  <si>
    <t>Planejamento 24-07-08.xlsx</t>
  </si>
  <si>
    <t>E:\BK_final\Vilarinho\Vilarinho - Trabalho\Algar Telecom\BK_K_CCA_Vila_27.11.14\Projetos\Migração Data Center\Apresentações\Planejamento 24-07-08.xlsx</t>
  </si>
  <si>
    <t>11/19/2019 13:40:30</t>
  </si>
  <si>
    <t>C:\Vila\Empresas Anterior\Arquivos Telecom\BK_K_CCA_Vila_27.11.14\Projetos\Migração Data Center\Ativos\</t>
  </si>
  <si>
    <t>Consumo energia CTBC 232.xls</t>
  </si>
  <si>
    <t>E:\BK_final\Vilarinho\Vilarinho - Trabalho\Algar Telecom\BK_K_CCA_Vila_27.11.14\Projetos\Migração Data Center\Ativos\Consumo energia CTBC 232.xls</t>
  </si>
  <si>
    <t>11/19/2019 13:40:31</t>
  </si>
  <si>
    <t>Imóveis_Negócio DATACENTER.xls</t>
  </si>
  <si>
    <t>E:\BK_final\Vilarinho\Vilarinho - Trabalho\Algar Telecom\BK_K_CCA_Vila_27.11.14\Projetos\Migração Data Center\Ativos\Imóveis_Negócio DATACENTER.xls</t>
  </si>
  <si>
    <t>11/19/2019 13:40:32</t>
  </si>
  <si>
    <t>INV DATACENTER FINAL 14-01-09.xls</t>
  </si>
  <si>
    <t>E:\BK_final\Vilarinho\Vilarinho - Trabalho\Algar Telecom\BK_K_CCA_Vila_27.11.14\Projetos\Migração Data Center\Ativos\INV DATACENTER FINAL 14-01-09.xls</t>
  </si>
  <si>
    <t>C:\Vila\Empresas Anterior\Arquivos Telecom\BK_K_CCA_Vila_27.11.14\Projetos\Migração Data Center\Ativos\Depreciação\</t>
  </si>
  <si>
    <t>Depreciaçao - DataCenter_2008.xls</t>
  </si>
  <si>
    <t>E:\BK_final\Vilarinho\Vilarinho - Trabalho\Algar Telecom\BK_K_CCA_Vila_27.11.14\Projetos\Migração Data Center\Ativos\Depreciação\Depreciaçao - DataCenter_2008.xls</t>
  </si>
  <si>
    <t>Multim_Dpr_Reg_Proc_Abril08.xls</t>
  </si>
  <si>
    <t>E:\BK_final\Vilarinho\Vilarinho - Trabalho\Algar Telecom\BK_K_CCA_Vila_27.11.14\Projetos\Migração Data Center\Ativos\Depreciação\Multim_Dpr_Reg_Proc_Abril08.xls</t>
  </si>
  <si>
    <t>11/19/2019 13:40:34</t>
  </si>
  <si>
    <t>Multim_Dpr_Reg_Proc_Ago08.xls</t>
  </si>
  <si>
    <t>E:\BK_final\Vilarinho\Vilarinho - Trabalho\Algar Telecom\BK_K_CCA_Vila_27.11.14\Projetos\Migração Data Center\Ativos\Depreciação\Multim_Dpr_Reg_Proc_Ago08.xls</t>
  </si>
  <si>
    <t>11/19/2019 13:40:35</t>
  </si>
  <si>
    <t>Multim_Dpr_Reg_Proc_Jul08.xls</t>
  </si>
  <si>
    <t>E:\BK_final\Vilarinho\Vilarinho - Trabalho\Algar Telecom\BK_K_CCA_Vila_27.11.14\Projetos\Migração Data Center\Ativos\Depreciação\Multim_Dpr_Reg_Proc_Jul08.xls</t>
  </si>
  <si>
    <t>Multim_Dpr_Reg_Proc_Jun08.xls</t>
  </si>
  <si>
    <t>E:\BK_final\Vilarinho\Vilarinho - Trabalho\Algar Telecom\BK_K_CCA_Vila_27.11.14\Projetos\Migração Data Center\Ativos\Depreciação\Multim_Dpr_Reg_Proc_Jun08.xls</t>
  </si>
  <si>
    <t>Multim_Dpr_Reg_Proc_Maio08.xls</t>
  </si>
  <si>
    <t>E:\BK_final\Vilarinho\Vilarinho - Trabalho\Algar Telecom\BK_K_CCA_Vila_27.11.14\Projetos\Migração Data Center\Ativos\Depreciação\Multim_Dpr_Reg_Proc_Maio08.xls</t>
  </si>
  <si>
    <t>11/19/2019 13:40:36</t>
  </si>
  <si>
    <t>Multim_Dpr_Reg_Proc_Mar08.xls</t>
  </si>
  <si>
    <t>E:\BK_final\Vilarinho\Vilarinho - Trabalho\Algar Telecom\BK_K_CCA_Vila_27.11.14\Projetos\Migração Data Center\Ativos\Depreciação\Multim_Dpr_Reg_Proc_Mar08.xls</t>
  </si>
  <si>
    <t>Multim_Dpr_Reg_Proc_Out08.xls</t>
  </si>
  <si>
    <t>E:\BK_final\Vilarinho\Vilarinho - Trabalho\Algar Telecom\BK_K_CCA_Vila_27.11.14\Projetos\Migração Data Center\Ativos\Depreciação\Multim_Dpr_Reg_Proc_Out08.xls</t>
  </si>
  <si>
    <t>Multim_Dpr_Reg_Proc_Set08.xls</t>
  </si>
  <si>
    <t>E:\BK_final\Vilarinho\Vilarinho - Trabalho\Algar Telecom\BK_K_CCA_Vila_27.11.14\Projetos\Migração Data Center\Ativos\Depreciação\Multim_Dpr_Reg_Proc_Set08.xls</t>
  </si>
  <si>
    <t>Rel.Mult.Fev08 por Regul..xls</t>
  </si>
  <si>
    <t>E:\BK_final\Vilarinho\Vilarinho - Trabalho\Algar Telecom\BK_K_CCA_Vila_27.11.14\Projetos\Migração Data Center\Ativos\Depreciação\Rel.Mult.Fev08 por Regul..xls</t>
  </si>
  <si>
    <t>Relatório Depreciação Multimidia jan-08.xls</t>
  </si>
  <si>
    <t>E:\BK_final\Vilarinho\Vilarinho - Trabalho\Algar Telecom\BK_K_CCA_Vila_27.11.14\Projetos\Migração Data Center\Ativos\Depreciação\Relatório Depreciação Multimidia jan-08.xls</t>
  </si>
  <si>
    <t>C:\Vila\Empresas Anterior\Arquivos Telecom\BK_K_CCA_Vila_27.11.14\Projetos\Migração Data Center\Comunicação\</t>
  </si>
  <si>
    <t>cadastro fornecedores reorganizacao societaria jadir.xls</t>
  </si>
  <si>
    <t>E:\BK_final\Vilarinho\Vilarinho - Trabalho\Algar Telecom\BK_K_CCA_Vila_27.11.14\Projetos\Migração Data Center\Comunicação\cadastro fornecedores reorganizacao societaria jadir.xls</t>
  </si>
  <si>
    <t>cadastro fornecedores reorganizacao societaria.xls</t>
  </si>
  <si>
    <t>E:\BK_final\Vilarinho\Vilarinho - Trabalho\Algar Telecom\BK_K_CCA_Vila_27.11.14\Projetos\Migração Data Center\Comunicação\cadastro fornecedores reorganizacao societaria.xls</t>
  </si>
  <si>
    <t>11/19/2019 13:40:37</t>
  </si>
  <si>
    <t>Cronograma visita_contato clientes.xls</t>
  </si>
  <si>
    <t>E:\BK_final\Vilarinho\Vilarinho - Trabalho\Algar Telecom\BK_K_CCA_Vila_27.11.14\Projetos\Migração Data Center\Comunicação\Cronograma visita_contato clientes.xls</t>
  </si>
  <si>
    <t>C:\Vila\Empresas Anterior\Arquivos Telecom\BK_K_CCA_Vila_27.11.14\Projetos\Migração Data Center\Contabilidade\</t>
  </si>
  <si>
    <t>Contas a receber Data Center dez08.xls</t>
  </si>
  <si>
    <t>E:\BK_final\Vilarinho\Vilarinho - Trabalho\Algar Telecom\BK_K_CCA_Vila_27.11.14\Projetos\Migração Data Center\Contabilidade\Contas a receber Data Center dez08.xls</t>
  </si>
  <si>
    <t>Diferido CTBCTel Set_2008.xls - Hewitt.xls</t>
  </si>
  <si>
    <t>E:\BK_final\Vilarinho\Vilarinho - Trabalho\Algar Telecom\BK_K_CCA_Vila_27.11.14\Projetos\Migração Data Center\Contabilidade\Diferido CTBCTel Set_2008.xls - Hewitt.xls</t>
  </si>
  <si>
    <t>Fornecedores Dezembro2008.xls</t>
  </si>
  <si>
    <t>E:\BK_final\Vilarinho\Vilarinho - Trabalho\Algar Telecom\BK_K_CCA_Vila_27.11.14\Projetos\Migração Data Center\Contabilidade\Fornecedores Dezembro2008.xls</t>
  </si>
  <si>
    <t>Fornecedores Dezembro2008.xlsb</t>
  </si>
  <si>
    <t>E:\BK_final\Vilarinho\Vilarinho - Trabalho\Algar Telecom\BK_K_CCA_Vila_27.11.14\Projetos\Migração Data Center\Contabilidade\Fornecedores Dezembro2008.xlsb</t>
  </si>
  <si>
    <t>11/19/2019 13:40:38</t>
  </si>
  <si>
    <t>Laudo Audicon Multimidia - Data Center 23012009.xls</t>
  </si>
  <si>
    <t>E:\BK_final\Vilarinho\Vilarinho - Trabalho\Algar Telecom\BK_K_CCA_Vila_27.11.14\Projetos\Migração Data Center\Contabilidade\Laudo Audicon Multimidia - Data Center 23012009.xls</t>
  </si>
  <si>
    <t>11/19/2019 13:40:40</t>
  </si>
  <si>
    <t>Laudo Audicon Multimidia - Data Center.xlsx</t>
  </si>
  <si>
    <t>E:\BK_final\Vilarinho\Vilarinho - Trabalho\Algar Telecom\BK_K_CCA_Vila_27.11.14\Projetos\Migração Data Center\Contabilidade\Laudo Audicon Multimidia - Data Center.xlsx</t>
  </si>
  <si>
    <t>11/19/2019 13:40:42</t>
  </si>
  <si>
    <t>Laudo Contabil Multímidia - Data Center.xls</t>
  </si>
  <si>
    <t>E:\BK_final\Vilarinho\Vilarinho - Trabalho\Algar Telecom\BK_K_CCA_Vila_27.11.14\Projetos\Migração Data Center\Contabilidade\Laudo Contabil Multímidia - Data Center.xls</t>
  </si>
  <si>
    <t>11/19/2019 13:40:45</t>
  </si>
  <si>
    <t>Laudo Contabil Multímidia - Data Center.xlsx</t>
  </si>
  <si>
    <t>E:\BK_final\Vilarinho\Vilarinho - Trabalho\Algar Telecom\BK_K_CCA_Vila_27.11.14\Projetos\Migração Data Center\Contabilidade\Laudo Contabil Multímidia - Data Center.xlsx</t>
  </si>
  <si>
    <t>11/19/2019 13:40:48</t>
  </si>
  <si>
    <t>Laudo contábil Data Center.xls</t>
  </si>
  <si>
    <t>E:\BK_final\Vilarinho\Vilarinho - Trabalho\Algar Telecom\BK_K_CCA_Vila_27.11.14\Projetos\Migração Data Center\Contabilidade\Laudo contábil Data Center.xls</t>
  </si>
  <si>
    <t>11/19/2019 13:40:49</t>
  </si>
  <si>
    <t>C:\Vila\Empresas Anterior\Arquivos Telecom\BK_K_CCA_Vila_27.11.14\Projetos\Migração Data Center\Contabilidade\Razões - Andson\</t>
  </si>
  <si>
    <t>110304001.xls</t>
  </si>
  <si>
    <t>E:\BK_final\Vilarinho\Vilarinho - Trabalho\Algar Telecom\BK_K_CCA_Vila_27.11.14\Projetos\Migração Data Center\Contabilidade\Razões - Andson\110304001.xls</t>
  </si>
  <si>
    <t>110501002 - 2008.xlsx</t>
  </si>
  <si>
    <t>E:\BK_final\Vilarinho\Vilarinho - Trabalho\Algar Telecom\BK_K_CCA_Vila_27.11.14\Projetos\Migração Data Center\Contabilidade\Razões - Andson\110501002 - 2008.xlsx</t>
  </si>
  <si>
    <t>110501002 - 2008.xlt</t>
  </si>
  <si>
    <t>E:\BK_final\Vilarinho\Vilarinho - Trabalho\Algar Telecom\BK_K_CCA_Vila_27.11.14\Projetos\Migração Data Center\Contabilidade\Razões - Andson\110501002 - 2008.xlt</t>
  </si>
  <si>
    <t>110501002 - 20081.xlsx</t>
  </si>
  <si>
    <t>E:\BK_final\Vilarinho\Vilarinho - Trabalho\Algar Telecom\BK_K_CCA_Vila_27.11.14\Projetos\Migração Data Center\Contabilidade\Razões - Andson\110501002 - 20081.xlsx</t>
  </si>
  <si>
    <t>11/19/2019 13:40:50</t>
  </si>
  <si>
    <t>110501006 - 2008.xls</t>
  </si>
  <si>
    <t>E:\BK_final\Vilarinho\Vilarinho - Trabalho\Algar Telecom\BK_K_CCA_Vila_27.11.14\Projetos\Migração Data Center\Contabilidade\Razões - Andson\110501006 - 2008.xls</t>
  </si>
  <si>
    <t>11/19/2019 13:40:51</t>
  </si>
  <si>
    <t>110501009 - 2008.xls</t>
  </si>
  <si>
    <t>E:\BK_final\Vilarinho\Vilarinho - Trabalho\Algar Telecom\BK_K_CCA_Vila_27.11.14\Projetos\Migração Data Center\Contabilidade\Razões - Andson\110501009 - 2008.xls</t>
  </si>
  <si>
    <t>210201009 - 2008.xls</t>
  </si>
  <si>
    <t>E:\BK_final\Vilarinho\Vilarinho - Trabalho\Algar Telecom\BK_K_CCA_Vila_27.11.14\Projetos\Migração Data Center\Contabilidade\Razões - Andson\210201009 - 2008.xls</t>
  </si>
  <si>
    <t>11/19/2019 13:40:52</t>
  </si>
  <si>
    <t>Aging Multimidia Novembro.xls</t>
  </si>
  <si>
    <t>E:\BK_final\Vilarinho\Vilarinho - Trabalho\Algar Telecom\BK_K_CCA_Vila_27.11.14\Projetos\Migração Data Center\Contabilidade\Razões - Andson\Aging Multimidia Novembro.xls</t>
  </si>
  <si>
    <t>Despesas antecipadas.xlsx</t>
  </si>
  <si>
    <t>E:\BK_final\Vilarinho\Vilarinho - Trabalho\Algar Telecom\BK_K_CCA_Vila_27.11.14\Projetos\Migração Data Center\Contabilidade\Razões - Andson\Despesas antecipadas.xlsx</t>
  </si>
  <si>
    <t>Multimidia - 210201009 2008.xls</t>
  </si>
  <si>
    <t>E:\BK_final\Vilarinho\Vilarinho - Trabalho\Algar Telecom\BK_K_CCA_Vila_27.11.14\Projetos\Migração Data Center\Contabilidade\Razões - Andson\Multimidia - 210201009 2008.xls</t>
  </si>
  <si>
    <t>Multimidia - 210902010 2008.xls</t>
  </si>
  <si>
    <t>E:\BK_final\Vilarinho\Vilarinho - Trabalho\Algar Telecom\BK_K_CCA_Vila_27.11.14\Projetos\Migração Data Center\Contabilidade\Razões - Andson\Multimidia - 210902010 2008.xls</t>
  </si>
  <si>
    <t>Multimidia - 220903008 2007.xls</t>
  </si>
  <si>
    <t>E:\BK_final\Vilarinho\Vilarinho - Trabalho\Algar Telecom\BK_K_CCA_Vila_27.11.14\Projetos\Migração Data Center\Contabilidade\Razões - Andson\Multimidia - 220903008 2007.xls</t>
  </si>
  <si>
    <t>C:\Vila\Empresas Anterior\Arquivos Telecom\BK_K_CCA_Vila_27.11.14\Projetos\Migração Data Center\Financeiro\</t>
  </si>
  <si>
    <t>Contratos Leasing Real - Multimídia.xlsx</t>
  </si>
  <si>
    <t>E:\BK_final\Vilarinho\Vilarinho - Trabalho\Algar Telecom\BK_K_CCA_Vila_27.11.14\Projetos\Migração Data Center\Financeiro\Contratos Leasing Real - Multimídia.xlsx</t>
  </si>
  <si>
    <t>Cópia de divisao custos bu v2.xls</t>
  </si>
  <si>
    <t>E:\BK_final\Vilarinho\Vilarinho - Trabalho\Algar Telecom\BK_K_CCA_Vila_27.11.14\Projetos\Migração Data Center\Financeiro\Cópia de divisao custos bu v2.xls</t>
  </si>
  <si>
    <t>DRE DATACENTER_REAL.xlsx</t>
  </si>
  <si>
    <t>E:\BK_final\Vilarinho\Vilarinho - Trabalho\Algar Telecom\BK_K_CCA_Vila_27.11.14\Projetos\Migração Data Center\Financeiro\DRE DATACENTER_REAL.xlsx</t>
  </si>
  <si>
    <t>11/19/2019 13:40:53</t>
  </si>
  <si>
    <t>Resultado DDI Setembro_08.xlsx</t>
  </si>
  <si>
    <t>E:\BK_final\Vilarinho\Vilarinho - Trabalho\Algar Telecom\BK_K_CCA_Vila_27.11.14\Projetos\Migração Data Center\Financeiro\Resultado DDI Setembro_08.xlsx</t>
  </si>
  <si>
    <t>Total Leasing Data Center_subscrição capital.xls</t>
  </si>
  <si>
    <t>E:\BK_final\Vilarinho\Vilarinho - Trabalho\Algar Telecom\BK_K_CCA_Vila_27.11.14\Projetos\Migração Data Center\Financeiro\Total Leasing Data Center_subscrição capital.xls</t>
  </si>
  <si>
    <t>C:\Vila\Empresas Anterior\Arquivos Telecom\BK_K_CCA_Vila_27.11.14\Projetos\Migração Data Center\Gran Sapore\</t>
  </si>
  <si>
    <t>AF_AAJA-2NC8DB_V1 - Necessidade atual.xls</t>
  </si>
  <si>
    <t>E:\BK_final\Vilarinho\Vilarinho - Trabalho\Algar Telecom\BK_K_CCA_Vila_27.11.14\Projetos\Migração Data Center\Gran Sapore\AF_AAJA-2NC8DB_V1 - Necessidade atual.xls</t>
  </si>
  <si>
    <t>11/19/2019 13:40:54</t>
  </si>
  <si>
    <t>C:\Vila\Empresas Anterior\Arquivos Telecom\BK_K_CCA_Vila_27.11.14\Projetos\Migração Data Center\Jurídico\</t>
  </si>
  <si>
    <t>Contingencia ISS Data Center.xls</t>
  </si>
  <si>
    <t>E:\BK_final\Vilarinho\Vilarinho - Trabalho\Algar Telecom\BK_K_CCA_Vila_27.11.14\Projetos\Migração Data Center\Jurídico\Contingencia ISS Data Center.xls</t>
  </si>
  <si>
    <t>Contingência ISS Data Center - Set_08.xlsx</t>
  </si>
  <si>
    <t>E:\BK_final\Vilarinho\Vilarinho - Trabalho\Algar Telecom\BK_K_CCA_Vila_27.11.14\Projetos\Migração Data Center\Jurídico\Contingência ISS Data Center - Set_08.xlsx</t>
  </si>
  <si>
    <t>11/19/2019 13:40:56</t>
  </si>
  <si>
    <t>Cronograma reorganização societária Data Center (1).xls</t>
  </si>
  <si>
    <t>E:\BK_final\Vilarinho\Vilarinho - Trabalho\Algar Telecom\BK_K_CCA_Vila_27.11.14\Projetos\Migração Data Center\Jurídico\Cronograma reorganização societária Data Center (1).xls</t>
  </si>
  <si>
    <t>11/19/2019 13:41:01</t>
  </si>
  <si>
    <t>C:\Vila\Empresas Anterior\Arquivos Telecom\BK_K_CCA_Vila_27.11.14\Projetos\Projeto NetPatos\</t>
  </si>
  <si>
    <t>Analise Aquisição.xlsx</t>
  </si>
  <si>
    <t>E:\BK_final\Vilarinho\Vilarinho - Trabalho\Algar Telecom\BK_K_CCA_Vila_27.11.14\Projetos\Projeto NetPatos\Analise Aquisição.xlsx</t>
  </si>
  <si>
    <t>11/19/2019 13:41:06</t>
  </si>
  <si>
    <t>C:\Vila\Empresas Anterior\Arquivos Telecom\BK_K_CCA_Vila_27.11.14\Projetos\Projeto Transformação - CSC\</t>
  </si>
  <si>
    <t>AT_Consolidado para Analise CSC_validacao CCA e CFI_Revisão 13nov13.xlsx</t>
  </si>
  <si>
    <t>E:\BK_final\Vilarinho\Vilarinho - Trabalho\Algar Telecom\BK_K_CCA_Vila_27.11.14\Projetos\Projeto Transformação - CSC\AT_Consolidado para Analise CSC_validacao CCA e CFI_Revisão 13nov13.xlsx</t>
  </si>
  <si>
    <t>11/19/2019 13:41:08</t>
  </si>
  <si>
    <t>Cargos.xls</t>
  </si>
  <si>
    <t>E:\BK_final\Vilarinho\Vilarinho - Trabalho\Algar Telecom\BK_K_CCA_Vila_27.11.14\Projetos\Projeto Transformação - CSC\Cargos.xls</t>
  </si>
  <si>
    <t>Check_Atividades_CCA_Contabilidade_Validado.xlsx</t>
  </si>
  <si>
    <t>E:\BK_final\Vilarinho\Vilarinho - Trabalho\Algar Telecom\BK_K_CCA_Vila_27.11.14\Projetos\Projeto Transformação - CSC\Check_Atividades_CCA_Contabilidade_Validado.xlsx</t>
  </si>
  <si>
    <t>11/19/2019 13:41:23</t>
  </si>
  <si>
    <t>Consolidado Total_Revisado_v3.xlsm</t>
  </si>
  <si>
    <t>E:\BK_final\Vilarinho\Vilarinho - Trabalho\Algar Telecom\BK_K_CCA_Vila_27.11.14\Projetos\Projeto Transformação - CSC\Consolidado Total_Revisado_v3.xlsm</t>
  </si>
  <si>
    <t>11/19/2019 13:41:25</t>
  </si>
  <si>
    <t>C:\Vila\Empresas Anterior\Arquivos Telecom\BK_K_CCA_Vila_27.11.14\Projetos\Projeto Transformação - CSC\CSC_Transformação_v2.pptx\</t>
  </si>
  <si>
    <t>E:\BK_final\Vilarinho\Vilarinho - Trabalho\Algar Telecom\BK_K_CCA_Vila_27.11.14\Projetos\Projeto Transformação - CSC\CSC_Transformação_v2.pptx</t>
  </si>
  <si>
    <t>11/19/2019 13:41:28</t>
  </si>
  <si>
    <t>C:\Vila\Empresas Anterior\Arquivos Telecom\CAPEX 2014\LP ESTRELA.pptx\</t>
  </si>
  <si>
    <t>E:\BK_final\Vilarinho\Vilarinho - Trabalho\Algar Telecom\CAPEX 2014\LP ESTRELA.pptx</t>
  </si>
  <si>
    <t>11/19/2019 13:41:31</t>
  </si>
  <si>
    <t>C:\Vila\Empresas Anterior\Arquivos Telecom\CAPEX 2014\Reavaliação Portfolio CAPEX 17-04-14 00.pptx\</t>
  </si>
  <si>
    <t>E:\BK_final\Vilarinho\Vilarinho - Trabalho\Algar Telecom\CAPEX 2014\Reavaliação Portfolio CAPEX 17-04-14 00.pptx</t>
  </si>
  <si>
    <t>11/19/2019 13:41:42</t>
  </si>
  <si>
    <t>C:\Vila\Empresas Anterior\Arquivos Telecom\Comite Auditoria - Ano 2012 - Mar-2013\2013.03.13 Comitê de Auditoria e Gestão de Riscos [Algar Telecom]_vfinal.pptx\</t>
  </si>
  <si>
    <t>E:\BK_final\Vilarinho\Vilarinho - Trabalho\Algar Telecom\Comite Auditoria - Ano 2012 - Mar-2013\2013.03.13 Comitê de Auditoria e Gestão de Riscos [Algar Telecom]_vfinal.pptx</t>
  </si>
  <si>
    <t>11/19/2019 13:41:43</t>
  </si>
  <si>
    <t>C:\Vila\Empresas Anterior\Arquivos Telecom\Comite Auditoria - Ano 2012 - Mar-2013\</t>
  </si>
  <si>
    <t>Bienios_Saldos 2012x2011.xlsx</t>
  </si>
  <si>
    <t>E:\BK_final\Vilarinho\Vilarinho - Trabalho\Algar Telecom\Comite Auditoria - Ano 2012 - Mar-2013\Bienios_Saldos 2012x2011.xlsx</t>
  </si>
  <si>
    <t>11/19/2019 13:41:50</t>
  </si>
  <si>
    <t>C:\Vila\Empresas Anterior\Arquivos Telecom\Comitê Auditoria 1T12 - 18 mai 12\2012.05.18 Comitê de Auditoria e Gestão de Riscos [Algar Telecom]_v_2012-05-07_v2.pptx\</t>
  </si>
  <si>
    <t>E:\BK_final\Vilarinho\Vilarinho - Trabalho\Algar Telecom\Comitê Auditoria 1T12 - 18 mai 12\2012.05.18 Comitê de Auditoria e Gestão de Riscos [Algar Telecom]_v_2012-05-07_v2.pptx</t>
  </si>
  <si>
    <t>11/19/2019 13:41:57</t>
  </si>
  <si>
    <t>C:\Vila\Empresas Anterior\Arquivos Telecom\Conciliação Contábil\Apresentação do Escopo para TI 23nov11 Reunião AlgTec.pptx\</t>
  </si>
  <si>
    <t>E:\BK_final\Vilarinho\Vilarinho - Trabalho\Algar Telecom\Conciliação Contábil\Apresentação do Escopo para TI 23nov11 Reunião AlgTec.pptx</t>
  </si>
  <si>
    <t>C:\Vila\Empresas Anterior\Arquivos Telecom\Conciliação Contábil\Apresentação do Escopo para TI 23nov11 Reunião AlgTec.pptx\Apresenta__o_do_Microsoft_PowerPoint5.pptx\</t>
  </si>
  <si>
    <t>11/19/2019 13:41:59</t>
  </si>
  <si>
    <t>C:\Vila\Empresas Anterior\Arquivos Telecom\Conciliação Contábil\Apresentação do Escopo para TI 23nov11 Reunião AlgTec.pptx\Documento_do_Microsoft_Word1.docx\</t>
  </si>
  <si>
    <t>C:\Vila\Empresas Anterior\Arquivos Telecom\Conciliação Contábil\Apresentação do Escopo para TI 23nov11 Reunião AlgTec.pptx\Planilha_do_Microsoft_Excel2.xlsx\</t>
  </si>
  <si>
    <t>11/19/2019 13:42:06</t>
  </si>
  <si>
    <t>C:\Vila\Empresas Anterior\Arquivos Telecom\Covenants 2014\</t>
  </si>
  <si>
    <t>Simulação%20Covenant_20140429_Reunião%20Algar(1).xlsm</t>
  </si>
  <si>
    <t>E:\BK_final\Vilarinho\Vilarinho - Trabalho\Algar Telecom\Covenants 2014\Simulação%20Covenant_20140429_Reunião%20Algar(1).xlsm</t>
  </si>
  <si>
    <t>11/19/2019 13:42:08</t>
  </si>
  <si>
    <t>SimulaçãoCovenant_20140430.xlsm</t>
  </si>
  <si>
    <t>E:\BK_final\Vilarinho\Vilarinho - Trabalho\Algar Telecom\Covenants 2014\SimulaçãoCovenant_20140430.xlsm</t>
  </si>
  <si>
    <t>11/19/2019 13:42:10</t>
  </si>
  <si>
    <t>C:\Vila\Empresas Anterior\Arquivos Telecom\Covenants 2014\Aquisição Synos - Mar-14\</t>
  </si>
  <si>
    <t>E:\BK_final\Vilarinho\Vilarinho - Trabalho\Algar Telecom\Covenants 2014\Aquisição Synos - Mar-14\Simulação%20Covenant_20140429_Reunião%20Algar(1).xlsm</t>
  </si>
  <si>
    <t>11/19/2019 13:42:14</t>
  </si>
  <si>
    <t>C:\Vila\Empresas Anterior\Arquivos Telecom\Desks\</t>
  </si>
  <si>
    <t>Instrucoes trabalho Algar.xlsx</t>
  </si>
  <si>
    <t>E:\BK_final\Vilarinho\Vilarinho - Trabalho\Algar Telecom\Desks\Instrucoes trabalho Algar.xlsx</t>
  </si>
  <si>
    <t>11/19/2019 13:42:15</t>
  </si>
  <si>
    <t>Lista de DTP´s.xlsx</t>
  </si>
  <si>
    <t>E:\BK_final\Vilarinho\Vilarinho - Trabalho\Algar Telecom\Desks\Lista de DTP´s.xlsx</t>
  </si>
  <si>
    <t>11/19/2019 13:42:52</t>
  </si>
  <si>
    <t>C:\Vila\Empresas Anterior\Arquivos Telecom\Desks\Originais\Ativos\002_FA_Movimentacao de Ativo Imobilizado.doc\</t>
  </si>
  <si>
    <t>ALGAR TEC - Regras de Negocio.xlsx</t>
  </si>
  <si>
    <t>E:\BK_final\Vilarinho\Vilarinho - Trabalho\Algar Telecom\Desks\Originais\Ativos\002_FA_Movimentacao de Ativo Imobilizado.doc</t>
  </si>
  <si>
    <t>Microsoft_Office_Excel_Worksheet1.xlsx</t>
  </si>
  <si>
    <t>Microsoft_Office_Excel_Worksheet2.xlsx</t>
  </si>
  <si>
    <t>11/19/2019 13:43:04</t>
  </si>
  <si>
    <t>C:\Vila\Empresas Anterior\Arquivos Telecom\Desks\Originais\Ativos\006_FA_ Oneração e Desoneração de bens final.doc\</t>
  </si>
  <si>
    <t>Rel Obras em Andamento (Mov Projects).xls</t>
  </si>
  <si>
    <t>E:\BK_final\Vilarinho\Vilarinho - Trabalho\Algar Telecom\Desks\Originais\Ativos\006_FA_ Oneração e Desoneração de bens final.doc</t>
  </si>
  <si>
    <t>11/19/2019 13:43:46</t>
  </si>
  <si>
    <t>11/19/2019 13:46:33</t>
  </si>
  <si>
    <t>LicenseSummaryReport_FC115.xlsx</t>
  </si>
  <si>
    <t>11/19/2019 13:44:23</t>
  </si>
  <si>
    <t>11/19/2019 13:47:34</t>
  </si>
  <si>
    <t>11/19/2019 13:45:25</t>
  </si>
  <si>
    <t>11/19/2019 13:50:34</t>
  </si>
  <si>
    <t>C:\Vila\Empresas Anterior\Arquivos Telecom\Desks\Originais\Contabil\001_GA_Atendimento Auditoria Externa-16052011 vr 1.0 - REV5.docx\</t>
  </si>
  <si>
    <t>E:\BK_final\Vilarinho\Vilarinho - Trabalho\Algar Telecom\Desks\Originais\Contabil\001_GA_Atendimento Auditoria Externa-16052011 vr 1.0 - REV5.docx</t>
  </si>
  <si>
    <t>11/19/2019 13:45:26</t>
  </si>
  <si>
    <t>11/19/2019 13:45:28</t>
  </si>
  <si>
    <t>11/19/2019 13:45:29</t>
  </si>
  <si>
    <t>11/19/2019 13:45:30</t>
  </si>
  <si>
    <t>11/19/2019 13:45:32</t>
  </si>
  <si>
    <t>11/19/2019 13:45:36</t>
  </si>
  <si>
    <t>11/19/2019 13:45:39</t>
  </si>
  <si>
    <t>11/19/2019 13:45:40</t>
  </si>
  <si>
    <t>11/19/2019 13:45:41</t>
  </si>
  <si>
    <t>11/19/2019 13:45:42</t>
  </si>
  <si>
    <t>11/19/2019 13:45:45</t>
  </si>
  <si>
    <t>Planilha_do_Microsoft_Office_Excel_97-200323.xls</t>
  </si>
  <si>
    <t>11/19/2019 13:45:46</t>
  </si>
  <si>
    <t>Planilha_do_Microsoft_Office_Excel_97-200324.xls</t>
  </si>
  <si>
    <t>Planilha_do_Microsoft_Office_Excel_97-200325.xls</t>
  </si>
  <si>
    <t>11/19/2019 13:45:49</t>
  </si>
  <si>
    <t>Planilha_do_Microsoft_Office_Excel_97-200326.xls</t>
  </si>
  <si>
    <t>Planilha_do_Microsoft_Office_Excel_97-200327.xls</t>
  </si>
  <si>
    <t>11/19/2019 13:45:50</t>
  </si>
  <si>
    <t>Planilha_do_Microsoft_Office_Excel_97-200328.xls</t>
  </si>
  <si>
    <t>11/19/2019 13:45:51</t>
  </si>
  <si>
    <t>Planilha_do_Microsoft_Office_Excel_97-200329.xls</t>
  </si>
  <si>
    <t>Planilha_do_Microsoft_Office_Excel_97-200330.xls</t>
  </si>
  <si>
    <t>Planilha_do_Microsoft_Office_Excel_97-200331.xls</t>
  </si>
  <si>
    <t>11/19/2019 13:45:52</t>
  </si>
  <si>
    <t>Planilha_do_Microsoft_Office_Excel_97-200332.xls</t>
  </si>
  <si>
    <t>11/19/2019 13:45:53</t>
  </si>
  <si>
    <t>Planilha_do_Microsoft_Office_Excel_97-200333.xls</t>
  </si>
  <si>
    <t>Planilha_do_Microsoft_Office_Excel_97-200334.xls</t>
  </si>
  <si>
    <t>11/19/2019 13:45:54</t>
  </si>
  <si>
    <t>Planilha_do_Microsoft_Office_Excel_97-200335.xls</t>
  </si>
  <si>
    <t>11/19/2019 13:45:57</t>
  </si>
  <si>
    <t>Planilha_do_Microsoft_Office_Excel_97-200336.xls</t>
  </si>
  <si>
    <t>Planilha_do_Microsoft_Office_Excel_97-200337.xls</t>
  </si>
  <si>
    <t>Planilha_do_Microsoft_Office_Excel_97-200338.xls</t>
  </si>
  <si>
    <t>11/19/2019 13:45:58</t>
  </si>
  <si>
    <t>Planilha_do_Microsoft_Office_Excel_97-200339.xls</t>
  </si>
  <si>
    <t>Planilha_do_Microsoft_Office_Excel_97-200340.xls</t>
  </si>
  <si>
    <t>11/19/2019 13:45:59</t>
  </si>
  <si>
    <t>Planilha_do_Microsoft_Office_Excel_97-200341.xls</t>
  </si>
  <si>
    <t>Planilha_do_Microsoft_Office_Excel_97-200342.xls</t>
  </si>
  <si>
    <t>Planilha_do_Microsoft_Office_Excel_97-200343.xls</t>
  </si>
  <si>
    <t>11/19/2019 13:46:00</t>
  </si>
  <si>
    <t>Planilha_do_Microsoft_Office_Excel_97-200344.xls</t>
  </si>
  <si>
    <t>11/19/2019 13:46:01</t>
  </si>
  <si>
    <t>Planilha_do_Microsoft_Office_Excel_97-200345.xls</t>
  </si>
  <si>
    <t>11/19/2019 13:46:02</t>
  </si>
  <si>
    <t>C:\Vila\Empresas Anterior\Arquivos Telecom\Desks\Originais\Contabil\001_GA_Atendimento Auditoria Externa-16052011 vr 1.0 - REV5.docx\Planilha_do_Microsoft_Office_Excel1.xlsx\</t>
  </si>
  <si>
    <t>11/19/2019 13:46:05</t>
  </si>
  <si>
    <t>11/19/2019 13:46:06</t>
  </si>
  <si>
    <t>C:\Vila\Empresas Anterior\Arquivos Telecom\Desks\Originais\Contabil\001_GA_Atendimento Auditoria Externa-16052011 vr 1.0 - REV5.docx\Planilha_do_Microsoft_Office_Excel_97-200311.xls\</t>
  </si>
  <si>
    <t>11/19/2019 13:46:07</t>
  </si>
  <si>
    <t>C:\Vila\Empresas Anterior\Arquivos Telecom\Desks\Originais\Contabil\001_GA_Atendimento Auditoria Externa-16052011 vr 1.0 - REV5.docx\Planilha_do_Microsoft_Office_Excel_97-200312.xls\</t>
  </si>
  <si>
    <t>C:\Vila\Empresas Anterior\Arquivos Telecom\Desks\Originais\Contabil\001_GA_Atendimento Auditoria Externa-16052011 vr 1.0 - REV5.docx\Planilha_do_Microsoft_Office_Excel_97-200313.xls\</t>
  </si>
  <si>
    <t>C:\Vila\Empresas Anterior\Arquivos Telecom\Desks\Originais\Contabil\001_GA_Atendimento Auditoria Externa-16052011 vr 1.0 - REV5.docx\Planilha_do_Microsoft_Office_Excel_97-200319.xls\</t>
  </si>
  <si>
    <t>11/19/2019 13:50:06</t>
  </si>
  <si>
    <t>11/19/2019 13:51:34</t>
  </si>
  <si>
    <t>Usuarios a serem criados_Dynamics.xlsx</t>
  </si>
  <si>
    <t>11/19/2019 13:53:08</t>
  </si>
  <si>
    <t>11/19/2019 13:55:33</t>
  </si>
  <si>
    <t>ENC: CRCE: Controle - CMPC CELULOSE CRM:006060002164</t>
  </si>
  <si>
    <t>CMPC CELULOSE RIOGRANDENSE LTDA.xlsx</t>
  </si>
  <si>
    <t>11/19/2019 13:56:34</t>
  </si>
  <si>
    <t>C:\Vila\Empresas Anterior\Arquivos Telecom\Desks\Originais\Contabil\001_GA_Atendimento Auditoria Externa-16052011 vr 1.0 - REV5.docx\Planilha_do_Microsoft_Office_Excel_97-200324.xls\</t>
  </si>
  <si>
    <t>11/19/2019 13:46:08</t>
  </si>
  <si>
    <t>C:\Vila\Empresas Anterior\Arquivos Telecom\Desks\Originais\Contabil\001_GA_Atendimento Auditoria Externa-16052011 vr 1.0 - REV5.docx\Planilha_do_Microsoft_Office_Excel_97-200325.xls\</t>
  </si>
  <si>
    <t>11/19/2019 13:46:09</t>
  </si>
  <si>
    <t>C:\Vila\Empresas Anterior\Arquivos Telecom\Desks\Originais\Contabil\001_GA_Atendimento Auditoria Externa-16052011 vr 1.0 - REV5.docx\Planilha_do_Microsoft_Office_Excel_97-200326.xls\</t>
  </si>
  <si>
    <t>11/19/2019 13:48:26</t>
  </si>
  <si>
    <t>C:\Vila\Empresas Anterior\Arquivos Telecom\Desks\Originais\Contabil\001_GA_Atendimento Auditoria Externa-16052011 vr 1.0 - REV7.docx\</t>
  </si>
  <si>
    <t>Microsoft_Office_Excel_97-2003_Worksheet1.xls</t>
  </si>
  <si>
    <t>E:\BK_final\Vilarinho\Vilarinho - Trabalho\Algar Telecom\Desks\Originais\Contabil\001_GA_Atendimento Auditoria Externa-16052011 vr 1.0 - REV7.docx</t>
  </si>
  <si>
    <t>Microsoft_Office_Excel_97-2003_Worksheet10.xls</t>
  </si>
  <si>
    <t>11/19/2019 13:48:28</t>
  </si>
  <si>
    <t>Microsoft_Office_Excel_97-2003_Worksheet11.xls</t>
  </si>
  <si>
    <t>11/19/2019 13:48:31</t>
  </si>
  <si>
    <t>Microsoft_Office_Excel_97-2003_Worksheet12.xls</t>
  </si>
  <si>
    <t>Microsoft_Office_Excel_97-2003_Worksheet13.xls</t>
  </si>
  <si>
    <t>Microsoft_Office_Excel_97-2003_Worksheet14.xls</t>
  </si>
  <si>
    <t>11/19/2019 13:48:32</t>
  </si>
  <si>
    <t>Microsoft_Office_Excel_97-2003_Worksheet15.xls</t>
  </si>
  <si>
    <t>11/19/2019 13:48:33</t>
  </si>
  <si>
    <t>Microsoft_Office_Excel_97-2003_Worksheet16.xls</t>
  </si>
  <si>
    <t>Microsoft_Office_Excel_97-2003_Worksheet17.xls</t>
  </si>
  <si>
    <t>11/19/2019 13:48:36</t>
  </si>
  <si>
    <t>Microsoft_Office_Excel_97-2003_Worksheet18.xls</t>
  </si>
  <si>
    <t>11/19/2019 13:48:38</t>
  </si>
  <si>
    <t>Microsoft_Office_Excel_97-2003_Worksheet19.xls</t>
  </si>
  <si>
    <t>Microsoft_Office_Excel_97-2003_Worksheet2.xls</t>
  </si>
  <si>
    <t>11/19/2019 13:48:39</t>
  </si>
  <si>
    <t>Microsoft_Office_Excel_97-2003_Worksheet20.xls</t>
  </si>
  <si>
    <t>Microsoft_Office_Excel_97-2003_Worksheet21.xls</t>
  </si>
  <si>
    <t>11/19/2019 13:48:40</t>
  </si>
  <si>
    <t>Microsoft_Office_Excel_97-2003_Worksheet22.xls</t>
  </si>
  <si>
    <t>Microsoft_Office_Excel_97-2003_Worksheet23.xls</t>
  </si>
  <si>
    <t>11/19/2019 13:48:41</t>
  </si>
  <si>
    <t>Microsoft_Office_Excel_97-2003_Worksheet24.xls</t>
  </si>
  <si>
    <t>Microsoft_Office_Excel_97-2003_Worksheet25.xls</t>
  </si>
  <si>
    <t>Microsoft_Office_Excel_97-2003_Worksheet26.xls</t>
  </si>
  <si>
    <t>Microsoft_Office_Excel_97-2003_Worksheet27.xls</t>
  </si>
  <si>
    <t>11/19/2019 13:48:45</t>
  </si>
  <si>
    <t>Microsoft_Office_Excel_97-2003_Worksheet28.xls</t>
  </si>
  <si>
    <t>Microsoft_Office_Excel_97-2003_Worksheet29.xls</t>
  </si>
  <si>
    <t>11/19/2019 13:57:34</t>
  </si>
  <si>
    <t>Microsoft_Office_Excel_97-2003_Worksheet3.xls</t>
  </si>
  <si>
    <t>11/19/2019 13:48:46</t>
  </si>
  <si>
    <t>Microsoft_Office_Excel_97-2003_Worksheet30.xls</t>
  </si>
  <si>
    <t>11/19/2019 13:48:47</t>
  </si>
  <si>
    <t>Microsoft_Office_Excel_97-2003_Worksheet31.xls</t>
  </si>
  <si>
    <t>Microsoft_Office_Excel_97-2003_Worksheet32.xls</t>
  </si>
  <si>
    <t>11/19/2019 13:48:48</t>
  </si>
  <si>
    <t>Microsoft_Office_Excel_97-2003_Worksheet33.xls</t>
  </si>
  <si>
    <t>11/19/2019 13:48:49</t>
  </si>
  <si>
    <t>Microsoft_Office_Excel_97-2003_Worksheet34.xls</t>
  </si>
  <si>
    <t>Microsoft_Office_Excel_97-2003_Worksheet35.xls</t>
  </si>
  <si>
    <t>11/19/2019 13:48:50</t>
  </si>
  <si>
    <t>Microsoft_Office_Excel_97-2003_Worksheet36.xls</t>
  </si>
  <si>
    <t>11/19/2019 13:48:51</t>
  </si>
  <si>
    <t>Microsoft_Office_Excel_97-2003_Worksheet37.xls</t>
  </si>
  <si>
    <t>11/19/2019 13:48:52</t>
  </si>
  <si>
    <t>Microsoft_Office_Excel_97-2003_Worksheet38.xls</t>
  </si>
  <si>
    <t>Microsoft_Office_Excel_97-2003_Worksheet39.xls</t>
  </si>
  <si>
    <t>Microsoft_Office_Excel_97-2003_Worksheet4.xls</t>
  </si>
  <si>
    <t>11/19/2019 13:48:55</t>
  </si>
  <si>
    <t>Microsoft_Office_Excel_97-2003_Worksheet40.xls</t>
  </si>
  <si>
    <t>Microsoft_Office_Excel_97-2003_Worksheet41.xls</t>
  </si>
  <si>
    <t>Microsoft_Office_Excel_97-2003_Worksheet42.xls</t>
  </si>
  <si>
    <t>11/19/2019 13:48:56</t>
  </si>
  <si>
    <t>Microsoft_Office_Excel_97-2003_Worksheet43.xls</t>
  </si>
  <si>
    <t>11/19/2019 13:48:58</t>
  </si>
  <si>
    <t>Microsoft_Office_Excel_97-2003_Worksheet44.xls</t>
  </si>
  <si>
    <t>Microsoft_Office_Excel_97-2003_Worksheet45.xls</t>
  </si>
  <si>
    <t>11/19/2019 13:48:59</t>
  </si>
  <si>
    <t>Microsoft_Office_Excel_97-2003_Worksheet46.xls</t>
  </si>
  <si>
    <t>11/19/2019 13:49:02</t>
  </si>
  <si>
    <t>Microsoft_Office_Excel_97-2003_Worksheet47.xls</t>
  </si>
  <si>
    <t>Microsoft_Office_Excel_97-2003_Worksheet48.xls</t>
  </si>
  <si>
    <t>Microsoft_Office_Excel_97-2003_Worksheet5.xls</t>
  </si>
  <si>
    <t>11/19/2019 13:49:03</t>
  </si>
  <si>
    <t>Microsoft_Office_Excel_97-2003_Worksheet6.xls</t>
  </si>
  <si>
    <t>11/19/2019 13:49:04</t>
  </si>
  <si>
    <t>Microsoft_Office_Excel_97-2003_Worksheet7.xls</t>
  </si>
  <si>
    <t>Microsoft_Office_Excel_97-2003_Worksheet8.xls</t>
  </si>
  <si>
    <t>11/19/2019 13:49:05</t>
  </si>
  <si>
    <t>Microsoft_Office_Excel_97-2003_Worksheet9.xls</t>
  </si>
  <si>
    <t>oleObject12.xls</t>
  </si>
  <si>
    <t>11/19/2019 13:49:07</t>
  </si>
  <si>
    <t>oleObject13.xls</t>
  </si>
  <si>
    <t>11/19/2019 13:49:08</t>
  </si>
  <si>
    <t>oleObject14.xls</t>
  </si>
  <si>
    <t>11/19/2019 13:49:09</t>
  </si>
  <si>
    <t>oleObject30.xls</t>
  </si>
  <si>
    <t>11/19/2019 13:49:11</t>
  </si>
  <si>
    <t>oleObject31.xls</t>
  </si>
  <si>
    <t>C:\Vila\Empresas Anterior\Arquivos Telecom\Desks\Originais\Contabil\001_GA_Atendimento Auditoria Externa-16052011 vr 1.0 - REV7.docx\Microsoft_Office_Excel_97-2003_Worksheet1.xls\</t>
  </si>
  <si>
    <t>11/19/2019 13:49:12</t>
  </si>
  <si>
    <t>C:\Vila\Empresas Anterior\Arquivos Telecom\Desks\Originais\Contabil\001_GA_Atendimento Auditoria Externa-16052011 vr 1.0 - REV7.docx\Microsoft_Office_Excel_97-2003_Worksheet12.xls\</t>
  </si>
  <si>
    <t>11/19/2019 13:49:16</t>
  </si>
  <si>
    <t>C:\Vila\Empresas Anterior\Arquivos Telecom\Desks\Originais\Contabil\001_GA_Atendimento Auditoria Externa-16052011 vr 1.0 - REV7.docx\Microsoft_Office_Excel_97-2003_Worksheet13.xls\</t>
  </si>
  <si>
    <t>11/19/2019 13:49:17</t>
  </si>
  <si>
    <t>C:\Vila\Empresas Anterior\Arquivos Telecom\Desks\Originais\Contabil\001_GA_Atendimento Auditoria Externa-16052011 vr 1.0 - REV7.docx\Microsoft_Office_Excel_97-2003_Worksheet14.xls\</t>
  </si>
  <si>
    <t>C:\Vila\Empresas Anterior\Arquivos Telecom\Desks\Originais\Contabil\001_GA_Atendimento Auditoria Externa-16052011 vr 1.0 - REV7.docx\Microsoft_Office_Excel_97-2003_Worksheet20.xls\</t>
  </si>
  <si>
    <t>11/19/2019 13:49:20</t>
  </si>
  <si>
    <t>C:\Vila\Empresas Anterior\Arquivos Telecom\Desks\Originais\Contabil\001_GA_Atendimento Auditoria Externa-16052011 vr 1.0 - REV7.docx\Microsoft_Office_Excel_97-2003_Worksheet25.xls\</t>
  </si>
  <si>
    <t>C:\Vila\Empresas Anterior\Arquivos Telecom\Desks\Originais\Contabil\001_GA_Atendimento Auditoria Externa-16052011 vr 1.0 - REV7.docx\Microsoft_Office_Excel_97-2003_Worksheet26.xls\</t>
  </si>
  <si>
    <t>11/19/2019 13:49:22</t>
  </si>
  <si>
    <t>C:\Vila\Empresas Anterior\Arquivos Telecom\Desks\Originais\Contabil\001_GA_Atendimento Auditoria Externa-16052011 vr 1.0 - REV7.docx\Microsoft_Office_Excel_97-2003_Worksheet27.xls\</t>
  </si>
  <si>
    <t>11/19/2019 13:57:38</t>
  </si>
  <si>
    <t>11/19/2019 13:58:34</t>
  </si>
  <si>
    <t>/o=exchangelabs/ou=exchange administrative group (fydibohf23spdlt)/cn=recipients/cn=8b1ee9849bf1448b965d2e381d782565-gabriel viv;/o=exchangelabs/ou=exchange administrative group (fydibohf23spdlt)/cn=recipients/cn=92f840270c3143f3a4d11a96cbe1c928-marcela car;/o=exchangelabs/ou=exchange administrative group (fydibohf23spdlt)/cn=recipients/cn=c29ec9dae022497281c840087cccddec-patricia ar;</t>
  </si>
  <si>
    <t>Mailing enriquecido</t>
  </si>
  <si>
    <t>Mailing enriquecido_1911.xltx</t>
  </si>
  <si>
    <t>/o=exchangelabs/ou=exchange administrative group (fydibohf23spdlt)/cn=recipients/cn=8b1ee9849bf1448b965d2e381d782565-gabriel viv,/o=exchangelabs/ou=exchange administrative group (fydibohf23spdlt)/cn=recipients/cn=92f840270c3143f3a4d11a96cbe1c928-marcela car,/o=exchangelabs/ou=exchange administrative group (fydibohf23spdlt)/cn=recipients/cn=c29ec9dae022497281c840087cccddec-patricia ar</t>
  </si>
  <si>
    <t>11/19/2019 13:56:40</t>
  </si>
  <si>
    <t>11/19/2019 14:00:34</t>
  </si>
  <si>
    <t>/o=exchangelabs/ou=exchange administrative group (fydibohf23spdlt)/cn=recipients/cn=4b453b7f02914710b3e94bcf7b311ad4-fernando po;/o=exchangelabs/ou=exchange administrative group (fydibohf23spdlt)/cn=recipients/cn=b1a72fc2d0234efca84c7771ea70c7ee-roberta cri;/o=exchangelabs/ou=exchange administrative group (fydibohf23spdlt)/cn=recipients/cn=d3d28899a5be4c2c8b5b9e55717f7da7-fabio ribei;</t>
  </si>
  <si>
    <t>Plano de Ação - Fábio Ribeiro</t>
  </si>
  <si>
    <t>Plano Fábio.xlsx</t>
  </si>
  <si>
    <t>/o=exchangelabs/ou=exchange administrative group (fydibohf23spdlt)/cn=recipients/cn=4b453b7f02914710b3e94bcf7b311ad4-fernando po,/o=exchangelabs/ou=exchange administrative group (fydibohf23spdlt)/cn=recipients/cn=b1a72fc2d0234efca84c7771ea70c7ee-roberta cri,/o=exchangelabs/ou=exchange administrative group (fydibohf23spdlt)/cn=recipients/cn=d3d28899a5be4c2c8b5b9e55717f7da7-fabio ribei</t>
  </si>
  <si>
    <t>11/19/2019 13:59:01</t>
  </si>
  <si>
    <t>11/19/2019 14:02:33</t>
  </si>
  <si>
    <t>RES: Casos Especiais Amex - Parcial Novembro</t>
  </si>
  <si>
    <t>11/19/2019 13:49:37</t>
  </si>
  <si>
    <t>11/19/2019 14:03:33</t>
  </si>
  <si>
    <t>C:\Vila\Empresas Anterior\Arquivos Telecom\Desks\Originais\Contabil\003_GA_Autorização e Concessão 02022011 vr 1.0.docx\</t>
  </si>
  <si>
    <t>E:\BK_final\Vilarinho\Vilarinho - Trabalho\Algar Telecom\Desks\Originais\Contabil\003_GA_Autorização e Concessão 02022011 vr 1.0.docx</t>
  </si>
  <si>
    <t>Microsoft_Office_Excel_Worksheet3.xlsx</t>
  </si>
  <si>
    <t>11/19/2019 13:49:40</t>
  </si>
  <si>
    <t>C:\Vila\Empresas Anterior\Arquivos Telecom\Desks\Originais\Contabil\004_GA_Despesa Antecipada 10052011 vr 1.0.docx\</t>
  </si>
  <si>
    <t>E:\BK_final\Vilarinho\Vilarinho - Trabalho\Algar Telecom\Desks\Originais\Contabil\004_GA_Despesa Antecipada 10052011 vr 1.0.docx</t>
  </si>
  <si>
    <t>Microsoft_Office_Excel_Worksheet4.xlsx</t>
  </si>
  <si>
    <t>Microsoft_Office_Excel_Worksheet5.xlsx</t>
  </si>
  <si>
    <t>11/19/2019 13:49:47</t>
  </si>
  <si>
    <t>C:\Vila\Empresas Anterior\Arquivos Telecom\Desks\Originais\Contabil\005_GA_ Rateio de Despesas Holding 11052011 vr 1.0.docx\</t>
  </si>
  <si>
    <t>E:\BK_final\Vilarinho\Vilarinho - Trabalho\Algar Telecom\Desks\Originais\Contabil\005_GA_ Rateio de Despesas Holding 11052011 vr 1.0.docx</t>
  </si>
  <si>
    <t>11/19/2019 13:49:48</t>
  </si>
  <si>
    <t>C:\Vila\Empresas Anterior\Arquivos Telecom\Desks\Originais\Contabil\006_GA_Fechamento Contábil 03022011 vr 1.0.docx\</t>
  </si>
  <si>
    <t>E:\BK_final\Vilarinho\Vilarinho - Trabalho\Algar Telecom\Desks\Originais\Contabil\006_GA_Fechamento Contábil 03022011 vr 1.0.docx</t>
  </si>
  <si>
    <t>11/19/2019 13:49:57</t>
  </si>
  <si>
    <t>C:\Vila\Empresas Anterior\Arquivos Telecom\Desks\Originais\Contabil\010_GA_Elaboração do CT 08062011 v 1.0.doc\</t>
  </si>
  <si>
    <t>E:\BK_final\Vilarinho\Vilarinho - Trabalho\Algar Telecom\Desks\Originais\Contabil\010_GA_Elaboração do CT 08062011 v 1.0.doc</t>
  </si>
  <si>
    <t>11/19/2019 13:49:58</t>
  </si>
  <si>
    <t>C:\Vila\Empresas Anterior\Arquivos Telecom\Desks\Originais\Contabil\014_GA_Reserva Legal 28042011 vr 1.0.docx\</t>
  </si>
  <si>
    <t>E:\BK_final\Vilarinho\Vilarinho - Trabalho\Algar Telecom\Desks\Originais\Contabil\014_GA_Reserva Legal 28042011 vr 1.0.docx</t>
  </si>
  <si>
    <t>11/19/2019 13:49:59</t>
  </si>
  <si>
    <t>C:\Vila\Empresas Anterior\Arquivos Telecom\Desks\Originais\Contabil\015_GA_Ajuste Contábil 23022011 vr 1.0.docx\</t>
  </si>
  <si>
    <t>E:\BK_final\Vilarinho\Vilarinho - Trabalho\Algar Telecom\Desks\Originais\Contabil\015_GA_Ajuste Contábil 23022011 vr 1.0.docx</t>
  </si>
  <si>
    <t>11/19/2019 13:50:00</t>
  </si>
  <si>
    <t>C:\Vila\Empresas Anterior\Arquivos Telecom\Desks\Originais\Contabil\017_GA_Processo IRU 06062011.docx\</t>
  </si>
  <si>
    <t>E:\BK_final\Vilarinho\Vilarinho - Trabalho\Algar Telecom\Desks\Originais\Contabil\017_GA_Processo IRU 06062011.docx</t>
  </si>
  <si>
    <t>11/19/2019 13:50:03</t>
  </si>
  <si>
    <t>C:\Vila\Empresas Anterior\Arquivos Telecom\Desks\Originais\Contabil\020_GA_ Repasse de Despesas Telecom 10052011 vr 1.0.docx\</t>
  </si>
  <si>
    <t>E:\BK_final\Vilarinho\Vilarinho - Trabalho\Algar Telecom\Desks\Originais\Contabil\020_GA_ Repasse de Despesas Telecom 10052011 vr 1.0.docx</t>
  </si>
  <si>
    <t>11/19/2019 13:50:08</t>
  </si>
  <si>
    <t>C:\Vila\Empresas Anterior\Arquivos Telecom\Desks\Originais\Contabil\023_GA_ Rateio de Despesas Holding CSC 01062011.docx\</t>
  </si>
  <si>
    <t>E:\BK_final\Vilarinho\Vilarinho - Trabalho\Algar Telecom\Desks\Originais\Contabil\023_GA_ Rateio de Despesas Holding CSC 01062011.docx</t>
  </si>
  <si>
    <t>C:\Vila\Empresas Anterior\Arquivos Telecom\Desks\Originais\Fiscal\Workshop 13062011\010_TAX - Apuração FUST e FUNTTEL.doc\</t>
  </si>
  <si>
    <t>E:\BK_final\Vilarinho\Vilarinho - Trabalho\Algar Telecom\Desks\Originais\Fiscal\Workshop 13062011\010_TAX - Apuração FUST e FUNTTEL.doc</t>
  </si>
  <si>
    <t>C:\Vila\Empresas Anterior\Arquivos Telecom\Desks\Originais\Fiscal\Workshop 13062011\040_TAX- Contingências Fiscais, Civil e Trabalhista.doc\</t>
  </si>
  <si>
    <t>E:\BK_final\Vilarinho\Vilarinho - Trabalho\Algar Telecom\Desks\Originais\Fiscal\Workshop 13062011\040_TAX- Contingências Fiscais, Civil e Trabalhista.doc</t>
  </si>
  <si>
    <t>11/19/2019 13:51:10</t>
  </si>
  <si>
    <t>C:\Vila\Empresas Anterior\Arquivos Telecom\Desks\revisadas\Ativos\002_FA_Movimentacao%20de%20Ativo%20Imobilizado%20Final[1]-ok.docx\</t>
  </si>
  <si>
    <t>E:\BK_final\Vilarinho\Vilarinho - Trabalho\Algar Telecom\Desks\revisadas\Ativos\002_FA_Movimentacao%20de%20Ativo%20Imobilizado%20Final[1]-ok.docx</t>
  </si>
  <si>
    <t>11/19/2019 13:51:21</t>
  </si>
  <si>
    <t>C:\Vila\Empresas Anterior\Arquivos Telecom\Desks\revisadas\Ativos\006_FA_ Oneração e Desoneração de bens final-ok.docx\</t>
  </si>
  <si>
    <t>E:\BK_final\Vilarinho\Vilarinho - Trabalho\Algar Telecom\Desks\revisadas\Ativos\006_FA_ Oneração e Desoneração de bens final-ok.docx</t>
  </si>
  <si>
    <t>11/19/2019 13:51:22</t>
  </si>
  <si>
    <t>11/19/2019 13:56:54</t>
  </si>
  <si>
    <t>C:\Vila\Empresas Anterior\Arquivos Telecom\Desks\revisadas\Contabil\001_GA_Atendimento Auditoria Externa-16052011 vr 1.0 - REV5-Revisado Vila.docx\</t>
  </si>
  <si>
    <t>E:\BK_final\Vilarinho\Vilarinho - Trabalho\Algar Telecom\Desks\revisadas\Contabil\001_GA_Atendimento Auditoria Externa-16052011 vr 1.0 - REV5-Revisado Vila.docx</t>
  </si>
  <si>
    <t>11/19/2019 13:56:55</t>
  </si>
  <si>
    <t>11/19/2019 13:57:00</t>
  </si>
  <si>
    <t>11/19/2019 13:57:06</t>
  </si>
  <si>
    <t>11/19/2019 13:57:09</t>
  </si>
  <si>
    <t>11/19/2019 13:57:17</t>
  </si>
  <si>
    <t>11/19/2019 13:57:24</t>
  </si>
  <si>
    <t>11/19/2019 13:57:25</t>
  </si>
  <si>
    <t>11/19/2019 13:57:29</t>
  </si>
  <si>
    <t>11/19/2019 13:57:32</t>
  </si>
  <si>
    <t>11/19/2019 13:57:35</t>
  </si>
  <si>
    <t>11/19/2019 13:57:41</t>
  </si>
  <si>
    <t>11/19/2019 13:57:42</t>
  </si>
  <si>
    <t>11/19/2019 13:57:46</t>
  </si>
  <si>
    <t>11/19/2019 13:57:48</t>
  </si>
  <si>
    <t>11/19/2019 14:02:56</t>
  </si>
  <si>
    <t>11/19/2019 14:07:34</t>
  </si>
  <si>
    <t>kellyc@tripag.com.br;larrynirmads@algartech.com;pauloslj@algartech.com;robertaib@algartech.com;</t>
  </si>
  <si>
    <t>\\acsfs\deptos\Operacao\Unica\2. Ilhas\2.2 Credenciadora\2.2.18 Pagamento Devolvido\Novembro\</t>
  </si>
  <si>
    <t>kellyc@tripag.com.br,larrynirmads@algartech.com,pauloslj@algartech.com,robertaib@algartech.com</t>
  </si>
  <si>
    <t>11/19/2019 14:08:34</t>
  </si>
  <si>
    <t>11/19/2019 14:10:34</t>
  </si>
  <si>
    <t>11/19/2019 13:57:49</t>
  </si>
  <si>
    <t>11/19/2019 14:12:34</t>
  </si>
  <si>
    <t>11/19/2019 14:13:33</t>
  </si>
  <si>
    <t>11/19/2019 14:08:35</t>
  </si>
  <si>
    <t>11/19/2019 14:14:33</t>
  </si>
  <si>
    <t>11/19/2019 14:09:26</t>
  </si>
  <si>
    <t>11/19/2019 13:57:50</t>
  </si>
  <si>
    <t>11/19/2019 14:16:33</t>
  </si>
  <si>
    <t>11/19/2019 14:17:34</t>
  </si>
  <si>
    <t>11/19/2019 14:18:34</t>
  </si>
  <si>
    <t>11/19/2019 13:57:56</t>
  </si>
  <si>
    <t>11/19/2019 14:19:34</t>
  </si>
  <si>
    <t>11/19/2019 14:20:34</t>
  </si>
  <si>
    <t>11/19/2019 14:15:47</t>
  </si>
  <si>
    <t>Relatório de Atendimento</t>
  </si>
  <si>
    <t>relatorio_atendimento_analitico__exportacao_5dd42239002e3.csv</t>
  </si>
  <si>
    <t>11/19/2019 13:58:05</t>
  </si>
  <si>
    <t>11/19/2019 14:17:38</t>
  </si>
  <si>
    <t>/o=exchangelabs/ou=exchange administrative group (fydibohf23spdlt)/cn=recipients/cn=26984366badb41bea1ad9ee21b28411b-luciene rod;/o=exchangelabs/ou=exchange administrative group (fydibohf23spdlt)/cn=recipients/cn=2f8300fc6f8b4714a77c0227cba72162-vinicius pi;/o=exchangelabs/ou=exchange administrative group (fydibohf23spdlt)/cn=recipients/cn=6b9fd660438a463aa668b6c636013344-aline berna;/o=exchangelabs/ou=exchange administrative group (fydibohf23spdlt)/cn=recipients/cn=8295bdf2d84b481dacb8e4962fb430d4-rodrigo ant;/o=exchangelabs/ou=exchange administrative group (fydibohf23spdlt)/cn=recipients/cn=d6cce5a70d504cc2ad89cee834cd59a9-luciana rib;viniciussdl@algartech.com;</t>
  </si>
  <si>
    <t>Caderno de testes API Consulta NF</t>
  </si>
  <si>
    <t>Caderno de Teste BOT JÚ - Consulta NF.xlsx</t>
  </si>
  <si>
    <t>/o=exchangelabs/ou=exchange administrative group (fydibohf23spdlt)/cn=recipients/cn=26984366badb41bea1ad9ee21b28411b-luciene rod,/o=exchangelabs/ou=exchange administrative group (fydibohf23spdlt)/cn=recipients/cn=2f8300fc6f8b4714a77c0227cba72162-vinicius pi,/o=exchangelabs/ou=exchange administrative group (fydibohf23spdlt)/cn=recipients/cn=6b9fd660438a463aa668b6c636013344-aline berna,/o=exchangelabs/ou=exchange administrative group (fydibohf23spdlt)/cn=recipients/cn=8295bdf2d84b481dacb8e4962fb430d4-rodrigo ant,/o=exchangelabs/ou=exchange administrative group (fydibohf23spdlt)/cn=recipients/cn=d6cce5a70d504cc2ad89cee834cd59a9-luciana rib,viniciussdl@algartech.com</t>
  </si>
  <si>
    <t>11/19/2019 13:58:07</t>
  </si>
  <si>
    <t>11/19/2019 14:21:34</t>
  </si>
  <si>
    <t>11/19/2019 13:58:08</t>
  </si>
  <si>
    <t>11/19/2019 14:18:00</t>
  </si>
  <si>
    <t>/o=exchangelabs/ou=exchange administrative group (fydibohf23spdlt)/cn=recipients/cn=168e05cabbf14ae289464a0c09955b31-sara ferrei;/o=exchangelabs/ou=exchange administrative group (fydibohf23spdlt)/cn=recipients/cn=813137faf5314c07911c33841e8f1e9b-roselaine s;/o=exchangelabs/ou=exchange administrative group (fydibohf23spdlt)/cn=recipients/cn=e9b12c05d40743aeabb473b63d3b57f6-camila tirs;</t>
  </si>
  <si>
    <t>ENC: Não Faturado 1ª Semana Outubro</t>
  </si>
  <si>
    <t>/o=exchangelabs/ou=exchange administrative group (fydibohf23spdlt)/cn=recipients/cn=168e05cabbf14ae289464a0c09955b31-sara ferrei,/o=exchangelabs/ou=exchange administrative group (fydibohf23spdlt)/cn=recipients/cn=813137faf5314c07911c33841e8f1e9b-roselaine s,/o=exchangelabs/ou=exchange administrative group (fydibohf23spdlt)/cn=recipients/cn=e9b12c05d40743aeabb473b63d3b57f6-camila tirs</t>
  </si>
  <si>
    <t>11/19/2019 13:58:10</t>
  </si>
  <si>
    <t>11/19/2019 13:58:11</t>
  </si>
  <si>
    <t>11/19/2019 13:58:12</t>
  </si>
  <si>
    <t>11/19/2019 14:22:34</t>
  </si>
  <si>
    <t>11/19/2019 13:58:19</t>
  </si>
  <si>
    <t>11/19/2019 13:58:31</t>
  </si>
  <si>
    <t>11/19/2019 13:58:35</t>
  </si>
  <si>
    <t>11/19/2019 13:58:41</t>
  </si>
  <si>
    <t>11/19/2019 13:58:49</t>
  </si>
  <si>
    <t>11/19/2019 13:58:52</t>
  </si>
  <si>
    <t>11/19/2019 13:59:08</t>
  </si>
  <si>
    <t>11/19/2019 13:59:13</t>
  </si>
  <si>
    <t>11/19/2019 14:24:34</t>
  </si>
  <si>
    <t>11/19/2019 13:59:24</t>
  </si>
  <si>
    <t>11/19/2019 14:25:33</t>
  </si>
  <si>
    <t>11/19/2019 13:59:36</t>
  </si>
  <si>
    <t>11/19/2019 13:59:41</t>
  </si>
  <si>
    <t>11/19/2019 13:59:42</t>
  </si>
  <si>
    <t>C:\Vila\Empresas Anterior\Arquivos Telecom\Desks\revisadas\Contabil\001_GA_Atendimento Auditoria Externa-16052011 vr 1.0 - REV5-Revisado Vila.docx\Planilha_do_Microsoft_Office_Excel1.xlsx\</t>
  </si>
  <si>
    <t>11/19/2019 13:59:43</t>
  </si>
  <si>
    <t>C:\Vila\Empresas Anterior\Arquivos Telecom\Desks\revisadas\Contabil\001_GA_Atendimento Auditoria Externa-16052011 vr 1.0 - REV5-Revisado Vila.docx\Planilha_do_Microsoft_Office_Excel_97-200311.xls\</t>
  </si>
  <si>
    <t>C:\Vila\Empresas Anterior\Arquivos Telecom\Desks\revisadas\Contabil\001_GA_Atendimento Auditoria Externa-16052011 vr 1.0 - REV5-Revisado Vila.docx\Planilha_do_Microsoft_Office_Excel_97-200312.xls\</t>
  </si>
  <si>
    <t>11/19/2019 13:59:55</t>
  </si>
  <si>
    <t>C:\Vila\Empresas Anterior\Arquivos Telecom\Desks\revisadas\Contabil\001_GA_Atendimento Auditoria Externa-16052011 vr 1.0 - REV5-Revisado Vila.docx\Planilha_do_Microsoft_Office_Excel_97-200313.xls\</t>
  </si>
  <si>
    <t>11/19/2019 13:59:59</t>
  </si>
  <si>
    <t>C:\Vila\Empresas Anterior\Arquivos Telecom\Desks\revisadas\Contabil\001_GA_Atendimento Auditoria Externa-16052011 vr 1.0 - REV5-Revisado Vila.docx\Planilha_do_Microsoft_Office_Excel_97-200319.xls\</t>
  </si>
  <si>
    <t>11/19/2019 14:00:01</t>
  </si>
  <si>
    <t>C:\Vila\Empresas Anterior\Arquivos Telecom\Desks\revisadas\Contabil\001_GA_Atendimento Auditoria Externa-16052011 vr 1.0 - REV5-Revisado Vila.docx\Planilha_do_Microsoft_Office_Excel_97-200324.xls\</t>
  </si>
  <si>
    <t>11/19/2019 14:00:11</t>
  </si>
  <si>
    <t>11/19/2019 14:00:19</t>
  </si>
  <si>
    <t>C:\Vila\Empresas Anterior\Arquivos Telecom\Desks\revisadas\Contabil\001_GA_Atendimento Auditoria Externa-16052011 vr 1.0 - REV5-Revisado Vila.docx\Planilha_do_Microsoft_Office_Excel_97-200325.xls\</t>
  </si>
  <si>
    <t>11/19/2019 14:00:24</t>
  </si>
  <si>
    <t>11/19/2019 14:00:32</t>
  </si>
  <si>
    <t>C:\Vila\Empresas Anterior\Arquivos Telecom\Desks\revisadas\Contabil\001_GA_Atendimento Auditoria Externa-16052011 vr 1.0 - REV5-Revisado Vila.docx\Planilha_do_Microsoft_Office_Excel_97-200326.xls\</t>
  </si>
  <si>
    <t>11/19/2019 14:00:39</t>
  </si>
  <si>
    <t>11/19/2019 14:00:58</t>
  </si>
  <si>
    <t>C:\Vila\Empresas Anterior\Arquivos Telecom\Desks\revisadas\Contabil\001_GA_Atendimento Auditoria Externa-16052011 vr 1.0 - REVI.docx\</t>
  </si>
  <si>
    <t>E:\BK_final\Vilarinho\Vilarinho - Trabalho\Algar Telecom\Desks\revisadas\Contabil\001_GA_Atendimento Auditoria Externa-16052011 vr 1.0 - REVI.docx</t>
  </si>
  <si>
    <t>C:\Vila\Empresas Anterior\Arquivos Telecom\Desks\revisadas\Contabil\001_GA_Atendimento Auditoria Externa-16052011 vr 1.0 - REVI.docx\Planilha_do_Microsoft_Office_Excel6.xlsx\</t>
  </si>
  <si>
    <t>C:\Vila\Empresas Anterior\Arquivos Telecom\Desks\revisadas\Contabil\001_GA_Atendimento Auditoria Externa-16052011 vr 1.0 - REVI.docx\Planilha_do_Microsoft_Office_Excel7.xlsx\</t>
  </si>
  <si>
    <t>11/19/2019 14:01:22</t>
  </si>
  <si>
    <t>C:\Vila\Empresas Anterior\Arquivos Telecom\Desks\revisadas\Contabil\003_GA_Autorização e Concessão 02022011 vr 1.0-revisado ok.docx\</t>
  </si>
  <si>
    <t>E:\BK_final\Vilarinho\Vilarinho - Trabalho\Algar Telecom\Desks\revisadas\Contabil\003_GA_Autorização e Concessão 02022011 vr 1.0-revisado ok.docx</t>
  </si>
  <si>
    <t>11/19/2019 14:01:25</t>
  </si>
  <si>
    <t>C:\Vila\Empresas Anterior\Arquivos Telecom\Desks\revisadas\Contabil\004_GA_Despesa Antecipada 10052011 vr 1.0-ok.docx\</t>
  </si>
  <si>
    <t>E:\BK_final\Vilarinho\Vilarinho - Trabalho\Algar Telecom\Desks\revisadas\Contabil\004_GA_Despesa Antecipada 10052011 vr 1.0-ok.docx</t>
  </si>
  <si>
    <t>11/19/2019 14:01:32</t>
  </si>
  <si>
    <t>C:\Vila\Empresas Anterior\Arquivos Telecom\Desks\revisadas\Contabil\005_GA_ Rateio de Despesas Holding 11052011 vr 1.0-Ok.docx\</t>
  </si>
  <si>
    <t>E:\BK_final\Vilarinho\Vilarinho - Trabalho\Algar Telecom\Desks\revisadas\Contabil\005_GA_ Rateio de Despesas Holding 11052011 vr 1.0-Ok.docx</t>
  </si>
  <si>
    <t>11/19/2019 14:26:34</t>
  </si>
  <si>
    <t>11/19/2019 14:31:33</t>
  </si>
  <si>
    <t>11/19/2019 14:29:12</t>
  </si>
  <si>
    <t>C:\projetos\sicoob\DE-SICOOB.docx\</t>
  </si>
  <si>
    <t>11/19/2019 14:01:33</t>
  </si>
  <si>
    <t>C:\Vila\Empresas Anterior\Arquivos Telecom\Desks\revisadas\Contabil\006_GA_Fechamento Contábil 03022011 vr 1.0-revisada ok.docx\</t>
  </si>
  <si>
    <t>E:\BK_final\Vilarinho\Vilarinho - Trabalho\Algar Telecom\Desks\revisadas\Contabil\006_GA_Fechamento Contábil 03022011 vr 1.0-revisada ok.docx</t>
  </si>
  <si>
    <t>11/19/2019 14:02:18</t>
  </si>
  <si>
    <t>C:\Vila\Empresas Anterior\Arquivos Telecom\Desks\revisadas\Contabil\010_GA_Elaboração do CT 08062011 v 1.0-ok.docx\</t>
  </si>
  <si>
    <t>E:\BK_final\Vilarinho\Vilarinho - Trabalho\Algar Telecom\Desks\revisadas\Contabil\010_GA_Elaboração do CT 08062011 v 1.0-ok.docx</t>
  </si>
  <si>
    <t>11/19/2019 14:02:22</t>
  </si>
  <si>
    <t>11/19/2019 14:02:30</t>
  </si>
  <si>
    <t>11/19/2019 14:02:34</t>
  </si>
  <si>
    <t>11/19/2019 14:02:36</t>
  </si>
  <si>
    <t>11/19/2019 14:02:37</t>
  </si>
  <si>
    <t>11/19/2019 14:02:38</t>
  </si>
  <si>
    <t>11/19/2019 14:02:39</t>
  </si>
  <si>
    <t>11/19/2019 14:02:41</t>
  </si>
  <si>
    <t>11/19/2019 14:02:42</t>
  </si>
  <si>
    <t>11/19/2019 14:02:43</t>
  </si>
  <si>
    <t>11/19/2019 14:02:44</t>
  </si>
  <si>
    <t>11/19/2019 14:02:46</t>
  </si>
  <si>
    <t>11/19/2019 14:02:47</t>
  </si>
  <si>
    <t>11/19/2019 14:02:48</t>
  </si>
  <si>
    <t>11/19/2019 14:02:49</t>
  </si>
  <si>
    <t>11/19/2019 14:02:50</t>
  </si>
  <si>
    <t>11/19/2019 14:02:51</t>
  </si>
  <si>
    <t>11/19/2019 14:02:52</t>
  </si>
  <si>
    <t>11/19/2019 14:02:53</t>
  </si>
  <si>
    <t>11/19/2019 14:02:54</t>
  </si>
  <si>
    <t>Planilha_do_Microsoft_Office_Excel_97-200346.xls</t>
  </si>
  <si>
    <t>Planilha_do_Microsoft_Office_Excel_97-200347.xls</t>
  </si>
  <si>
    <t>Planilha_do_Microsoft_Office_Excel_97-200348.xls</t>
  </si>
  <si>
    <t>Planilha_do_Microsoft_Office_Excel_97-200349.xls</t>
  </si>
  <si>
    <t>11/19/2019 14:32:34</t>
  </si>
  <si>
    <t>Planilha_do_Microsoft_Office_Excel_97-200350.xls</t>
  </si>
  <si>
    <t>Planilha_do_Microsoft_Office_Excel_97-200351.xls</t>
  </si>
  <si>
    <t>Planilha_do_Microsoft_Office_Excel_97-200352.xls</t>
  </si>
  <si>
    <t>Planilha_do_Microsoft_Office_Excel_97-200353.xls</t>
  </si>
  <si>
    <t>Planilha_do_Microsoft_Office_Excel_97-200354.xls</t>
  </si>
  <si>
    <t>Planilha_do_Microsoft_Office_Excel_97-200355.xls</t>
  </si>
  <si>
    <t>Planilha_do_Microsoft_Office_Excel_97-200356.xls</t>
  </si>
  <si>
    <t>Planilha_do_Microsoft_Office_Excel_97-200357.xls</t>
  </si>
  <si>
    <t>Planilha_do_Microsoft_Office_Excel_97-200358.xls</t>
  </si>
  <si>
    <t>Planilha_do_Microsoft_Office_Excel_97-200359.xls</t>
  </si>
  <si>
    <t>Planilha_do_Microsoft_Office_Excel_97-200360.xls</t>
  </si>
  <si>
    <t>Planilha_do_Microsoft_Office_Excel_97-200361.xls</t>
  </si>
  <si>
    <t>Planilha_do_Microsoft_Office_Excel_97-200362.xls</t>
  </si>
  <si>
    <t>Planilha_do_Microsoft_Office_Excel_97-200363.xls</t>
  </si>
  <si>
    <t>Planilha_do_Microsoft_Office_Excel_97-200364.xls</t>
  </si>
  <si>
    <t>Planilha_do_Microsoft_Office_Excel_97-200365.xls</t>
  </si>
  <si>
    <t>Planilha_do_Microsoft_Office_Excel_97-200366.xls</t>
  </si>
  <si>
    <t>11/19/2019 14:02:57</t>
  </si>
  <si>
    <t>Planilha_do_Microsoft_Office_Excel_97-200367.xls</t>
  </si>
  <si>
    <t>Planilha_do_Microsoft_Office_Excel_97-200368.xls</t>
  </si>
  <si>
    <t>Planilha_do_Microsoft_Office_Excel_97-200369.xls</t>
  </si>
  <si>
    <t>Planilha_do_Microsoft_Office_Excel_97-200370.xls</t>
  </si>
  <si>
    <t>Planilha_do_Microsoft_Office_Excel_97-200371.xls</t>
  </si>
  <si>
    <t>11/19/2019 14:02:59</t>
  </si>
  <si>
    <t>Planilha_do_Microsoft_Office_Excel_97-200372.xls</t>
  </si>
  <si>
    <t>11/19/2019 14:03:01</t>
  </si>
  <si>
    <t>Planilha_do_Microsoft_Office_Excel_97-200373.xls</t>
  </si>
  <si>
    <t>11/19/2019 14:03:06</t>
  </si>
  <si>
    <t>Planilha_do_Microsoft_Office_Excel_97-200374.xls</t>
  </si>
  <si>
    <t>11/19/2019 14:03:09</t>
  </si>
  <si>
    <t>Planilha_do_Microsoft_Office_Excel_97-200375.xls</t>
  </si>
  <si>
    <t>11/19/2019 14:03:14</t>
  </si>
  <si>
    <t>Planilha_do_Microsoft_Office_Excel_97-200376.xls</t>
  </si>
  <si>
    <t>11/19/2019 14:03:16</t>
  </si>
  <si>
    <t>Planilha_do_Microsoft_Office_Excel_97-200377.xls</t>
  </si>
  <si>
    <t>Planilha_do_Microsoft_Office_Excel_97-200378.xls</t>
  </si>
  <si>
    <t>Planilha_do_Microsoft_Office_Excel_97-200379.xls</t>
  </si>
  <si>
    <t>Planilha_do_Microsoft_Office_Excel_97-200380.xls</t>
  </si>
  <si>
    <t>Planilha_do_Microsoft_Office_Excel_97-200381.xls</t>
  </si>
  <si>
    <t>11/19/2019 14:03:17</t>
  </si>
  <si>
    <t>Planilha_do_Microsoft_Office_Excel_97-200382.xls</t>
  </si>
  <si>
    <t>Planilha_do_Microsoft_Office_Excel_97-200383.xls</t>
  </si>
  <si>
    <t>Planilha_do_Microsoft_Office_Excel_97-200384.xls</t>
  </si>
  <si>
    <t>Planilha_do_Microsoft_Office_Excel_97-200385.xls</t>
  </si>
  <si>
    <t>Planilha_do_Microsoft_Office_Excel_97-200386.xls</t>
  </si>
  <si>
    <t>Planilha_do_Microsoft_Office_Excel_97-200387.xls</t>
  </si>
  <si>
    <t>Planilha_do_Microsoft_Office_Excel_97-200388.xls</t>
  </si>
  <si>
    <t>Planilha_do_Microsoft_Office_Excel_97-200389.xls</t>
  </si>
  <si>
    <t>Planilha_do_Microsoft_Office_Excel_97-200390.xls</t>
  </si>
  <si>
    <t>Planilha_do_Microsoft_Office_Excel_97-200391.xls</t>
  </si>
  <si>
    <t>11/19/2019 14:03:20</t>
  </si>
  <si>
    <t>Planilha_do_Microsoft_Office_Excel_97-200392.xls</t>
  </si>
  <si>
    <t>11/19/2019 14:03:24</t>
  </si>
  <si>
    <t>Planilha_do_Microsoft_Office_Excel_97-200393.xls</t>
  </si>
  <si>
    <t>11/19/2019 14:03:28</t>
  </si>
  <si>
    <t>Planilha_do_Microsoft_Office_Excel_97-200394.xls</t>
  </si>
  <si>
    <t>11/19/2019 14:03:32</t>
  </si>
  <si>
    <t>Planilha_do_Microsoft_Office_Excel_97-200395.xls</t>
  </si>
  <si>
    <t>Planilha_do_Microsoft_Office_Excel_97-200396.xls</t>
  </si>
  <si>
    <t>11/19/2019 14:03:34</t>
  </si>
  <si>
    <t>Planilha_do_Microsoft_Office_Excel_97-200397.xls</t>
  </si>
  <si>
    <t>11/19/2019 14:33:33</t>
  </si>
  <si>
    <t>Planilha_do_Microsoft_Office_Excel_97-200398.xls</t>
  </si>
  <si>
    <t>Planilha_do_Microsoft_Office_Excel_97-200399.xls</t>
  </si>
  <si>
    <t>11/19/2019 14:03:36</t>
  </si>
  <si>
    <t>C:\Vila\Empresas Anterior\Arquivos Telecom\Desks\revisadas\Contabil\015_GA_Ajuste Contábil 23022011 vr 1.0-OK.docx\</t>
  </si>
  <si>
    <t>E:\BK_final\Vilarinho\Vilarinho - Trabalho\Algar Telecom\Desks\revisadas\Contabil\015_GA_Ajuste Contábil 23022011 vr 1.0-OK.docx</t>
  </si>
  <si>
    <t>11/19/2019 14:03:40</t>
  </si>
  <si>
    <t>C:\Vila\Empresas Anterior\Arquivos Telecom\Desks\revisadas\Contabil\017_GA_Processo IRU 06062011-revisada OK.docx\</t>
  </si>
  <si>
    <t>E:\BK_final\Vilarinho\Vilarinho - Trabalho\Algar Telecom\Desks\revisadas\Contabil\017_GA_Processo IRU 06062011-revisada OK.docx</t>
  </si>
  <si>
    <t>11/19/2019 14:03:45</t>
  </si>
  <si>
    <t>C:\Vila\Empresas Anterior\Arquivos Telecom\Desks\revisadas\Contabil\020_GA_ Repasse de Despesas Telecom 10052011 vr 1.0-OK.docx\</t>
  </si>
  <si>
    <t>E:\BK_final\Vilarinho\Vilarinho - Trabalho\Algar Telecom\Desks\revisadas\Contabil\020_GA_ Repasse de Despesas Telecom 10052011 vr 1.0-OK.docx</t>
  </si>
  <si>
    <t>11/19/2019 14:03:52</t>
  </si>
  <si>
    <t>C:\Vila\Empresas Anterior\Arquivos Telecom\Desks\revisadas\Contabil\023_GA_ Rateio de Despesas Holding CSC 01062011-revisada OK.docx\</t>
  </si>
  <si>
    <t>E:\BK_final\Vilarinho\Vilarinho - Trabalho\Algar Telecom\Desks\revisadas\Contabil\023_GA_ Rateio de Despesas Holding CSC 01062011-revisada OK.docx</t>
  </si>
  <si>
    <t>11/19/2019 14:04:03</t>
  </si>
  <si>
    <t>C:\Vila\Empresas Anterior\Arquivos Telecom\Desks\revisadas\Contabil\Contabil.zip\</t>
  </si>
  <si>
    <t>Plan-Despesa Antecipada - sugestao mudan‡a 2.xlsx</t>
  </si>
  <si>
    <t>E:\BK_final\Vilarinho\Vilarinho - Trabalho\Algar Telecom\Desks\revisadas\Contabil\Contabil.zip</t>
  </si>
  <si>
    <t>Plan-Despesa Antecipada - sugestao mudan‡a.xlsx</t>
  </si>
  <si>
    <t>C:\Vila\Empresas Anterior\Arquivos Telecom\Desks\revisadas\Contabil\Contabil.zip\004_GA_Despesa Antecipada 10052011 vr 1.0-ok.docx\</t>
  </si>
  <si>
    <t>11/19/2019 14:34:34</t>
  </si>
  <si>
    <t>C:\Vila\Empresas Anterior\Arquivos Telecom\Desks\revisadas\Contabil\Contabil.zip\005_GA_ Rateio de Despesas Holding 11052011 vr 1.0-Ok.docx\</t>
  </si>
  <si>
    <t>11/19/2019 14:04:04</t>
  </si>
  <si>
    <t>C:\Vila\Empresas Anterior\Arquivos Telecom\Desks\revisadas\Contabil\Contabil.zip\015_GA_Ajuste Cont bil 23022011 vr 1.0-OK.docx\</t>
  </si>
  <si>
    <t>C:\Vila\Empresas Anterior\Arquivos Telecom\Desks\revisadas\Contabil\Contabil.zip\020_GA_ Repasse de Despesas Telecom 10052011 vr 1.0-OK.docx\</t>
  </si>
  <si>
    <t>C:\Vila\Empresas Anterior\Arquivos Telecom\Desks\revisadas\Contabil\</t>
  </si>
  <si>
    <t>Plan-Despesa Antecipada - sugestao mudança 2.xlsx</t>
  </si>
  <si>
    <t>E:\BK_final\Vilarinho\Vilarinho - Trabalho\Algar Telecom\Desks\revisadas\Contabil\Plan-Despesa Antecipada - sugestao mudança 2.xlsx</t>
  </si>
  <si>
    <t>Plan-Despesa Antecipada - sugestao mudança.xlsx</t>
  </si>
  <si>
    <t>E:\BK_final\Vilarinho\Vilarinho - Trabalho\Algar Telecom\Desks\revisadas\Contabil\Plan-Despesa Antecipada - sugestao mudança.xlsx</t>
  </si>
  <si>
    <t>11/19/2019 14:04:08</t>
  </si>
  <si>
    <t>Planilha Contabil 003_GA_Autorização e Concessão 02022011 vr 1.0-revisada OK.xlsx</t>
  </si>
  <si>
    <t>E:\BK_final\Vilarinho\Vilarinho - Trabalho\Algar Telecom\Desks\revisadas\Contabil\Planilha Contabil 003_GA_Autorização e Concessão 02022011 vr 1.0-revisada OK.xlsx</t>
  </si>
  <si>
    <t>11/19/2019 14:04:09</t>
  </si>
  <si>
    <t>Plan_Fechamento Contábil 03022011 vr 1.-revisada ok.xlsx</t>
  </si>
  <si>
    <t>E:\BK_final\Vilarinho\Vilarinho - Trabalho\Algar Telecom\Desks\revisadas\Contabil\Plan_Fechamento Contábil 03022011 vr 1.-revisada ok.xlsx</t>
  </si>
  <si>
    <t>11/19/2019 14:04:43</t>
  </si>
  <si>
    <t>C:\Vila\Empresas Anterior\Arquivos Telecom\Desks\revisadas\Contabil\~WRD0002.tmp\</t>
  </si>
  <si>
    <t>E:\BK_final\Vilarinho\Vilarinho - Trabalho\Algar Telecom\Desks\revisadas\Contabil\~WRD0002.tmp</t>
  </si>
  <si>
    <t>11/19/2019 14:04:47</t>
  </si>
  <si>
    <t>11/19/2019 14:04:51</t>
  </si>
  <si>
    <t>11/19/2019 14:04:54</t>
  </si>
  <si>
    <t>11/19/2019 14:04:55</t>
  </si>
  <si>
    <t>11/19/2019 14:04:56</t>
  </si>
  <si>
    <t>11/19/2019 14:04:57</t>
  </si>
  <si>
    <t>11/19/2019 14:04:59</t>
  </si>
  <si>
    <t>11/19/2019 14:05:02</t>
  </si>
  <si>
    <t>11/19/2019 14:05:06</t>
  </si>
  <si>
    <t>11/19/2019 14:05:07</t>
  </si>
  <si>
    <t>11/19/2019 14:05:08</t>
  </si>
  <si>
    <t>11/19/2019 14:05:09</t>
  </si>
  <si>
    <t>11/19/2019 14:05:12</t>
  </si>
  <si>
    <t>11/19/2019 14:05:18</t>
  </si>
  <si>
    <t>11/19/2019 14:05:19</t>
  </si>
  <si>
    <t>11/19/2019 14:05:21</t>
  </si>
  <si>
    <t>11/19/2019 14:05:24</t>
  </si>
  <si>
    <t>11/19/2019 14:05:26</t>
  </si>
  <si>
    <t>11/19/2019 14:05:30</t>
  </si>
  <si>
    <t>11/19/2019 14:05:32</t>
  </si>
  <si>
    <t>11/19/2019 14:05:33</t>
  </si>
  <si>
    <t>11/19/2019 14:05:34</t>
  </si>
  <si>
    <t>11/19/2019 14:05:36</t>
  </si>
  <si>
    <t>11/19/2019 14:35:33</t>
  </si>
  <si>
    <t>11/19/2019 14:05:39</t>
  </si>
  <si>
    <t>11/19/2019 14:05:40</t>
  </si>
  <si>
    <t>11/19/2019 14:05:41</t>
  </si>
  <si>
    <t>11/19/2019 14:05:42</t>
  </si>
  <si>
    <t>11/19/2019 14:05:45</t>
  </si>
  <si>
    <t>11/19/2019 14:05:48</t>
  </si>
  <si>
    <t>11/19/2019 14:05:52</t>
  </si>
  <si>
    <t>11/19/2019 14:05:53</t>
  </si>
  <si>
    <t>11/19/2019 14:05:54</t>
  </si>
  <si>
    <t>11/19/2019 14:05:55</t>
  </si>
  <si>
    <t>11/19/2019 14:06:16</t>
  </si>
  <si>
    <t>C:\Vila\Empresas Anterior\Arquivos Telecom\Desks\revisadas\Fiscal\010_TAX - Apuração FUST e FUNTTEL-ok.doc\</t>
  </si>
  <si>
    <t>E:\BK_final\Vilarinho\Vilarinho - Trabalho\Algar Telecom\Desks\revisadas\Fiscal\010_TAX - Apuração FUST e FUNTTEL-ok.doc</t>
  </si>
  <si>
    <t>11/19/2019 14:06:38</t>
  </si>
  <si>
    <t>C:\Vila\Empresas Anterior\Arquivos Telecom\Desks\revisadas\Fiscal\023_TAX - PER-DCOMP-OK.docx\</t>
  </si>
  <si>
    <t>E:\BK_final\Vilarinho\Vilarinho - Trabalho\Algar Telecom\Desks\revisadas\Fiscal\023_TAX - PER-DCOMP-OK.docx</t>
  </si>
  <si>
    <t>11/19/2019 14:06:41</t>
  </si>
  <si>
    <t>C:\Vila\Empresas Anterior\Arquivos Telecom\Desks\revisadas\Fiscal\040_TAX- Contingências Fiscais, Civil e Trabalhista-ok.doc\</t>
  </si>
  <si>
    <t>E:\BK_final\Vilarinho\Vilarinho - Trabalho\Algar Telecom\Desks\revisadas\Fiscal\040_TAX- Contingências Fiscais, Civil e Trabalhista-ok.doc</t>
  </si>
  <si>
    <t>11/19/2019 14:06:49</t>
  </si>
  <si>
    <t>C:\Vila\Empresas Anterior\Arquivos Telecom\Desks\revisadas\Fiscal\143_TAX-Taxas Municpais, Estaduais e Federais-ok.docx\</t>
  </si>
  <si>
    <t>E:\BK_final\Vilarinho\Vilarinho - Trabalho\Algar Telecom\Desks\revisadas\Fiscal\143_TAX-Taxas Municpais, Estaduais e Federais-ok.docx</t>
  </si>
  <si>
    <t>11/19/2019 14:07:02</t>
  </si>
  <si>
    <t>C:\Vila\Empresas Anterior\Arquivos Telecom\Gerenciais 2013\2 reuger\2013.05.23 Comitê de Auditoria e Gestão de Riscos [Algar Telecom].pptx\</t>
  </si>
  <si>
    <t>E:\BK_final\Vilarinho\Vilarinho - Trabalho\Algar Telecom\Gerenciais 2013\2 reuger\2013.05.23 Comitê de Auditoria e Gestão de Riscos [Algar Telecom].pptx</t>
  </si>
  <si>
    <t>11/19/2019 14:07:07</t>
  </si>
  <si>
    <t>C:\Vila\Empresas Anterior\Arquivos Telecom\Gerenciais 2013\2 reuger\Algar Telecom_2ª Reuger_22_04_13_Final.pptx\</t>
  </si>
  <si>
    <t>E:\BK_final\Vilarinho\Vilarinho - Trabalho\Algar Telecom\Gerenciais 2013\2 reuger\Algar Telecom_2ª Reuger_22_04_13_Final.pptx</t>
  </si>
  <si>
    <t>11/19/2019 14:07:08</t>
  </si>
  <si>
    <t>C:\Vila\Empresas Anterior\Arquivos Telecom\Gerenciais 2013\2 reuger\Algar Telecom_2ª Reuger_30_04_13_REUGER_Area.pptx\</t>
  </si>
  <si>
    <t>E:\BK_final\Vilarinho\Vilarinho - Trabalho\Algar Telecom\Gerenciais 2013\2 reuger\Algar Telecom_2ª Reuger_30_04_13_REUGER_Area.pptx</t>
  </si>
  <si>
    <t>C:\Vila\Empresas Anterior\Arquivos Telecom\Gerenciais 2013\2 reuger\</t>
  </si>
  <si>
    <t>Analise PGMC_itx_Celular_1Tvs1T13.xlsx</t>
  </si>
  <si>
    <t>E:\BK_final\Vilarinho\Vilarinho - Trabalho\Algar Telecom\Gerenciais 2013\2 reuger\Analise PGMC_itx_Celular_1Tvs1T13.xlsx</t>
  </si>
  <si>
    <t>11/19/2019 14:07:15</t>
  </si>
  <si>
    <t>C:\Vila\Empresas Anterior\Arquivos Telecom\Gerenciais 2013\Comite Auditoria - Maio13\2013.05.23 Comitê de Auditoria e Gestão de Riscos [Algar Telecom] - Loureiro.pptx\</t>
  </si>
  <si>
    <t>E:\BK_final\Vilarinho\Vilarinho - Trabalho\Algar Telecom\Gerenciais 2013\Comite Auditoria - Maio13\2013.05.23 Comitê de Auditoria e Gestão de Riscos [Algar Telecom] - Loureiro.pptx</t>
  </si>
  <si>
    <t>11/19/2019 14:07:23</t>
  </si>
  <si>
    <t>C:\Vila\Empresas Anterior\Arquivos Telecom\Gerenciais 2013\Comite Auditoria - Maio13\2013.05.23 Comitê de Auditoria e Gestão de Riscos [Algar Telecom].pptx\</t>
  </si>
  <si>
    <t>E:\BK_final\Vilarinho\Vilarinho - Trabalho\Algar Telecom\Gerenciais 2013\Comite Auditoria - Maio13\2013.05.23 Comitê de Auditoria e Gestão de Riscos [Algar Telecom].pptx</t>
  </si>
  <si>
    <t>C:\Vila\Empresas Anterior\Arquivos Telecom\Gerenciais 2013\Comite Auditoria - Maio13\</t>
  </si>
  <si>
    <t>Analise Covenant Ativo e PL.xlsx</t>
  </si>
  <si>
    <t>E:\BK_final\Vilarinho\Vilarinho - Trabalho\Algar Telecom\Gerenciais 2013\Comite Auditoria - Maio13\Analise Covenant Ativo e PL.xlsx</t>
  </si>
  <si>
    <t>11/19/2019 14:07:27</t>
  </si>
  <si>
    <t>C:\Vila\Empresas Anterior\Arquivos Telecom\Instalação Clientes\Perda contábil referente a baixa de Intalação V4.pptx\</t>
  </si>
  <si>
    <t>E:\BK_final\Vilarinho\Vilarinho - Trabalho\Algar Telecom\Instalação Clientes\Perda contábil referente a baixa de Intalação V4.pptx</t>
  </si>
  <si>
    <t>11/19/2019 14:07:28</t>
  </si>
  <si>
    <t>C:\Vila\Empresas Anterior\Arquivos Telecom\Migração Data Center\</t>
  </si>
  <si>
    <t>E:\BK_final\Vilarinho\Vilarinho - Trabalho\Algar Telecom\Migração Data Center\Acoes do ACORDO FINAL.xls</t>
  </si>
  <si>
    <t>E:\BK_final\Vilarinho\Vilarinho - Trabalho\Algar Telecom\Migração Data Center\Clientes Licitação.xls</t>
  </si>
  <si>
    <t>E:\BK_final\Vilarinho\Vilarinho - Trabalho\Algar Telecom\Migração Data Center\Comparativo de Capex do Data Center na Multimídia.xls</t>
  </si>
  <si>
    <t>11/19/2019 14:07:29</t>
  </si>
  <si>
    <t>E:\BK_final\Vilarinho\Vilarinho - Trabalho\Algar Telecom\Migração Data Center\Contrato Oracle - Rateio entre empresas.xls</t>
  </si>
  <si>
    <t>E:\BK_final\Vilarinho\Vilarinho - Trabalho\Algar Telecom\Migração Data Center\Cronograma reorganização societária Data Center.xls</t>
  </si>
  <si>
    <t>11/19/2019 14:07:37</t>
  </si>
  <si>
    <t>C:\Vila\Empresas Anterior\Arquivos Telecom\Migração Data Center\CTBC Multimidia Custos e Despesas - 2008.rar\</t>
  </si>
  <si>
    <t>E:\BK_final\Vilarinho\Vilarinho - Trabalho\Algar Telecom\Migração Data Center\CTBC Multimidia Custos e Despesas - 2008.rar</t>
  </si>
  <si>
    <t>E:\BK_final\Vilarinho\Vilarinho - Trabalho\Algar Telecom\Migração Data Center\Cópia de Desd_ Multimídia_Dez08.xls</t>
  </si>
  <si>
    <t>E:\BK_final\Vilarinho\Vilarinho - Trabalho\Algar Telecom\Migração Data Center\Divida Data Center na Multimídia.xls</t>
  </si>
  <si>
    <t>E:\BK_final\Vilarinho\Vilarinho - Trabalho\Algar Telecom\Migração Data Center\End_ Multimídia_Dez08.xls</t>
  </si>
  <si>
    <t>E:\BK_final\Vilarinho\Vilarinho - Trabalho\Algar Telecom\Migração Data Center\FAT POR SEGMENTO DC.xls</t>
  </si>
  <si>
    <t>E:\BK_final\Vilarinho\Vilarinho - Trabalho\Algar Telecom\Migração Data Center\Fornecedores Data Center.xls</t>
  </si>
  <si>
    <t>E:\BK_final\Vilarinho\Vilarinho - Trabalho\Algar Telecom\Migração Data Center\Nota de débito.xls</t>
  </si>
  <si>
    <t>E:\BK_final\Vilarinho\Vilarinho - Trabalho\Algar Telecom\Migração Data Center\Nota de débito.xlsx</t>
  </si>
  <si>
    <t>E:\BK_final\Vilarinho\Vilarinho - Trabalho\Algar Telecom\Migração Data Center\Planejamento 13-02-09 Data Center.xls</t>
  </si>
  <si>
    <t>E:\BK_final\Vilarinho\Vilarinho - Trabalho\Algar Telecom\Migração Data Center\PROCEDIMENTOS CONTÁBEIS - RECLASSIFICAÇÃO_ESTORNO_ARRECADAÇÃO_REPASSE.xls</t>
  </si>
  <si>
    <t>E:\BK_final\Vilarinho\Vilarinho - Trabalho\Algar Telecom\Migração Data Center\Provisoes Data Center Dez08.xlsx</t>
  </si>
  <si>
    <t>E:\BK_final\Vilarinho\Vilarinho - Trabalho\Algar Telecom\Migração Data Center\Rateio entre empresas - contrato Oracle.xls</t>
  </si>
  <si>
    <t>11/19/2019 14:36:33</t>
  </si>
  <si>
    <t>E:\BK_final\Vilarinho\Vilarinho - Trabalho\Algar Telecom\Migração Data Center\Repasse Algar Tecnologia.xlsx</t>
  </si>
  <si>
    <t>11/19/2019 14:07:39</t>
  </si>
  <si>
    <t>E:\BK_final\Vilarinho\Vilarinho - Trabalho\Algar Telecom\Migração Data Center\usuarios_x_Responsabilidade_SIAF20.xls</t>
  </si>
  <si>
    <t>C:\Vila\Empresas Anterior\Arquivos Telecom\Migração Data Center\Apresentações\</t>
  </si>
  <si>
    <t>E:\BK_final\Vilarinho\Vilarinho - Trabalho\Algar Telecom\Migração Data Center\Apresentações\Consolidado valores Oceano Azul.xlsx</t>
  </si>
  <si>
    <t>C:\Vila\Empresas Anterior\Arquivos Telecom\Migração Data Center\Apresentações\Data Center jan09.ppt\s4\</t>
  </si>
  <si>
    <t>E:\BK_final\Vilarinho\Vilarinho - Trabalho\Algar Telecom\Migração Data Center\Apresentações\Data Center jan09.ppt</t>
  </si>
  <si>
    <t>E:\BK_final\Vilarinho\Vilarinho - Trabalho\Algar Telecom\Migração Data Center\Apresentações\Planejamento 24-07-08.xlsx</t>
  </si>
  <si>
    <t>11/19/2019 14:07:40</t>
  </si>
  <si>
    <t>C:\Vila\Empresas Anterior\Arquivos Telecom\Migração Data Center\Ativos\</t>
  </si>
  <si>
    <t>E:\BK_final\Vilarinho\Vilarinho - Trabalho\Algar Telecom\Migração Data Center\Ativos\Consumo energia CTBC 232.xls</t>
  </si>
  <si>
    <t>11/19/2019 14:07:41</t>
  </si>
  <si>
    <t>E:\BK_final\Vilarinho\Vilarinho - Trabalho\Algar Telecom\Migração Data Center\Ativos\Imóveis_Negócio DATACENTER.xls</t>
  </si>
  <si>
    <t>E:\BK_final\Vilarinho\Vilarinho - Trabalho\Algar Telecom\Migração Data Center\Ativos\INV DATACENTER FINAL 14-01-09.xls</t>
  </si>
  <si>
    <t>11/19/2019 14:07:42</t>
  </si>
  <si>
    <t>C:\Vila\Empresas Anterior\Arquivos Telecom\Migração Data Center\Ativos\Depreciação\</t>
  </si>
  <si>
    <t>E:\BK_final\Vilarinho\Vilarinho - Trabalho\Algar Telecom\Migração Data Center\Ativos\Depreciação\Depreciaçao - DataCenter_2008.xls</t>
  </si>
  <si>
    <t>E:\BK_final\Vilarinho\Vilarinho - Trabalho\Algar Telecom\Migração Data Center\Ativos\Depreciação\Multim_Dpr_Reg_Proc_Abril08.xls</t>
  </si>
  <si>
    <t>E:\BK_final\Vilarinho\Vilarinho - Trabalho\Algar Telecom\Migração Data Center\Ativos\Depreciação\Multim_Dpr_Reg_Proc_Ago08.xls</t>
  </si>
  <si>
    <t>E:\BK_final\Vilarinho\Vilarinho - Trabalho\Algar Telecom\Migração Data Center\Ativos\Depreciação\Multim_Dpr_Reg_Proc_Jul08.xls</t>
  </si>
  <si>
    <t>11/19/2019 14:07:43</t>
  </si>
  <si>
    <t>E:\BK_final\Vilarinho\Vilarinho - Trabalho\Algar Telecom\Migração Data Center\Ativos\Depreciação\Multim_Dpr_Reg_Proc_Jun08.xls</t>
  </si>
  <si>
    <t>E:\BK_final\Vilarinho\Vilarinho - Trabalho\Algar Telecom\Migração Data Center\Ativos\Depreciação\Multim_Dpr_Reg_Proc_Maio08.xls</t>
  </si>
  <si>
    <t>E:\BK_final\Vilarinho\Vilarinho - Trabalho\Algar Telecom\Migração Data Center\Ativos\Depreciação\Multim_Dpr_Reg_Proc_Mar08.xls</t>
  </si>
  <si>
    <t>E:\BK_final\Vilarinho\Vilarinho - Trabalho\Algar Telecom\Migração Data Center\Ativos\Depreciação\Multim_Dpr_Reg_Proc_Out08.xls</t>
  </si>
  <si>
    <t>E:\BK_final\Vilarinho\Vilarinho - Trabalho\Algar Telecom\Migração Data Center\Ativos\Depreciação\Multim_Dpr_Reg_Proc_Set08.xls</t>
  </si>
  <si>
    <t>E:\BK_final\Vilarinho\Vilarinho - Trabalho\Algar Telecom\Migração Data Center\Ativos\Depreciação\Rel.Mult.Fev08 por Regul..xls</t>
  </si>
  <si>
    <t>E:\BK_final\Vilarinho\Vilarinho - Trabalho\Algar Telecom\Migração Data Center\Ativos\Depreciação\Relatório Depreciação Multimidia jan-08.xls</t>
  </si>
  <si>
    <t>C:\Vila\Empresas Anterior\Arquivos Telecom\Migração Data Center\Comunicação\</t>
  </si>
  <si>
    <t>E:\BK_final\Vilarinho\Vilarinho - Trabalho\Algar Telecom\Migração Data Center\Comunicação\cadastro fornecedores reorganizacao societaria jadir.xls</t>
  </si>
  <si>
    <t>E:\BK_final\Vilarinho\Vilarinho - Trabalho\Algar Telecom\Migração Data Center\Comunicação\cadastro fornecedores reorganizacao societaria.xls</t>
  </si>
  <si>
    <t>E:\BK_final\Vilarinho\Vilarinho - Trabalho\Algar Telecom\Migração Data Center\Comunicação\Cronograma visita_contato clientes.xls</t>
  </si>
  <si>
    <t>11/19/2019 14:07:44</t>
  </si>
  <si>
    <t>C:\Vila\Empresas Anterior\Arquivos Telecom\Migração Data Center\Contabilidade\</t>
  </si>
  <si>
    <t>E:\BK_final\Vilarinho\Vilarinho - Trabalho\Algar Telecom\Migração Data Center\Contabilidade\Contas a receber Data Center dez08.xls</t>
  </si>
  <si>
    <t>E:\BK_final\Vilarinho\Vilarinho - Trabalho\Algar Telecom\Migração Data Center\Contabilidade\Diferido CTBCTel Set_2008.xls - Hewitt.xls</t>
  </si>
  <si>
    <t>E:\BK_final\Vilarinho\Vilarinho - Trabalho\Algar Telecom\Migração Data Center\Contabilidade\Fornecedores Dezembro2008.xls</t>
  </si>
  <si>
    <t>E:\BK_final\Vilarinho\Vilarinho - Trabalho\Algar Telecom\Migração Data Center\Contabilidade\Fornecedores Dezembro2008.xlsb</t>
  </si>
  <si>
    <t>11/19/2019 14:07:46</t>
  </si>
  <si>
    <t>E:\BK_final\Vilarinho\Vilarinho - Trabalho\Algar Telecom\Migração Data Center\Contabilidade\Laudo Audicon Multimidia - Data Center 23012009.xls</t>
  </si>
  <si>
    <t>11/19/2019 14:07:48</t>
  </si>
  <si>
    <t>E:\BK_final\Vilarinho\Vilarinho - Trabalho\Algar Telecom\Migração Data Center\Contabilidade\Laudo Audicon Multimidia - Data Center.xlsx</t>
  </si>
  <si>
    <t>11/19/2019 14:07:49</t>
  </si>
  <si>
    <t>E:\BK_final\Vilarinho\Vilarinho - Trabalho\Algar Telecom\Migração Data Center\Contabilidade\Laudo Contabil Multímidia - Data Center.xls</t>
  </si>
  <si>
    <t>11/19/2019 14:07:52</t>
  </si>
  <si>
    <t>E:\BK_final\Vilarinho\Vilarinho - Trabalho\Algar Telecom\Migração Data Center\Contabilidade\Laudo Contabil Multímidia - Data Center.xlsx</t>
  </si>
  <si>
    <t>11/19/2019 14:07:53</t>
  </si>
  <si>
    <t>E:\BK_final\Vilarinho\Vilarinho - Trabalho\Algar Telecom\Migração Data Center\Contabilidade\Laudo contábil Data Center.xls</t>
  </si>
  <si>
    <t>C:\Vila\Empresas Anterior\Arquivos Telecom\Migração Data Center\Contabilidade\Razões - Andson\</t>
  </si>
  <si>
    <t>E:\BK_final\Vilarinho\Vilarinho - Trabalho\Algar Telecom\Migração Data Center\Contabilidade\Razões - Andson\110304001.xls</t>
  </si>
  <si>
    <t>11/19/2019 14:07:54</t>
  </si>
  <si>
    <t>E:\BK_final\Vilarinho\Vilarinho - Trabalho\Algar Telecom\Migração Data Center\Contabilidade\Razões - Andson\110501002 - 2008.xlsx</t>
  </si>
  <si>
    <t>E:\BK_final\Vilarinho\Vilarinho - Trabalho\Algar Telecom\Migração Data Center\Contabilidade\Razões - Andson\110501002 - 2008.xlt</t>
  </si>
  <si>
    <t>E:\BK_final\Vilarinho\Vilarinho - Trabalho\Algar Telecom\Migração Data Center\Contabilidade\Razões - Andson\110501002 - 20081.xlsx</t>
  </si>
  <si>
    <t>11/19/2019 14:07:55</t>
  </si>
  <si>
    <t>E:\BK_final\Vilarinho\Vilarinho - Trabalho\Algar Telecom\Migração Data Center\Contabilidade\Razões - Andson\110501006 - 2008.xls</t>
  </si>
  <si>
    <t>E:\BK_final\Vilarinho\Vilarinho - Trabalho\Algar Telecom\Migração Data Center\Contabilidade\Razões - Andson\110501009 - 2008.xls</t>
  </si>
  <si>
    <t>11/19/2019 14:07:57</t>
  </si>
  <si>
    <t>E:\BK_final\Vilarinho\Vilarinho - Trabalho\Algar Telecom\Migração Data Center\Contabilidade\Razões - Andson\210201009 - 2008.xls</t>
  </si>
  <si>
    <t>E:\BK_final\Vilarinho\Vilarinho - Trabalho\Algar Telecom\Migração Data Center\Contabilidade\Razões - Andson\Aging Multimidia Novembro.xls</t>
  </si>
  <si>
    <t>E:\BK_final\Vilarinho\Vilarinho - Trabalho\Algar Telecom\Migração Data Center\Contabilidade\Razões - Andson\Despesas antecipadas.xlsx</t>
  </si>
  <si>
    <t>E:\BK_final\Vilarinho\Vilarinho - Trabalho\Algar Telecom\Migração Data Center\Contabilidade\Razões - Andson\Multimidia - 210201009 2008.xls</t>
  </si>
  <si>
    <t>E:\BK_final\Vilarinho\Vilarinho - Trabalho\Algar Telecom\Migração Data Center\Contabilidade\Razões - Andson\Multimidia - 210902010 2008.xls</t>
  </si>
  <si>
    <t>E:\BK_final\Vilarinho\Vilarinho - Trabalho\Algar Telecom\Migração Data Center\Contabilidade\Razões - Andson\Multimidia - 220903008 2007.xls</t>
  </si>
  <si>
    <t>11/19/2019 14:07:58</t>
  </si>
  <si>
    <t>C:\Vila\Empresas Anterior\Arquivos Telecom\Migração Data Center\Financeiro\</t>
  </si>
  <si>
    <t>E:\BK_final\Vilarinho\Vilarinho - Trabalho\Algar Telecom\Migração Data Center\Financeiro\Contratos Leasing Real - Multimídia.xlsx</t>
  </si>
  <si>
    <t>E:\BK_final\Vilarinho\Vilarinho - Trabalho\Algar Telecom\Migração Data Center\Financeiro\Cópia de divisao custos bu v2.xls</t>
  </si>
  <si>
    <t>E:\BK_final\Vilarinho\Vilarinho - Trabalho\Algar Telecom\Migração Data Center\Financeiro\DRE DATACENTER_REAL.xlsx</t>
  </si>
  <si>
    <t>E:\BK_final\Vilarinho\Vilarinho - Trabalho\Algar Telecom\Migração Data Center\Financeiro\Resultado DDI Setembro_08.xlsx</t>
  </si>
  <si>
    <t>11/19/2019 14:07:59</t>
  </si>
  <si>
    <t>E:\BK_final\Vilarinho\Vilarinho - Trabalho\Algar Telecom\Migração Data Center\Financeiro\Total Leasing Data Center_subscrição capital.xls</t>
  </si>
  <si>
    <t>C:\Vila\Empresas Anterior\Arquivos Telecom\Migração Data Center\Gran Sapore\</t>
  </si>
  <si>
    <t>E:\BK_final\Vilarinho\Vilarinho - Trabalho\Algar Telecom\Migração Data Center\Gran Sapore\AF_AAJA-2NC8DB_V1 - Necessidade atual.xls</t>
  </si>
  <si>
    <t>11/19/2019 14:08:01</t>
  </si>
  <si>
    <t>C:\Vila\Empresas Anterior\Arquivos Telecom\Migração Data Center\Jurídico\</t>
  </si>
  <si>
    <t>E:\BK_final\Vilarinho\Vilarinho - Trabalho\Algar Telecom\Migração Data Center\Jurídico\Contingencia ISS Data Center.xls</t>
  </si>
  <si>
    <t>11/19/2019 14:08:02</t>
  </si>
  <si>
    <t>E:\BK_final\Vilarinho\Vilarinho - Trabalho\Algar Telecom\Migração Data Center\Jurídico\Contingência ISS Data Center - Set_08.xlsx</t>
  </si>
  <si>
    <t>E:\BK_final\Vilarinho\Vilarinho - Trabalho\Algar Telecom\Migração Data Center\Jurídico\Cronograma reorganização societária Data Center (1).xls</t>
  </si>
  <si>
    <t>11/19/2019 14:08:05</t>
  </si>
  <si>
    <t>C:\Vila\Empresas Anterior\Arquivos Telecom\MIGRAR\Apresent Oficio 826.ppt\s4\</t>
  </si>
  <si>
    <t>Planilha de trabalho do Microsoft Excel.xls</t>
  </si>
  <si>
    <t>E:\BK_final\Vilarinho\Vilarinho - Trabalho\Algar Telecom\MIGRAR\Apresent Oficio 826.ppt</t>
  </si>
  <si>
    <t>Planilha de trabalho do Microsoft Excel1.xls</t>
  </si>
  <si>
    <t>C:\Vila\Empresas Anterior\Arquivos Telecom\MIGRAR\</t>
  </si>
  <si>
    <t>Equipamentos CTBC.xls</t>
  </si>
  <si>
    <t>E:\BK_final\Vilarinho\Vilarinho - Trabalho\Algar Telecom\MIGRAR\Equipamentos CTBC.xls</t>
  </si>
  <si>
    <t>Modelo Anatel.xls</t>
  </si>
  <si>
    <t>E:\BK_final\Vilarinho\Vilarinho - Trabalho\Algar Telecom\MIGRAR\Modelo Anatel.xls</t>
  </si>
  <si>
    <t>Modelo Apresentacao Frota.xls</t>
  </si>
  <si>
    <t>E:\BK_final\Vilarinho\Vilarinho - Trabalho\Algar Telecom\MIGRAR\Modelo Apresentacao Frota.xls</t>
  </si>
  <si>
    <t>C:\Vila\Empresas Anterior\Arquivos Telecom\MIGRAR\CTBC - CGA\</t>
  </si>
  <si>
    <t>Contas Ativo Imobilizdo CTBC Telecom.xls</t>
  </si>
  <si>
    <t>E:\BK_final\Vilarinho\Vilarinho - Trabalho\Algar Telecom\MIGRAR\CTBC - CGA\Contas Ativo Imobilizdo CTBC Telecom.xls</t>
  </si>
  <si>
    <t>Explicacoes - NF CONTAB FORA PERÍODO POR APROVADOR - SET-06.XLS</t>
  </si>
  <si>
    <t>E:\BK_final\Vilarinho\Vilarinho - Trabalho\Algar Telecom\MIGRAR\CTBC - CGA\Explicacoes - NF CONTAB FORA PERÍODO POR APROVADOR - SET-06.XLS</t>
  </si>
  <si>
    <t>11/19/2019 14:08:06</t>
  </si>
  <si>
    <t>C:\Vila\Empresas Anterior\Arquivos Telecom\MIGRAR\CTBC - CGA\Planilha de FTE novos CR's.zip\</t>
  </si>
  <si>
    <t>Planilha de FTE novos CR's.xls</t>
  </si>
  <si>
    <t>E:\BK_final\Vilarinho\Vilarinho - Trabalho\Algar Telecom\MIGRAR\CTBC - CGA\Planilha de FTE novos CR's.zip</t>
  </si>
  <si>
    <t>11/19/2019 14:08:07</t>
  </si>
  <si>
    <t>Processos de Ativos para Migração e Objetivos.xls</t>
  </si>
  <si>
    <t>E:\BK_final\Vilarinho\Vilarinho - Trabalho\Algar Telecom\MIGRAR\CTBC - CGA\Processos de Ativos para Migração e Objetivos.xls</t>
  </si>
  <si>
    <t>Ramais CGA.xls</t>
  </si>
  <si>
    <t>E:\BK_final\Vilarinho\Vilarinho - Trabalho\Algar Telecom\MIGRAR\CTBC - CGA\Ramais CGA.xls</t>
  </si>
  <si>
    <t>11/19/2019 14:08:08</t>
  </si>
  <si>
    <t>Relatorio de Despesas - Vilarinho - Periodo 05 a 07.07.06.xls</t>
  </si>
  <si>
    <t>E:\BK_final\Vilarinho\Vilarinho - Trabalho\Algar Telecom\MIGRAR\CTBC - CGA\Relatorio de Despesas - Vilarinho - Periodo 05 a 07.07.06.xls</t>
  </si>
  <si>
    <t>Relatório de Ativos em Processo de Vendas.xls</t>
  </si>
  <si>
    <t>E:\BK_final\Vilarinho\Vilarinho - Trabalho\Algar Telecom\MIGRAR\CTBC - CGA\Relatório de Ativos em Processo de Vendas.xls</t>
  </si>
  <si>
    <t>C:\Vila\Empresas Anterior\Arquivos Telecom\MIGRAR\CTBC - CGA\Atividades CGA\</t>
  </si>
  <si>
    <t>Atividades Contabilidade.xls</t>
  </si>
  <si>
    <t>E:\BK_final\Vilarinho\Vilarinho - Trabalho\Algar Telecom\MIGRAR\CTBC - CGA\Atividades CGA\Atividades Contabilidade.xls</t>
  </si>
  <si>
    <t>11/19/2019 14:08:09</t>
  </si>
  <si>
    <t>Atividades por Associado CGA.xls</t>
  </si>
  <si>
    <t>E:\BK_final\Vilarinho\Vilarinho - Trabalho\Algar Telecom\MIGRAR\CTBC - CGA\Atividades CGA\Atividades por Associado CGA.xls</t>
  </si>
  <si>
    <t>Macro Tarefas Ativos - Estruturar.xls</t>
  </si>
  <si>
    <t>E:\BK_final\Vilarinho\Vilarinho - Trabalho\Algar Telecom\MIGRAR\CTBC - CGA\Atividades CGA\Macro Tarefas Ativos - Estruturar.xls</t>
  </si>
  <si>
    <t>11/19/2019 14:08:10</t>
  </si>
  <si>
    <t>C:\Vila\Empresas Anterior\Arquivos Telecom\MIGRAR\CTBC - CGA\Açoes Relatórios Weber\</t>
  </si>
  <si>
    <t>Recomendações e Plano de Ação RA - Weber - CGA.xls</t>
  </si>
  <si>
    <t>E:\BK_final\Vilarinho\Vilarinho - Trabalho\Algar Telecom\MIGRAR\CTBC - CGA\Açoes Relatórios Weber\Recomendações e Plano de Ação RA - Weber - CGA.xls</t>
  </si>
  <si>
    <t>Recomendações e Plano de Ação RA - Weber.xls</t>
  </si>
  <si>
    <t>E:\BK_final\Vilarinho\Vilarinho - Trabalho\Algar Telecom\MIGRAR\CTBC - CGA\Açoes Relatórios Weber\Recomendações e Plano de Ação RA - Weber.xls</t>
  </si>
  <si>
    <t>11/19/2019 14:08:11</t>
  </si>
  <si>
    <t>C:\Vila\Empresas Anterior\Arquivos Telecom\MIGRAR\CTBC - CGA\Gestão Frota\Mapeamento da frota CTBC.ppt\s4\</t>
  </si>
  <si>
    <t>E:\BK_final\Vilarinho\Vilarinho - Trabalho\Algar Telecom\MIGRAR\CTBC - CGA\Gestão Frota\Mapeamento da frota CTBC.ppt</t>
  </si>
  <si>
    <t>11/19/2019 14:08:12</t>
  </si>
  <si>
    <t>C:\Vila\Empresas Anterior\Arquivos Telecom\MIGRAR\CTBC - CGA\Gestão Frota\Proposta Pool CA.ppt\s4\</t>
  </si>
  <si>
    <t>E:\BK_final\Vilarinho\Vilarinho - Trabalho\Algar Telecom\MIGRAR\CTBC - CGA\Gestão Frota\Proposta Pool CA.ppt</t>
  </si>
  <si>
    <t>Gráfico do Microsoft Excel2.dat</t>
  </si>
  <si>
    <t>11/19/2019 14:08:13</t>
  </si>
  <si>
    <t>Gráfico do Microsoft Excel3.dat</t>
  </si>
  <si>
    <t>11/19/2019 14:08:14</t>
  </si>
  <si>
    <t>C:\Vila\Empresas Anterior\Arquivos Telecom\MIGRAR\CTBC - CGA\Gestão Frota\REDIR - REGRAS FROTA CTBC.ppt\s4\</t>
  </si>
  <si>
    <t>Microsoft Excel Worksheet.xls</t>
  </si>
  <si>
    <t>E:\BK_final\Vilarinho\Vilarinho - Trabalho\Algar Telecom\MIGRAR\CTBC - CGA\Gestão Frota\REDIR - REGRAS FROTA CTBC.ppt</t>
  </si>
  <si>
    <t>C:\Vila\Empresas Anterior\Arquivos Telecom\MIGRAR\CTBC - CGA\Gestão Frota\</t>
  </si>
  <si>
    <t>Resultado Leilão Nov2006.xls</t>
  </si>
  <si>
    <t>E:\BK_final\Vilarinho\Vilarinho - Trabalho\Algar Telecom\MIGRAR\CTBC - CGA\Gestão Frota\Resultado Leilão Nov2006.xls</t>
  </si>
  <si>
    <t>11/19/2019 14:08:16</t>
  </si>
  <si>
    <t>C:\Vila\Empresas Anterior\Arquivos Telecom\MIGRAR\CTBC - CGA\Gestão Frota\Troca da Frota própria CTBC - 2007.ppt\s4\</t>
  </si>
  <si>
    <t>E:\BK_final\Vilarinho\Vilarinho - Trabalho\Algar Telecom\MIGRAR\CTBC - CGA\Gestão Frota\Troca da Frota própria CTBC - 2007.ppt</t>
  </si>
  <si>
    <t>Planilha de trabalho do Microsoft Excel2.xls</t>
  </si>
  <si>
    <t>C:\Vila\Empresas Anterior\Arquivos Telecom\MIGRAR\CTBC - CGA\Processo Imoveis\</t>
  </si>
  <si>
    <t>Anexos Contratos Lucas.xls</t>
  </si>
  <si>
    <t>E:\BK_final\Vilarinho\Vilarinho - Trabalho\Algar Telecom\MIGRAR\CTBC - CGA\Processo Imoveis\Anexos Contratos Lucas.xls</t>
  </si>
  <si>
    <t>11/19/2019 14:08:17</t>
  </si>
  <si>
    <t>Discusão Contrato Lucas.xls</t>
  </si>
  <si>
    <t>E:\BK_final\Vilarinho\Vilarinho - Trabalho\Algar Telecom\MIGRAR\CTBC - CGA\Processo Imoveis\Discusão Contrato Lucas.xls</t>
  </si>
  <si>
    <t>Negociação Contrato Locados Terceiros.xls</t>
  </si>
  <si>
    <t>E:\BK_final\Vilarinho\Vilarinho - Trabalho\Algar Telecom\MIGRAR\CTBC - CGA\Processo Imoveis\Negociação Contrato Locados Terceiros.xls</t>
  </si>
  <si>
    <t>C:\Vila\Empresas Anterior\Arquivos Telecom\MIGRAR\CTBC - CGA\Processo Imoveis\Emissão Cedulas Imobiliárias\</t>
  </si>
  <si>
    <t>Relaçào Imóveis Algar.xls</t>
  </si>
  <si>
    <t>E:\BK_final\Vilarinho\Vilarinho - Trabalho\Algar Telecom\MIGRAR\CTBC - CGA\Processo Imoveis\Emissão Cedulas Imobiliárias\Relaçào Imóveis Algar.xls</t>
  </si>
  <si>
    <t>11/19/2019 14:08:18</t>
  </si>
  <si>
    <t>C:\Vila\Empresas Anterior\Arquivos Telecom\MIGRAR\CTBC - CGA\Processos de Venda de Ativos\</t>
  </si>
  <si>
    <t>Cronograma Venda Centrais.xls</t>
  </si>
  <si>
    <t>E:\BK_final\Vilarinho\Vilarinho - Trabalho\Algar Telecom\MIGRAR\CTBC - CGA\Processos de Venda de Ativos\Cronograma Venda Centrais.xls</t>
  </si>
  <si>
    <t>C:\Vila\Empresas Anterior\Arquivos Telecom\MIGRAR\CTBC - CGA\Processos de Venda de Ativos\Venda Direct Net - SP\</t>
  </si>
  <si>
    <t>Cotação Equipamentos.xls</t>
  </si>
  <si>
    <t>E:\BK_final\Vilarinho\Vilarinho - Trabalho\Algar Telecom\MIGRAR\CTBC - CGA\Processos de Venda de Ativos\Venda Direct Net - SP\Cotação Equipamentos.xls</t>
  </si>
  <si>
    <t>Planilha Final Venda Direct Net - Atualizada com Alessandro em 19.09.06.xls</t>
  </si>
  <si>
    <t>E:\BK_final\Vilarinho\Vilarinho - Trabalho\Algar Telecom\MIGRAR\CTBC - CGA\Processos de Venda de Ativos\Venda Direct Net - SP\Planilha Final Venda Direct Net - Atualizada com Alessandro em 19.09.06.xls</t>
  </si>
  <si>
    <t>RELATORIO DE BAIXA DE ATIVOS - Multimidia.xls</t>
  </si>
  <si>
    <t>E:\BK_final\Vilarinho\Vilarinho - Trabalho\Algar Telecom\MIGRAR\CTBC - CGA\Processos de Venda de Ativos\Venda Direct Net - SP\RELATORIO DE BAIXA DE ATIVOS - Multimidia.xls</t>
  </si>
  <si>
    <t>Venda Direct Net - Multimida.xls</t>
  </si>
  <si>
    <t>E:\BK_final\Vilarinho\Vilarinho - Trabalho\Algar Telecom\MIGRAR\CTBC - CGA\Processos de Venda de Ativos\Venda Direct Net - SP\Venda Direct Net - Multimida.xls</t>
  </si>
  <si>
    <t>Venda Direct Net.xls</t>
  </si>
  <si>
    <t>E:\BK_final\Vilarinho\Vilarinho - Trabalho\Algar Telecom\MIGRAR\CTBC - CGA\Processos de Venda de Ativos\Venda Direct Net - SP\Venda Direct Net.xls</t>
  </si>
  <si>
    <t>C:\Vila\Empresas Anterior\Arquivos Telecom\MIGRAR\CTBC - CGA\Projeto 396\</t>
  </si>
  <si>
    <t>Duvidas RBR e 396.xls</t>
  </si>
  <si>
    <t>E:\BK_final\Vilarinho\Vilarinho - Trabalho\Algar Telecom\MIGRAR\CTBC - CGA\Projeto 396\Duvidas RBR e 396.xls</t>
  </si>
  <si>
    <t>Levantamentos 396 - GRupo.xls</t>
  </si>
  <si>
    <t>E:\BK_final\Vilarinho\Vilarinho - Trabalho\Algar Telecom\MIGRAR\CTBC - CGA\Projeto 396\Levantamentos 396 - GRupo.xls</t>
  </si>
  <si>
    <t>Mapa Pendência_396_447.xls</t>
  </si>
  <si>
    <t>E:\BK_final\Vilarinho\Vilarinho - Trabalho\Algar Telecom\MIGRAR\CTBC - CGA\Projeto 396\Mapa Pendência_396_447.xls</t>
  </si>
  <si>
    <t>Mapeamento Projetos CAPEX - 2007.xls</t>
  </si>
  <si>
    <t>E:\BK_final\Vilarinho\Vilarinho - Trabalho\Algar Telecom\MIGRAR\CTBC - CGA\Projeto 396\Mapeamento Projetos CAPEX - 2007.xls</t>
  </si>
  <si>
    <t>11/19/2019 14:08:19</t>
  </si>
  <si>
    <t>C:\Vila\Empresas Anterior\Arquivos Telecom\MIGRAR\CTBC - CGA\Projeto Bens Reversíveis\</t>
  </si>
  <si>
    <t>Plano de Ação - Reunião 15.01.07.xls</t>
  </si>
  <si>
    <t>E:\BK_final\Vilarinho\Vilarinho - Trabalho\Algar Telecom\MIGRAR\CTBC - CGA\Projeto Bens Reversíveis\Plano de Ação - Reunião 15.01.07.xls</t>
  </si>
  <si>
    <t>Relatório de Erros e Falhas - Processo Base RBR.xls</t>
  </si>
  <si>
    <t>E:\BK_final\Vilarinho\Vilarinho - Trabalho\Algar Telecom\MIGRAR\CTBC - CGA\Projeto Bens Reversíveis\Relatório de Erros e Falhas - Processo Base RBR.xls</t>
  </si>
  <si>
    <t>11/19/2019 14:08:20</t>
  </si>
  <si>
    <t>C:\Vila\Empresas Anterior\Arquivos Telecom\MIGRAR\CTBC - CGA\Projeto Gestão Ativos\Gestão Ativos - CGA\</t>
  </si>
  <si>
    <t>Detalhamento dos Processos ACS.xls</t>
  </si>
  <si>
    <t>E:\BK_final\Vilarinho\Vilarinho - Trabalho\Algar Telecom\MIGRAR\CTBC - CGA\Projeto Gestão Ativos\Gestão Ativos - CGA\Detalhamento dos Processos ACS.xls</t>
  </si>
  <si>
    <t>Levantamento Processos ACS.xls</t>
  </si>
  <si>
    <t>E:\BK_final\Vilarinho\Vilarinho - Trabalho\Algar Telecom\MIGRAR\CTBC - CGA\Projeto Gestão Ativos\Gestão Ativos - CGA\Levantamento Processos ACS.xls</t>
  </si>
  <si>
    <t>C:\Vila\Empresas Anterior\Arquivos Telecom\MIGRAR\CTBC - CGA\Projeto Mackenzie\</t>
  </si>
  <si>
    <t>Torres Listagem.xls</t>
  </si>
  <si>
    <t>E:\BK_final\Vilarinho\Vilarinho - Trabalho\Algar Telecom\MIGRAR\CTBC - CGA\Projeto Mackenzie\Torres Listagem.xls</t>
  </si>
  <si>
    <t>11/19/2019 14:08:21</t>
  </si>
  <si>
    <t>C:\Vila\Empresas Anterior\Arquivos Telecom\MIGRAR\CTBC - CGA\Resolução 447\</t>
  </si>
  <si>
    <t>ENTENDIMENTOS SOBRE OS PRINCIPAIS TÓPICOS DA RESOLUÇÃO 447_versão com parecer do CRI.xls</t>
  </si>
  <si>
    <t>E:\BK_final\Vilarinho\Vilarinho - Trabalho\Algar Telecom\MIGRAR\CTBC - CGA\Resolução 447\ENTENDIMENTOS SOBRE OS PRINCIPAIS TÓPICOS DA RESOLUÇÃO 447_versão com parecer do CRI.xls</t>
  </si>
  <si>
    <t>C:\Vila\Empresas Anterior\Arquivos Telecom\MIGRAR\CTBC - CGA\Resolução 447\Fluxo investimentos 2007.ppt\s4\</t>
  </si>
  <si>
    <t>E:\BK_final\Vilarinho\Vilarinho - Trabalho\Algar Telecom\MIGRAR\CTBC - CGA\Resolução 447\Fluxo investimentos 2007.ppt</t>
  </si>
  <si>
    <t>C:\Vila\Empresas Anterior\Arquivos Telecom\MIGRAR\CTBC - CGA\Resolução 447\Res 447 SITUAÇÃO ATUAL E RISCOS ASSOCIADOS.ppt\s4\</t>
  </si>
  <si>
    <t>E:\BK_final\Vilarinho\Vilarinho - Trabalho\Algar Telecom\MIGRAR\CTBC - CGA\Resolução 447\Res 447 SITUAÇÃO ATUAL E RISCOS ASSOCIADOS.ppt</t>
  </si>
  <si>
    <t>Planilha do Microsoft Excel2.xls</t>
  </si>
  <si>
    <t>Planilha do Microsoft Excel3.xls</t>
  </si>
  <si>
    <t>Planilha do Microsoft Excel4.xls</t>
  </si>
  <si>
    <t>11/19/2019 14:08:22</t>
  </si>
  <si>
    <t>C:\Vila\Empresas Anterior\Arquivos Telecom\MIGRAR\CTBC - CGA\Reunião Financeiros Localidades\Apresentação Regionais - 29.06.06.ppt\s4\</t>
  </si>
  <si>
    <t>E:\BK_final\Vilarinho\Vilarinho - Trabalho\Algar Telecom\MIGRAR\CTBC - CGA\Reunião Financeiros Localidades\Apresentação Regionais - 29.06.06.ppt</t>
  </si>
  <si>
    <t>Planilha de trabalho do Microsoft Excel3.xls</t>
  </si>
  <si>
    <t>11/19/2019 14:08:23</t>
  </si>
  <si>
    <t>C:\Vila\Empresas Anterior\Arquivos Telecom\MIGRAR\CTBC - CGA\Reunião Financeiros Localidades\</t>
  </si>
  <si>
    <t>Total Estrutura Adm Regionais e ULA.xls</t>
  </si>
  <si>
    <t>E:\BK_final\Vilarinho\Vilarinho - Trabalho\Algar Telecom\MIGRAR\CTBC - CGA\Reunião Financeiros Localidades\Total Estrutura Adm Regionais e ULA.xls</t>
  </si>
  <si>
    <t>C:\Vila\Empresas Anterior\Arquivos Telecom\MIGRAR\Engeset\3 Reuger 06 e Oficial 07\</t>
  </si>
  <si>
    <t>Análise Desconto Contratos CTBC - 2006 e 2007.xls</t>
  </si>
  <si>
    <t>E:\BK_final\Vilarinho\Vilarinho - Trabalho\Algar Telecom\MIGRAR\Engeset\3 Reuger 06 e Oficial 07\Análise Desconto Contratos CTBC - 2006 e 2007.xls</t>
  </si>
  <si>
    <t>11/19/2019 14:08:24</t>
  </si>
  <si>
    <t>Comparativo de cenários.xls</t>
  </si>
  <si>
    <t>E:\BK_final\Vilarinho\Vilarinho - Trabalho\Algar Telecom\MIGRAR\Engeset\3 Reuger 06 e Oficial 07\Comparativo de cenários.xls</t>
  </si>
  <si>
    <t>Desconto_ENGESETxCTBC - Versao 1.5 milhao.xls</t>
  </si>
  <si>
    <t>E:\BK_final\Vilarinho\Vilarinho - Trabalho\Algar Telecom\MIGRAR\Engeset\3 Reuger 06 e Oficial 07\Desconto_ENGESETxCTBC - Versao 1.5 milhao.xls</t>
  </si>
  <si>
    <t>Novos_Negocios 2007 - Final.xls</t>
  </si>
  <si>
    <t>E:\BK_final\Vilarinho\Vilarinho - Trabalho\Algar Telecom\MIGRAR\Engeset\3 Reuger 06 e Oficial 07\Novos_Negocios 2007 - Final.xls</t>
  </si>
  <si>
    <t>Parcelamento INSS e IR - Incentive House.xls</t>
  </si>
  <si>
    <t>E:\BK_final\Vilarinho\Vilarinho - Trabalho\Algar Telecom\MIGRAR\Engeset\3 Reuger 06 e Oficial 07\Parcelamento INSS e IR - Incentive House.xls</t>
  </si>
  <si>
    <t>11/19/2019 14:08:25</t>
  </si>
  <si>
    <t>C:\Vila\Empresas Anterior\Arquivos Telecom\MIGRAR\Engeset\3 Reuger 06 e Oficial 07\Percent 2006 - SET - 06.zip\</t>
  </si>
  <si>
    <t>Percent 2006.xls</t>
  </si>
  <si>
    <t>E:\BK_final\Vilarinho\Vilarinho - Trabalho\Algar Telecom\MIGRAR\Engeset\3 Reuger 06 e Oficial 07\Percent 2006 - SET - 06.zip</t>
  </si>
  <si>
    <t>11/19/2019 14:08:44</t>
  </si>
  <si>
    <t>Percent Acumulada 2006 - ate ago-06.xls</t>
  </si>
  <si>
    <t>E:\BK_final\Vilarinho\Vilarinho - Trabalho\Algar Telecom\MIGRAR\Engeset\3 Reuger 06 e Oficial 07\Percent Acumulada 2006 - ate ago-06.xls</t>
  </si>
  <si>
    <t>11/19/2019 14:08:45</t>
  </si>
  <si>
    <t>Planilha Impostos e Juros Set 06 - Juridico.xls</t>
  </si>
  <si>
    <t>E:\BK_final\Vilarinho\Vilarinho - Trabalho\Algar Telecom\MIGRAR\Engeset\3 Reuger 06 e Oficial 07\Planilha Impostos e Juros Set 06 - Juridico.xls</t>
  </si>
  <si>
    <t>11/19/2019 14:08:46</t>
  </si>
  <si>
    <t>Provisões Engeset - Proteções.xls</t>
  </si>
  <si>
    <t>E:\BK_final\Vilarinho\Vilarinho - Trabalho\Algar Telecom\MIGRAR\Engeset\3 Reuger 06 e Oficial 07\Provisões Engeset - Proteções.xls</t>
  </si>
  <si>
    <t>11/19/2019 14:08:53</t>
  </si>
  <si>
    <t>Simulação 2007 - Receita Orçamento - Versão com ajuste IR.xls</t>
  </si>
  <si>
    <t>E:\BK_final\Vilarinho\Vilarinho - Trabalho\Algar Telecom\MIGRAR\Engeset\3 Reuger 06 e Oficial 07\Simulação 2007 - Receita Orçamento - Versão com ajuste IR.xls</t>
  </si>
  <si>
    <t>11/19/2019 14:08:59</t>
  </si>
  <si>
    <t>Simulação 2007 - Receita Orçamento.xls</t>
  </si>
  <si>
    <t>E:\BK_final\Vilarinho\Vilarinho - Trabalho\Algar Telecom\MIGRAR\Engeset\3 Reuger 06 e Oficial 07\Simulação 2007 - Receita Orçamento.xls</t>
  </si>
  <si>
    <t>11/19/2019 14:09:00</t>
  </si>
  <si>
    <t>C:\Vila\Empresas Anterior\Arquivos Telecom\MIGRAR\Engeset\Outros\</t>
  </si>
  <si>
    <t>Custos Fixos e Variaveis - BP - Apresentacao Out-06.xls</t>
  </si>
  <si>
    <t>E:\BK_final\Vilarinho\Vilarinho - Trabalho\Algar Telecom\MIGRAR\Engeset\Outros\Custos Fixos e Variaveis - BP - Apresentacao Out-06.xls</t>
  </si>
  <si>
    <t>11/19/2019 14:09:04</t>
  </si>
  <si>
    <t>C:\Vila\Empresas Anterior\Arquivos Telecom\MIGRAR\Engeset\Outros\Engeset - forum redução custos.ppt\s4\</t>
  </si>
  <si>
    <t>E:\BK_final\Vilarinho\Vilarinho - Trabalho\Algar Telecom\MIGRAR\Engeset\Outros\Engeset - forum redução custos.ppt</t>
  </si>
  <si>
    <t>Planilha de trabalho do Microsoft Excel4.xls</t>
  </si>
  <si>
    <t>11/19/2019 14:09:05</t>
  </si>
  <si>
    <t>Premissa TH Engeset Associados.xls</t>
  </si>
  <si>
    <t>E:\BK_final\Vilarinho\Vilarinho - Trabalho\Algar Telecom\MIGRAR\Engeset\Outros\Premissa TH Engeset Associados.xls</t>
  </si>
  <si>
    <t>Transferencia Associados.xls</t>
  </si>
  <si>
    <t>E:\BK_final\Vilarinho\Vilarinho - Trabalho\Algar Telecom\MIGRAR\Engeset\Outros\Transferencia Associados.xls</t>
  </si>
  <si>
    <t>11/19/2019 14:09:06</t>
  </si>
  <si>
    <t>C:\Vila\Empresas Anterior\Arquivos Telecom\MPA - Transformação\</t>
  </si>
  <si>
    <t>Apontamentos_CCA_Ativos1.xlsx-Analise Vila.xlsx</t>
  </si>
  <si>
    <t>E:\BK_final\Vilarinho\Vilarinho - Trabalho\Algar Telecom\MPA - Transformação\Apontamentos_CCA_Ativos1.xlsx-Analise Vila.xlsx</t>
  </si>
  <si>
    <t>11/19/2019 14:09:07</t>
  </si>
  <si>
    <t>Apontamentos_CRC_Controle_Interno1.xlsx</t>
  </si>
  <si>
    <t>E:\BK_final\Vilarinho\Vilarinho - Trabalho\Algar Telecom\MPA - Transformação\Apontamentos_CRC_Controle_Interno1.xlsx</t>
  </si>
  <si>
    <t>11/19/2019 14:09:10</t>
  </si>
  <si>
    <t>AT_Consolidado Redundancias IBM_v1.xlsx</t>
  </si>
  <si>
    <t>E:\BK_final\Vilarinho\Vilarinho - Trabalho\Algar Telecom\MPA - Transformação\AT_Consolidado Redundancias IBM_v1.xlsx</t>
  </si>
  <si>
    <t>11/19/2019 14:09:14</t>
  </si>
  <si>
    <t>AT_Lista para verificação Financeiros_v1_analisada.xlsx</t>
  </si>
  <si>
    <t>E:\BK_final\Vilarinho\Vilarinho - Trabalho\Algar Telecom\MPA - Transformação\AT_Lista para verificação Financeiros_v1_analisada.xlsx</t>
  </si>
  <si>
    <t>11/19/2019 14:09:23</t>
  </si>
  <si>
    <t>DCE_Consolidados_vFinal (FTE_FINAL)_Alavancas_V11 (OK).xlsm</t>
  </si>
  <si>
    <t>E:\BK_final\Vilarinho\Vilarinho - Trabalho\Algar Telecom\MPA - Transformação\DCE_Consolidados_vFinal (FTE_FINAL)_Alavancas_V11 (OK).xlsm</t>
  </si>
  <si>
    <t>11/19/2019 14:09:24</t>
  </si>
  <si>
    <t>DEF_CPF_Categorização_(FTE_Final)_Alavancas_(REVISAO) (OK).xlsm</t>
  </si>
  <si>
    <t>E:\BK_final\Vilarinho\Vilarinho - Trabalho\Algar Telecom\MPA - Transformação\DEF_CPF_Categorização_(FTE_Final)_Alavancas_(REVISAO) (OK).xlsm</t>
  </si>
  <si>
    <t>11/19/2019 14:11:55</t>
  </si>
  <si>
    <t>C:\Vila\Empresas Anterior\Arquivos Telecom\MPA - Transformação\Draft Apresentação PresidenciaV4(Atualização).pptx\</t>
  </si>
  <si>
    <t>E:\BK_final\Vilarinho\Vilarinho - Trabalho\Algar Telecom\MPA - Transformação\Draft Apresentação PresidenciaV4(Atualização).pptx</t>
  </si>
  <si>
    <t>11/19/2019 14:12:03</t>
  </si>
  <si>
    <t>11/19/2019 14:12:09</t>
  </si>
  <si>
    <t>11/19/2019 14:12:13</t>
  </si>
  <si>
    <t>11/19/2019 14:12:18</t>
  </si>
  <si>
    <t>11/19/2019 14:12:22</t>
  </si>
  <si>
    <t>11/19/2019 14:12:26</t>
  </si>
  <si>
    <t>11/19/2019 14:12:31</t>
  </si>
  <si>
    <t>11/19/2019 14:12:35</t>
  </si>
  <si>
    <t>11/19/2019 14:12:43</t>
  </si>
  <si>
    <t>11/19/2019 14:12:51</t>
  </si>
  <si>
    <t>11/19/2019 14:12:55</t>
  </si>
  <si>
    <t>11/19/2019 14:12:59</t>
  </si>
  <si>
    <t>11/19/2019 14:13:05</t>
  </si>
  <si>
    <t>11/19/2019 14:13:12</t>
  </si>
  <si>
    <t>11/19/2019 14:13:17</t>
  </si>
  <si>
    <t>11/19/2019 14:13:21</t>
  </si>
  <si>
    <t>11/19/2019 14:13:22</t>
  </si>
  <si>
    <t>11/19/2019 14:13:23</t>
  </si>
  <si>
    <t>11/19/2019 14:13:24</t>
  </si>
  <si>
    <t>11/19/2019 14:13:25</t>
  </si>
  <si>
    <t>C:\Vila\Empresas Anterior\Arquivos Telecom\MPA - Transformação\Ganhos Transformação LP e 2014.pptx\</t>
  </si>
  <si>
    <t>E:\BK_final\Vilarinho\Vilarinho - Trabalho\Algar Telecom\MPA - Transformação\Ganhos Transformação LP e 2014.pptx</t>
  </si>
  <si>
    <t>11/19/2019 14:13:28</t>
  </si>
  <si>
    <t>C:\Vila\Empresas Anterior\Arquivos Telecom\MPA - Transformação\Indicadores CRC_Outubro_2013_v2.pptx\</t>
  </si>
  <si>
    <t>E:\BK_final\Vilarinho\Vilarinho - Trabalho\Algar Telecom\MPA - Transformação\Indicadores CRC_Outubro_2013_v2.pptx</t>
  </si>
  <si>
    <t>Mapa Diretoria_Sugestão Vila.xlsx</t>
  </si>
  <si>
    <t>E:\BK_final\Vilarinho\Vilarinho - Trabalho\Algar Telecom\MPA - Transformação\Mapa Diretoria_Sugestão Vila.xlsx</t>
  </si>
  <si>
    <t>matriz de ganhos e HC - Sugestão vila.xlsx</t>
  </si>
  <si>
    <t>E:\BK_final\Vilarinho\Vilarinho - Trabalho\Algar Telecom\MPA - Transformação\matriz de ganhos e HC - Sugestão vila.xlsx</t>
  </si>
  <si>
    <t>11/19/2019 14:13:29</t>
  </si>
  <si>
    <t>ModeloCenso Mauricio.xlsx</t>
  </si>
  <si>
    <t>E:\BK_final\Vilarinho\Vilarinho - Trabalho\Algar Telecom\MPA - Transformação\ModeloCenso Mauricio.xlsx</t>
  </si>
  <si>
    <t>11/19/2019 14:13:30</t>
  </si>
  <si>
    <t>Possibilidades CAP_1.xlsx</t>
  </si>
  <si>
    <t>E:\BK_final\Vilarinho\Vilarinho - Trabalho\Algar Telecom\MPA - Transformação\Possibilidades CAP_1.xlsx</t>
  </si>
  <si>
    <t>PossibilidadesCAP.xlsx</t>
  </si>
  <si>
    <t>E:\BK_final\Vilarinho\Vilarinho - Trabalho\Algar Telecom\MPA - Transformação\PossibilidadesCAP.xlsx</t>
  </si>
  <si>
    <t>11/19/2019 14:13:35</t>
  </si>
  <si>
    <t>Visão Geral HC_Vila.xlsx</t>
  </si>
  <si>
    <t>E:\BK_final\Vilarinho\Vilarinho - Trabalho\Algar Telecom\MPA - Transformação\Visão Geral HC_Vila.xlsx</t>
  </si>
  <si>
    <t>11/19/2019 14:13:34</t>
  </si>
  <si>
    <t>Visão CSC_CCA_Sugestão Vila.xlsx</t>
  </si>
  <si>
    <t>E:\BK_final\Vilarinho\Vilarinho - Trabalho\Algar Telecom\MPA - Transformação\Visão CSC_CCA_Sugestão Vila.xlsx</t>
  </si>
  <si>
    <t>11/19/2019 14:13:40</t>
  </si>
  <si>
    <t>C:\Vila\Empresas Anterior\Arquivos Telecom\MPA - Transformação\Analise DCE\Apresentação DCE.pptx\</t>
  </si>
  <si>
    <t>E:\BK_final\Vilarinho\Vilarinho - Trabalho\Algar Telecom\MPA - Transformação\Analise DCE\Apresentação DCE.pptx</t>
  </si>
  <si>
    <t>11/19/2019 14:13:46</t>
  </si>
  <si>
    <t>C:\Vila\Empresas Anterior\Arquivos Telecom\MPA - Transformação\Analise DCE\</t>
  </si>
  <si>
    <t>DCE_Análise_Consultoria_Interna_V9.xlsm</t>
  </si>
  <si>
    <t>E:\BK_final\Vilarinho\Vilarinho - Trabalho\Algar Telecom\MPA - Transformação\Analise DCE\DCE_Análise_Consultoria_Interna_V9.xlsm</t>
  </si>
  <si>
    <t>11/19/2019 14:14:07</t>
  </si>
  <si>
    <t>DCE_Análise_GERAL_CONSOLIDADO_V3.xlsm</t>
  </si>
  <si>
    <t>E:\BK_final\Vilarinho\Vilarinho - Trabalho\Algar Telecom\MPA - Transformação\Analise DCE\DCE_Análise_GERAL_CONSOLIDADO_V3.xlsm</t>
  </si>
  <si>
    <t>11/19/2019 14:14:11</t>
  </si>
  <si>
    <t>DETALHAMENTO_DCE - vProjeto MPA_Versao Marcio Analisada MPA.xlsx</t>
  </si>
  <si>
    <t>E:\BK_final\Vilarinho\Vilarinho - Trabalho\Algar Telecom\MPA - Transformação\Analise DCE\DETALHAMENTO_DCE - vProjeto MPA_Versao Marcio Analisada MPA.xlsx</t>
  </si>
  <si>
    <t>11/19/2019 14:14:24</t>
  </si>
  <si>
    <t>PL_indo pra JR.xlsm</t>
  </si>
  <si>
    <t>E:\BK_final\Vilarinho\Vilarinho - Trabalho\Algar Telecom\MPA - Transformação\Analise DCE\PL_indo pra JR.xlsm</t>
  </si>
  <si>
    <t>Projeto MPA_Versao _Final com Balanço.xlsx</t>
  </si>
  <si>
    <t>E:\BK_final\Vilarinho\Vilarinho - Trabalho\Algar Telecom\MPA - Transformação\Analise DCE\Projeto MPA_Versao _Final com Balanço.xlsx</t>
  </si>
  <si>
    <t>11/19/2019 14:14:25</t>
  </si>
  <si>
    <t>C:\Vila\Empresas Anterior\Arquivos Telecom\MPA - Transformação\Analise Politica Beneficios Transformação\</t>
  </si>
  <si>
    <t>Aplicação Politica Transformação.xlsx</t>
  </si>
  <si>
    <t>E:\BK_final\Vilarinho\Vilarinho - Trabalho\Algar Telecom\MPA - Transformação\Analise Politica Beneficios Transformação\Aplicação Politica Transformação.xlsx</t>
  </si>
  <si>
    <t>11/19/2019 14:14:26</t>
  </si>
  <si>
    <t>Aplicação Politica Transformação_Com MPN.xlsx</t>
  </si>
  <si>
    <t>E:\BK_final\Vilarinho\Vilarinho - Trabalho\Algar Telecom\MPA - Transformação\Analise Politica Beneficios Transformação\Aplicação Politica Transformação_Com MPN.xlsx</t>
  </si>
  <si>
    <t>11/19/2019 14:14:27</t>
  </si>
  <si>
    <t>Aplicação Politica Transformação_MPA_Final.xlsx</t>
  </si>
  <si>
    <t>E:\BK_final\Vilarinho\Vilarinho - Trabalho\Algar Telecom\MPA - Transformação\Analise Politica Beneficios Transformação\Aplicação Politica Transformação_MPA_Final.xlsx</t>
  </si>
  <si>
    <t>GanhosMPA.xlsx</t>
  </si>
  <si>
    <t>E:\BK_final\Vilarinho\Vilarinho - Trabalho\Algar Telecom\MPA - Transformação\Analise Politica Beneficios Transformação\GanhosMPA.xlsx</t>
  </si>
  <si>
    <t>11/19/2019 14:14:29</t>
  </si>
  <si>
    <t>C:\Vila\Empresas Anterior\Arquivos Telecom\MPA - Transformação\Analise Politica Beneficios Transformação\MPA_OrçadoxRealxPlanejado_Diretoria.pptx\</t>
  </si>
  <si>
    <t>E:\BK_final\Vilarinho\Vilarinho - Trabalho\Algar Telecom\MPA - Transformação\Analise Politica Beneficios Transformação\MPA_OrçadoxRealxPlanejado_Diretoria.pptx</t>
  </si>
  <si>
    <t>11/19/2019 14:14:30</t>
  </si>
  <si>
    <t>Politica Transformação_MPA_VTransforma.xlsx</t>
  </si>
  <si>
    <t>E:\BK_final\Vilarinho\Vilarinho - Trabalho\Algar Telecom\MPA - Transformação\Analise Politica Beneficios Transformação\Politica Transformação_MPA_VTransforma.xlsx</t>
  </si>
  <si>
    <t>11/19/2019 14:14:31</t>
  </si>
  <si>
    <t>Versão_sem5%.xlsx</t>
  </si>
  <si>
    <t>E:\BK_final\Vilarinho\Vilarinho - Trabalho\Algar Telecom\MPA - Transformação\Analise Politica Beneficios Transformação\Versão_sem5%.xlsx</t>
  </si>
  <si>
    <t>11/19/2019 14:14:32</t>
  </si>
  <si>
    <t>C:\Vila\Empresas Anterior\Arquivos Telecom\MPA - Transformação\Analise Politica Beneficios Transformação\2 versão\</t>
  </si>
  <si>
    <t>E:\BK_final\Vilarinho\Vilarinho - Trabalho\Algar Telecom\MPA - Transformação\Analise Politica Beneficios Transformação\2 versão\Aplicação Politica Transformação_MPA_Final.xlsx</t>
  </si>
  <si>
    <t>11/19/2019 14:14:34</t>
  </si>
  <si>
    <t>Politica_MPA_Revisado.xlsx</t>
  </si>
  <si>
    <t>E:\BK_final\Vilarinho\Vilarinho - Trabalho\Algar Telecom\MPA - Transformação\Analise Politica Beneficios Transformação\2 versão\Politica_MPA_Revisado.xlsx</t>
  </si>
  <si>
    <t>11/19/2019 14:14:35</t>
  </si>
  <si>
    <t>Politica_MPA_Revisado_FInal.xlsx</t>
  </si>
  <si>
    <t>E:\BK_final\Vilarinho\Vilarinho - Trabalho\Algar Telecom\MPA - Transformação\Analise Politica Beneficios Transformação\2 versão\Politica_MPA_Revisado_FInal.xlsx</t>
  </si>
  <si>
    <t>11/19/2019 14:17:53</t>
  </si>
  <si>
    <t>C:\Vila\Empresas Anterior\Arquivos Telecom\MPA - Transformação\Analises DEF\Apresentação Presidencia_vFinal(23).pptx\</t>
  </si>
  <si>
    <t>E:\BK_final\Vilarinho\Vilarinho - Trabalho\Algar Telecom\MPA - Transformação\Analises DEF\Apresentação Presidencia_vFinal(23).pptx</t>
  </si>
  <si>
    <t>11/19/2019 14:17:55</t>
  </si>
  <si>
    <t>11/19/2019 14:18:08</t>
  </si>
  <si>
    <t>11/19/2019 14:18:10</t>
  </si>
  <si>
    <t>11/19/2019 14:18:17</t>
  </si>
  <si>
    <t>11/19/2019 14:18:19</t>
  </si>
  <si>
    <t>11/19/2019 14:18:23</t>
  </si>
  <si>
    <t>11/19/2019 14:18:27</t>
  </si>
  <si>
    <t>11/19/2019 14:18:29</t>
  </si>
  <si>
    <t>11/19/2019 14:18:35</t>
  </si>
  <si>
    <t>11/19/2019 14:18:39</t>
  </si>
  <si>
    <t>11/19/2019 14:18:42</t>
  </si>
  <si>
    <t>11/19/2019 14:18:45</t>
  </si>
  <si>
    <t>11/19/2019 14:18:50</t>
  </si>
  <si>
    <t>11/19/2019 14:18:56</t>
  </si>
  <si>
    <t>11/19/2019 14:19:01</t>
  </si>
  <si>
    <t>11/19/2019 14:19:05</t>
  </si>
  <si>
    <t>11/19/2019 14:19:09</t>
  </si>
  <si>
    <t>11/19/2019 14:19:13</t>
  </si>
  <si>
    <t>11/19/2019 14:19:17</t>
  </si>
  <si>
    <t>11/19/2019 14:19:22</t>
  </si>
  <si>
    <t>11/19/2019 14:19:31</t>
  </si>
  <si>
    <t>11/19/2019 14:19:36</t>
  </si>
  <si>
    <t>11/19/2019 14:19:39</t>
  </si>
  <si>
    <t>11/19/2019 14:19:43</t>
  </si>
  <si>
    <t>11/19/2019 14:19:48</t>
  </si>
  <si>
    <t>11/19/2019 14:19:53</t>
  </si>
  <si>
    <t>11/19/2019 14:19:56</t>
  </si>
  <si>
    <t>11/19/2019 14:19:57</t>
  </si>
  <si>
    <t>11/19/2019 14:19:58</t>
  </si>
  <si>
    <t>11/19/2019 14:19:59</t>
  </si>
  <si>
    <t>11/19/2019 14:20:03</t>
  </si>
  <si>
    <t>11/19/2019 14:20:09</t>
  </si>
  <si>
    <t>11/19/2019 14:20:14</t>
  </si>
  <si>
    <t>11/19/2019 14:20:17</t>
  </si>
  <si>
    <t>11/19/2019 14:20:48</t>
  </si>
  <si>
    <t>C:\Vila\Empresas Anterior\Arquivos Telecom\MPA - Transformação\Analises DEF\Apresentação Presidencia_vFinal.pptx\</t>
  </si>
  <si>
    <t>E:\BK_final\Vilarinho\Vilarinho - Trabalho\Algar Telecom\MPA - Transformação\Analises DEF\Apresentação Presidencia_vFinal.pptx</t>
  </si>
  <si>
    <t>11/19/2019 14:20:49</t>
  </si>
  <si>
    <t>11/19/2019 14:20:51</t>
  </si>
  <si>
    <t>11/19/2019 14:20:53</t>
  </si>
  <si>
    <t>11/19/2019 14:20:55</t>
  </si>
  <si>
    <t>11/19/2019 14:20:57</t>
  </si>
  <si>
    <t>11/19/2019 14:20:59</t>
  </si>
  <si>
    <t>11/19/2019 14:21:01</t>
  </si>
  <si>
    <t>11/19/2019 14:21:03</t>
  </si>
  <si>
    <t>11/19/2019 14:21:21</t>
  </si>
  <si>
    <t>11/19/2019 14:21:39</t>
  </si>
  <si>
    <t>11/19/2019 14:21:47</t>
  </si>
  <si>
    <t>11/19/2019 14:21:50</t>
  </si>
  <si>
    <t>11/19/2019 14:22:13</t>
  </si>
  <si>
    <t>C:\Vila\Empresas Anterior\Arquivos Telecom\MPA - Transformação\Analises DEF\AT_Workshop Final MPA_vFinal_131219.pptx\</t>
  </si>
  <si>
    <t>E:\BK_final\Vilarinho\Vilarinho - Trabalho\Algar Telecom\MPA - Transformação\Analises DEF\AT_Workshop Final MPA_vFinal_131219.pptx</t>
  </si>
  <si>
    <t>11/19/2019 14:22:17</t>
  </si>
  <si>
    <t>11/19/2019 14:22:22</t>
  </si>
  <si>
    <t>11/19/2019 14:22:26</t>
  </si>
  <si>
    <t>11/19/2019 14:22:32</t>
  </si>
  <si>
    <t>11/19/2019 14:22:37</t>
  </si>
  <si>
    <t>11/19/2019 14:22:39</t>
  </si>
  <si>
    <t>11/19/2019 14:22:41</t>
  </si>
  <si>
    <t>11/19/2019 14:22:43</t>
  </si>
  <si>
    <t>11/19/2019 14:22:46</t>
  </si>
  <si>
    <t>11/19/2019 14:22:48</t>
  </si>
  <si>
    <t>11/19/2019 14:22:50</t>
  </si>
  <si>
    <t>11/19/2019 14:22:52</t>
  </si>
  <si>
    <t>11/19/2019 14:22:53</t>
  </si>
  <si>
    <t>11/19/2019 14:22:56</t>
  </si>
  <si>
    <t>11/19/2019 14:22:58</t>
  </si>
  <si>
    <t>11/19/2019 14:23:01</t>
  </si>
  <si>
    <t>11/19/2019 14:23:03</t>
  </si>
  <si>
    <t>11/19/2019 14:23:06</t>
  </si>
  <si>
    <t>11/19/2019 14:23:11</t>
  </si>
  <si>
    <t>C:\Vila\Empresas Anterior\Arquivos Telecom\MPA - Transformação\Analises DEF\</t>
  </si>
  <si>
    <t>DEF_CCA_Consolidado (FTE_FINAL)_Alavancas_V2_(Alex).xlsm</t>
  </si>
  <si>
    <t>E:\BK_final\Vilarinho\Vilarinho - Trabalho\Algar Telecom\MPA - Transformação\Analises DEF\DEF_CCA_Consolidado (FTE_FINAL)_Alavancas_V2_(Alex).xlsm</t>
  </si>
  <si>
    <t>11/19/2019 14:23:12</t>
  </si>
  <si>
    <t>E:\BK_final\Vilarinho\Vilarinho - Trabalho\Algar Telecom\MPA - Transformação\Analises DEF\DEF_CPF_Categorização_(FTE_Final)_Alavancas_(REVISAO) (OK).xlsm</t>
  </si>
  <si>
    <t>11/19/2019 14:23:20</t>
  </si>
  <si>
    <t>DEF_CRC_Consolidados_(FTE_Final)_Alavancas_(REVISAO) (OK)_v1.xlsm</t>
  </si>
  <si>
    <t>E:\BK_final\Vilarinho\Vilarinho - Trabalho\Algar Telecom\MPA - Transformação\Analises DEF\DEF_CRC_Consolidados_(FTE_Final)_Alavancas_(REVISAO) (OK)_v1.xlsm</t>
  </si>
  <si>
    <t>11/19/2019 14:23:25</t>
  </si>
  <si>
    <t>Mapa DEF.xlsx</t>
  </si>
  <si>
    <t>E:\BK_final\Vilarinho\Vilarinho - Trabalho\Algar Telecom\MPA - Transformação\Analises DEF\Mapa DEF.xlsx</t>
  </si>
  <si>
    <t>Mapa DEF2.xlsx</t>
  </si>
  <si>
    <t>E:\BK_final\Vilarinho\Vilarinho - Trabalho\Algar Telecom\MPA - Transformação\Analises DEF\Mapa DEF2.xlsx</t>
  </si>
  <si>
    <t>11/19/2019 14:23:26</t>
  </si>
  <si>
    <t>MapaImpactoCSC.xlsx</t>
  </si>
  <si>
    <t>E:\BK_final\Vilarinho\Vilarinho - Trabalho\Algar Telecom\MPA - Transformação\Analises DEF\MapaImpactoCSC.xlsx</t>
  </si>
  <si>
    <t>C:\Vila\Empresas Anterior\Arquivos Telecom\MPA - Transformação\Analises DEF\Kits DEF\</t>
  </si>
  <si>
    <t>Mapa DEFFinal.xlsx</t>
  </si>
  <si>
    <t>E:\BK_final\Vilarinho\Vilarinho - Trabalho\Algar Telecom\MPA - Transformação\Analises DEF\Kits DEF\Mapa DEFFinal.xlsx</t>
  </si>
  <si>
    <t>Mapa Movimentações.xlsx</t>
  </si>
  <si>
    <t>E:\BK_final\Vilarinho\Vilarinho - Trabalho\Algar Telecom\MPA - Transformação\Analises DEF\Kits DEF\Mapa Movimentações.xlsx</t>
  </si>
  <si>
    <t>11/19/2019 14:23:28</t>
  </si>
  <si>
    <t>C:\Vila\Empresas Anterior\Arquivos Telecom\MPA - Transformação\Analises DEF\Kits DEF\AJU\AT_Apresentacao_AJU_WS Interno_v1.pptx\</t>
  </si>
  <si>
    <t>E:\BK_final\Vilarinho\Vilarinho - Trabalho\Algar Telecom\MPA - Transformação\Analises DEF\Kits DEF\AJU\AT_Apresentacao_AJU_WS Interno_v1.pptx</t>
  </si>
  <si>
    <t>C:\Vila\Empresas Anterior\Arquivos Telecom\MPA - Transformação\Analises DEF\Kits DEF\AJU\</t>
  </si>
  <si>
    <t>Mapa AJU.xlsx</t>
  </si>
  <si>
    <t>E:\BK_final\Vilarinho\Vilarinho - Trabalho\Algar Telecom\MPA - Transformação\Analises DEF\Kits DEF\AJU\Mapa AJU.xlsx</t>
  </si>
  <si>
    <t>11/19/2019 14:23:29</t>
  </si>
  <si>
    <t>E:\BK_final\Vilarinho\Vilarinho - Trabalho\Algar Telecom\MPA - Transformação\Analises DEF\Kits DEF\AJU\Mapa Movimentações.xlsx</t>
  </si>
  <si>
    <t>C:\Vila\Empresas Anterior\Arquivos Telecom\MPA - Transformação\Analises DEF\Kits DEF\ARI\</t>
  </si>
  <si>
    <t>Mapa ARI.xlsx</t>
  </si>
  <si>
    <t>E:\BK_final\Vilarinho\Vilarinho - Trabalho\Algar Telecom\MPA - Transformação\Analises DEF\Kits DEF\ARI\Mapa ARI.xlsx</t>
  </si>
  <si>
    <t>E:\BK_final\Vilarinho\Vilarinho - Trabalho\Algar Telecom\MPA - Transformação\Analises DEF\Kits DEF\ARI\Mapa Movimentações.xlsx</t>
  </si>
  <si>
    <t>11/19/2019 14:23:32</t>
  </si>
  <si>
    <t>C:\Vila\Empresas Anterior\Arquivos Telecom\MPA - Transformação\Analises DEF\Kits DEF\ARI\Projeto MPA_RI_V1.pptx\</t>
  </si>
  <si>
    <t>E:\BK_final\Vilarinho\Vilarinho - Trabalho\Algar Telecom\MPA - Transformação\Analises DEF\Kits DEF\ARI\Projeto MPA_RI_V1.pptx</t>
  </si>
  <si>
    <t>11/19/2019 14:23:34</t>
  </si>
  <si>
    <t>C:\Vila\Empresas Anterior\Arquivos Telecom\MPA - Transformação\Analises DEF\Kits DEF\CAF\AT_Apresentacao MPA_CAF_WS Interno_v1 (1).pptx\</t>
  </si>
  <si>
    <t>E:\BK_final\Vilarinho\Vilarinho - Trabalho\Algar Telecom\MPA - Transformação\Analises DEF\Kits DEF\CAF\AT_Apresentacao MPA_CAF_WS Interno_v1 (1).pptx</t>
  </si>
  <si>
    <t>11/19/2019 14:23:35</t>
  </si>
  <si>
    <t>C:\Vila\Empresas Anterior\Arquivos Telecom\MPA - Transformação\Analises DEF\Kits DEF\CAF\</t>
  </si>
  <si>
    <t>Mapa CAF.xlsx</t>
  </si>
  <si>
    <t>E:\BK_final\Vilarinho\Vilarinho - Trabalho\Algar Telecom\MPA - Transformação\Analises DEF\Kits DEF\CAF\Mapa CAF.xlsx</t>
  </si>
  <si>
    <t>E:\BK_final\Vilarinho\Vilarinho - Trabalho\Algar Telecom\MPA - Transformação\Analises DEF\Kits DEF\CAF\Mapa Movimentações.xlsx</t>
  </si>
  <si>
    <t>11/19/2019 14:23:36</t>
  </si>
  <si>
    <t>C:\Vila\Empresas Anterior\Arquivos Telecom\MPA - Transformação\Analises DEF\Kits DEF\CCA\AT_Apresentacao MPA_CCA_WS Interno_v3.pptx\</t>
  </si>
  <si>
    <t>E:\BK_final\Vilarinho\Vilarinho - Trabalho\Algar Telecom\MPA - Transformação\Analises DEF\Kits DEF\CCA\AT_Apresentacao MPA_CCA_WS Interno_v3.pptx</t>
  </si>
  <si>
    <t>C:\Vila\Empresas Anterior\Arquivos Telecom\MPA - Transformação\Analises DEF\Kits DEF\CCA\</t>
  </si>
  <si>
    <t>Mapa CCA.xlsx</t>
  </si>
  <si>
    <t>E:\BK_final\Vilarinho\Vilarinho - Trabalho\Algar Telecom\MPA - Transformação\Analises DEF\Kits DEF\CCA\Mapa CCA.xlsx</t>
  </si>
  <si>
    <t>E:\BK_final\Vilarinho\Vilarinho - Trabalho\Algar Telecom\MPA - Transformação\Analises DEF\Kits DEF\CCA\Mapa Movimentações.xlsx</t>
  </si>
  <si>
    <t>C:\Vila\Empresas Anterior\Arquivos Telecom\MPA - Transformação\Analises DEF\Kits DEF\CFI\AT_Apresentacao MPA_CFI_WS Interno_v1 (1).pptx\</t>
  </si>
  <si>
    <t>E:\BK_final\Vilarinho\Vilarinho - Trabalho\Algar Telecom\MPA - Transformação\Analises DEF\Kits DEF\CFI\AT_Apresentacao MPA_CFI_WS Interno_v1 (1).pptx</t>
  </si>
  <si>
    <t>C:\Vila\Empresas Anterior\Arquivos Telecom\MPA - Transformação\Analises DEF\Kits DEF\CFI\</t>
  </si>
  <si>
    <t>Mapa CFI.xlsx</t>
  </si>
  <si>
    <t>E:\BK_final\Vilarinho\Vilarinho - Trabalho\Algar Telecom\MPA - Transformação\Analises DEF\Kits DEF\CFI\Mapa CFI.xlsx</t>
  </si>
  <si>
    <t>E:\BK_final\Vilarinho\Vilarinho - Trabalho\Algar Telecom\MPA - Transformação\Analises DEF\Kits DEF\CFI\Mapa Movimentações.xlsx</t>
  </si>
  <si>
    <t>11/19/2019 14:23:37</t>
  </si>
  <si>
    <t>C:\Vila\Empresas Anterior\Arquivos Telecom\MPA - Transformação\Analises DEF\Kits DEF\CPF\AT_Apresentacao MPA_CPF_WS Interno_v1 (1).pptx\</t>
  </si>
  <si>
    <t>E:\BK_final\Vilarinho\Vilarinho - Trabalho\Algar Telecom\MPA - Transformação\Analises DEF\Kits DEF\CPF\AT_Apresentacao MPA_CPF_WS Interno_v1 (1).pptx</t>
  </si>
  <si>
    <t>11/19/2019 14:23:38</t>
  </si>
  <si>
    <t>C:\Vila\Empresas Anterior\Arquivos Telecom\MPA - Transformação\Analises DEF\Kits DEF\CPF\</t>
  </si>
  <si>
    <t>Mapa CPF.xlsx</t>
  </si>
  <si>
    <t>E:\BK_final\Vilarinho\Vilarinho - Trabalho\Algar Telecom\MPA - Transformação\Analises DEF\Kits DEF\CPF\Mapa CPF.xlsx</t>
  </si>
  <si>
    <t>E:\BK_final\Vilarinho\Vilarinho - Trabalho\Algar Telecom\MPA - Transformação\Analises DEF\Kits DEF\CPF\Mapa Movimentações.xlsx</t>
  </si>
  <si>
    <t>C:\Vila\Empresas Anterior\Arquivos Telecom\MPA - Transformação\Analises DEF\Kits DEF\CRC\</t>
  </si>
  <si>
    <t>Mapa CRC.xlsx</t>
  </si>
  <si>
    <t>E:\BK_final\Vilarinho\Vilarinho - Trabalho\Algar Telecom\MPA - Transformação\Analises DEF\Kits DEF\CRC\Mapa CRC.xlsx</t>
  </si>
  <si>
    <t>E:\BK_final\Vilarinho\Vilarinho - Trabalho\Algar Telecom\MPA - Transformação\Analises DEF\Kits DEF\CRC\Mapa Movimentações.xlsx</t>
  </si>
  <si>
    <t>11/19/2019 14:23:41</t>
  </si>
  <si>
    <t>C:\Vila\Empresas Anterior\Arquivos Telecom\MPA - Transformação\Analises DEF\Kits DEF\CRC\Projeto MPA_CRC_V2 - ok.pptx\</t>
  </si>
  <si>
    <t>E:\BK_final\Vilarinho\Vilarinho - Trabalho\Algar Telecom\MPA - Transformação\Analises DEF\Kits DEF\CRC\Projeto MPA_CRC_V2 - ok.pptx</t>
  </si>
  <si>
    <t>C:\Vila\Empresas Anterior\Arquivos Telecom\MPA - Transformação\Analises DEF\Kits DEF\PMO\</t>
  </si>
  <si>
    <t>E:\BK_final\Vilarinho\Vilarinho - Trabalho\Algar Telecom\MPA - Transformação\Analises DEF\Kits DEF\PMO\Mapa Movimentações.xlsx</t>
  </si>
  <si>
    <t>Mapa PMO.xlsx</t>
  </si>
  <si>
    <t>E:\BK_final\Vilarinho\Vilarinho - Trabalho\Algar Telecom\MPA - Transformação\Analises DEF\Kits DEF\PMO\Mapa PMO.xlsx</t>
  </si>
  <si>
    <t>11/19/2019 14:23:46</t>
  </si>
  <si>
    <t>C:\Vila\Empresas Anterior\Arquivos Telecom\MPA - Transformação\Analises DEF\Kits DEF\PMO\Projeto MPA_ARE_V1.pptx\</t>
  </si>
  <si>
    <t>E:\BK_final\Vilarinho\Vilarinho - Trabalho\Algar Telecom\MPA - Transformação\Analises DEF\Kits DEF\PMO\Projeto MPA_ARE_V1.pptx</t>
  </si>
  <si>
    <t>11/19/2019 14:23:49</t>
  </si>
  <si>
    <t>C:\Vila\Empresas Anterior\Arquivos Telecom\MPA - Transformação\Folhas\</t>
  </si>
  <si>
    <t>Departamental - Novembro 2013.xls</t>
  </si>
  <si>
    <t>E:\BK_final\Vilarinho\Vilarinho - Trabalho\Algar Telecom\MPA - Transformação\Folhas\Departamental - Novembro 2013.xls</t>
  </si>
  <si>
    <t>11/19/2019 14:23:58</t>
  </si>
  <si>
    <t>Salarios_Base Outubro.xlsm</t>
  </si>
  <si>
    <t>E:\BK_final\Vilarinho\Vilarinho - Trabalho\Algar Telecom\MPA - Transformação\Folhas\Salarios_Base Outubro.xlsm</t>
  </si>
  <si>
    <t>11/19/2019 14:24:00</t>
  </si>
  <si>
    <t>C:\Vila\Empresas Anterior\Arquivos Telecom\MPA - Transformação\Ganhos e Apresentações Finais\</t>
  </si>
  <si>
    <t>BC_Ganhos_V8_Sem Proj e Orçamento(n atualizar sem falra c vila).xlsx</t>
  </si>
  <si>
    <t>E:\BK_final\Vilarinho\Vilarinho - Trabalho\Algar Telecom\MPA - Transformação\Ganhos e Apresentações Finais\BC_Ganhos_V8_Sem Proj e Orçamento(n atualizar sem falra c vila).xlsx</t>
  </si>
  <si>
    <t>C:\Vila\Empresas Anterior\Arquivos Telecom\MPA - Transformação\Ganhos e Apresentações Finais\Orçamento LP tranformação.pptx\</t>
  </si>
  <si>
    <t>E:\BK_final\Vilarinho\Vilarinho - Trabalho\Algar Telecom\MPA - Transformação\Ganhos e Apresentações Finais\Orçamento LP tranformação.pptx</t>
  </si>
  <si>
    <t>11/19/2019 14:24:01</t>
  </si>
  <si>
    <t>Orçamento MPA 2014.xlsx</t>
  </si>
  <si>
    <t>E:\BK_final\Vilarinho\Vilarinho - Trabalho\Algar Telecom\MPA - Transformação\Ganhos e Apresentações Finais\Orçamento MPA 2014.xlsx</t>
  </si>
  <si>
    <t>C:\Vila\Empresas Anterior\Arquivos Telecom\MPA - Transformação\Ganhos e Apresentações Finais\Mapa Movimentações Diretorias\</t>
  </si>
  <si>
    <t>Mapa de movimentações oficial AMC.xlsx</t>
  </si>
  <si>
    <t>E:\BK_final\Vilarinho\Vilarinho - Trabalho\Algar Telecom\MPA - Transformação\Ganhos e Apresentações Finais\Mapa Movimentações Diretorias\Mapa de movimentações oficial AMC.xlsx</t>
  </si>
  <si>
    <t>Mapa de movimentações oficia_v1_CPQ_Ana Paula.xlsx</t>
  </si>
  <si>
    <t>E:\BK_final\Vilarinho\Vilarinho - Trabalho\Algar Telecom\MPA - Transformação\Ganhos e Apresentações Finais\Mapa Movimentações Diretorias\Mapa de movimentações oficia_v1_CPQ_Ana Paula.xlsx</t>
  </si>
  <si>
    <t>MPA_AJU.xlsx</t>
  </si>
  <si>
    <t>E:\BK_final\Vilarinho\Vilarinho - Trabalho\Algar Telecom\MPA - Transformação\Ganhos e Apresentações Finais\Mapa Movimentações Diretorias\MPA_AJU.xlsx</t>
  </si>
  <si>
    <t>C:\Vila\Empresas Anterior\Arquivos Telecom\MPA - Transformação\KIT DNA1\</t>
  </si>
  <si>
    <t>DETALHAMENTO_DNA.xlsx</t>
  </si>
  <si>
    <t>E:\BK_final\Vilarinho\Vilarinho - Trabalho\Algar Telecom\MPA - Transformação\KIT DNA1\DETALHAMENTO_DNA.xlsx</t>
  </si>
  <si>
    <t>11/19/2019 14:24:20</t>
  </si>
  <si>
    <t>C:\Vila\Empresas Anterior\Arquivos Telecom\MPA - Transformação\KIT DNA1\HISTÓRICO_REUNIÃO DE ENTREGA MPA_19DEZ2013.pptx\</t>
  </si>
  <si>
    <t>E:\BK_final\Vilarinho\Vilarinho - Trabalho\Algar Telecom\MPA - Transformação\KIT DNA1\HISTÓRICO_REUNIÃO DE ENTREGA MPA_19DEZ2013.pptx</t>
  </si>
  <si>
    <t>11/19/2019 14:24:21</t>
  </si>
  <si>
    <t>11/19/2019 14:24:26</t>
  </si>
  <si>
    <t>11/19/2019 14:24:28</t>
  </si>
  <si>
    <t>11/19/2019 14:24:29</t>
  </si>
  <si>
    <t>11/19/2019 14:24:31</t>
  </si>
  <si>
    <t>11/19/2019 14:24:32</t>
  </si>
  <si>
    <t>11/19/2019 14:24:35</t>
  </si>
  <si>
    <t>11/19/2019 14:24:38</t>
  </si>
  <si>
    <t>11/19/2019 14:24:40</t>
  </si>
  <si>
    <t>11/19/2019 14:24:43</t>
  </si>
  <si>
    <t>11/19/2019 14:24:44</t>
  </si>
  <si>
    <t>11/19/2019 14:24:47</t>
  </si>
  <si>
    <t>11/19/2019 14:24:48</t>
  </si>
  <si>
    <t>11/19/2019 14:24:49</t>
  </si>
  <si>
    <t>11/19/2019 14:24:50</t>
  </si>
  <si>
    <t>C:\Vila\Empresas Anterior\Arquivos Telecom\MPA - Transformação\KIT DNA1\PROJETO MPA_ANALISES DNA_vfinal.pptx\</t>
  </si>
  <si>
    <t>E:\BK_final\Vilarinho\Vilarinho - Trabalho\Algar Telecom\MPA - Transformação\KIT DNA1\PROJETO MPA_ANALISES DNA_vfinal.pptx</t>
  </si>
  <si>
    <t>11/19/2019 14:25:28</t>
  </si>
  <si>
    <t>C:\Vila\Empresas Anterior\Arquivos Telecom\OBZ - Transformação\</t>
  </si>
  <si>
    <t>Acompanhamento_dos_ganhos_OBZ_jul14 v3.xlsx</t>
  </si>
  <si>
    <t>E:\BK_final\Vilarinho\Vilarinho - Trabalho\Algar Telecom\OBZ - Transformação\Acompanhamento_dos_ganhos_OBZ_jul14 v3.xlsx</t>
  </si>
  <si>
    <t>11/19/2019 14:25:29</t>
  </si>
  <si>
    <t>analise de - para vila.xlsx</t>
  </si>
  <si>
    <t>E:\BK_final\Vilarinho\Vilarinho - Trabalho\Algar Telecom\OBZ - Transformação\analise de - para vila.xlsx</t>
  </si>
  <si>
    <t>Analise dos Ganhos OBZ Maio-14.xlsx</t>
  </si>
  <si>
    <t>E:\BK_final\Vilarinho\Vilarinho - Trabalho\Algar Telecom\OBZ - Transformação\Analise dos Ganhos OBZ Maio-14.xlsx</t>
  </si>
  <si>
    <t>Analise Infra-10.10.14.xlsx</t>
  </si>
  <si>
    <t>E:\BK_final\Vilarinho\Vilarinho - Trabalho\Algar Telecom\OBZ - Transformação\Analise Infra-10.10.14.xlsx</t>
  </si>
  <si>
    <t>AT_catálogo de iniciativas 2014_Onda1.xlsx</t>
  </si>
  <si>
    <t>E:\BK_final\Vilarinho\Vilarinho - Trabalho\Algar Telecom\OBZ - Transformação\AT_catálogo de iniciativas 2014_Onda1.xlsx</t>
  </si>
  <si>
    <t>AT_Iniciativas 2014_Exemplo.xlsx</t>
  </si>
  <si>
    <t>E:\BK_final\Vilarinho\Vilarinho - Trabalho\Algar Telecom\OBZ - Transformação\AT_Iniciativas 2014_Exemplo.xlsx</t>
  </si>
  <si>
    <t>AT_Levantamento das Políticas_131106.xlsx</t>
  </si>
  <si>
    <t>E:\BK_final\Vilarinho\Vilarinho - Trabalho\Algar Telecom\OBZ - Transformação\AT_Levantamento das Políticas_131106.xlsx</t>
  </si>
  <si>
    <t>11/19/2019 14:25:30</t>
  </si>
  <si>
    <t>Contratos - Pacote Manutenção JUN 14 (Jose Emidio).xlsx</t>
  </si>
  <si>
    <t>E:\BK_final\Vilarinho\Vilarinho - Trabalho\Algar Telecom\OBZ - Transformação\Contratos - Pacote Manutenção JUN 14 (Jose Emidio).xlsx</t>
  </si>
  <si>
    <t>Copacoterios x CSC - Call 09.01.15.xlsx</t>
  </si>
  <si>
    <t>E:\BK_final\Vilarinho\Vilarinho - Trabalho\Algar Telecom\OBZ - Transformação\Copacoterios x CSC - Call 09.01.15.xlsx</t>
  </si>
  <si>
    <t>CronogramaAT_Plano de Trabalho OBZ_v2.xlsx</t>
  </si>
  <si>
    <t>E:\BK_final\Vilarinho\Vilarinho - Trabalho\Algar Telecom\OBZ - Transformação\CronogramaAT_Plano de Trabalho OBZ_v2.xlsx</t>
  </si>
  <si>
    <t>11/19/2019 14:25:31</t>
  </si>
  <si>
    <t>Evolução de Marketing 2014 v2.xlsx</t>
  </si>
  <si>
    <t>E:\BK_final\Vilarinho\Vilarinho - Trabalho\Algar Telecom\OBZ - Transformação\Evolução de Marketing 2014 v2.xlsx</t>
  </si>
  <si>
    <t>11/19/2019 14:25:32</t>
  </si>
  <si>
    <t>Meta OBZ Final_v151014_Reuniao Comite.xlsx</t>
  </si>
  <si>
    <t>E:\BK_final\Vilarinho\Vilarinho - Trabalho\Algar Telecom\OBZ - Transformação\Meta OBZ Final_v151014_Reuniao Comite.xlsx</t>
  </si>
  <si>
    <t>11/19/2019 14:26:53</t>
  </si>
  <si>
    <t>Meta topdown 3rev.xlsx</t>
  </si>
  <si>
    <t>E:\BK_final\Vilarinho\Vilarinho - Trabalho\Algar Telecom\OBZ - Transformação\Meta topdown 3rev.xlsx</t>
  </si>
  <si>
    <t>11/19/2019 14:26:55</t>
  </si>
  <si>
    <t>Modelo Analise Orçamento 2014.xlsx</t>
  </si>
  <si>
    <t>E:\BK_final\Vilarinho\Vilarinho - Trabalho\Algar Telecom\OBZ - Transformação\Modelo Analise Orçamento 2014.xlsx</t>
  </si>
  <si>
    <t>Novos pacoteiros.xlsx</t>
  </si>
  <si>
    <t>E:\BK_final\Vilarinho\Vilarinho - Trabalho\Algar Telecom\OBZ - Transformação\Novos pacoteiros.xlsx</t>
  </si>
  <si>
    <t>11/19/2019 14:26:56</t>
  </si>
  <si>
    <t>OBZ_Cenarios Drivers Marketing_v2.xlsx</t>
  </si>
  <si>
    <t>E:\BK_final\Vilarinho\Vilarinho - Trabalho\Algar Telecom\OBZ - Transformação\OBZ_Cenarios Drivers Marketing_v2.xlsx</t>
  </si>
  <si>
    <t>Participação Pontos.xlsx</t>
  </si>
  <si>
    <t>E:\BK_final\Vilarinho\Vilarinho - Trabalho\Algar Telecom\OBZ - Transformação\Participação Pontos.xlsx</t>
  </si>
  <si>
    <t>11/19/2019 14:26:58</t>
  </si>
  <si>
    <t>C:\Vila\Empresas Anterior\Arquivos Telecom\OBZ - Transformação\POLITICA FROTAS_Sugestões Vila.pptx\</t>
  </si>
  <si>
    <t>E:\BK_final\Vilarinho\Vilarinho - Trabalho\Algar Telecom\OBZ - Transformação\POLITICA FROTAS_Sugestões Vila.pptx</t>
  </si>
  <si>
    <t>11/19/2019 14:27:03</t>
  </si>
  <si>
    <t>Relação Pacoteiros _CSC_Direcionamentos.xlsx</t>
  </si>
  <si>
    <t>E:\BK_final\Vilarinho\Vilarinho - Trabalho\Algar Telecom\OBZ - Transformação\Relação Pacoteiros _CSC_Direcionamentos.xlsx</t>
  </si>
  <si>
    <t>RelaçãoPacoteiros_Reuniao c Luciene e celma.xlsx</t>
  </si>
  <si>
    <t>E:\BK_final\Vilarinho\Vilarinho - Trabalho\Algar Telecom\OBZ - Transformação\RelaçãoPacoteiros_Reuniao c Luciene e celma.xlsx</t>
  </si>
  <si>
    <t>11/19/2019 14:27:04</t>
  </si>
  <si>
    <t>C:\Vila\Empresas Anterior\Arquivos Telecom\OBZ - Transformação\Reunião_Divino_03072014.pptx\</t>
  </si>
  <si>
    <t>E:\BK_final\Vilarinho\Vilarinho - Trabalho\Algar Telecom\OBZ - Transformação\Reunião_Divino_03072014.pptx</t>
  </si>
  <si>
    <t>C:\Vila\Empresas Anterior\Arquivos Telecom\OBZ - Transformação\Alugueis\</t>
  </si>
  <si>
    <t>Evolução Pagamento Aluguel.xlsx</t>
  </si>
  <si>
    <t>E:\BK_final\Vilarinho\Vilarinho - Trabalho\Algar Telecom\OBZ - Transformação\Alugueis\Evolução Pagamento Aluguel.xlsx</t>
  </si>
  <si>
    <t>11/19/2019 14:27:09</t>
  </si>
  <si>
    <t>Vr Pago IMÓVEIS ALGAR_NOV 2014.xls</t>
  </si>
  <si>
    <t>E:\BK_final\Vilarinho\Vilarinho - Trabalho\Algar Telecom\OBZ - Transformação\Alugueis\Vr Pago IMÓVEIS ALGAR_NOV 2014.xls</t>
  </si>
  <si>
    <t>11/19/2019 14:27:10</t>
  </si>
  <si>
    <t>C:\Vila\Empresas Anterior\Arquivos Telecom\OBZ - Transformação\Alugueis\Analises SETAPE 30-07-2007\</t>
  </si>
  <si>
    <t>Analise Final Setape.xlsx</t>
  </si>
  <si>
    <t>E:\BK_final\Vilarinho\Vilarinho - Trabalho\Algar Telecom\OBZ - Transformação\Alugueis\Analises SETAPE 30-07-2007\Analise Final Setape.xlsx</t>
  </si>
  <si>
    <t>11/19/2019 14:27:11</t>
  </si>
  <si>
    <t>C:\Vila\Empresas Anterior\Arquivos Telecom\OBZ - Transformação\Alugueis\Analises SETAPE 30-07-2007\Apresentação Negociação Algar - NOV-07 (2).ppt\s4\</t>
  </si>
  <si>
    <t>E:\BK_final\Vilarinho\Vilarinho - Trabalho\Algar Telecom\OBZ - Transformação\Alugueis\Analises SETAPE 30-07-2007\Apresentação Negociação Algar - NOV-07 (2).ppt</t>
  </si>
  <si>
    <t>Resumo de valores - laudos setape.xls</t>
  </si>
  <si>
    <t>E:\BK_final\Vilarinho\Vilarinho - Trabalho\Algar Telecom\OBZ - Transformação\Alugueis\Analises SETAPE 30-07-2007\Resumo de valores - laudos setape.xls</t>
  </si>
  <si>
    <t>11/19/2019 14:27:41</t>
  </si>
  <si>
    <t>C:\Vila\Empresas Anterior\Arquivos Telecom\OBZ - Transformação\Alugueis\Apresentação\</t>
  </si>
  <si>
    <t>Aluguéis_Base Jeciene.xlsx</t>
  </si>
  <si>
    <t>E:\BK_final\Vilarinho\Vilarinho - Trabalho\Algar Telecom\OBZ - Transformação\Alugueis\Apresentação\Aluguéis_Base Jeciene.xlsx</t>
  </si>
  <si>
    <t>11/19/2019 14:27:46</t>
  </si>
  <si>
    <t>C:\Vila\Empresas Anterior\Arquivos Telecom\OBZ - Transformação\Alugueis\Apresentação\Apr_Aluguel_Imoveis_Algar_v2.pptx\</t>
  </si>
  <si>
    <t>E:\BK_final\Vilarinho\Vilarinho - Trabalho\Algar Telecom\OBZ - Transformação\Alugueis\Apresentação\Apr_Aluguel_Imoveis_Algar_v2.pptx</t>
  </si>
  <si>
    <t>11/19/2019 14:27:47</t>
  </si>
  <si>
    <t>11/19/2019 14:27:50</t>
  </si>
  <si>
    <t>C:\Vila\Empresas Anterior\Arquivos Telecom\OBZ - Transformação\Alugueis\Apresentação\Apr_Aluguel_Imoveis_Algar_v3.pptx\</t>
  </si>
  <si>
    <t>E:\BK_final\Vilarinho\Vilarinho - Trabalho\Algar Telecom\OBZ - Transformação\Alugueis\Apresentação\Apr_Aluguel_Imoveis_Algar_v3.pptx</t>
  </si>
  <si>
    <t>11/19/2019 14:27:51</t>
  </si>
  <si>
    <t>11/19/2019 14:27:52</t>
  </si>
  <si>
    <t>11/19/2019 14:27:53</t>
  </si>
  <si>
    <t>C:\Vila\Empresas Anterior\Arquivos Telecom\OBZ - Transformação\Alugueis\Apresentação\LP Tranformação.pptx\</t>
  </si>
  <si>
    <t>E:\BK_final\Vilarinho\Vilarinho - Trabalho\Algar Telecom\OBZ - Transformação\Alugueis\Apresentação\LP Tranformação.pptx</t>
  </si>
  <si>
    <t>11/19/2019 14:27:55</t>
  </si>
  <si>
    <t>C:\Vila\Empresas Anterior\Arquivos Telecom\OBZ - Transformação\Alugueis\Avaliação 1 Bisanwanger\</t>
  </si>
  <si>
    <t>Comparativo de valores x laudos RISCOS V2 31102014_Tiago.xlsx</t>
  </si>
  <si>
    <t>E:\BK_final\Vilarinho\Vilarinho - Trabalho\Algar Telecom\OBZ - Transformação\Alugueis\Avaliação 1 Bisanwanger\Comparativo de valores x laudos RISCOS V2 31102014_Tiago.xlsx</t>
  </si>
  <si>
    <t>Comparativo de valores x laudos RISCOS.xlsx</t>
  </si>
  <si>
    <t>E:\BK_final\Vilarinho\Vilarinho - Trabalho\Algar Telecom\OBZ - Transformação\Alugueis\Avaliação 1 Bisanwanger\Comparativo de valores x laudos RISCOS.xlsx</t>
  </si>
  <si>
    <t>C:\Vila\Empresas Anterior\Arquivos Telecom\OBZ - Transformação\Alugueis\Avaliação Final Bisanwanger\</t>
  </si>
  <si>
    <t>Comparativo de valores x laudos RISCOS V3 11112014.xlsx</t>
  </si>
  <si>
    <t>E:\BK_final\Vilarinho\Vilarinho - Trabalho\Algar Telecom\OBZ - Transformação\Alugueis\Avaliação Final Bisanwanger\Comparativo de valores x laudos RISCOS V3 11112014.xlsx</t>
  </si>
  <si>
    <t>11/19/2019 14:27:56</t>
  </si>
  <si>
    <t>Resumo_Avaliação_Imóveis_Locação-ALGAR-2014-11-11_retorno_Space_Nov11 (2).xlsx</t>
  </si>
  <si>
    <t>E:\BK_final\Vilarinho\Vilarinho - Trabalho\Algar Telecom\OBZ - Transformação\Alugueis\Avaliação Final Bisanwanger\Resumo_Avaliação_Imóveis_Locação-ALGAR-2014-11-11_retorno_Space_Nov11 (2).xlsx</t>
  </si>
  <si>
    <t>11/19/2019 14:28:10</t>
  </si>
  <si>
    <t>C:\Vila\Empresas Anterior\Arquivos Telecom\OBZ - Transformação\Analise Politica Beneficios Transformação\</t>
  </si>
  <si>
    <t>Aplicação Politica Transformação_OBZ.xlsx</t>
  </si>
  <si>
    <t>E:\BK_final\Vilarinho\Vilarinho - Trabalho\Algar Telecom\OBZ - Transformação\Analise Politica Beneficios Transformação\Aplicação Politica Transformação_OBZ.xlsx</t>
  </si>
  <si>
    <t>Aplicação Politica Transformação_OBZ_sem5%.xlsx</t>
  </si>
  <si>
    <t>E:\BK_final\Vilarinho\Vilarinho - Trabalho\Algar Telecom\OBZ - Transformação\Analise Politica Beneficios Transformação\Aplicação Politica Transformação_OBZ_sem5%.xlsx</t>
  </si>
  <si>
    <t>11/19/2019 14:28:11</t>
  </si>
  <si>
    <t>Matriz de decisao - Projeto OBZ - Consolidado)VFinal.xls</t>
  </si>
  <si>
    <t>E:\BK_final\Vilarinho\Vilarinho - Trabalho\Algar Telecom\OBZ - Transformação\Analise Politica Beneficios Transformação\Matriz de decisao - Projeto OBZ - Consolidado)VFinal.xls</t>
  </si>
  <si>
    <t>Matriz de decisao - Projeto OBZ.xls</t>
  </si>
  <si>
    <t>E:\BK_final\Vilarinho\Vilarinho - Trabalho\Algar Telecom\OBZ - Transformação\Analise Politica Beneficios Transformação\Matriz de decisao - Projeto OBZ.xls</t>
  </si>
  <si>
    <t>11/19/2019 14:28:12</t>
  </si>
  <si>
    <t>Politica Transformação_OBZ_VTransforma.xlsx</t>
  </si>
  <si>
    <t>E:\BK_final\Vilarinho\Vilarinho - Trabalho\Algar Telecom\OBZ - Transformação\Analise Politica Beneficios Transformação\Politica Transformação_OBZ_VTransforma.xlsx</t>
  </si>
  <si>
    <t>11/19/2019 14:28:13</t>
  </si>
  <si>
    <t>C:\Vila\Empresas Anterior\Arquivos Telecom\OBZ - Transformação\Analise Politica Beneficios Transformação\Revisão Politica\</t>
  </si>
  <si>
    <t>Politica Transformação_OBZ_Revisada.xlsx</t>
  </si>
  <si>
    <t>E:\BK_final\Vilarinho\Vilarinho - Trabalho\Algar Telecom\OBZ - Transformação\Analise Politica Beneficios Transformação\Revisão Politica\Politica Transformação_OBZ_Revisada.xlsx</t>
  </si>
  <si>
    <t>Politica Transformação_OBZ_Revisada_Final.xlsx</t>
  </si>
  <si>
    <t>E:\BK_final\Vilarinho\Vilarinho - Trabalho\Algar Telecom\OBZ - Transformação\Analise Politica Beneficios Transformação\Revisão Politica\Politica Transformação_OBZ_Revisada_Final.xlsx</t>
  </si>
  <si>
    <t>11/19/2019 14:28:14</t>
  </si>
  <si>
    <t>C:\Vila\Empresas Anterior\Arquivos Telecom\OBZ - Transformação\Apresentações\AT_Kick Off OBZ_v4.pptx\</t>
  </si>
  <si>
    <t>E:\BK_final\Vilarinho\Vilarinho - Trabalho\Algar Telecom\OBZ - Transformação\Apresentações\AT_Kick Off OBZ_v4.pptx</t>
  </si>
  <si>
    <t>11/19/2019 14:28:16</t>
  </si>
  <si>
    <t>C:\Vila\Empresas Anterior\Arquivos Telecom\Orçamento DCP 2014\</t>
  </si>
  <si>
    <t>Analise CRC 2014.xlsx</t>
  </si>
  <si>
    <t>E:\BK_final\Vilarinho\Vilarinho - Trabalho\Algar Telecom\Orçamento DCP 2014\Analise CRC 2014.xlsx</t>
  </si>
  <si>
    <t>OrcadoDCP2014.xlsx</t>
  </si>
  <si>
    <t>E:\BK_final\Vilarinho\Vilarinho - Trabalho\Algar Telecom\Orçamento DCP 2014\OrcadoDCP2014.xlsx</t>
  </si>
  <si>
    <t>11/19/2019 14:28:17</t>
  </si>
  <si>
    <t>C:\Vila\Empresas Anterior\Arquivos Telecom\Planejamento CCA\Analise Salarios Agosto-2011\</t>
  </si>
  <si>
    <t>Departamental-julho.xlsx</t>
  </si>
  <si>
    <t>E:\BK_final\Vilarinho\Vilarinho - Trabalho\Algar Telecom\Planejamento CCA\Analise Salarios Agosto-2011\Departamental-julho.xlsx</t>
  </si>
  <si>
    <t>KIT - CCA-Agosto-2011.xlsx</t>
  </si>
  <si>
    <t>E:\BK_final\Vilarinho\Vilarinho - Trabalho\Algar Telecom\Planejamento CCA\Analise Salarios Agosto-2011\KIT - CCA-Agosto-2011.xlsx</t>
  </si>
  <si>
    <t>Proposta de Aumentos Salariais CCA - Nov-11.xlsx</t>
  </si>
  <si>
    <t>E:\BK_final\Vilarinho\Vilarinho - Trabalho\Algar Telecom\Planejamento CCA\Analise Salarios Agosto-2011\Proposta de Aumentos Salariais CCA - Nov-11.xlsx</t>
  </si>
  <si>
    <t>Proposta de Aumentos Salariais CCA.xlsx</t>
  </si>
  <si>
    <t>E:\BK_final\Vilarinho\Vilarinho - Trabalho\Algar Telecom\Planejamento CCA\Analise Salarios Agosto-2011\Proposta de Aumentos Salariais CCA.xlsx</t>
  </si>
  <si>
    <t>C:\Vila\Empresas Anterior\Arquivos Telecom\Planejamento CCA\Departamentais\</t>
  </si>
  <si>
    <t>25CCA-MAI-08</t>
  </si>
  <si>
    <t>E:\BK_final\Vilarinho\Vilarinho - Trabalho\Algar Telecom\Planejamento CCA\Departamentais\25CCA-MAI-08</t>
  </si>
  <si>
    <t>CCA-Abil</t>
  </si>
  <si>
    <t>E:\BK_final\Vilarinho\Vilarinho - Trabalho\Algar Telecom\Planejamento CCA\Departamentais\CCA-Abil</t>
  </si>
  <si>
    <t>CCA-JUN-08</t>
  </si>
  <si>
    <t>E:\BK_final\Vilarinho\Vilarinho - Trabalho\Algar Telecom\Planejamento CCA\Departamentais\CCA-JUN-08</t>
  </si>
  <si>
    <t>CCA.xls</t>
  </si>
  <si>
    <t>E:\BK_final\Vilarinho\Vilarinho - Trabalho\Algar Telecom\Planejamento CCA\Departamentais\CCA.xls</t>
  </si>
  <si>
    <t>Depatal CCA e CCR Fev08.xls</t>
  </si>
  <si>
    <t>E:\BK_final\Vilarinho\Vilarinho - Trabalho\Algar Telecom\Planejamento CCA\Departamentais\Depatal CCA e CCR Fev08.xls</t>
  </si>
  <si>
    <t>11/19/2019 14:28:18</t>
  </si>
  <si>
    <t>Depatal CCA e CCR Janeiro08.xls</t>
  </si>
  <si>
    <t>E:\BK_final\Vilarinho\Vilarinho - Trabalho\Algar Telecom\Planejamento CCA\Departamentais\Depatal CCA e CCR Janeiro08.xls</t>
  </si>
  <si>
    <t>Deptal CCA Março08.xls</t>
  </si>
  <si>
    <t>E:\BK_final\Vilarinho\Vilarinho - Trabalho\Algar Telecom\Planejamento CCA\Departamentais\Deptal CCA Março08.xls</t>
  </si>
  <si>
    <t>Dívida Engeset.xls</t>
  </si>
  <si>
    <t>E:\BK_final\Vilarinho\Vilarinho - Trabalho\Algar Telecom\Planejamento CCA\Departamentais\Dívida Engeset.xls</t>
  </si>
  <si>
    <t>imoveis dados na anistia77.xls</t>
  </si>
  <si>
    <t>E:\BK_final\Vilarinho\Vilarinho - Trabalho\Algar Telecom\Planejamento CCA\Departamentais\imoveis dados na anistia77.xls</t>
  </si>
  <si>
    <t>_CCA.xls</t>
  </si>
  <si>
    <t>E:\BK_final\Vilarinho\Vilarinho - Trabalho\Algar Telecom\Planejamento CCA\Departamentais\_CCA.xls</t>
  </si>
  <si>
    <t>11/19/2019 14:28:19</t>
  </si>
  <si>
    <t>C:\Vila\Empresas Anterior\Arquivos Telecom\Planejamento CCA\Estrutura da Área - Antigo\Estrutura CCA - Março 2008.ppt\s4\</t>
  </si>
  <si>
    <t>E:\BK_final\Vilarinho\Vilarinho - Trabalho\Algar Telecom\Planejamento CCA\Estrutura da Área - Antigo\Estrutura CCA - Março 2008.ppt</t>
  </si>
  <si>
    <t>11/19/2019 14:29:01</t>
  </si>
  <si>
    <t>C:\Vila\Empresas Anterior\Arquivos Telecom\Planejamento CCA\Estrutura da Área - Antigo\Estrutura Funcional\Planejamento CCA 2009.ppt\s4\</t>
  </si>
  <si>
    <t>E:\BK_final\Vilarinho\Vilarinho - Trabalho\Algar Telecom\Planejamento CCA\Estrutura da Área - Antigo\Estrutura Funcional\Planejamento CCA 2009.ppt</t>
  </si>
  <si>
    <t>11/19/2019 14:29:08</t>
  </si>
  <si>
    <t>11/19/2019 14:29:10</t>
  </si>
  <si>
    <t>Planilha do Microsoft Office Excel 97-20031.xls</t>
  </si>
  <si>
    <t>11/19/2019 14:29:14</t>
  </si>
  <si>
    <t>11/19/2019 14:29:15</t>
  </si>
  <si>
    <t>11/19/2019 14:29:17</t>
  </si>
  <si>
    <t>11/19/2019 14:29:19</t>
  </si>
  <si>
    <t>Planilha do Microsoft Office Excel3.xls</t>
  </si>
  <si>
    <t>11/19/2019 14:29:20</t>
  </si>
  <si>
    <t>Planilha do Microsoft Office Excel4.xls</t>
  </si>
  <si>
    <t>11/19/2019 14:29:23</t>
  </si>
  <si>
    <t>Planilha do Microsoft Office Excel5.xls</t>
  </si>
  <si>
    <t>11/19/2019 14:29:24</t>
  </si>
  <si>
    <t>Planilha do Microsoft Office Excel6.xls</t>
  </si>
  <si>
    <t>11/19/2019 14:29:26</t>
  </si>
  <si>
    <t>Planilha do Microsoft Office Excel7.xls</t>
  </si>
  <si>
    <t>11/19/2019 14:29:28</t>
  </si>
  <si>
    <t>Planilha do Microsoft Office Excel8.xls</t>
  </si>
  <si>
    <t>11/19/2019 14:29:31</t>
  </si>
  <si>
    <t>Planilha do Microsoft Office Excel9.xls</t>
  </si>
  <si>
    <t>11/19/2019 14:29:32</t>
  </si>
  <si>
    <t>11/19/2019 14:29:34</t>
  </si>
  <si>
    <t>11/19/2019 14:29:35</t>
  </si>
  <si>
    <t>11/19/2019 14:29:38</t>
  </si>
  <si>
    <t>Worksheet3.xls</t>
  </si>
  <si>
    <t>11/19/2019 14:29:40</t>
  </si>
  <si>
    <t>Worksheet4.xls</t>
  </si>
  <si>
    <t>11/19/2019 14:29:41</t>
  </si>
  <si>
    <t>Worksheet5.xls</t>
  </si>
  <si>
    <t>Worksheet6.xls</t>
  </si>
  <si>
    <t>Worksheet7.xls</t>
  </si>
  <si>
    <t>Worksheet8.xls</t>
  </si>
  <si>
    <t>C:\Vila\Empresas Anterior\Arquivos Telecom\Planejamento CCA\Estrutura da Área - Antigo\Estrutura Funcional\</t>
  </si>
  <si>
    <t>Rotinas e Responsaveis Atividades CCA.xls</t>
  </si>
  <si>
    <t>E:\BK_final\Vilarinho\Vilarinho - Trabalho\Algar Telecom\Planejamento CCA\Estrutura da Área - Antigo\Estrutura Funcional\Rotinas e Responsaveis Atividades CCA.xls</t>
  </si>
  <si>
    <t>11/19/2019 14:30:22</t>
  </si>
  <si>
    <t>C:\Vila\Empresas Anterior\Arquivos Telecom\Planejamento CCA\Estrutura da Área - Antigo\Planejamento CCA 2010\</t>
  </si>
  <si>
    <t>planejamento cca 2010.xls</t>
  </si>
  <si>
    <t>E:\BK_final\Vilarinho\Vilarinho - Trabalho\Algar Telecom\Planejamento CCA\Estrutura da Área - Antigo\Planejamento CCA 2010\planejamento cca 2010.xls</t>
  </si>
  <si>
    <t>11/19/2019 14:36:13</t>
  </si>
  <si>
    <t>11/19/2019 14:40:33</t>
  </si>
  <si>
    <t>/o=exchangelabs/ou=exchange administrative group (fydibohf23spdlt)/cn=recipients/cn=44f0a666541444e787f23979b24aa3bd-reginaldo r;alessandroam@algartech.com;</t>
  </si>
  <si>
    <t>Cópia de Relatório de instalações de Office - Rede BRA.xlsx</t>
  </si>
  <si>
    <t>/o=exchangelabs/ou=exchange administrative group (fydibohf23spdlt)/cn=recipients/cn=44f0a666541444e787f23979b24aa3bd-reginaldo r,alessandroam@algartech.com</t>
  </si>
  <si>
    <t>11/19/2019 14:37:14</t>
  </si>
  <si>
    <t>C:\Users\tiagorpf\OneDrive - Grupo Algar\Desenvolvimento\gto\</t>
  </si>
  <si>
    <t>Cópia de GTO 5.91.xls</t>
  </si>
  <si>
    <t>11/19/2019 14:38:33</t>
  </si>
  <si>
    <t>C:\Users\tiagorpf\OneDrive - Grupo Algar\Desenvolvimento\00_Diversos\</t>
  </si>
  <si>
    <t>Desbloquear (Planilha e VBA).xls</t>
  </si>
  <si>
    <t>11/19/2019 14:39:31</t>
  </si>
  <si>
    <t>11/19/2019 14:41:34</t>
  </si>
  <si>
    <t>silvia.b.souza@bradesco.com.br;</t>
  </si>
  <si>
    <t>ENC: Painel Gerencial Formalização PF - Fechamento Outubro/2019</t>
  </si>
  <si>
    <t>10.2019 - Painel Gerencial_Formalização PF - Fechamento.xlsx.zip\</t>
  </si>
  <si>
    <t>10.2019 - Painel Gerencial_Formaliza‡Æo PF - Fechamento.xlsx</t>
  </si>
  <si>
    <t>silvia.b.souza@bradesco.com.br</t>
  </si>
  <si>
    <t>11/19/2019 14:30:32</t>
  </si>
  <si>
    <t>C:\Vila\Empresas Anterior\Arquivos Telecom\Planejamento CCA\Estrutura Funcional\Planejamento CCA 2009.ppt\s4\</t>
  </si>
  <si>
    <t>E:\BK_final\Vilarinho\Vilarinho - Trabalho\Algar Telecom\Planejamento CCA\Estrutura Funcional\Planejamento CCA 2009.ppt</t>
  </si>
  <si>
    <t>11/19/2019 14:30:36</t>
  </si>
  <si>
    <t>11/19/2019 14:30:38</t>
  </si>
  <si>
    <t>11/19/2019 14:30:44</t>
  </si>
  <si>
    <t>11/19/2019 14:30:48</t>
  </si>
  <si>
    <t>11/19/2019 14:30:51</t>
  </si>
  <si>
    <t>11/19/2019 14:30:52</t>
  </si>
  <si>
    <t>11/19/2019 14:30:56</t>
  </si>
  <si>
    <t>11/19/2019 14:30:59</t>
  </si>
  <si>
    <t>11/19/2019 14:31:02</t>
  </si>
  <si>
    <t>11/19/2019 14:31:05</t>
  </si>
  <si>
    <t>11/19/2019 14:31:07</t>
  </si>
  <si>
    <t>11/19/2019 14:31:09</t>
  </si>
  <si>
    <t>11/19/2019 14:31:10</t>
  </si>
  <si>
    <t>11/19/2019 14:31:12</t>
  </si>
  <si>
    <t>C:\Vila\Empresas Anterior\Arquivos Telecom\Planejamento CCA\Estrutura Funcional\</t>
  </si>
  <si>
    <t>E:\BK_final\Vilarinho\Vilarinho - Trabalho\Algar Telecom\Planejamento CCA\Estrutura Funcional\Rotinas e Responsaveis Atividades CCA.xls</t>
  </si>
  <si>
    <t>11/19/2019 14:31:40</t>
  </si>
  <si>
    <t>C:\Vila\Empresas Anterior\Arquivos Telecom\Planejamento CCA\Planejamento CCA 2009\Estrutura CCA - Março 2008.ppt\s4\</t>
  </si>
  <si>
    <t>E:\BK_final\Vilarinho\Vilarinho - Trabalho\Algar Telecom\Planejamento CCA\Planejamento CCA 2009\Estrutura CCA - Março 2008.ppt</t>
  </si>
  <si>
    <t>11/19/2019 14:31:42</t>
  </si>
  <si>
    <t>C:\Vila\Empresas Anterior\Arquivos Telecom\Planejamento CCA\Planejamento CCA 2009\Analise Salarial CCA 2009\</t>
  </si>
  <si>
    <t>Analise Salarial e Matriz Associados 2009.xls</t>
  </si>
  <si>
    <t>E:\BK_final\Vilarinho\Vilarinho - Trabalho\Algar Telecom\Planejamento CCA\Planejamento CCA 2009\Analise Salarial CCA 2009\Analise Salarial e Matriz Associados 2009.xls</t>
  </si>
  <si>
    <t>Departamental CCA - Julho 08.xls</t>
  </si>
  <si>
    <t>E:\BK_final\Vilarinho\Vilarinho - Trabalho\Algar Telecom\Planejamento CCA\Planejamento CCA 2009\Analise Salarial CCA 2009\Departamental CCA - Julho 08.xls</t>
  </si>
  <si>
    <t>DepartamentalCCAJan-09.xls</t>
  </si>
  <si>
    <t>E:\BK_final\Vilarinho\Vilarinho - Trabalho\Algar Telecom\Planejamento CCA\Planejamento CCA 2009\Analise Salarial CCA 2009\DepartamentalCCAJan-09.xls</t>
  </si>
  <si>
    <t>11/19/2019 14:31:44</t>
  </si>
  <si>
    <t>C:\Vila\Empresas Anterior\Arquivos Telecom\Planejamento CCA\Planejamento CCA 2010\Planejamento CCA 2010 - completo.ppt\s4\</t>
  </si>
  <si>
    <t>E:\BK_final\Vilarinho\Vilarinho - Trabalho\Algar Telecom\Planejamento CCA\Planejamento CCA 2010\Planejamento CCA 2010 - completo.ppt</t>
  </si>
  <si>
    <t>11/19/2019 14:31:45</t>
  </si>
  <si>
    <t>C:\Vila\Empresas Anterior\Arquivos Telecom\Planejamento CCA\Planejamento CCA 2010\Planejamento CCA 2010 - Final.ppt\s4\</t>
  </si>
  <si>
    <t>E:\BK_final\Vilarinho\Vilarinho - Trabalho\Algar Telecom\Planejamento CCA\Planejamento CCA 2010\Planejamento CCA 2010 - Final.ppt</t>
  </si>
  <si>
    <t>C:\Vila\Empresas Anterior\Arquivos Telecom\Planejamento CCA\Planejamento CCA 2010\</t>
  </si>
  <si>
    <t>E:\BK_final\Vilarinho\Vilarinho - Trabalho\Algar Telecom\Planejamento CCA\Planejamento CCA 2010\planejamento cca 2010.xls</t>
  </si>
  <si>
    <t>11/19/2019 14:31:47</t>
  </si>
  <si>
    <t>C:\Vila\Empresas Anterior\Arquivos Telecom\Planejamento CCA\Planejamento CCA 2011\Acomp_ atividades\</t>
  </si>
  <si>
    <t>Andson.xlsx</t>
  </si>
  <si>
    <t>E:\BK_final\Vilarinho\Vilarinho - Trabalho\Algar Telecom\Planejamento CCA\Planejamento CCA 2011\Acomp_ atividades\Andson.xlsx</t>
  </si>
  <si>
    <t>Atividades - Consolidação-Comitê Audit-CVM-IFRS.xls</t>
  </si>
  <si>
    <t>E:\BK_final\Vilarinho\Vilarinho - Trabalho\Algar Telecom\Planejamento CCA\Planejamento CCA 2011\Acomp_ atividades\Atividades - Consolidação-Comitê Audit-CVM-IFRS.xls</t>
  </si>
  <si>
    <t>Controle atividades nucleo contábil.xls</t>
  </si>
  <si>
    <t>E:\BK_final\Vilarinho\Vilarinho - Trabalho\Algar Telecom\Planejamento CCA\Planejamento CCA 2011\Acomp_ atividades\Controle atividades nucleo contábil.xls</t>
  </si>
  <si>
    <t>11/19/2019 14:31:48</t>
  </si>
  <si>
    <t>Controle de Atividades Nucleo Contábil.xlsx</t>
  </si>
  <si>
    <t>E:\BK_final\Vilarinho\Vilarinho - Trabalho\Algar Telecom\Planejamento CCA\Planejamento CCA 2011\Acomp_ atividades\Controle de Atividades Nucleo Contábil.xlsx</t>
  </si>
  <si>
    <t>Cronograma nucleo contabil v2.xlsx</t>
  </si>
  <si>
    <t>E:\BK_final\Vilarinho\Vilarinho - Trabalho\Algar Telecom\Planejamento CCA\Planejamento CCA 2011\Acomp_ atividades\Cronograma nucleo contabil v2.xlsx</t>
  </si>
  <si>
    <t>11/19/2019 14:31:49</t>
  </si>
  <si>
    <t>Cronograma nucleo contabil.xlsx</t>
  </si>
  <si>
    <t>E:\BK_final\Vilarinho\Vilarinho - Trabalho\Algar Telecom\Planejamento CCA\Planejamento CCA 2011\Acomp_ atividades\Cronograma nucleo contabil.xlsx</t>
  </si>
  <si>
    <t>11/19/2019 14:31:51</t>
  </si>
  <si>
    <t>Gustavo.xlsx</t>
  </si>
  <si>
    <t>E:\BK_final\Vilarinho\Vilarinho - Trabalho\Algar Telecom\Planejamento CCA\Planejamento CCA 2011\Acomp_ atividades\Gustavo.xlsx</t>
  </si>
  <si>
    <t>Juliana.xlsx</t>
  </si>
  <si>
    <t>E:\BK_final\Vilarinho\Vilarinho - Trabalho\Algar Telecom\Planejamento CCA\Planejamento CCA 2011\Acomp_ atividades\Juliana.xlsx</t>
  </si>
  <si>
    <t>11/19/2019 14:31:52</t>
  </si>
  <si>
    <t>Lindinalva-a partir de abril-2010.xlsx</t>
  </si>
  <si>
    <t>E:\BK_final\Vilarinho\Vilarinho - Trabalho\Algar Telecom\Planejamento CCA\Planejamento CCA 2011\Acomp_ atividades\Lindinalva-a partir de abril-2010.xlsx</t>
  </si>
  <si>
    <t>Lindinalva.xlsx</t>
  </si>
  <si>
    <t>E:\BK_final\Vilarinho\Vilarinho - Trabalho\Algar Telecom\Planejamento CCA\Planejamento CCA 2011\Acomp_ atividades\Lindinalva.xlsx</t>
  </si>
  <si>
    <t>MACRO ATIVIDADES - Holding CVM Auditoria.xlsx</t>
  </si>
  <si>
    <t>E:\BK_final\Vilarinho\Vilarinho - Trabalho\Algar Telecom\Planejamento CCA\Planejamento CCA 2011\Acomp_ atividades\MACRO ATIVIDADES - Holding CVM Auditoria.xlsx</t>
  </si>
  <si>
    <t>11/19/2019 14:31:53</t>
  </si>
  <si>
    <t>C:\Vila\Empresas Anterior\Arquivos Telecom\Planejamento CCA\Planejamento CCA 2011\Acomp_ atividades\Apresentação Final\Apresentação CCA - Versão Final (OHI).ppt\s4\</t>
  </si>
  <si>
    <t>E:\BK_final\Vilarinho\Vilarinho - Trabalho\Algar Telecom\Planejamento CCA\Planejamento CCA 2011\Acomp_ atividades\Apresentação Final\Apresentação CCA - Versão Final (OHI).ppt</t>
  </si>
  <si>
    <t>11/19/2019 14:31:54</t>
  </si>
  <si>
    <t>C:\Vila\Empresas Anterior\Arquivos Telecom\Planejamento CCA\Planejamento CCA 2011\Acomp_ atividades\Apresentação Final\Apresentação CCA - Versão Final.ppt\s4\</t>
  </si>
  <si>
    <t>E:\BK_final\Vilarinho\Vilarinho - Trabalho\Algar Telecom\Planejamento CCA\Planejamento CCA 2011\Acomp_ atividades\Apresentação Final\Apresentação CCA - Versão Final.ppt</t>
  </si>
  <si>
    <t>11/19/2019 14:32:00</t>
  </si>
  <si>
    <t>C:\Vila\Empresas Anterior\Arquivos Telecom\Planejamento CCA\Planejamento CCA 2011\Acomp_ atividades\Apresentação Final\Apresentação CCA contabilidade.ppt\s4\</t>
  </si>
  <si>
    <t>E:\BK_final\Vilarinho\Vilarinho - Trabalho\Algar Telecom\Planejamento CCA\Planejamento CCA 2011\Acomp_ atividades\Apresentação Final\Apresentação CCA contabilidade.ppt</t>
  </si>
  <si>
    <t>11/19/2019 14:32:03</t>
  </si>
  <si>
    <t>C:\Vila\Empresas Anterior\Arquivos Telecom\Planejamento CCA\Planejamento CCA 2011\Acomp_ atividades\Apresentação Final\Drafts\Final - Draft Apresentação CCA.pptx\</t>
  </si>
  <si>
    <t>E:\BK_final\Vilarinho\Vilarinho - Trabalho\Algar Telecom\Planejamento CCA\Planejamento CCA 2011\Acomp_ atividades\Apresentação Final\Drafts\Final - Draft Apresentação CCA.pptx</t>
  </si>
  <si>
    <t>C:\Vila\Empresas Anterior\Arquivos Telecom\Planejamento CCA\Planejamento CCA 2011\Arquivos Suporte\</t>
  </si>
  <si>
    <t>Departamental-fev2011.xls</t>
  </si>
  <si>
    <t>E:\BK_final\Vilarinho\Vilarinho - Trabalho\Algar Telecom\Planejamento CCA\Planejamento CCA 2011\Arquivos Suporte\Departamental-fev2011.xls</t>
  </si>
  <si>
    <t>11/19/2019 14:32:04</t>
  </si>
  <si>
    <t>C:\Vila\Empresas Anterior\Arquivos Telecom\Planejamento CCA\Planejamento CCA 2011\Arquivos Suporte\Planejamento CCA 2010 - completo.ppt\s4\</t>
  </si>
  <si>
    <t>E:\BK_final\Vilarinho\Vilarinho - Trabalho\Algar Telecom\Planejamento CCA\Planejamento CCA 2011\Arquivos Suporte\Planejamento CCA 2010 - completo.ppt</t>
  </si>
  <si>
    <t>11/19/2019 14:32:05</t>
  </si>
  <si>
    <t>C:\Vila\Empresas Anterior\Arquivos Telecom\Planejamento CCA\Planejamento CCA 2011\Arquivos Suporte\Planejamento CCA 2010 - Final.ppt\s4\</t>
  </si>
  <si>
    <t>E:\BK_final\Vilarinho\Vilarinho - Trabalho\Algar Telecom\Planejamento CCA\Planejamento CCA 2011\Arquivos Suporte\Planejamento CCA 2010 - Final.ppt</t>
  </si>
  <si>
    <t>11/19/2019 14:32:06</t>
  </si>
  <si>
    <t>E:\BK_final\Vilarinho\Vilarinho - Trabalho\Algar Telecom\Planejamento CCA\Planejamento CCA 2011\Arquivos Suporte\planejamento cca 2010.xls</t>
  </si>
  <si>
    <t>C:\Vila\Empresas Anterior\Arquivos Telecom\Planejamento CCA\Planejamento CCA 2011\Ferias\</t>
  </si>
  <si>
    <t>Planilha de Previsão de Férias 1 Rev 2011.xlsx</t>
  </si>
  <si>
    <t>E:\BK_final\Vilarinho\Vilarinho - Trabalho\Algar Telecom\Planejamento CCA\Planejamento CCA 2011\Ferias\Planilha de Previsão de Férias 1 Rev 2011.xlsx</t>
  </si>
  <si>
    <t>C:\Vila\Empresas Anterior\Arquivos Telecom\Planejamento CCA\Planejamento CCA 2011\Merotocracia\</t>
  </si>
  <si>
    <t>Cópia de Exemplo - KIT.xls</t>
  </si>
  <si>
    <t>E:\BK_final\Vilarinho\Vilarinho - Trabalho\Algar Telecom\Planejamento CCA\Planejamento CCA 2011\Merotocracia\Cópia de Exemplo - KIT.xls</t>
  </si>
  <si>
    <t>11/19/2019 14:32:07</t>
  </si>
  <si>
    <t>KIT - CCA.xls</t>
  </si>
  <si>
    <t>E:\BK_final\Vilarinho\Vilarinho - Trabalho\Algar Telecom\Planejamento CCA\Planejamento CCA 2011\Merotocracia\KIT - CCA.xls</t>
  </si>
  <si>
    <t>Orçamento CCA 2011.xls</t>
  </si>
  <si>
    <t>E:\BK_final\Vilarinho\Vilarinho - Trabalho\Algar Telecom\Planejamento CCA\Planejamento CCA 2011\Merotocracia\Orçamento CCA 2011.xls</t>
  </si>
  <si>
    <t>11/19/2019 14:32:08</t>
  </si>
  <si>
    <t>C:\Vila\Empresas Anterior\Arquivos Telecom\Planejamento CCA\Planejamento CCA 2011\OHI\OHI\DEF\CAF\</t>
  </si>
  <si>
    <t>E:\BK_final\Vilarinho\Vilarinho - Trabalho\Algar Telecom\Planejamento CCA\Planejamento CCA 2011\OHI\OHI\DEF\CAF\Doc 2 - CAF.xls</t>
  </si>
  <si>
    <t>E:\BK_final\Vilarinho\Vilarinho - Trabalho\Algar Telecom\Planejamento CCA\Planejamento CCA 2011\OHI\OHI\DEF\CAF\DOC 2 CAF.xls</t>
  </si>
  <si>
    <t>11/19/2019 14:32:09</t>
  </si>
  <si>
    <t>C:\Vila\Empresas Anterior\Arquivos Telecom\Planejamento CCA\Planejamento CCA 2011\OHI\OHI\DEF\CCA\</t>
  </si>
  <si>
    <t>E:\BK_final\Vilarinho\Vilarinho - Trabalho\Algar Telecom\Planejamento CCA\Planejamento CCA 2011\OHI\OHI\DEF\CCA\Doc 2 - CCA.xls</t>
  </si>
  <si>
    <t>11/19/2019 14:32:11</t>
  </si>
  <si>
    <t>C:\Vila\Empresas Anterior\Arquivos Telecom\Planejamento CCA\Planejamento CCA 2011\OHI\OHI\DEF\CFI\</t>
  </si>
  <si>
    <t>E:\BK_final\Vilarinho\Vilarinho - Trabalho\Algar Telecom\Planejamento CCA\Planejamento CCA 2011\OHI\OHI\DEF\CFI\CFI.xlsx</t>
  </si>
  <si>
    <t>11/19/2019 14:32:13</t>
  </si>
  <si>
    <t>C:\Vila\Empresas Anterior\Arquivos Telecom\Planejamento CCA\Planejamento CCA 2011\OHI\OHI\DEF\CPF\</t>
  </si>
  <si>
    <t>E:\BK_final\Vilarinho\Vilarinho - Trabalho\Algar Telecom\Planejamento CCA\Planejamento CCA 2011\OHI\OHI\DEF\CPF\Doc 2 - CPF.xls</t>
  </si>
  <si>
    <t>11/19/2019 14:32:14</t>
  </si>
  <si>
    <t>C:\Vila\Empresas Anterior\Arquivos Telecom\Planejamento CCA\Planejamento CCA 2011\OHI\OHI\Enviado ao TH\</t>
  </si>
  <si>
    <t>E:\BK_final\Vilarinho\Vilarinho - Trabalho\Algar Telecom\Planejamento CCA\Planejamento CCA 2011\OHI\OHI\Enviado ao TH\Docto 2_Identificação valor agregado CCA.xls</t>
  </si>
  <si>
    <t>11/19/2019 14:32:15</t>
  </si>
  <si>
    <t>C:\Vila\Empresas Anterior\Arquivos Telecom\Planejamento CCA\Planejamento CCA 2011\OHI\Planejamento estrategico DEF\</t>
  </si>
  <si>
    <t>E:\BK_final\Vilarinho\Vilarinho - Trabalho\Algar Telecom\Planejamento CCA\Planejamento CCA 2011\OHI\Planejamento estrategico DEF\DEF Objetivos Estrategicos KPIs Milestones (enviado ao Eduardo).xlsx</t>
  </si>
  <si>
    <t>E:\BK_final\Vilarinho\Vilarinho - Trabalho\Algar Telecom\Planejamento CCA\Planejamento CCA 2011\OHI\Planejamento estrategico DEF\DEF Objetivos Estrategicos KPIs Milestones.xlsx</t>
  </si>
  <si>
    <t>11/19/2019 14:32:17</t>
  </si>
  <si>
    <t>C:\Vila\Empresas Anterior\Arquivos Telecom\Planejamento CCA\Planejamento CCA 2011\OHI\Planejamento estrategico DEF\Geral_V2.pptx\</t>
  </si>
  <si>
    <t>E:\BK_final\Vilarinho\Vilarinho - Trabalho\Algar Telecom\Planejamento CCA\Planejamento CCA 2011\OHI\Planejamento estrategico DEF\Geral_V2.pptx</t>
  </si>
  <si>
    <t>C:\Vila\Empresas Anterior\Arquivos Telecom\Planejamento CCA\Planejamento CCA 2011\Planejamento DEF\</t>
  </si>
  <si>
    <t>Planejamento estratégico DEF-1.xlsx</t>
  </si>
  <si>
    <t>E:\BK_final\Vilarinho\Vilarinho - Trabalho\Algar Telecom\Planejamento CCA\Planejamento CCA 2011\Planejamento DEF\Planejamento estratégico DEF-1.xlsx</t>
  </si>
  <si>
    <t>11/19/2019 14:32:18</t>
  </si>
  <si>
    <t>C:\Vila\Empresas Anterior\Arquivos Telecom\Planejamento CCA\Planejamento CCA 2011\Plano CCA 2011\</t>
  </si>
  <si>
    <t>planejamento cca 2011.xls</t>
  </si>
  <si>
    <t>E:\BK_final\Vilarinho\Vilarinho - Trabalho\Algar Telecom\Planejamento CCA\Planejamento CCA 2011\Plano CCA 2011\planejamento cca 2011.xls</t>
  </si>
  <si>
    <t>C:\Vila\Empresas Anterior\Arquivos Telecom\Planejamento CCA\Plano 2012\</t>
  </si>
  <si>
    <t>Analise CARGOS e IP´s - CCA.xls</t>
  </si>
  <si>
    <t>E:\BK_final\Vilarinho\Vilarinho - Trabalho\Algar Telecom\Planejamento CCA\Plano 2012\Analise CARGOS e IP´s - CCA.xls</t>
  </si>
  <si>
    <t>11/19/2019 14:32:19</t>
  </si>
  <si>
    <t>Atividades CCA Ativos por Associado_FINAl.xlsx</t>
  </si>
  <si>
    <t>E:\BK_final\Vilarinho\Vilarinho - Trabalho\Algar Telecom\Planejamento CCA\Plano 2012\Atividades CCA Ativos por Associado_FINAl.xlsx</t>
  </si>
  <si>
    <t>11/19/2019 14:32:20</t>
  </si>
  <si>
    <t>ATIVIDADES FISCAIS - BASE ESDRAS.xlsx</t>
  </si>
  <si>
    <t>E:\BK_final\Vilarinho\Vilarinho - Trabalho\Algar Telecom\Planejamento CCA\Plano 2012\ATIVIDADES FISCAIS - BASE ESDRAS.xlsx</t>
  </si>
  <si>
    <t>11/19/2019 14:32:21</t>
  </si>
  <si>
    <t>Atividades Nucleos CCA - Out-12.xlsx</t>
  </si>
  <si>
    <t>E:\BK_final\Vilarinho\Vilarinho - Trabalho\Algar Telecom\Planejamento CCA\Plano 2012\Atividades Nucleos CCA - Out-12.xlsx</t>
  </si>
  <si>
    <t>CONSOLIDADO DEF_COORD.xlsx</t>
  </si>
  <si>
    <t>E:\BK_final\Vilarinho\Vilarinho - Trabalho\Algar Telecom\Planejamento CCA\Plano 2012\CONSOLIDADO DEF_COORD.xlsx</t>
  </si>
  <si>
    <t>11/19/2019 14:32:22</t>
  </si>
  <si>
    <t>Controle de Atividades - Nucleo Contábil Final.xlsx</t>
  </si>
  <si>
    <t>E:\BK_final\Vilarinho\Vilarinho - Trabalho\Algar Telecom\Planejamento CCA\Plano 2012\Controle de Atividades - Nucleo Contábil Final.xlsx</t>
  </si>
  <si>
    <t>11/19/2019 14:32:23</t>
  </si>
  <si>
    <t>Cópia de DepartamentalOut-12.csv</t>
  </si>
  <si>
    <t>E:\BK_final\Vilarinho\Vilarinho - Trabalho\Algar Telecom\Planejamento CCA\Plano 2012\Cópia de DepartamentalOut-12.csv</t>
  </si>
  <si>
    <t>departamentaljul-12.csv</t>
  </si>
  <si>
    <t>E:\BK_final\Vilarinho\Vilarinho - Trabalho\Algar Telecom\Planejamento CCA\Plano 2012\departamentaljul-12.csv</t>
  </si>
  <si>
    <t>11/19/2019 14:32:24</t>
  </si>
  <si>
    <t>DepartamentalOut-12.csv</t>
  </si>
  <si>
    <t>E:\BK_final\Vilarinho\Vilarinho - Trabalho\Algar Telecom\Planejamento CCA\Plano 2012\DepartamentalOut-12.csv</t>
  </si>
  <si>
    <t>11/19/2019 14:32:26</t>
  </si>
  <si>
    <t>Orcamento Pessoal 2013.xlsx</t>
  </si>
  <si>
    <t>E:\BK_final\Vilarinho\Vilarinho - Trabalho\Algar Telecom\Planejamento CCA\Plano 2012\Orcamento Pessoal 2013.xlsx</t>
  </si>
  <si>
    <t>Planilha CCA 3REV - 2013.xlsx</t>
  </si>
  <si>
    <t>E:\BK_final\Vilarinho\Vilarinho - Trabalho\Algar Telecom\Planejamento CCA\Plano 2012\Planilha CCA 3REV - 2013.xlsx</t>
  </si>
  <si>
    <t>11/19/2019 14:32:27</t>
  </si>
  <si>
    <t>Rotinas - Ativos - v1.xlsx</t>
  </si>
  <si>
    <t>E:\BK_final\Vilarinho\Vilarinho - Trabalho\Algar Telecom\Planejamento CCA\Plano 2012\Rotinas - Ativos - v1.xlsx</t>
  </si>
  <si>
    <t>Rotinas - Ativos - v2.xlsx</t>
  </si>
  <si>
    <t>E:\BK_final\Vilarinho\Vilarinho - Trabalho\Algar Telecom\Planejamento CCA\Plano 2012\Rotinas - Ativos - v2.xlsx</t>
  </si>
  <si>
    <t>11/19/2019 14:32:28</t>
  </si>
  <si>
    <t>Rotinas - Ativos - v3.xlsx</t>
  </si>
  <si>
    <t>E:\BK_final\Vilarinho\Vilarinho - Trabalho\Algar Telecom\Planejamento CCA\Plano 2012\Rotinas - Ativos - v3.xlsx</t>
  </si>
  <si>
    <t>Rotinas - Ativos - v4.xlsx</t>
  </si>
  <si>
    <t>E:\BK_final\Vilarinho\Vilarinho - Trabalho\Algar Telecom\Planejamento CCA\Plano 2012\Rotinas - Ativos - v4.xlsx</t>
  </si>
  <si>
    <t>Rotinas - Contabil - v1.xlsx</t>
  </si>
  <si>
    <t>E:\BK_final\Vilarinho\Vilarinho - Trabalho\Algar Telecom\Planejamento CCA\Plano 2012\Rotinas - Contabil - v1.xlsx</t>
  </si>
  <si>
    <t>11/19/2019 14:32:29</t>
  </si>
  <si>
    <t>Rotinas - Fiscal - v1.xlsx</t>
  </si>
  <si>
    <t>E:\BK_final\Vilarinho\Vilarinho - Trabalho\Algar Telecom\Planejamento CCA\Plano 2012\Rotinas - Fiscal - v1.xlsx</t>
  </si>
  <si>
    <t>Rotinas - Fiscal - v2.xlsx</t>
  </si>
  <si>
    <t>E:\BK_final\Vilarinho\Vilarinho - Trabalho\Algar Telecom\Planejamento CCA\Plano 2012\Rotinas - Fiscal - v2.xlsx</t>
  </si>
  <si>
    <t>11/19/2019 14:32:30</t>
  </si>
  <si>
    <t>Template Finanças-CCA.xlsx</t>
  </si>
  <si>
    <t>E:\BK_final\Vilarinho\Vilarinho - Trabalho\Algar Telecom\Planejamento CCA\Plano 2012\Template Finanças-CCA.xlsx</t>
  </si>
  <si>
    <t>11/19/2019 14:32:31</t>
  </si>
  <si>
    <t>C:\Vila\Empresas Anterior\Arquivos Telecom\Planejamento CCA\Plano 2012\OHI\OHI\DEF\CAF\</t>
  </si>
  <si>
    <t>E:\BK_final\Vilarinho\Vilarinho - Trabalho\Algar Telecom\Planejamento CCA\Plano 2012\OHI\OHI\DEF\CAF\Doc 2 - CAF.xls</t>
  </si>
  <si>
    <t>E:\BK_final\Vilarinho\Vilarinho - Trabalho\Algar Telecom\Planejamento CCA\Plano 2012\OHI\OHI\DEF\CAF\DOC 2 CAF.xls</t>
  </si>
  <si>
    <t>11/19/2019 14:32:32</t>
  </si>
  <si>
    <t>C:\Vila\Empresas Anterior\Arquivos Telecom\Planejamento CCA\Plano 2012\OHI\OHI\DEF\CCA\</t>
  </si>
  <si>
    <t>E:\BK_final\Vilarinho\Vilarinho - Trabalho\Algar Telecom\Planejamento CCA\Plano 2012\OHI\OHI\DEF\CCA\Doc 2 - CCA.xls</t>
  </si>
  <si>
    <t>C:\Vila\Empresas Anterior\Arquivos Telecom\Planejamento CCA\Plano 2012\OHI\OHI\DEF\CFI\</t>
  </si>
  <si>
    <t>E:\BK_final\Vilarinho\Vilarinho - Trabalho\Algar Telecom\Planejamento CCA\Plano 2012\OHI\OHI\DEF\CFI\CFI.xlsx</t>
  </si>
  <si>
    <t>11/19/2019 14:32:33</t>
  </si>
  <si>
    <t>C:\Vila\Empresas Anterior\Arquivos Telecom\Planejamento CCA\Plano 2012\OHI\OHI\DEF\CPF\</t>
  </si>
  <si>
    <t>E:\BK_final\Vilarinho\Vilarinho - Trabalho\Algar Telecom\Planejamento CCA\Plano 2012\OHI\OHI\DEF\CPF\Doc 2 - CPF.xls</t>
  </si>
  <si>
    <t>C:\Vila\Empresas Anterior\Arquivos Telecom\Planejamento CCA\Plano 2012\OHI\OHI\Enviado ao TH\</t>
  </si>
  <si>
    <t>E:\BK_final\Vilarinho\Vilarinho - Trabalho\Algar Telecom\Planejamento CCA\Plano 2012\OHI\OHI\Enviado ao TH\Docto 2_Identificação valor agregado CCA.xls</t>
  </si>
  <si>
    <t>C:\Vila\Empresas Anterior\Arquivos Telecom\Planejamento CCA\Propostas Salarais - Abr-12\</t>
  </si>
  <si>
    <t>Planilha base para meritocracia - Abril 12 - CCA.xlsx</t>
  </si>
  <si>
    <t>E:\BK_final\Vilarinho\Vilarinho - Trabalho\Algar Telecom\Planejamento CCA\Propostas Salarais - Abr-12\Planilha base para meritocracia - Abril 12 - CCA.xlsx</t>
  </si>
  <si>
    <t>11/19/2019 14:32:35</t>
  </si>
  <si>
    <t>C:\Vila\Empresas Anterior\Arquivos Telecom\Plano DEF 2013\</t>
  </si>
  <si>
    <t>Departamental CCA 05.2013.csv</t>
  </si>
  <si>
    <t>E:\BK_final\Vilarinho\Vilarinho - Trabalho\Algar Telecom\Plano DEF 2013\Departamental CCA 05.2013.csv</t>
  </si>
  <si>
    <t>Departamental Diretoria Adjunta 05.2013.csv</t>
  </si>
  <si>
    <t>E:\BK_final\Vilarinho\Vilarinho - Trabalho\Algar Telecom\Plano DEF 2013\Departamental Diretoria Adjunta 05.2013.csv</t>
  </si>
  <si>
    <t>11/19/2019 14:32:39</t>
  </si>
  <si>
    <t>C:\Vila\Empresas Anterior\Arquivos Telecom\Plano DEF 2013\Capex 2013 DEF e Empresa\</t>
  </si>
  <si>
    <t>Resumo Decisões - Reuniao DEF - 10mai13.xlsx</t>
  </si>
  <si>
    <t>E:\BK_final\Vilarinho\Vilarinho - Trabalho\Algar Telecom\Plano DEF 2013\Capex 2013 DEF e Empresa\Resumo Decisões - Reuniao DEF - 10mai13.xlsx</t>
  </si>
  <si>
    <t>C:\Vila\Empresas Anterior\Arquivos Telecom\Plano DEF 2013\Organograma e Pessoas\</t>
  </si>
  <si>
    <t>Associados DEF.xlsx</t>
  </si>
  <si>
    <t>E:\BK_final\Vilarinho\Vilarinho - Trabalho\Algar Telecom\Plano DEF 2013\Organograma e Pessoas\Associados DEF.xlsx</t>
  </si>
  <si>
    <t>11/19/2019 14:32:41</t>
  </si>
  <si>
    <t>C:\Vila\Empresas Anterior\Arquivos Telecom\Plano DEF 2013\Plano Ação Desafio 5MM\</t>
  </si>
  <si>
    <t>Plano Reduçao DEF - 2013 - Acompanhamento-V.21.5.xlsx</t>
  </si>
  <si>
    <t>E:\BK_final\Vilarinho\Vilarinho - Trabalho\Algar Telecom\Plano DEF 2013\Plano Ação Desafio 5MM\Plano Reduçao DEF - 2013 - Acompanhamento-V.21.5.xlsx</t>
  </si>
  <si>
    <t>C:\Vila\Empresas Anterior\Arquivos Telecom\Plano DEF 2013\Torre CSC\</t>
  </si>
  <si>
    <t>Planilha de avaliação de atividades CSC_CCA.xlsx</t>
  </si>
  <si>
    <t>E:\BK_final\Vilarinho\Vilarinho - Trabalho\Algar Telecom\Plano DEF 2013\Torre CSC\Planilha de avaliação de atividades CSC_CCA.xlsx</t>
  </si>
  <si>
    <t>Planilha de avaliação de atividades CSC_CRC.xlsx</t>
  </si>
  <si>
    <t>E:\BK_final\Vilarinho\Vilarinho - Trabalho\Algar Telecom\Plano DEF 2013\Torre CSC\Planilha de avaliação de atividades CSC_CRC.xlsx</t>
  </si>
  <si>
    <t>11/19/2019 14:32:42</t>
  </si>
  <si>
    <t>C:\Vila\Empresas Anterior\Arquivos Telecom\Plano saida Toutatis\Plano Saída Toutatis - 2011-02-14 - Revisão 1.ppt\s4\</t>
  </si>
  <si>
    <t>E:\BK_final\Vilarinho\Vilarinho - Trabalho\Algar Telecom\Plano saida Toutatis\Plano Saída Toutatis - 2011-02-14 - Revisão 1.ppt</t>
  </si>
  <si>
    <t>11/19/2019 14:32:46</t>
  </si>
  <si>
    <t>C:\Vila\Empresas Anterior\Arquivos Telecom\Preclosing 2011\</t>
  </si>
  <si>
    <t>E:\BK_final\Vilarinho\Vilarinho - Trabalho\Algar Telecom\Preclosing 2011\Contingencia Grupamento Acoes.xlsx</t>
  </si>
  <si>
    <t>E:\BK_final\Vilarinho\Vilarinho - Trabalho\Algar Telecom\Preclosing 2011\Contingencia Revisao Billing-Preclosing.xlsx</t>
  </si>
  <si>
    <t>11/19/2019 14:32:47</t>
  </si>
  <si>
    <t>E:\BK_final\Vilarinho\Vilarinho - Trabalho\Algar Telecom\Preclosing 2011\Impacto Resultado 2011.xlsx</t>
  </si>
  <si>
    <t>Preclsosing 2011-Algar.xlsx</t>
  </si>
  <si>
    <t>E:\BK_final\Vilarinho\Vilarinho - Trabalho\Algar Telecom\Preclosing 2011\Preclsosing 2011-Algar.xlsx</t>
  </si>
  <si>
    <t>E:\BK_final\Vilarinho\Vilarinho - Trabalho\Algar Telecom\Preclosing 2011\Preclsosing 2011.xlsx</t>
  </si>
  <si>
    <t>Provisão Contingência Revisão Billing-Final para Orçamento.xlsx</t>
  </si>
  <si>
    <t>E:\BK_final\Vilarinho\Vilarinho - Trabalho\Algar Telecom\Preclosing 2011\Provisão Contingência Revisão Billing-Final para Orçamento.xlsx</t>
  </si>
  <si>
    <t>REFIS IV Multimidia-Final para Orçamento.xlsx</t>
  </si>
  <si>
    <t>E:\BK_final\Vilarinho\Vilarinho - Trabalho\Algar Telecom\Preclosing 2011\REFIS IV Multimidia-Final para Orçamento.xlsx</t>
  </si>
  <si>
    <t>Valores Anuais Grupamento Ações-Final para Orçamento.xls</t>
  </si>
  <si>
    <t>E:\BK_final\Vilarinho\Vilarinho - Trabalho\Algar Telecom\Preclosing 2011\Valores Anuais Grupamento Ações-Final para Orçamento.xls</t>
  </si>
  <si>
    <t>11/19/2019 14:32:51</t>
  </si>
  <si>
    <t>C:\Vila\Empresas Anterior\Arquivos Telecom\PreClosing 2014 - Simula\</t>
  </si>
  <si>
    <t>DRE PRECLOSING 2014 - Simulador 04dez14 Planejado_Simula Vila.xlsx</t>
  </si>
  <si>
    <t>E:\BK_final\Vilarinho\Vilarinho - Trabalho\Algar Telecom\PreClosing 2014 - Simula\DRE PRECLOSING 2014 - Simulador 04dez14 Planejado_Simula Vila.xlsx</t>
  </si>
  <si>
    <t>PreclosingTelecom2014_VFinal.xlsx</t>
  </si>
  <si>
    <t>E:\BK_final\Vilarinho\Vilarinho - Trabalho\Algar Telecom\PreClosing 2014 - Simula\PreclosingTelecom2014_VFinal.xlsx</t>
  </si>
  <si>
    <t>11/19/2019 14:33:20</t>
  </si>
  <si>
    <t>C:\Vila\Empresas Anterior\Arquivos Telecom\Previa 1Reuger 2012\Algar Telecom_2ª Reuger Abril 2012.pptx\</t>
  </si>
  <si>
    <t>E:\BK_final\Vilarinho\Vilarinho - Trabalho\Algar Telecom\Previa 1Reuger 2012\Algar Telecom_2ª Reuger Abril 2012.pptx</t>
  </si>
  <si>
    <t>11/19/2019 14:33:21</t>
  </si>
  <si>
    <t>C:\Vila\Empresas Anterior\Arquivos Telecom\Prodex 2011\</t>
  </si>
  <si>
    <t>Ação_pósvenda_Prodex_2011.xlsx</t>
  </si>
  <si>
    <t>E:\BK_final\Vilarinho\Vilarinho - Trabalho\Algar Telecom\Prodex 2011\Ação_pósvenda_Prodex_2011.xlsx</t>
  </si>
  <si>
    <t>11/19/2019 14:33:24</t>
  </si>
  <si>
    <t>Lojas Credenciadas e PAP.xlsx</t>
  </si>
  <si>
    <t>E:\BK_final\Vilarinho\Vilarinho - Trabalho\Algar Telecom\Prodex 2011\Lojas Credenciadas e PAP.xlsx</t>
  </si>
  <si>
    <t>Mailing de Clientes - Projeto Minas - Pós Vendas.xls</t>
  </si>
  <si>
    <t>E:\BK_final\Vilarinho\Vilarinho - Trabalho\Algar Telecom\Prodex 2011\Mailing de Clientes - Projeto Minas - Pós Vendas.xls</t>
  </si>
  <si>
    <t>11/19/2019 14:33:25</t>
  </si>
  <si>
    <t>Mailing de Clientes - Projeto Minas - Pós Vendas.xlsx</t>
  </si>
  <si>
    <t>E:\BK_final\Vilarinho\Vilarinho - Trabalho\Algar Telecom\Prodex 2011\Mailing de Clientes - Projeto Minas - Pós Vendas.xlsx</t>
  </si>
  <si>
    <t>Orcamento CCA Pessoal 2012.xlsx</t>
  </si>
  <si>
    <t>E:\BK_final\Vilarinho\Vilarinho - Trabalho\Algar Telecom\Prodex 2011\Orcamento CCA Pessoal 2012.xlsx</t>
  </si>
  <si>
    <t>Prospects Selecionados-Visitas.xlsx</t>
  </si>
  <si>
    <t>E:\BK_final\Vilarinho\Vilarinho - Trabalho\Algar Telecom\Prodex 2011\Prospects Selecionados-Visitas.xlsx</t>
  </si>
  <si>
    <t>11/19/2019 14:33:26</t>
  </si>
  <si>
    <t>C:\Vila\Empresas Anterior\Arquivos Telecom\Prodex 2011\Pesquisa Rua\</t>
  </si>
  <si>
    <t>Compilacao pesquisas.xlsx</t>
  </si>
  <si>
    <t>E:\BK_final\Vilarinho\Vilarinho - Trabalho\Algar Telecom\Prodex 2011\Pesquisa Rua\Compilacao pesquisas.xlsx</t>
  </si>
  <si>
    <t>Entrevista Rua.xlsx</t>
  </si>
  <si>
    <t>E:\BK_final\Vilarinho\Vilarinho - Trabalho\Algar Telecom\Prodex 2011\Pesquisa Rua\Entrevista Rua.xlsx</t>
  </si>
  <si>
    <t>11/19/2019 14:33:48</t>
  </si>
  <si>
    <t>C:\Vila\Empresas Anterior\Arquivos Telecom\Programa Eficiencia DEF-Out-11\Apresentação CCA - Versão Final (Novo Layout).ppt\s4\</t>
  </si>
  <si>
    <t>E:\BK_final\Vilarinho\Vilarinho - Trabalho\Algar Telecom\Programa Eficiencia DEF-Out-11\Apresentação CCA - Versão Final (Novo Layout).ppt</t>
  </si>
  <si>
    <t>C:\Vila\Empresas Anterior\Arquivos Telecom\Programa Eficiencia DEF-Out-11\</t>
  </si>
  <si>
    <t>Controle de Atividades - Nucleo Contábil.xlsx</t>
  </si>
  <si>
    <t>E:\BK_final\Vilarinho\Vilarinho - Trabalho\Algar Telecom\Programa Eficiencia DEF-Out-11\Controle de Atividades - Nucleo Contábil.xlsx</t>
  </si>
  <si>
    <t>Estrutura DEF.xlsx</t>
  </si>
  <si>
    <t>E:\BK_final\Vilarinho\Vilarinho - Trabalho\Algar Telecom\Programa Eficiencia DEF-Out-11\Estrutura DEF.xlsx</t>
  </si>
  <si>
    <t>11/19/2019 14:33:49</t>
  </si>
  <si>
    <t>Plano de Açào.xlsx</t>
  </si>
  <si>
    <t>E:\BK_final\Vilarinho\Vilarinho - Trabalho\Algar Telecom\Programa Eficiencia DEF-Out-11\Plano de Açào.xlsx</t>
  </si>
  <si>
    <t>C:\Vila\Empresas Anterior\Arquivos Telecom\Programa Eficiencia DEF-Out-11\Plano de Trabalho Eficiência Operacional DEF-14.10.11\</t>
  </si>
  <si>
    <t>E:\BK_final\Vilarinho\Vilarinho - Trabalho\Algar Telecom\Programa Eficiencia DEF-Out-11\Plano de Trabalho Eficiência Operacional DEF-14.10.11</t>
  </si>
  <si>
    <t>C:\Vila\Empresas Anterior\Arquivos Telecom\Programa Eficiencia DEF-Out-11\Plano de Trabalho Eficiência Operacional DEF.docx\</t>
  </si>
  <si>
    <t>E:\BK_final\Vilarinho\Vilarinho - Trabalho\Algar Telecom\Programa Eficiencia DEF-Out-11\Plano de Trabalho Eficiência Operacional DEF.docx</t>
  </si>
  <si>
    <t>11/19/2019 14:33:52</t>
  </si>
  <si>
    <t>C:\Vila\Empresas Anterior\Arquivos Telecom\Programa Eficiencia DEF-Out-11\Ativos\</t>
  </si>
  <si>
    <t>E:\BK_final\Vilarinho\Vilarinho - Trabalho\Algar Telecom\Programa Eficiencia DEF-Out-11\Ativos\Atividades CCA Ativos por Associado_FINAl.xlsx</t>
  </si>
  <si>
    <t>11/19/2019 14:33:53</t>
  </si>
  <si>
    <t>C:\Vila\Empresas Anterior\Arquivos Telecom\Programa Eficiencia DEF-Out-11\Fiscal\</t>
  </si>
  <si>
    <t>17_10_2011_Controle de Atividades - Nucleo Fiscal.xlsx</t>
  </si>
  <si>
    <t>E:\BK_final\Vilarinho\Vilarinho - Trabalho\Algar Telecom\Programa Eficiencia DEF-Out-11\Fiscal\17_10_2011_Controle de Atividades - Nucleo Fiscal.xlsx</t>
  </si>
  <si>
    <t>11/19/2019 14:33:56</t>
  </si>
  <si>
    <t>C:\Vila\Empresas Anterior\Arquivos Telecom\Projeto Advisia - Mkensey\Consultoria\Algar Midia\</t>
  </si>
  <si>
    <t>Balancete Algar Midia 2011.xlsx</t>
  </si>
  <si>
    <t>E:\BK_final\Vilarinho\Vilarinho - Trabalho\Algar Telecom\Projeto Advisia - Mkensey\Consultoria\Algar Midia\Balancete Algar Midia 2011.xlsx</t>
  </si>
  <si>
    <t>11/19/2019 14:33:58</t>
  </si>
  <si>
    <t>Balancete Algar Midia 2012.xlsx</t>
  </si>
  <si>
    <t>E:\BK_final\Vilarinho\Vilarinho - Trabalho\Algar Telecom\Projeto Advisia - Mkensey\Consultoria\Algar Midia\Balancete Algar Midia 2012.xlsx</t>
  </si>
  <si>
    <t>11/19/2019 14:33:59</t>
  </si>
  <si>
    <t>DRE.xls</t>
  </si>
  <si>
    <t>E:\BK_final\Vilarinho\Vilarinho - Trabalho\Algar Telecom\Projeto Advisia - Mkensey\Consultoria\Algar Midia\DRE.xls</t>
  </si>
  <si>
    <t>11/19/2019 14:34:00</t>
  </si>
  <si>
    <t>Plano de Contas_CRs.xlsx</t>
  </si>
  <si>
    <t>E:\BK_final\Vilarinho\Vilarinho - Trabalho\Algar Telecom\Projeto Advisia - Mkensey\Consultoria\Algar Midia\Plano de Contas_CRs.xlsx</t>
  </si>
  <si>
    <t>11/19/2019 14:34:05</t>
  </si>
  <si>
    <t>C:\Vila\Empresas Anterior\Arquivos Telecom\Projeto Advisia - Mkensey\Consultoria\Algar Tecnologia\</t>
  </si>
  <si>
    <t>DRE Algar Tecnologia.xlsx</t>
  </si>
  <si>
    <t>E:\BK_final\Vilarinho\Vilarinho - Trabalho\Algar Telecom\Projeto Advisia - Mkensey\Consultoria\Algar Tecnologia\DRE Algar Tecnologia.xlsx</t>
  </si>
  <si>
    <t>Receita Algar Tecnologia.xlsx</t>
  </si>
  <si>
    <t>E:\BK_final\Vilarinho\Vilarinho - Trabalho\Algar Telecom\Projeto Advisia - Mkensey\Consultoria\Algar Tecnologia\Receita Algar Tecnologia.xlsx</t>
  </si>
  <si>
    <t>11/19/2019 14:34:06</t>
  </si>
  <si>
    <t>C:\Vila\Empresas Anterior\Arquivos Telecom\Projeto Advisia - Mkensey\Consultoria\Algar Telecom\</t>
  </si>
  <si>
    <t>206-81_Revisão analitica Image 2T12.xlsx</t>
  </si>
  <si>
    <t>E:\BK_final\Vilarinho\Vilarinho - Trabalho\Algar Telecom\Projeto Advisia - Mkensey\Consultoria\Algar Telecom\206-81_Revisão analitica Image 2T12.xlsx</t>
  </si>
  <si>
    <t>11/19/2019 14:34:08</t>
  </si>
  <si>
    <t>456-81_Revisão Analitica Multimidia - 2T12.xlsx</t>
  </si>
  <si>
    <t>E:\BK_final\Vilarinho\Vilarinho - Trabalho\Algar Telecom\Projeto Advisia - Mkensey\Consultoria\Algar Telecom\456-81_Revisão Analitica Multimidia - 2T12.xlsx</t>
  </si>
  <si>
    <t>C:\Vila\Empresas Anterior\Arquivos Telecom\Projeto Advisia - Mkensey\Consultoria\Algar Telecom\456-81_Revisão Analitica Multimidia - 2T12.xlsx\</t>
  </si>
  <si>
    <t>11/19/2019 14:35:02</t>
  </si>
  <si>
    <t>C:\Vila\Empresas Anterior\Arquivos Telecom\Projeto Advisia - Mkensey\Consultoria\Algar Telecom\Informações CR.rar\InformaÃ§Ãµes CR\2011\</t>
  </si>
  <si>
    <t>1Â° InformaÃ§Ãµes - De-Para de Contas ContÃ¡beis e Estrutura OrganizaÃ§ional.xlsx</t>
  </si>
  <si>
    <t>E:\BK_final\Vilarinho\Vilarinho - Trabalho\Algar Telecom\Projeto Advisia - Mkensey\Consultoria\Algar Telecom\Informações CR.rar</t>
  </si>
  <si>
    <t>DCE - DIRET. COMERCIAL EMPRESAS.xlsm</t>
  </si>
  <si>
    <t>DCL - DIRET. ADJUNTA COMPRAS.xlsm</t>
  </si>
  <si>
    <t>DCO - DIRET. CORPORATIVA.xlsm</t>
  </si>
  <si>
    <t>DCV - DIRET. COMERCIAL VAREJO.xlsm</t>
  </si>
  <si>
    <t>DEF - DIRET. FINANCEIRA E REL. INVESTIDORES.xlsm</t>
  </si>
  <si>
    <t>DGE - DIRET. GOVERNANÃ‡A E ESTRATÃ‰GIA.xlsm</t>
  </si>
  <si>
    <t>DMK - DIRET. MARKETING.xlsm</t>
  </si>
  <si>
    <t>DNO - DIRET. ADJUNTA OPERADORAS.xlsm</t>
  </si>
  <si>
    <t>11/19/2019 14:35:03</t>
  </si>
  <si>
    <t>DOT - DIRET. OPERAÃ‡Ã•ES E TECNOLOGIA.xlsm</t>
  </si>
  <si>
    <t>DRI - DIRET. EXEC. RELAÃ‡Ã•ES COM INVESTIDORES.xlsm</t>
  </si>
  <si>
    <t>DTH - DIRET. TALENTOS HUMANOS.xlsm</t>
  </si>
  <si>
    <t>PRE - PRESIDÃŠNCIA EXECUTIVA.xlsm</t>
  </si>
  <si>
    <t>C:\Vila\Empresas Anterior\Arquivos Telecom\Projeto Advisia - Mkensey\Consultoria\Algar Telecom\Informações CR.rar\InformaÃ§Ãµes CR\</t>
  </si>
  <si>
    <t>Custos e despesas por CR_2012.xlsx</t>
  </si>
  <si>
    <t>11/19/2019 14:35:11</t>
  </si>
  <si>
    <t>Receita_bruta_por regional.xlsx</t>
  </si>
  <si>
    <t>E:\BK_final\Vilarinho\Vilarinho - Trabalho\Algar Telecom\Projeto Advisia - Mkensey\Consultoria\Algar Telecom\Receita_bruta_por regional.xlsx</t>
  </si>
  <si>
    <t>11/19/2019 14:35:15</t>
  </si>
  <si>
    <t>C:\Vila\Empresas Anterior\Arquivos Telecom\Projeto Advisia - Mkensey\Consultoria\Algar Telecom\Book's\2011\</t>
  </si>
  <si>
    <t>CTBC CELULAR 122011.xlsx</t>
  </si>
  <si>
    <t>E:\BK_final\Vilarinho\Vilarinho - Trabalho\Algar Telecom\Projeto Advisia - Mkensey\Consultoria\Algar Telecom\Book's\2011\CTBC CELULAR 122011.xlsx</t>
  </si>
  <si>
    <t>11/19/2019 14:35:18</t>
  </si>
  <si>
    <t>CTBC MULTIMIDIA 122011.xlsx</t>
  </si>
  <si>
    <t>E:\BK_final\Vilarinho\Vilarinho - Trabalho\Algar Telecom\Projeto Advisia - Mkensey\Consultoria\Algar Telecom\Book's\2011\CTBC MULTIMIDIA 122011.xlsx</t>
  </si>
  <si>
    <t>11/19/2019 14:35:24</t>
  </si>
  <si>
    <t>CTBC TELECOM 122011.xlsx</t>
  </si>
  <si>
    <t>E:\BK_final\Vilarinho\Vilarinho - Trabalho\Algar Telecom\Projeto Advisia - Mkensey\Consultoria\Algar Telecom\Book's\2011\CTBC TELECOM 122011.xlsx</t>
  </si>
  <si>
    <t>11/19/2019 14:35:27</t>
  </si>
  <si>
    <t>IMAGE 122011.xlsx</t>
  </si>
  <si>
    <t>E:\BK_final\Vilarinho\Vilarinho - Trabalho\Algar Telecom\Projeto Advisia - Mkensey\Consultoria\Algar Telecom\Book's\2011\IMAGE 122011.xlsx</t>
  </si>
  <si>
    <t>11/19/2019 14:35:32</t>
  </si>
  <si>
    <t>C:\Vila\Empresas Anterior\Arquivos Telecom\Projeto Advisia - Mkensey\Consultoria\Algar Telecom\Book's\2012\</t>
  </si>
  <si>
    <t>CTBC CELULAR 062012.xlsx</t>
  </si>
  <si>
    <t>E:\BK_final\Vilarinho\Vilarinho - Trabalho\Algar Telecom\Projeto Advisia - Mkensey\Consultoria\Algar Telecom\Book's\2012\CTBC CELULAR 062012.xlsx</t>
  </si>
  <si>
    <t>11/19/2019 14:35:35</t>
  </si>
  <si>
    <t>11/19/2019 14:42:33</t>
  </si>
  <si>
    <t>CTBC MULTIMIDIA 062012.xlsx</t>
  </si>
  <si>
    <t>E:\BK_final\Vilarinho\Vilarinho - Trabalho\Algar Telecom\Projeto Advisia - Mkensey\Consultoria\Algar Telecom\Book's\2012\CTBC MULTIMIDIA 062012.xlsx</t>
  </si>
  <si>
    <t>11/19/2019 14:35:39</t>
  </si>
  <si>
    <t>CTBC TELECOM 062012.xlsx</t>
  </si>
  <si>
    <t>E:\BK_final\Vilarinho\Vilarinho - Trabalho\Algar Telecom\Projeto Advisia - Mkensey\Consultoria\Algar Telecom\Book's\2012\CTBC TELECOM 062012.xlsx</t>
  </si>
  <si>
    <t>11/19/2019 14:35:41</t>
  </si>
  <si>
    <t>IMAGE 062012.xlsx</t>
  </si>
  <si>
    <t>E:\BK_final\Vilarinho\Vilarinho - Trabalho\Algar Telecom\Projeto Advisia - Mkensey\Consultoria\Algar Telecom\Book's\2012\IMAGE 062012.xlsx</t>
  </si>
  <si>
    <t>11/19/2019 14:35:42</t>
  </si>
  <si>
    <t>C:\Vila\Empresas Anterior\Arquivos Telecom\Projeto Advisia - Mkensey\Consultoria\Algar Telecom\Plano de Contas\</t>
  </si>
  <si>
    <t>PLANO DE CONTAS PADRAO - R12.xlsx</t>
  </si>
  <si>
    <t>E:\BK_final\Vilarinho\Vilarinho - Trabalho\Algar Telecom\Projeto Advisia - Mkensey\Consultoria\Algar Telecom\Plano de Contas\PLANO DE CONTAS PADRAO - R12.xlsx</t>
  </si>
  <si>
    <t>11/19/2019 14:41:05</t>
  </si>
  <si>
    <t>11/19/2019 14:45:34</t>
  </si>
  <si>
    <t>Cópia de GTO 5.91 - Copia.xls</t>
  </si>
  <si>
    <t>11/19/2019 14:43:15</t>
  </si>
  <si>
    <t>Unprotected_Cópia de GTO 5.91 - 2.xlsm</t>
  </si>
  <si>
    <t>11/19/2019 14:43:19</t>
  </si>
  <si>
    <t>11/19/2019 14:42:19</t>
  </si>
  <si>
    <t>11/19/2019 14:48:33</t>
  </si>
  <si>
    <t>C:\Vila\Empresas Anterior\Arquivos Telecom\Projeto Advisia - Mkensey\Consultoria\Engeset\ENTREGAS - Financeiro.zip\1-2- Hierarquia de contas cont beis - 2- centro de custo\</t>
  </si>
  <si>
    <t>Plano de contas.xlsx</t>
  </si>
  <si>
    <t>E:\BK_final\Vilarinho\Vilarinho - Trabalho\Algar Telecom\Projeto Advisia - Mkensey\Consultoria\Engeset\ENTREGAS - Financeiro.zip</t>
  </si>
  <si>
    <t>11/19/2019 14:42:04</t>
  </si>
  <si>
    <t>/o=exchangelabs/ou=exchange administrative group (fydibohf23spdlt)/cn=recipients/cn=00199f381bc24874abdb7fc23e694b38-daniel edua;/o=exchangelabs/ou=exchange administrative group (fydibohf23spdlt)/cn=recipients/cn=109f6d628834480fabc1188cbdef64fa-antonia apa;/o=exchangelabs/ou=exchange administrative group (fydibohf23spdlt)/cn=recipients/cn=93fbfc821dab48cf91184b5c6c1bf60c-ianny raiss;</t>
  </si>
  <si>
    <t>ENC: Curadoria Whatsapp Sicoob</t>
  </si>
  <si>
    <t>Sicoob.xlsx</t>
  </si>
  <si>
    <t>/o=exchangelabs/ou=exchange administrative group (fydibohf23spdlt)/cn=recipients/cn=00199f381bc24874abdb7fc23e694b38-daniel edua,/o=exchangelabs/ou=exchange administrative group (fydibohf23spdlt)/cn=recipients/cn=109f6d628834480fabc1188cbdef64fa-antonia apa,/o=exchangelabs/ou=exchange administrative group (fydibohf23spdlt)/cn=recipients/cn=93fbfc821dab48cf91184b5c6c1bf60c-ianny raiss</t>
  </si>
  <si>
    <t>11/19/2019 14:42:20</t>
  </si>
  <si>
    <t>C:\Vila\Empresas Anterior\Arquivos Telecom\Projeto Advisia - Mkensey\Consultoria\Engeset\ENTREGAS - Financeiro.zip\3- DRE\Outros\</t>
  </si>
  <si>
    <t>ORCADO_ADM ASSESSORIA ATIVOS E SUPRIMENTOS.xlsx</t>
  </si>
  <si>
    <t>11/19/2019 14:50:33</t>
  </si>
  <si>
    <t>ORCADO_ADM ASSESSORIA DE GESTAO DE PROCESSOS.xlsx</t>
  </si>
  <si>
    <t>11/19/2019 14:42:21</t>
  </si>
  <si>
    <t>11/19/2019 14:51:34</t>
  </si>
  <si>
    <t>ORCADO_ADM ASSESSORIA DE PROJETOS E SOLUCOES.xlsx</t>
  </si>
  <si>
    <t>ORCADO_ADM ASSESSORIA EVOLUCAO TECNOLOGICA E ESTRATEGIAS.xlsx</t>
  </si>
  <si>
    <t>11/19/2019 14:42:22</t>
  </si>
  <si>
    <t>ORCADO_ADM ATIVOS.xlsx</t>
  </si>
  <si>
    <t>ORCADO_ADM AUDITORIA.xlsx</t>
  </si>
  <si>
    <t>ORCADO_ADM CENTRO DE SERVICOS.xlsx</t>
  </si>
  <si>
    <t>ORCADO_ADM CONTROLADORIA E FINANCAS.xlsx</t>
  </si>
  <si>
    <t>ORCADO_ADM DESENVOLVIMENTO E TREINAMENTOS.xlsx</t>
  </si>
  <si>
    <t>ORCADO_ADM DIRETORIA DE PLANEJAMENTO E CONTROLE OPERACIONAL.xlsx</t>
  </si>
  <si>
    <t>ORCADO_ADM DIRETORIA SUPERINTENDENTE.xlsx</t>
  </si>
  <si>
    <t>ORCADO_ADM ESCRITORIO DE PROJETOS.xlsx</t>
  </si>
  <si>
    <t>ORCADO_ADM EVENTOS.xlsx</t>
  </si>
  <si>
    <t>ORCADO_ADM JURIDICO ANTIGOS.xlsx</t>
  </si>
  <si>
    <t>ORCADO_ADM JURIDICO.xlsx</t>
  </si>
  <si>
    <t>ORCADO_ADM MENORES APRENDIZES.xlsx</t>
  </si>
  <si>
    <t>ORCADO_ADM RESPONSABILIDADE SOCIAL.xlsx</t>
  </si>
  <si>
    <t>ORCADO_ADM SOLUCOES TI.xlsx</t>
  </si>
  <si>
    <t>ORCADO_ADM TALENTOS HUMANOS.xlsx</t>
  </si>
  <si>
    <t>ORCADO_ADM TAXA DIVISAO.xlsx</t>
  </si>
  <si>
    <t>ORCADO_ADM TAXA HOLDING.xlsx</t>
  </si>
  <si>
    <t>ORCADO_ATIVOS A VENDA.xlsx</t>
  </si>
  <si>
    <t>ORCADO_ATIVOS OCIOSOS.xlsx</t>
  </si>
  <si>
    <t>ORCADO_ATIVOS PROVISAO PERDA.xlsx</t>
  </si>
  <si>
    <t>ORCADO_CML COMUNICACAO E MARKETING.xlsx</t>
  </si>
  <si>
    <t>ORCADO_CML DESENVOLVIMENTO E TREINAMENTOS.xlsx</t>
  </si>
  <si>
    <t>ORCADO_CML NOVOS NEGOCIOS 2.xlsx</t>
  </si>
  <si>
    <t>ORCADO_CML NOVOS NEGOCIOS.xlsx</t>
  </si>
  <si>
    <t>ORCADO_CML PRE VENDAS.xlsx</t>
  </si>
  <si>
    <t>ORCADO_INDIRETOS AUXILIO EDUCACIONAL.xlsx</t>
  </si>
  <si>
    <t>ORCADO_INDIRETOS CONDOMINIO.xlsx</t>
  </si>
  <si>
    <t>ORCADO_INDIRETOS DESENVOLVIMENTO E TREINAMENTOS.xlsx</t>
  </si>
  <si>
    <t>ORCADO_INDIRETOS GAIN SHARE.xlsx</t>
  </si>
  <si>
    <t>ORCADO_INDIRETOS GASTOS COM TELEFONES.xlsx</t>
  </si>
  <si>
    <t>ORCADO_INDIRETOS PROCESSOS TRABALHISTAS.xlsx</t>
  </si>
  <si>
    <t>ORCADO_INDIRETOS TH AFASTADOS.xlsx</t>
  </si>
  <si>
    <t>ORCADO_PLANEJAMENTO E CONTROLE.xlsx</t>
  </si>
  <si>
    <t>ORCADO_PROGRAMA DE EDUCACAO CONTINUADA.xlsx</t>
  </si>
  <si>
    <t>Orçamento CSC.xls</t>
  </si>
  <si>
    <t>C:\Vila\Empresas Anterior\Arquivos Telecom\Projeto Advisia - Mkensey\Consultoria\Engeset\ENTREGAS - Financeiro.zip\3- DRE\</t>
  </si>
  <si>
    <t>Realizado CR.xlsx</t>
  </si>
  <si>
    <t>C:\Vila\Empresas Anterior\Arquivos Telecom\Projeto Advisia - Mkensey\Consultoria\Engeset\ENTREGAS - Financeiro.zip\3- DRE\Segmentos\</t>
  </si>
  <si>
    <t>ORCADO_ASSESSORIA DE ESTRUTURA E PERFORMANCE.xlsx</t>
  </si>
  <si>
    <t>ORCADO_BHE ADEQUACAO PREDIAL GVT.xlsx</t>
  </si>
  <si>
    <t>ORCADO_BHE ENGEREDES.xlsx</t>
  </si>
  <si>
    <t>ORCADO_BHE GEPON.xlsx</t>
  </si>
  <si>
    <t>ORCADO_BHE GLOBAL CROSSING.xlsx</t>
  </si>
  <si>
    <t>ORCADO_BHE INSTALACAO GVT.xlsx</t>
  </si>
  <si>
    <t>ORCADO_BHE INTELIG.xlsx</t>
  </si>
  <si>
    <t>ORCADO_BHE MANUTENCAO METALICA GVT.xlsx</t>
  </si>
  <si>
    <t>ORCADO_BHE MANUTENCAO OTICA VIVO.xlsx</t>
  </si>
  <si>
    <t>ORCADO_BHE OBRAS.xlsx</t>
  </si>
  <si>
    <t>ORCADO_BHE PAY TV GVT.xlsx</t>
  </si>
  <si>
    <t>ORCADO_BHE PETROBRAS REGAP.xlsx</t>
  </si>
  <si>
    <t>ORCADO_BHE PRODABEL.xlsx</t>
  </si>
  <si>
    <t>ORCADO_CAS CELULAS.xlsx</t>
  </si>
  <si>
    <t>ORCADO_CAS ENGEREDES.xlsx</t>
  </si>
  <si>
    <t>11/19/2019 14:42:23</t>
  </si>
  <si>
    <t>ORCADO_CAS GLOBAL CROSSING.xlsx</t>
  </si>
  <si>
    <t>ORCADO_CAS INTELIG.xlsx</t>
  </si>
  <si>
    <t>ORCADO_CAS OBRAS.xlsx</t>
  </si>
  <si>
    <t>ORCADO_CAS TELEFONICA ADSL.xlsx</t>
  </si>
  <si>
    <t>ORCADO_CCAS COORDENACAO TECNICA.xlsx</t>
  </si>
  <si>
    <t>ORCADO_CFCA COORDENACAO TECNICA.xlsx</t>
  </si>
  <si>
    <t>ORCADO_CGC ASSESSORIA COMERCIAL.xlsx</t>
  </si>
  <si>
    <t>ORCADO_CGC COMBUSTIVEIS.xlsx</t>
  </si>
  <si>
    <t>ORCADO_CGC COORDENACAO GERAL.xlsx</t>
  </si>
  <si>
    <t>ORCADO_CGC MANUTENCAO ELETRONICA.xlsx</t>
  </si>
  <si>
    <t>ORCADO_CGC REDE LAN.xlsx</t>
  </si>
  <si>
    <t>ORCADO_CGO ASSESSORIA COMERCIAL.xlsx</t>
  </si>
  <si>
    <t>ORCADO_CGO COORDENACAO GERAL.xlsx</t>
  </si>
  <si>
    <t>ORCADO_CO CELULAS.xlsx</t>
  </si>
  <si>
    <t>ORCADO_CO ENGEREDES.xlsx</t>
  </si>
  <si>
    <t>ORCADO_CO INTELIG.xlsx</t>
  </si>
  <si>
    <t>ORCADO_CO MANUTENCAO OTICA VIVO.xlsx</t>
  </si>
  <si>
    <t>ORCADO_CRBH COORDENACAO TECNICA.xlsx</t>
  </si>
  <si>
    <t>11/19/2019 14:52:34</t>
  </si>
  <si>
    <t>ORCADO_CRCO COORDENACAO TECNICA.xlsx</t>
  </si>
  <si>
    <t>ORCADO_CRIE COORDENACAO TECNICA.xlsx</t>
  </si>
  <si>
    <t>ORCADO_CRIE DIVERSOS.xlsx</t>
  </si>
  <si>
    <t>ORCADO_CRIE GERENCIAMENTO DE PROJETOS INTELIG 473-10.xlsx</t>
  </si>
  <si>
    <t>ORCADO_CRIE OPERACAO ASSISTIDA HUAWEI PROC 437-10.xlsx</t>
  </si>
  <si>
    <t>ORCADO_CRRJ COORDENACAO TECNICA.xlsx</t>
  </si>
  <si>
    <t>ORCADO_CRRO COORDENACAO TECNICA.xlsx</t>
  </si>
  <si>
    <t>ORCADO_CRSI COORDENACAO TECNICA.xlsx</t>
  </si>
  <si>
    <t>ORCADO_CRSP COORDENACAO TECNICA.xlsx</t>
  </si>
  <si>
    <t>ORCADO_CRTO COORDENACAO TECNICA.xlsx</t>
  </si>
  <si>
    <t>ORCADO_CSI CENTRAL DE FIBRAS.xlsx</t>
  </si>
  <si>
    <t>ORCADO_CSI CENTRO DE OPERACOES DTH.xlsx</t>
  </si>
  <si>
    <t>ORCADO_CSI CENTRO DE OPERACOES INTEGRADAS CONCESSÃO.xlsx</t>
  </si>
  <si>
    <t>ORCADO_CSI CENTRO DE OPERACOES INTEGRADAS EXPANSÃO.xlsx</t>
  </si>
  <si>
    <t>ORCADO_CSI CENTRO DE OPERACOES INTEGRADAS.xlsx</t>
  </si>
  <si>
    <t>ORCADO_CSI CONTROLE TECNICO E OPERACIONAL.xlsx</t>
  </si>
  <si>
    <t>ORCADO_CSI ROTA CERTA.xlsx</t>
  </si>
  <si>
    <t>ORCADO_CULA COORDENACAO TECNICA.xlsx</t>
  </si>
  <si>
    <t>ORCADO_CURA COORDENACAO TECNICA.xlsx</t>
  </si>
  <si>
    <t>ORCADO_FCA CELULAR.xlsx</t>
  </si>
  <si>
    <t>ORCADO_FCA DTH BATATAIS.xlsx</t>
  </si>
  <si>
    <t>ORCADO_FCA DTH FRANCA.xlsx</t>
  </si>
  <si>
    <t>ORCADO_FCA DTH SAO JOAQUIM DA BARRA.xlsx</t>
  </si>
  <si>
    <t>ORCADO_FCA INSTALACAO DE TERMINAIS.xlsx</t>
  </si>
  <si>
    <t>ORCADO_FCA MANUTENCAO METALICA OBRAS.xlsx</t>
  </si>
  <si>
    <t>ORCADO_FCA MANUTENCAO METALICA.xlsx</t>
  </si>
  <si>
    <t>ORCADO_FCA NET SUPER.xlsx</t>
  </si>
  <si>
    <t>ORCADO_FCA OBRAS.xlsx</t>
  </si>
  <si>
    <t>ORCADO_FCA ON SITE OBRAS.xlsx</t>
  </si>
  <si>
    <t>ORCADO_FCA ON SITE.xlsx</t>
  </si>
  <si>
    <t>ORCADO_FCA TELEFONICA ADSL.xlsx</t>
  </si>
  <si>
    <t>ORCADO_FCA VIRLA.xlsx</t>
  </si>
  <si>
    <t>ORCADO_IUA CELULAR.xlsx</t>
  </si>
  <si>
    <t>ORCADO_IUA COORDENACAO TECNICA.xlsx</t>
  </si>
  <si>
    <t>ORCADO_IUA DTH ITUIUTABA.xlsx</t>
  </si>
  <si>
    <t>ORCADO_IUA MANUTENCAO METALICA.xlsx</t>
  </si>
  <si>
    <t>ORCADO_IUA NET SUPER.xlsx</t>
  </si>
  <si>
    <t>ORCADO_IUA ON SITE.xlsx</t>
  </si>
  <si>
    <t>ORCADO_IUB CELULAR.xlsx</t>
  </si>
  <si>
    <t>ORCADO_IUB COORDENACAO TECNICA.xlsx</t>
  </si>
  <si>
    <t>ORCADO_IUB DTH ITUMBIARA.xlsx</t>
  </si>
  <si>
    <t>ORCADO_IUB MANUTENCAO METALICA.xlsx</t>
  </si>
  <si>
    <t>ORCADO_IUB NET SUPER.xlsx</t>
  </si>
  <si>
    <t>ORCADO_IUB OBRAS.xlsx</t>
  </si>
  <si>
    <t>ORCADO_IUB ON SITE OBRAS.xlsx</t>
  </si>
  <si>
    <t>ORCADO_IUB ON SITE.xlsx</t>
  </si>
  <si>
    <t>ORCADO_IUB VIRLA.xlsx</t>
  </si>
  <si>
    <t>ORCADO_PMS CELULAR.xlsx</t>
  </si>
  <si>
    <t>ORCADO_PMS COORDENACAO TECNICA.xlsx</t>
  </si>
  <si>
    <t>ORCADO_PMS DTH PATOS DE MINAS.xlsx</t>
  </si>
  <si>
    <t>ORCADO_PMS INSTALACAO DE TERMINAIS.xlsx</t>
  </si>
  <si>
    <t>ORCADO_PMS MANUTENCAO METALICA.xlsx</t>
  </si>
  <si>
    <t>ORCADO_PMS NET SUPER.xlsx</t>
  </si>
  <si>
    <t>ORCADO_PMS OBRAS.xlsx</t>
  </si>
  <si>
    <t>ORCADO_PMS ON SITE OBRAS.xlsx</t>
  </si>
  <si>
    <t>ORCADO_PMS ON SITE.xlsx</t>
  </si>
  <si>
    <t>ORCADO_PRS CELULAR.xlsx</t>
  </si>
  <si>
    <t>ORCADO_PRS COORDENACAO TECNICA.xlsx</t>
  </si>
  <si>
    <t>ORCADO_PRS DTH PARA DE MINAS.xlsx</t>
  </si>
  <si>
    <t>11/19/2019 14:42:24</t>
  </si>
  <si>
    <t>ORCADO_PRS MANUTENCAO METALICA.xlsx</t>
  </si>
  <si>
    <t>ORCADO_PRS NET SUPER.xlsx</t>
  </si>
  <si>
    <t>ORCADO_PRS OBRAS.xlsx</t>
  </si>
  <si>
    <t>ORCADO_PRS ON SITE.xlsx</t>
  </si>
  <si>
    <t>ORCADO_PRS VIRLA.xlsx</t>
  </si>
  <si>
    <t>ORCADO_RJO EMERGIA.xlsx</t>
  </si>
  <si>
    <t>ORCADO_RJO ENGEREDES.xlsx</t>
  </si>
  <si>
    <t>ORCADO_RJO GERENCIAMENTO DE PROJETOS INTELIG 473-10.xlsx</t>
  </si>
  <si>
    <t>ORCADO_RJO GLOBAL CROSSING.xlsx</t>
  </si>
  <si>
    <t>ORCADO_RJO GVT INTELIG.xlsx</t>
  </si>
  <si>
    <t>ORCADO_RJO INTELIG INFRA.xlsx</t>
  </si>
  <si>
    <t>ORCADO_RJO INTELIG.xlsx</t>
  </si>
  <si>
    <t>ORCADO_RJO MANUTENCAO ALGAR TECNOLOGIA.xlsx</t>
  </si>
  <si>
    <t>ORCADO_RJO MANUTENCAO OPTICA GVT INTELIG.xlsx</t>
  </si>
  <si>
    <t>ORCADO_RJO MANUTENCAO OTICA AES ATIMUS.xlsx</t>
  </si>
  <si>
    <t>ORCADO_RJO MANUTENCAO OTICA ALGAR TELECOM.xlsx</t>
  </si>
  <si>
    <t>ORCADO_RJO MANUTENCAO OTICA GVT.xlsx</t>
  </si>
  <si>
    <t>ORCADO_RJO MANUTENCAO OTICA VIVO.xlsx</t>
  </si>
  <si>
    <t>ORCADO_RJO OBRAS.xlsx</t>
  </si>
  <si>
    <t>ORCADO_RJO PETROBRAS REDUC.xlsx</t>
  </si>
  <si>
    <t>ORCADO_RO EMERGIA.xlsx</t>
  </si>
  <si>
    <t>ORCADO_RO GLOBAL CROSSING FLA.xlsx</t>
  </si>
  <si>
    <t>ORCADO_RO INTELIG RECIFE.xlsx</t>
  </si>
  <si>
    <t>ORCADO_RO INTELIG.xlsx</t>
  </si>
  <si>
    <t>ORCADO_RO MANUTENCAO OTICA VIVO BELEM.xlsx</t>
  </si>
  <si>
    <t>ORCADO_RO MANUTENCAO OTICA VIVO SALVADOR.xlsx</t>
  </si>
  <si>
    <t>ORCADO_RO PETROBRAS AL SE NOVA.xlsx</t>
  </si>
  <si>
    <t>ORCADO_RPO CELULAS.xlsx</t>
  </si>
  <si>
    <t>ORCADO_RPO COORDENACAO TECNICA.xlsx</t>
  </si>
  <si>
    <t>ORCADO_RPO ENGEREDES.xlsx</t>
  </si>
  <si>
    <t>ORCADO_RPO NET SITE.xlsx</t>
  </si>
  <si>
    <t>ORCADO_RPO OBRAS.xlsx</t>
  </si>
  <si>
    <t>ORCADO_SPO CEEE.xlsx</t>
  </si>
  <si>
    <t>ORCADO_SPO EMERGIA.xlsx</t>
  </si>
  <si>
    <t>ORCADO_SPO ENGEREDES.xlsx</t>
  </si>
  <si>
    <t>ORCADO_SPO FISCALIZACAO CART.xlsx</t>
  </si>
  <si>
    <t>ORCADO_SPO GERENCIAMENTO DE PROJETOS INTELIG 473-10.xlsx</t>
  </si>
  <si>
    <t>ORCADO_SPO GLOBAL CROSSING SANTA MARIA.xlsx</t>
  </si>
  <si>
    <t>ORCADO_SPO GLOBAL CROSSING.xlsx</t>
  </si>
  <si>
    <t>ORCADO_SPO INTELIG.xlsx</t>
  </si>
  <si>
    <t>ORCADO_SPO MANUTENCAO OTICA GVT SUL.xlsx</t>
  </si>
  <si>
    <t>ORCADO_SPO MANUTENCAO OTICA GVT.xlsx</t>
  </si>
  <si>
    <t>ORCADO_SPO MANUTENCAO OTICA VIVO.xlsx</t>
  </si>
  <si>
    <t>ORCADO_SPO MULTIMIDIA.xlsx</t>
  </si>
  <si>
    <t>ORCADO_SPO OBRAS CONSTRUCAO DE REDE CURITIBA.xlsx</t>
  </si>
  <si>
    <t>ORCADO_SPO OBRAS CONSTRUCAO DE REDE SAO PAULO.xlsx</t>
  </si>
  <si>
    <t>ORCADO_SPO OBRAS FIBRA OTICA.xlsx</t>
  </si>
  <si>
    <t>ORCADO_SPO OBRAS INFRA INTERNA.xlsx</t>
  </si>
  <si>
    <t>ORCADO_SPO TELEFONICA ADSL E DADOS.xlsx</t>
  </si>
  <si>
    <t>ORCADO_SPO TESTES DE ACESSO TIM INTELIG.xlsx</t>
  </si>
  <si>
    <t>ORCADO_ULA CELULAR.xlsx</t>
  </si>
  <si>
    <t>ORCADO_ULA DTH UBERLANDIA.xlsx</t>
  </si>
  <si>
    <t>ORCADO_ULA ENGEREDES OBRAS.xlsx</t>
  </si>
  <si>
    <t>ORCADO_ULA ENGEREDES.xlsx</t>
  </si>
  <si>
    <t>ORCADO_ULA INSTALACAO DE TERMINAIS.xlsx</t>
  </si>
  <si>
    <t>ORCADO_ULA MANUTENCAO METALICA.xlsx</t>
  </si>
  <si>
    <t>ORCADO_ULA NET SUPER.xlsx</t>
  </si>
  <si>
    <t>ORCADO_ULA NOC ALGAR TELECOM.xlsx</t>
  </si>
  <si>
    <t>ORCADO_ULA OBRAS CANALIZACAO.xlsx</t>
  </si>
  <si>
    <t>ORCADO_ULA OBRAS.xlsx</t>
  </si>
  <si>
    <t>ORCADO_ULA ON SITE OBRAS.xlsx</t>
  </si>
  <si>
    <t>ORCADO_ULA ON SITE.xlsx</t>
  </si>
  <si>
    <t>ORCADO_ULA SUPRIMENTOS.xlsx</t>
  </si>
  <si>
    <t>11/19/2019 14:50:57</t>
  </si>
  <si>
    <t>mail.google.com/_/upload?authuser=0&amp;dcp=asu-n&amp;upload_id=AEnB2UqMF-LGX8JwLHIRs19b7PjdwcGyqDgTdtP4sR2NUrEzQ1_fkjwyTUthyp9oCm8x90Wp1r5oiGNEHFiisd26nBHGkpQ7pw&amp;upload_protocol=resumable</t>
  </si>
  <si>
    <t>ORCADO_ULA TV A CABO OBRAS.xlsx</t>
  </si>
  <si>
    <t>ORCADO_ULA TV A CABO.xlsx</t>
  </si>
  <si>
    <t>ORCADO_ULA VIRLA.xlsx</t>
  </si>
  <si>
    <t>ORCADO_URA CELULAR.xlsx</t>
  </si>
  <si>
    <t>ORCADO_URA DTH FRUTAL.xlsx</t>
  </si>
  <si>
    <t>ORCADO_URA DTH ITURAMA.xlsx</t>
  </si>
  <si>
    <t>ORCADO_URA DTH UBERABA.xlsx</t>
  </si>
  <si>
    <t>ORCADO_URA INSTALACAO DE TERMINAIS.xlsx</t>
  </si>
  <si>
    <t>ORCADO_URA MANUTECAO METALICA OBRAS.xlsx</t>
  </si>
  <si>
    <t>ORCADO_URA MANUTENCAO METALICA.xlsx</t>
  </si>
  <si>
    <t>ORCADO_URA NET SUPER.xlsx</t>
  </si>
  <si>
    <t>ORCADO_URA OBRAS.xlsx</t>
  </si>
  <si>
    <t>ORCADO_URA ON SITE OBRAS.xlsx</t>
  </si>
  <si>
    <t>ORCADO_URA ON SITE.xlsx</t>
  </si>
  <si>
    <t>ORCADO_URA VIRLA.xlsx</t>
  </si>
  <si>
    <t>C:\Vila\Empresas Anterior\Arquivos Telecom\Projeto Advisia - Mkensey\Consultoria\Engeset\ENTREGAS - Financeiro.zip\4- Receita\</t>
  </si>
  <si>
    <t>Orçado 2012.xlsx</t>
  </si>
  <si>
    <t>Realizado 2011.xlsx</t>
  </si>
  <si>
    <t>Realizado 2012.xlsx</t>
  </si>
  <si>
    <t>11/19/2019 14:42:26</t>
  </si>
  <si>
    <t>C:\Vila\Empresas Anterior\Arquivos Telecom\Projeto Amperj\Micro-Vila\</t>
  </si>
  <si>
    <t>Custos Análise Operação por Portugual.xlsx</t>
  </si>
  <si>
    <t>E:\BK_final\Vilarinho\Vilarinho - Trabalho\Algar Telecom\Projeto Amperj\Micro-Vila\Custos Análise Operação por Portugual.xlsx</t>
  </si>
  <si>
    <t>11/19/2019 14:42:30</t>
  </si>
  <si>
    <t>C:\Vila\Empresas Anterior\Arquivos Telecom\Projeto Amperj\Micro-Vila\Analises\</t>
  </si>
  <si>
    <t>1.3.2 Imobilizado_v2.xlsx</t>
  </si>
  <si>
    <t>E:\BK_final\Vilarinho\Vilarinho - Trabalho\Algar Telecom\Projeto Amperj\Micro-Vila\Analises\1.3.2 Imobilizado_v2.xlsx</t>
  </si>
  <si>
    <t>Demonstração financeiras 31_12_2010 ajsutada3_06.xlsx</t>
  </si>
  <si>
    <t>E:\BK_final\Vilarinho\Vilarinho - Trabalho\Algar Telecom\Projeto Amperj\Micro-Vila\Analises\Demonstração financeiras 31_12_2010 ajsutada3_06.xlsx</t>
  </si>
  <si>
    <t>11/19/2019 14:42:31</t>
  </si>
  <si>
    <t>Projeto Amperj _ Documentos Pendentes-02.06.11.xlsx</t>
  </si>
  <si>
    <t>E:\BK_final\Vilarinho\Vilarinho - Trabalho\Algar Telecom\Projeto Amperj\Micro-Vila\Analises\Projeto Amperj _ Documentos Pendentes-02.06.11.xlsx</t>
  </si>
  <si>
    <t>Projeto Amperj _ Documentos Pendentes-06.06.11.xlsx</t>
  </si>
  <si>
    <t>E:\BK_final\Vilarinho\Vilarinho - Trabalho\Algar Telecom\Projeto Amperj\Micro-Vila\Analises\Projeto Amperj _ Documentos Pendentes-06.06.11.xlsx</t>
  </si>
  <si>
    <t>11/19/2019 14:42:32</t>
  </si>
  <si>
    <t>Projeto Amperj _ Documentos Pendentes-07.06.11.xlsx</t>
  </si>
  <si>
    <t>E:\BK_final\Vilarinho\Vilarinho - Trabalho\Algar Telecom\Projeto Amperj\Micro-Vila\Analises\Projeto Amperj _ Documentos Pendentes-07.06.11.xlsx</t>
  </si>
  <si>
    <t>C:\Vila\Empresas Anterior\Arquivos Telecom\Projeto Amperj\Micro-Vila\Apresentacoes Ponto Controle\</t>
  </si>
  <si>
    <t>Contingências - Aylo 08-09-10.xlsx</t>
  </si>
  <si>
    <t>E:\BK_final\Vilarinho\Vilarinho - Trabalho\Algar Telecom\Projeto Amperj\Micro-Vila\Apresentacoes Ponto Controle\Contingências - Aylo 08-09-10.xlsx</t>
  </si>
  <si>
    <t>Contingências.xlsx</t>
  </si>
  <si>
    <t>E:\BK_final\Vilarinho\Vilarinho - Trabalho\Algar Telecom\Projeto Amperj\Micro-Vila\Apresentacoes Ponto Controle\Contingências.xlsx</t>
  </si>
  <si>
    <t>C:\Vila\Empresas Anterior\Arquivos Telecom\Projeto Amperj\Micro-Vila\Apresentacoes Ponto Controle\Modelo de apresentação contingências.pptx\</t>
  </si>
  <si>
    <t>E:\BK_final\Vilarinho\Vilarinho - Trabalho\Algar Telecom\Projeto Amperj\Micro-Vila\Apresentacoes Ponto Controle\Modelo de apresentação contingências.pptx</t>
  </si>
  <si>
    <t>Resumo Contingências.xlsx</t>
  </si>
  <si>
    <t>E:\BK_final\Vilarinho\Vilarinho - Trabalho\Algar Telecom\Projeto Amperj\Micro-Vila\Apresentacoes Ponto Controle\Resumo Contingências.xlsx</t>
  </si>
  <si>
    <t>11/19/2019 14:42:39</t>
  </si>
  <si>
    <t>C:\Vila\Empresas Anterior\Arquivos Telecom\Projeto Amperj\Micro-Vila\Conclusoes Frente Financeira\Apresentação Completa Projeto Amperj 110607.pptx\</t>
  </si>
  <si>
    <t>E:\BK_final\Vilarinho\Vilarinho - Trabalho\Algar Telecom\Projeto Amperj\Micro-Vila\Conclusoes Frente Financeira\Apresentação Completa Projeto Amperj 110607.pptx</t>
  </si>
  <si>
    <t>11/19/2019 14:42:41</t>
  </si>
  <si>
    <t>C:\Vila\Empresas Anterior\Arquivos Telecom\Projeto Amperj\Micro-Vila\Conclusoes Frente Financeira\Apresentação Completa Projeto Amperj 110613_REDIR.pptx\</t>
  </si>
  <si>
    <t>E:\BK_final\Vilarinho\Vilarinho - Trabalho\Algar Telecom\Projeto Amperj\Micro-Vila\Conclusoes Frente Financeira\Apresentação Completa Projeto Amperj 110613_REDIR.pptx</t>
  </si>
  <si>
    <t>11/19/2019 14:42:43</t>
  </si>
  <si>
    <t>C:\Vila\Empresas Anterior\Arquivos Telecom\Projeto Amperj\Micro-Vila\Conclusoes Frente Financeira\Analise BO Set-12\</t>
  </si>
  <si>
    <t>Canerios CCL.xls</t>
  </si>
  <si>
    <t>E:\BK_final\Vilarinho\Vilarinho - Trabalho\Algar Telecom\Projeto Amperj\Micro-Vila\Conclusoes Frente Financeira\Analise BO Set-12\Canerios CCL.xls</t>
  </si>
  <si>
    <t>11/19/2019 14:42:44</t>
  </si>
  <si>
    <t>C:\Vila\Empresas Anterior\Arquivos Telecom\Projeto Amperj\Micro-Vila\Conclusoes Frente Financeira\Analise Imobilizado\</t>
  </si>
  <si>
    <t>1.3.2 Imobilizado.xls</t>
  </si>
  <si>
    <t>E:\BK_final\Vilarinho\Vilarinho - Trabalho\Algar Telecom\Projeto Amperj\Micro-Vila\Conclusoes Frente Financeira\Analise Imobilizado\1.3.2 Imobilizado.xls</t>
  </si>
  <si>
    <t>11/19/2019 14:42:51</t>
  </si>
  <si>
    <t>E:\BK_final\Vilarinho\Vilarinho - Trabalho\Algar Telecom\Projeto Amperj\Micro-Vila\Conclusoes Frente Financeira\Analise Imobilizado\1.3.2 Imobilizado_v2.xlsx</t>
  </si>
  <si>
    <t>C:\Vila\Empresas Anterior\Arquivos Telecom\Projeto Amperj\Micro-Vila\Conclusoes Frente Financeira\Analise IPNET\Avaliação IP4Net 2011.04.14.pptx\</t>
  </si>
  <si>
    <t>E:\BK_final\Vilarinho\Vilarinho - Trabalho\Algar Telecom\Projeto Amperj\Micro-Vila\Conclusoes Frente Financeira\Analise IPNET\Avaliação IP4Net 2011.04.14.pptx</t>
  </si>
  <si>
    <t>C:\Vila\Empresas Anterior\Arquivos Telecom\Projeto Amperj\Micro-Vila\Conclusoes Frente Financeira\Apresentacao Cenários Societarios\</t>
  </si>
  <si>
    <t>Desenho da operação com Portugal.xlsx</t>
  </si>
  <si>
    <t>E:\BK_final\Vilarinho\Vilarinho - Trabalho\Algar Telecom\Projeto Amperj\Micro-Vila\Conclusoes Frente Financeira\Apresentacao Cenários Societarios\Desenho da operação com Portugal.xlsx</t>
  </si>
  <si>
    <t>11/19/2019 14:42:52</t>
  </si>
  <si>
    <t>Planejamento 30-06-2011.xlsx</t>
  </si>
  <si>
    <t>E:\BK_final\Vilarinho\Vilarinho - Trabalho\Algar Telecom\Projeto Amperj\Micro-Vila\Conclusoes Frente Financeira\Apresentacao Cenários Societarios\Planejamento 30-06-2011.xlsx</t>
  </si>
  <si>
    <t>11/19/2019 14:42:54</t>
  </si>
  <si>
    <t>C:\Vila\Empresas Anterior\Arquivos Telecom\Projeto Amperj\Micro-Vila\Conclusoes Frente Financeira\Apresentações conclusoes Financeiras - DD\Projeto Amperj - Frente Financeira-v1.pptx\</t>
  </si>
  <si>
    <t>E:\BK_final\Vilarinho\Vilarinho - Trabalho\Algar Telecom\Projeto Amperj\Micro-Vila\Conclusoes Frente Financeira\Apresentações conclusoes Financeiras - DD\Projeto Amperj - Frente Financeira-v1.pptx</t>
  </si>
  <si>
    <t>11/19/2019 14:42:55</t>
  </si>
  <si>
    <t>C:\Vila\Empresas Anterior\Arquivos Telecom\Projeto Amperj\Micro-Vila\Conclusoes Frente Financeira\Apresentações conclusoes Financeiras - DD\Projeto Amperj - Frente Financeira-v2.pptx\</t>
  </si>
  <si>
    <t>E:\BK_final\Vilarinho\Vilarinho - Trabalho\Algar Telecom\Projeto Amperj\Micro-Vila\Conclusoes Frente Financeira\Apresentações conclusoes Financeiras - DD\Projeto Amperj - Frente Financeira-v2.pptx</t>
  </si>
  <si>
    <t>C:\Vila\Empresas Anterior\Arquivos Telecom\Projeto Amperj\Micro-Vila\Conclusoes Frente Financeira\Apresentações conclusoes Financeiras - DD\Projeto Amperj - Frente Financeira-v3.pptx\</t>
  </si>
  <si>
    <t>E:\BK_final\Vilarinho\Vilarinho - Trabalho\Algar Telecom\Projeto Amperj\Micro-Vila\Conclusoes Frente Financeira\Apresentações conclusoes Financeiras - DD\Projeto Amperj - Frente Financeira-v3.pptx</t>
  </si>
  <si>
    <t>C:\Vila\Empresas Anterior\Arquivos Telecom\Projeto Amperj\Micro-Vila\Conclusoes Frente Financeira\Contingências Contábeis\</t>
  </si>
  <si>
    <t>Abertura Detalhe das Contingencias contabil - Projeto Amperj.xlsx</t>
  </si>
  <si>
    <t>E:\BK_final\Vilarinho\Vilarinho - Trabalho\Algar Telecom\Projeto Amperj\Micro-Vila\Conclusoes Frente Financeira\Contingências Contábeis\Abertura Detalhe das Contingencias contabil - Projeto Amperj.xlsx</t>
  </si>
  <si>
    <t>11/19/2019 14:42:57</t>
  </si>
  <si>
    <t>Amperj_Circuitos ativos 2011 e faturamento - RECEITA.xlsx</t>
  </si>
  <si>
    <t>E:\BK_final\Vilarinho\Vilarinho - Trabalho\Algar Telecom\Projeto Amperj\Micro-Vila\Conclusoes Frente Financeira\Contingências Contábeis\Amperj_Circuitos ativos 2011 e faturamento - RECEITA.xlsx</t>
  </si>
  <si>
    <t>Analise Receita Circuitos N Faturados.xlsx</t>
  </si>
  <si>
    <t>E:\BK_final\Vilarinho\Vilarinho - Trabalho\Algar Telecom\Projeto Amperj\Micro-Vila\Conclusoes Frente Financeira\Contingências Contábeis\Analise Receita Circuitos N Faturados.xlsx</t>
  </si>
  <si>
    <t>Anexo Contingencias - Detalhe para MOU CJU.xlsx</t>
  </si>
  <si>
    <t>E:\BK_final\Vilarinho\Vilarinho - Trabalho\Algar Telecom\Projeto Amperj\Micro-Vila\Conclusoes Frente Financeira\Contingências Contábeis\Anexo Contingencias - Detalhe para MOU CJU.xlsx</t>
  </si>
  <si>
    <t>Anexo Contingencias - Detalhe para Negociação Final.xlsx</t>
  </si>
  <si>
    <t>E:\BK_final\Vilarinho\Vilarinho - Trabalho\Algar Telecom\Projeto Amperj\Micro-Vila\Conclusoes Frente Financeira\Contingências Contábeis\Anexo Contingencias - Detalhe para Negociação Final.xlsx</t>
  </si>
  <si>
    <t>11/19/2019 14:42:59</t>
  </si>
  <si>
    <t>Demonstração financeiras - Revisado Vilarinho.xls</t>
  </si>
  <si>
    <t>E:\BK_final\Vilarinho\Vilarinho - Trabalho\Algar Telecom\Projeto Amperj\Micro-Vila\Conclusoes Frente Financeira\Contingências Contábeis\Demonstração financeiras - Revisado Vilarinho.xls</t>
  </si>
  <si>
    <t>Demonstração financeiras 31_12_2010 ajsutada6_06.xlsx</t>
  </si>
  <si>
    <t>E:\BK_final\Vilarinho\Vilarinho - Trabalho\Algar Telecom\Projeto Amperj\Micro-Vila\Conclusoes Frente Financeira\Contingências Contábeis\Demonstração financeiras 31_12_2010 ajsutada6_06.xlsx</t>
  </si>
  <si>
    <t>11/19/2019 14:43:00</t>
  </si>
  <si>
    <t>Demonstração financeiras 31_12_2010 ajsutada8_06.xlsx</t>
  </si>
  <si>
    <t>E:\BK_final\Vilarinho\Vilarinho - Trabalho\Algar Telecom\Projeto Amperj\Micro-Vila\Conclusoes Frente Financeira\Contingências Contábeis\Demonstração financeiras 31_12_2010 ajsutada8_06.xlsx</t>
  </si>
  <si>
    <t>11/19/2019 14:43:01</t>
  </si>
  <si>
    <t>C:\Vila\Empresas Anterior\Arquivos Telecom\Projeto Amperj\Micro-Vila\Conclusoes Frente Financeira\Contingências Tributárias\</t>
  </si>
  <si>
    <t>Abertura Detalhe das Contingencias tributárias - Projeto Amperj.xlsx</t>
  </si>
  <si>
    <t>E:\BK_final\Vilarinho\Vilarinho - Trabalho\Algar Telecom\Projeto Amperj\Micro-Vila\Conclusoes Frente Financeira\Contingências Tributárias\Abertura Detalhe das Contingencias tributárias - Projeto Amperj.xlsx</t>
  </si>
  <si>
    <t>Ajustes Balancete - Tributário 07-06-2011.xlsx</t>
  </si>
  <si>
    <t>E:\BK_final\Vilarinho\Vilarinho - Trabalho\Algar Telecom\Projeto Amperj\Micro-Vila\Conclusoes Frente Financeira\Contingências Tributárias\Ajustes Balancete - Tributário 07-06-2011.xlsx</t>
  </si>
  <si>
    <t>Contingencias Amperj.xlsx</t>
  </si>
  <si>
    <t>E:\BK_final\Vilarinho\Vilarinho - Trabalho\Algar Telecom\Projeto Amperj\Micro-Vila\Conclusoes Frente Financeira\Contingências Tributárias\Contingencias Amperj.xlsx</t>
  </si>
  <si>
    <t>Trabalhista - IPNET.xlsx</t>
  </si>
  <si>
    <t>E:\BK_final\Vilarinho\Vilarinho - Trabalho\Algar Telecom\Projeto Amperj\Micro-Vila\Conclusoes Frente Financeira\Contingências Tributárias\Trabalhista - IPNET.xlsx</t>
  </si>
  <si>
    <t>Trabalhista - NQT.xlsx</t>
  </si>
  <si>
    <t>E:\BK_final\Vilarinho\Vilarinho - Trabalho\Algar Telecom\Projeto Amperj\Micro-Vila\Conclusoes Frente Financeira\Contingências Tributárias\Trabalhista - NQT.xlsx</t>
  </si>
  <si>
    <t>C:\Vila\Empresas Anterior\Arquivos Telecom\Projeto Amperj\Micro-Vila\Conclusoes Frente Financeira\Faturamento e Credito e Cobranca e TI\Avaliação de Infra_Sistemas_Faturamento-Amarildo.pptx\</t>
  </si>
  <si>
    <t>E:\BK_final\Vilarinho\Vilarinho - Trabalho\Algar Telecom\Projeto Amperj\Micro-Vila\Conclusoes Frente Financeira\Faturamento e Credito e Cobranca e TI\Avaliação de Infra_Sistemas_Faturamento-Amarildo.pptx</t>
  </si>
  <si>
    <t>11/19/2019 14:43:06</t>
  </si>
  <si>
    <t>C:\Vila\Empresas Anterior\Arquivos Telecom\Projeto Amperj\Micro-Vila\Conclusoes Frente Financeira\Propostas Portugual\</t>
  </si>
  <si>
    <t>E:\BK_final\Vilarinho\Vilarinho - Trabalho\Algar Telecom\Projeto Amperj\Micro-Vila\Conclusoes Frente Financeira\Propostas Portugual\Projeto Amperj - Propostas Portugual.xlsx</t>
  </si>
  <si>
    <t>11/19/2019 14:43:10</t>
  </si>
  <si>
    <t>C:\Vila\Empresas Anterior\Arquivos Telecom\Projeto Amperj\Micro-Vila\Documentos Gerais\</t>
  </si>
  <si>
    <t>3B45A4B8.tmp</t>
  </si>
  <si>
    <t>E:\BK_final\Vilarinho\Vilarinho - Trabalho\Algar Telecom\Projeto Amperj\Micro-Vila\Documentos Gerais\3B45A4B8.tmp</t>
  </si>
  <si>
    <t>7D837002.tmp</t>
  </si>
  <si>
    <t>E:\BK_final\Vilarinho\Vilarinho - Trabalho\Algar Telecom\Projeto Amperj\Micro-Vila\Documentos Gerais\7D837002.tmp</t>
  </si>
  <si>
    <t>11/19/2019 14:43:14</t>
  </si>
  <si>
    <t>Lista Data Room consolidada.xlsb</t>
  </si>
  <si>
    <t>E:\BK_final\Vilarinho\Vilarinho - Trabalho\Algar Telecom\Projeto Amperj\Micro-Vila\Documentos Gerais\Lista Data Room consolidada.xlsb</t>
  </si>
  <si>
    <t>Lista DD Contábil e Fiscal - NQT.xlsx</t>
  </si>
  <si>
    <t>E:\BK_final\Vilarinho\Vilarinho - Trabalho\Algar Telecom\Projeto Amperj\Micro-Vila\Documentos Gerais\Lista DD Contábil e Fiscal - NQT.xlsx</t>
  </si>
  <si>
    <t>Projeto Amperj _ Documentos Pendentes.xlsx</t>
  </si>
  <si>
    <t>E:\BK_final\Vilarinho\Vilarinho - Trabalho\Algar Telecom\Projeto Amperj\Micro-Vila\Documentos Gerais\Projeto Amperj _ Documentos Pendentes.xlsx</t>
  </si>
  <si>
    <t>11/19/2019 14:43:16</t>
  </si>
  <si>
    <t>C:\Vila\Empresas Anterior\Arquivos Telecom\Projeto Amperj\Micro-Vila\Lista Validada Documentos DD\</t>
  </si>
  <si>
    <t>Lista Data Room consolidada - Final.xlsb</t>
  </si>
  <si>
    <t>E:\BK_final\Vilarinho\Vilarinho - Trabalho\Algar Telecom\Projeto Amperj\Micro-Vila\Lista Validada Documentos DD\Lista Data Room consolidada - Final.xlsb</t>
  </si>
  <si>
    <t>Lista Data Room consolidada.xlsx</t>
  </si>
  <si>
    <t>E:\BK_final\Vilarinho\Vilarinho - Trabalho\Algar Telecom\Projeto Amperj\Micro-Vila\Lista Validada Documentos DD\Lista Data Room consolidada.xlsx</t>
  </si>
  <si>
    <t>Lista DD - Aspectos Tributários e Contabeis.xlsx</t>
  </si>
  <si>
    <t>E:\BK_final\Vilarinho\Vilarinho - Trabalho\Algar Telecom\Projeto Amperj\Micro-Vila\Lista Validada Documentos DD\Lista DD - Aspectos Tributários e Contabeis.xlsx</t>
  </si>
  <si>
    <t>Lista DD Empresas Brasil - Depurado Lista Janio analisado com frente legal.xlsx</t>
  </si>
  <si>
    <t>E:\BK_final\Vilarinho\Vilarinho - Trabalho\Algar Telecom\Projeto Amperj\Micro-Vila\Lista Validada Documentos DD\Lista DD Empresas Brasil - Depurado Lista Janio analisado com frente legal.xlsx</t>
  </si>
  <si>
    <t>11/19/2019 14:43:17</t>
  </si>
  <si>
    <t>C:\Vila\Empresas Anterior\Arquivos Telecom\Projeto Amperj\Rede-CCA\49 - Projeto Amperj-V1\</t>
  </si>
  <si>
    <t>E:\BK_final\Vilarinho\Vilarinho - Trabalho\Algar Telecom\Projeto Amperj\Rede-CCA\49 - Projeto Amperj-V1\Anexo Contingencias - Detalhe para Negociação Final.xlsx</t>
  </si>
  <si>
    <t>11/19/2019 14:43:18</t>
  </si>
  <si>
    <t>C:\Vila\Empresas Anterior\Arquivos Telecom\Projeto Amperj\Rede-CCA\49 - Projeto Amperj-V1\Apresentação Completa Projeto Amperj 110613_REDIR.pptx\</t>
  </si>
  <si>
    <t>E:\BK_final\Vilarinho\Vilarinho - Trabalho\Algar Telecom\Projeto Amperj\Rede-CCA\49 - Projeto Amperj-V1\Apresentação Completa Projeto Amperj 110613_REDIR.pptx</t>
  </si>
  <si>
    <t>11/19/2019 14:43:20</t>
  </si>
  <si>
    <t>BP Amperj_final.xlsm</t>
  </si>
  <si>
    <t>E:\BK_final\Vilarinho\Vilarinho - Trabalho\Algar Telecom\Projeto Amperj\Rede-CCA\49 - Projeto Amperj-V1\BP Amperj_final.xlsm</t>
  </si>
  <si>
    <t>11/19/2019 14:43:21</t>
  </si>
  <si>
    <t>E:\BK_final\Vilarinho\Vilarinho - Trabalho\Algar Telecom\Projeto Amperj\Rede-CCA\49 - Projeto Amperj-V1\Demonstração financeiras - Revisado Vilarinho.xls</t>
  </si>
  <si>
    <t>E:\BK_final\Vilarinho\Vilarinho - Trabalho\Algar Telecom\Projeto Amperj\Rede-CCA\49 - Projeto Amperj-V1\Desenho da operação com Portugal.xlsx</t>
  </si>
  <si>
    <t>11/19/2019 14:43:23</t>
  </si>
  <si>
    <t>Estudo de distribuição de dividendos projetados.xlsx</t>
  </si>
  <si>
    <t>E:\BK_final\Vilarinho\Vilarinho - Trabalho\Algar Telecom\Projeto Amperj\Rede-CCA\49 - Projeto Amperj-V1\Estudo de distribuição de dividendos projetados.xlsx</t>
  </si>
  <si>
    <t>Estudo de distribuição de dividendos projetados2.xlsx</t>
  </si>
  <si>
    <t>E:\BK_final\Vilarinho\Vilarinho - Trabalho\Algar Telecom\Projeto Amperj\Rede-CCA\49 - Projeto Amperj-V1\Estudo de distribuição de dividendos projetados2.xlsx</t>
  </si>
  <si>
    <t>E:\BK_final\Vilarinho\Vilarinho - Trabalho\Algar Telecom\Projeto Amperj\Rede-CCA\49 - Projeto Amperj-V1\Planejamento 30-06-2011.xlsx</t>
  </si>
  <si>
    <t>Planejamento 30-06-2011_v2.xlsx</t>
  </si>
  <si>
    <t>E:\BK_final\Vilarinho\Vilarinho - Trabalho\Algar Telecom\Projeto Amperj\Rede-CCA\49 - Projeto Amperj-V1\Planejamento 30-06-2011_v2.xlsx</t>
  </si>
  <si>
    <t>11/19/2019 14:43:24</t>
  </si>
  <si>
    <t>Planejamento 30-06-2011_v3 com portugal.xlsx</t>
  </si>
  <si>
    <t>E:\BK_final\Vilarinho\Vilarinho - Trabalho\Algar Telecom\Projeto Amperj\Rede-CCA\49 - Projeto Amperj-V1\Planejamento 30-06-2011_v3 com portugal.xlsx</t>
  </si>
  <si>
    <t>C:\Vila\Empresas Anterior\Arquivos Telecom\Projeto Amperj\Rede-CCA\49 - Projeto Amperj-V1\Projeto Amperj - Frente Financeira-v3.pptx\</t>
  </si>
  <si>
    <t>E:\BK_final\Vilarinho\Vilarinho - Trabalho\Algar Telecom\Projeto Amperj\Rede-CCA\49 - Projeto Amperj-V1\Projeto Amperj - Frente Financeira-v3.pptx</t>
  </si>
  <si>
    <t>11/19/2019 14:43:25</t>
  </si>
  <si>
    <t>C:\Vila\Empresas Anterior\Arquivos Telecom\Projeto Amperj\Rede-CCA\49 - Projeto Amperj-V2\</t>
  </si>
  <si>
    <t>E:\BK_final\Vilarinho\Vilarinho - Trabalho\Algar Telecom\Projeto Amperj\Rede-CCA\49 - Projeto Amperj-V2\Anexo Contingencias - Detalhe para Negociação Final.xlsx</t>
  </si>
  <si>
    <t>11/19/2019 14:43:27</t>
  </si>
  <si>
    <t>C:\Vila\Empresas Anterior\Arquivos Telecom\Projeto Amperj\Rede-CCA\49 - Projeto Amperj-V2\Apresentação Completa Projeto Amperj 110613_REDIR.pptx\</t>
  </si>
  <si>
    <t>E:\BK_final\Vilarinho\Vilarinho - Trabalho\Algar Telecom\Projeto Amperj\Rede-CCA\49 - Projeto Amperj-V2\Apresentação Completa Projeto Amperj 110613_REDIR.pptx</t>
  </si>
  <si>
    <t>11/19/2019 14:43:31</t>
  </si>
  <si>
    <t>E:\BK_final\Vilarinho\Vilarinho - Trabalho\Algar Telecom\Projeto Amperj\Rede-CCA\49 - Projeto Amperj-V2\BP Amperj_final.xlsm</t>
  </si>
  <si>
    <t>11/19/2019 14:43:33</t>
  </si>
  <si>
    <t>E:\BK_final\Vilarinho\Vilarinho - Trabalho\Algar Telecom\Projeto Amperj\Rede-CCA\49 - Projeto Amperj-V2\Demonstração financeiras - Revisado Vilarinho.xls</t>
  </si>
  <si>
    <t>E:\BK_final\Vilarinho\Vilarinho - Trabalho\Algar Telecom\Projeto Amperj\Rede-CCA\49 - Projeto Amperj-V2\Desenho da operação com Portugal.xlsx</t>
  </si>
  <si>
    <t>11/19/2019 14:43:35</t>
  </si>
  <si>
    <t>Estudo de distribuição de dividendos projetados-v1.xlsx</t>
  </si>
  <si>
    <t>E:\BK_final\Vilarinho\Vilarinho - Trabalho\Algar Telecom\Projeto Amperj\Rede-CCA\49 - Projeto Amperj-V2\Estudo de distribuição de dividendos projetados-v1.xlsx</t>
  </si>
  <si>
    <t>Estudo de distribuição de dividendos projetados-vFinal.xlsx</t>
  </si>
  <si>
    <t>E:\BK_final\Vilarinho\Vilarinho - Trabalho\Algar Telecom\Projeto Amperj\Rede-CCA\49 - Projeto Amperj-V2\Estudo de distribuição de dividendos projetados-vFinal.xlsx</t>
  </si>
  <si>
    <t>E:\BK_final\Vilarinho\Vilarinho - Trabalho\Algar Telecom\Projeto Amperj\Rede-CCA\49 - Projeto Amperj-V2\Estudo de distribuição de dividendos projetados2.xlsx</t>
  </si>
  <si>
    <t>E:\BK_final\Vilarinho\Vilarinho - Trabalho\Algar Telecom\Projeto Amperj\Rede-CCA\49 - Projeto Amperj-V2\Planejamento 30-06-2011.xlsx</t>
  </si>
  <si>
    <t>11/19/2019 14:43:36</t>
  </si>
  <si>
    <t>E:\BK_final\Vilarinho\Vilarinho - Trabalho\Algar Telecom\Projeto Amperj\Rede-CCA\49 - Projeto Amperj-V2\Planejamento 30-06-2011_v2.xlsx</t>
  </si>
  <si>
    <t>E:\BK_final\Vilarinho\Vilarinho - Trabalho\Algar Telecom\Projeto Amperj\Rede-CCA\49 - Projeto Amperj-V2\Planejamento 30-06-2011_v3 com portugal.xlsx</t>
  </si>
  <si>
    <t>C:\Vila\Empresas Anterior\Arquivos Telecom\Projeto Amperj\Rede-CCA\49 - Projeto Amperj-V2\Projeto Amperj - Frente Financeira-v3.pptx\</t>
  </si>
  <si>
    <t>E:\BK_final\Vilarinho\Vilarinho - Trabalho\Algar Telecom\Projeto Amperj\Rede-CCA\49 - Projeto Amperj-V2\Projeto Amperj - Frente Financeira-v3.pptx</t>
  </si>
  <si>
    <t>11/19/2019 14:43:39</t>
  </si>
  <si>
    <t>C:\Vila\Empresas Anterior\Arquivos Telecom\Projeto Desafio 2014\</t>
  </si>
  <si>
    <t>Estudo do canal Itinerante.xlsx</t>
  </si>
  <si>
    <t>E:\BK_final\Vilarinho\Vilarinho - Trabalho\Algar Telecom\Projeto Desafio 2014\Estudo do canal Itinerante.xlsx</t>
  </si>
  <si>
    <t>11/19/2019 14:43:40</t>
  </si>
  <si>
    <t>ModeloPowerPoint_apresentação.xlsx</t>
  </si>
  <si>
    <t>E:\BK_final\Vilarinho\Vilarinho - Trabalho\Algar Telecom\Projeto Desafio 2014\ModeloPowerPoint_apresentação.xlsx</t>
  </si>
  <si>
    <t>11/19/2019 14:43:43</t>
  </si>
  <si>
    <t>C:\Vila\Empresas Anterior\Arquivos Telecom\Projeto Desafio 2014\Apresentação 19.05.14 - Escopo e Forma Trabalho\Apresentação 19_05_14 09052014_v1.ppt\</t>
  </si>
  <si>
    <t>E:\BK_final\Vilarinho\Vilarinho - Trabalho\Algar Telecom\Projeto Desafio 2014\Apresentação 19.05.14 - Escopo e Forma Trabalho\Apresentação 19_05_14 09052014_v1.ppt</t>
  </si>
  <si>
    <t>11/19/2019 14:43:50</t>
  </si>
  <si>
    <t>C:\Vila\Empresas Anterior\Arquivos Telecom\Projeto Desafio 2014\Apresentação 19.05.14 - Escopo e Forma Trabalho\Apresentação V_Vila.ppt\s2\</t>
  </si>
  <si>
    <t>E:\BK_final\Vilarinho\Vilarinho - Trabalho\Algar Telecom\Projeto Desafio 2014\Apresentação 19.05.14 - Escopo e Forma Trabalho\Apresentação V_Vila.ppt</t>
  </si>
  <si>
    <t>PowerPoint.OleObj2.dat</t>
  </si>
  <si>
    <t>11/19/2019 14:43:53</t>
  </si>
  <si>
    <t>C:\Vila\Empresas Anterior\Arquivos Telecom\Projeto Desafio 2014\Apresentação 19.05.14 - Escopo e Forma Trabalho\</t>
  </si>
  <si>
    <t>macroCronograma.xlsx</t>
  </si>
  <si>
    <t>E:\BK_final\Vilarinho\Vilarinho - Trabalho\Algar Telecom\Projeto Desafio 2014\Apresentação 19.05.14 - Escopo e Forma Trabalho\macroCronograma.xlsx</t>
  </si>
  <si>
    <t>plano de trabalho 30 05 14.xlsx</t>
  </si>
  <si>
    <t>E:\BK_final\Vilarinho\Vilarinho - Trabalho\Algar Telecom\Projeto Desafio 2014\Apresentação 19.05.14 - Escopo e Forma Trabalho\plano de trabalho 30 05 14.xlsx</t>
  </si>
  <si>
    <t>11/19/2019 14:44:06</t>
  </si>
  <si>
    <t>C:\Vila\Empresas Anterior\Arquivos Telecom\Projeto Desafio 2014\Bench Portugal\</t>
  </si>
  <si>
    <t>E:\BK_final\Vilarinho\Vilarinho - Trabalho\Algar Telecom\Projeto Desafio 2014\Bench Portugal\Orçamento.xlsx</t>
  </si>
  <si>
    <t>11/19/2019 14:44:14</t>
  </si>
  <si>
    <t>C:\Vila\Empresas Anterior\Arquivos Telecom\Projeto Desafio 2014\Info's MPE\1. Plano de Marketing Empresarial- 2014 - v VP Algar 1.pptx\</t>
  </si>
  <si>
    <t>E:\BK_final\Vilarinho\Vilarinho - Trabalho\Algar Telecom\Projeto Desafio 2014\Info's MPE\1. Plano de Marketing Empresarial- 2014 - v VP Algar 1.pptx</t>
  </si>
  <si>
    <t>11/19/2019 14:44:15</t>
  </si>
  <si>
    <t>C:\Vila\Empresas Anterior\Arquivos Telecom\Projeto Desafio 2014\Info's MPE\</t>
  </si>
  <si>
    <t>2.Empresarial_Ofertas de Dados 2014 Empresarial.xlsx</t>
  </si>
  <si>
    <t>E:\BK_final\Vilarinho\Vilarinho - Trabalho\Algar Telecom\Projeto Desafio 2014\Info's MPE\2.Empresarial_Ofertas de Dados 2014 Empresarial.xlsx</t>
  </si>
  <si>
    <t>11/19/2019 14:44:21</t>
  </si>
  <si>
    <t>C:\Vila\Empresas Anterior\Arquivos Telecom\Projeto Desafio 2014\Info's MPE\2.Treinamento - Ofertas Expansão- Direcionamento Canais.pptx\</t>
  </si>
  <si>
    <t>E:\BK_final\Vilarinho\Vilarinho - Trabalho\Algar Telecom\Projeto Desafio 2014\Info's MPE\2.Treinamento - Ofertas Expansão- Direcionamento Canais.pptx</t>
  </si>
  <si>
    <t>11/19/2019 14:44:22</t>
  </si>
  <si>
    <t>11/19/2019 14:44:24</t>
  </si>
  <si>
    <t>C:\Vila\Empresas Anterior\Arquivos Telecom\Projeto Desafio 2014\Info's MPE\2.Treinamento Mercado Ofertas ok - Minas.pptx\</t>
  </si>
  <si>
    <t>E:\BK_final\Vilarinho\Vilarinho - Trabalho\Algar Telecom\Projeto Desafio 2014\Info's MPE\2.Treinamento Mercado Ofertas ok - Minas.pptx</t>
  </si>
  <si>
    <t>11/19/2019 14:44:25</t>
  </si>
  <si>
    <t>11/19/2019 14:44:29</t>
  </si>
  <si>
    <t>7. Orçado Oficial 2014 e LP.xlsx</t>
  </si>
  <si>
    <t>E:\BK_final\Vilarinho\Vilarinho - Trabalho\Algar Telecom\Projeto Desafio 2014\Info's MPE\7. Orçado Oficial 2014 e LP.xlsx</t>
  </si>
  <si>
    <t>11/19/2019 14:44:31</t>
  </si>
  <si>
    <t>C:\Vila\Empresas Anterior\Arquivos Telecom\Projeto Desafio 2014\Info's MPE\7.20130924 Comitê de Investimentos.pptx\</t>
  </si>
  <si>
    <t>E:\BK_final\Vilarinho\Vilarinho - Trabalho\Algar Telecom\Projeto Desafio 2014\Info's MPE\7.20130924 Comitê de Investimentos.pptx</t>
  </si>
  <si>
    <t>11/19/2019 14:44:41</t>
  </si>
  <si>
    <t>C:\Vila\Empresas Anterior\Arquivos Telecom\Projeto Desafio 2014\Info's MPE\8.Reunião CA - 29ago13 - v14_14ago.pptx\</t>
  </si>
  <si>
    <t>E:\BK_final\Vilarinho\Vilarinho - Trabalho\Algar Telecom\Projeto Desafio 2014\Info's MPE\8.Reunião CA - 29ago13 - v14_14ago.pptx</t>
  </si>
  <si>
    <t>11/19/2019 14:53:33</t>
  </si>
  <si>
    <t>11/19/2019 14:44:42</t>
  </si>
  <si>
    <t>11/19/2019 14:44:44</t>
  </si>
  <si>
    <t>11/19/2019 14:44:45</t>
  </si>
  <si>
    <t>11/19/2019 14:44:46</t>
  </si>
  <si>
    <t>11/19/2019 14:44:47</t>
  </si>
  <si>
    <t>11/19/2019 14:44:49</t>
  </si>
  <si>
    <t>11/19/2019 14:44:50</t>
  </si>
  <si>
    <t>11/19/2019 14:44:51</t>
  </si>
  <si>
    <t>11/19/2019 14:44:52</t>
  </si>
  <si>
    <t>11/19/2019 14:45:04</t>
  </si>
  <si>
    <t>C:\Vila\Empresas Anterior\Arquivos Telecom\Projeto Desafio 2014\Info's MPE\4. BH 14-01-14\</t>
  </si>
  <si>
    <t>Qtde empresas BH.xlsx</t>
  </si>
  <si>
    <t>E:\BK_final\Vilarinho\Vilarinho - Trabalho\Algar Telecom\Projeto Desafio 2014\Info's MPE\4. BH 14-01-14\Qtde empresas BH.xlsx</t>
  </si>
  <si>
    <t>11/19/2019 14:45:07</t>
  </si>
  <si>
    <t>C:\Vila\Empresas Anterior\Arquivos Telecom\Projeto Desafio 2014\Info's MPE\4. BH 14-01-14\Clusters BH\</t>
  </si>
  <si>
    <t>Prospects Barro Preto 1.xlsx</t>
  </si>
  <si>
    <t>E:\BK_final\Vilarinho\Vilarinho - Trabalho\Algar Telecom\Projeto Desafio 2014\Info's MPE\4. BH 14-01-14\Clusters BH\Prospects Barro Preto 1.xlsx</t>
  </si>
  <si>
    <t>11/19/2019 14:45:09</t>
  </si>
  <si>
    <t>Prospects Belvedere.xlsx</t>
  </si>
  <si>
    <t>E:\BK_final\Vilarinho\Vilarinho - Trabalho\Algar Telecom\Projeto Desafio 2014\Info's MPE\4. BH 14-01-14\Clusters BH\Prospects Belvedere.xlsx</t>
  </si>
  <si>
    <t>11/19/2019 14:45:11</t>
  </si>
  <si>
    <t>Prospects Pedro II.xlsx</t>
  </si>
  <si>
    <t>E:\BK_final\Vilarinho\Vilarinho - Trabalho\Algar Telecom\Projeto Desafio 2014\Info's MPE\4. BH 14-01-14\Clusters BH\Prospects Pedro II.xlsx</t>
  </si>
  <si>
    <t>11/19/2019 14:45:13</t>
  </si>
  <si>
    <t>Prospects São Francisco 1.xlsx</t>
  </si>
  <si>
    <t>E:\BK_final\Vilarinho\Vilarinho - Trabalho\Algar Telecom\Projeto Desafio 2014\Info's MPE\4. BH 14-01-14\Clusters BH\Prospects São Francisco 1.xlsx</t>
  </si>
  <si>
    <t>11/19/2019 14:45:26</t>
  </si>
  <si>
    <t>C:\Vila\Empresas Anterior\Arquivos Telecom\Projeto Desafio 2014\Info's MPE\4. BH 14-01-14\MPe - MG-Belo Horizonte - mapinfo\MG-Belo Horizonte Malha\</t>
  </si>
  <si>
    <t>Clientes_1.csv</t>
  </si>
  <si>
    <t>E:\BK_final\Vilarinho\Vilarinho - Trabalho\Algar Telecom\Projeto Desafio 2014\Info's MPE\4. BH 14-01-14\MPe - MG-Belo Horizonte - mapinfo\MG-Belo Horizonte Malha\Clientes_1.csv</t>
  </si>
  <si>
    <t>11/19/2019 14:45:46</t>
  </si>
  <si>
    <t>MG-BH-Micro_A.xls</t>
  </si>
  <si>
    <t>E:\BK_final\Vilarinho\Vilarinho - Trabalho\Algar Telecom\Projeto Desafio 2014\Info's MPE\4. BH 14-01-14\MPe - MG-Belo Horizonte - mapinfo\MG-Belo Horizonte Malha\MG-BH-Micro_A.xls</t>
  </si>
  <si>
    <t>11/19/2019 14:45:47</t>
  </si>
  <si>
    <t>C:\Vila\Empresas Anterior\Arquivos Telecom\Projeto Desafio 2014\Info's MPE\4. Rio Preto 16-01-14\</t>
  </si>
  <si>
    <t>Qtde empresas SJRP.xlsx</t>
  </si>
  <si>
    <t>E:\BK_final\Vilarinho\Vilarinho - Trabalho\Algar Telecom\Projeto Desafio 2014\Info's MPE\4. Rio Preto 16-01-14\Qtde empresas SJRP.xlsx</t>
  </si>
  <si>
    <t>11/19/2019 14:45:49</t>
  </si>
  <si>
    <t>C:\Vila\Empresas Anterior\Arquivos Telecom\Projeto Desafio 2014\Info's MPE\4. Rio Preto 16-01-14\SP-São Jose do Rio Preto - mapinfo\SP-São Jose do Rio Preto Malha\</t>
  </si>
  <si>
    <t>Cluster 2.csv</t>
  </si>
  <si>
    <t>E:\BK_final\Vilarinho\Vilarinho - Trabalho\Algar Telecom\Projeto Desafio 2014\Info's MPE\4. Rio Preto 16-01-14\SP-São Jose do Rio Preto - mapinfo\SP-São Jose do Rio Preto Malha\Cluster 2.csv</t>
  </si>
  <si>
    <t>Cluster teste.2.csv</t>
  </si>
  <si>
    <t>E:\BK_final\Vilarinho\Vilarinho - Trabalho\Algar Telecom\Projeto Desafio 2014\Info's MPE\4. Rio Preto 16-01-14\SP-São Jose do Rio Preto - mapinfo\SP-São Jose do Rio Preto Malha\Cluster teste.2.csv</t>
  </si>
  <si>
    <t>11/19/2019 14:45:51</t>
  </si>
  <si>
    <t>Qtde clientes SJRP 30.xlsx</t>
  </si>
  <si>
    <t>E:\BK_final\Vilarinho\Vilarinho - Trabalho\Algar Telecom\Projeto Desafio 2014\Info's MPE\4. Rio Preto 16-01-14\SP-São Jose do Rio Preto - mapinfo\SP-São Jose do Rio Preto Malha\Qtde clientes SJRP 30.xlsx</t>
  </si>
  <si>
    <t>Qtde clientes SJRP MICRO.xlsx</t>
  </si>
  <si>
    <t>E:\BK_final\Vilarinho\Vilarinho - Trabalho\Algar Telecom\Projeto Desafio 2014\Info's MPE\4. Rio Preto 16-01-14\SP-São Jose do Rio Preto - mapinfo\SP-São Jose do Rio Preto Malha\Qtde clientes SJRP MICRO.xlsx</t>
  </si>
  <si>
    <t>Qtde_clientes_SJRP.xlsx</t>
  </si>
  <si>
    <t>E:\BK_final\Vilarinho\Vilarinho - Trabalho\Algar Telecom\Projeto Desafio 2014\Info's MPE\4. Rio Preto 16-01-14\SP-São Jose do Rio Preto - mapinfo\SP-São Jose do Rio Preto Malha\Qtde_clientes_SJRP.xlsx</t>
  </si>
  <si>
    <t>11/19/2019 14:46:24</t>
  </si>
  <si>
    <t>C:\Vila\Empresas Anterior\Arquivos Telecom\Projeto Desafio 2014\Info's MPE\4. Rio Preto 16-01-14\SP-São Jose do Rio Preto - Relatorios\</t>
  </si>
  <si>
    <t>SP-SJRPRETO_reg_MPe_Bndes.xlsx</t>
  </si>
  <si>
    <t>E:\BK_final\Vilarinho\Vilarinho - Trabalho\Algar Telecom\Projeto Desafio 2014\Info's MPE\4. Rio Preto 16-01-14\SP-São Jose do Rio Preto - Relatorios\SP-SJRPRETO_reg_MPe_Bndes.xlsx</t>
  </si>
  <si>
    <t>11/19/2019 14:52:45</t>
  </si>
  <si>
    <t>11/19/2019 14:54:34</t>
  </si>
  <si>
    <t>Análise oportunidades Governo</t>
  </si>
  <si>
    <t>Analise Oportunidades de Governo.xlsx</t>
  </si>
  <si>
    <t>11/19/2019 14:51:40</t>
  </si>
  <si>
    <t>11/19/2019 14:55:33</t>
  </si>
  <si>
    <t>11/19/2019 14:58:34</t>
  </si>
  <si>
    <t>11/19/2019 14:46:39</t>
  </si>
  <si>
    <t>C:\Vila\Empresas Anterior\Arquivos Telecom\Projeto Desafio 2014\Material MPE - Telecom\Plano de Marketing projeto desafio 250414.pptx\</t>
  </si>
  <si>
    <t>E:\BK_final\Vilarinho\Vilarinho - Trabalho\Algar Telecom\Projeto Desafio 2014\Material MPE - Telecom\Plano de Marketing projeto desafio 250414.pptx</t>
  </si>
  <si>
    <t>11/19/2019 14:46:40</t>
  </si>
  <si>
    <t>11/19/2019 14:46:41</t>
  </si>
  <si>
    <t>11/19/2019 14:46:42</t>
  </si>
  <si>
    <t>11/19/2019 14:46:43</t>
  </si>
  <si>
    <t>11/19/2019 14:46:44</t>
  </si>
  <si>
    <t>11/19/2019 14:46:45</t>
  </si>
  <si>
    <t>11/19/2019 14:46:46</t>
  </si>
  <si>
    <t>11/19/2019 14:46:47</t>
  </si>
  <si>
    <t>11/19/2019 14:46:49</t>
  </si>
  <si>
    <t>C:\Vila\Empresas Anterior\Arquivos Telecom\Projeto Desafio 2014\Propostas Consultorias\</t>
  </si>
  <si>
    <t>20140616_Análise de Propostas.xlsx</t>
  </si>
  <si>
    <t>E:\BK_final\Vilarinho\Vilarinho - Trabalho\Algar Telecom\Projeto Desafio 2014\Propostas Consultorias\20140616_Análise de Propostas.xlsx</t>
  </si>
  <si>
    <t>11/19/2019 14:46:53</t>
  </si>
  <si>
    <t>Matriz de decisao - Consolidado.xls</t>
  </si>
  <si>
    <t>E:\BK_final\Vilarinho\Vilarinho - Trabalho\Algar Telecom\Projeto Desafio 2014\Propostas Consultorias\Matriz de decisao - Consolidado.xls</t>
  </si>
  <si>
    <t>C:\Vila\Empresas Anterior\Arquivos Telecom\Projeto Desafio 2014\Propostas Consultorias\Análise Proposta Francap\</t>
  </si>
  <si>
    <t>E:\BK_final\Vilarinho\Vilarinho - Trabalho\Algar Telecom\Projeto Desafio 2014\Propostas Consultorias\Análise Proposta Francap\20140616_Análise de Propostas.xlsx</t>
  </si>
  <si>
    <t>Analise Escopo Proposta Francap.xlsx</t>
  </si>
  <si>
    <t>E:\BK_final\Vilarinho\Vilarinho - Trabalho\Algar Telecom\Projeto Desafio 2014\Propostas Consultorias\Análise Proposta Francap\Analise Escopo Proposta Francap.xlsx</t>
  </si>
  <si>
    <t>11/19/2019 14:46:54</t>
  </si>
  <si>
    <t>Análise Escopo - Reunião 23.07.14.xlsx</t>
  </si>
  <si>
    <t>E:\BK_final\Vilarinho\Vilarinho - Trabalho\Algar Telecom\Projeto Desafio 2014\Propostas Consultorias\Análise Proposta Francap\Análise Escopo - Reunião 23.07.14.xlsx</t>
  </si>
  <si>
    <t>11/19/2019 14:47:36</t>
  </si>
  <si>
    <t>C:\Vila\Empresas Anterior\Arquivos Telecom\Projeto Desafio 2014\Reta Final\Apresentação\20150410_Desafio_MPE _v 07 5 15 (alterações Tais)v2.pptx\</t>
  </si>
  <si>
    <t>E:\BK_final\Vilarinho\Vilarinho - Trabalho\Algar Telecom\Projeto Desafio 2014\Reta Final\Apresentação\20150410_Desafio_MPE _v 07 5 15 (alterações Tais)v2.pptx</t>
  </si>
  <si>
    <t>11/19/2019 14:47:41</t>
  </si>
  <si>
    <t>C:\Vila\Empresas Anterior\Arquivos Telecom\Projeto Desafio 2014\Reta Final\Apresentação\20150410_Desafio_MPE _v10.4.15.pptx\</t>
  </si>
  <si>
    <t>E:\BK_final\Vilarinho\Vilarinho - Trabalho\Algar Telecom\Projeto Desafio 2014\Reta Final\Apresentação\20150410_Desafio_MPE _v10.4.15.pptx</t>
  </si>
  <si>
    <t>11/19/2019 14:47:44</t>
  </si>
  <si>
    <t>C:\Vila\Empresas Anterior\Arquivos Telecom\Projeto Desafio 2014\Reta Final\Apresentação\SlideBPs.pptx\</t>
  </si>
  <si>
    <t>E:\BK_final\Vilarinho\Vilarinho - Trabalho\Algar Telecom\Projeto Desafio 2014\Reta Final\Apresentação\SlideBPs.pptx</t>
  </si>
  <si>
    <t>11/19/2019 14:47:49</t>
  </si>
  <si>
    <t>C:\Vila\Empresas Anterior\Arquivos Telecom\Projeto Desafio 2014\Reta Final\Apresentação\Slides Cenários BP e % Aceleração atualizado_Vila.pptx\</t>
  </si>
  <si>
    <t>E:\BK_final\Vilarinho\Vilarinho - Trabalho\Algar Telecom\Projeto Desafio 2014\Reta Final\Apresentação\Slides Cenários BP e % Aceleração atualizado_Vila.pptx</t>
  </si>
  <si>
    <t>C:\Vila\Empresas Anterior\Arquivos Telecom\Projeto Desafio 2014\Reta Final\Apresentação\Plan Finais\</t>
  </si>
  <si>
    <t>Demanda Pilotos MPE Expansão_Miguel.xlsm</t>
  </si>
  <si>
    <t>E:\BK_final\Vilarinho\Vilarinho - Trabalho\Algar Telecom\Projeto Desafio 2014\Reta Final\Apresentação\Plan Finais\Demanda Pilotos MPE Expansão_Miguel.xlsm</t>
  </si>
  <si>
    <t>Estudo do canal Itinerante_BPZaima.xlsx</t>
  </si>
  <si>
    <t>E:\BK_final\Vilarinho\Vilarinho - Trabalho\Algar Telecom\Projeto Desafio 2014\Reta Final\Apresentação\Plan Finais\Estudo do canal Itinerante_BPZaima.xlsx</t>
  </si>
  <si>
    <t>FIN DEALER TÍPICO ALGAR TELECOM (geral)_Original.xls</t>
  </si>
  <si>
    <t>E:\BK_final\Vilarinho\Vilarinho - Trabalho\Algar Telecom\Projeto Desafio 2014\Reta Final\Apresentação\Plan Finais\FIN DEALER TÍPICO ALGAR TELECOM (geral)_Original.xls</t>
  </si>
  <si>
    <t>11/19/2019 14:47:51</t>
  </si>
  <si>
    <t>VENDAS EXPANSÃO_Completa_Gisela.xlsx</t>
  </si>
  <si>
    <t>E:\BK_final\Vilarinho\Vilarinho - Trabalho\Algar Telecom\Projeto Desafio 2014\Reta Final\Apresentação\Plan Finais\VENDAS EXPANSÃO_Completa_Gisela.xlsx</t>
  </si>
  <si>
    <t>11/19/2019 14:47:52</t>
  </si>
  <si>
    <t>Vendas Pacotes Flex MPE Expansão_Gisela.xlsx</t>
  </si>
  <si>
    <t>E:\BK_final\Vilarinho\Vilarinho - Trabalho\Algar Telecom\Projeto Desafio 2014\Reta Final\Apresentação\Plan Finais\Vendas Pacotes Flex MPE Expansão_Gisela.xlsx</t>
  </si>
  <si>
    <t>11/19/2019 14:47:53</t>
  </si>
  <si>
    <t>C:\Vila\Empresas Anterior\Arquivos Telecom\Projeto Desafio 2014\Reta Final\Apresentação\Plan Finais\BP\</t>
  </si>
  <si>
    <t>Base Pilotos_Equipe BP Telecom.xlsx</t>
  </si>
  <si>
    <t>E:\BK_final\Vilarinho\Vilarinho - Trabalho\Algar Telecom\Projeto Desafio 2014\Reta Final\Apresentação\Plan Finais\BP\Base Pilotos_Equipe BP Telecom.xlsx</t>
  </si>
  <si>
    <t>11/19/2019 14:47:54</t>
  </si>
  <si>
    <t>BPDealer_3 vendores s taxa_Vila.xls</t>
  </si>
  <si>
    <t>E:\BK_final\Vilarinho\Vilarinho - Trabalho\Algar Telecom\Projeto Desafio 2014\Reta Final\Apresentação\Plan Finais\BP\BPDealer_3 vendores s taxa_Vila.xls</t>
  </si>
  <si>
    <t>BP_3 vendedor_c Taxa_V1.xls</t>
  </si>
  <si>
    <t>E:\BK_final\Vilarinho\Vilarinho - Trabalho\Algar Telecom\Projeto Desafio 2014\Reta Final\Apresentação\Plan Finais\BP\BP_3 vendedor_c Taxa_V1.xls</t>
  </si>
  <si>
    <t>BP_3 vendores_C Taxa_V2.xls</t>
  </si>
  <si>
    <t>E:\BK_final\Vilarinho\Vilarinho - Trabalho\Algar Telecom\Projeto Desafio 2014\Reta Final\Apresentação\Plan Finais\BP\BP_3 vendores_C Taxa_V2.xls</t>
  </si>
  <si>
    <t>11/19/2019 14:47:55</t>
  </si>
  <si>
    <t>BP_5 vendores_C Taxa_V3.xls</t>
  </si>
  <si>
    <t>E:\BK_final\Vilarinho\Vilarinho - Trabalho\Algar Telecom\Projeto Desafio 2014\Reta Final\Apresentação\Plan Finais\BP\BP_5 vendores_C Taxa_V3.xls</t>
  </si>
  <si>
    <t>11/19/2019 14:47:56</t>
  </si>
  <si>
    <t>BP_5 vendores_C Taxa_V4.xls</t>
  </si>
  <si>
    <t>E:\BK_final\Vilarinho\Vilarinho - Trabalho\Algar Telecom\Projeto Desafio 2014\Reta Final\Apresentação\Plan Finais\BP\BP_5 vendores_C Taxa_V4.xls</t>
  </si>
  <si>
    <t>BP_VersãoRainer.xls</t>
  </si>
  <si>
    <t>E:\BK_final\Vilarinho\Vilarinho - Trabalho\Algar Telecom\Projeto Desafio 2014\Reta Final\Apresentação\Plan Finais\BP\BP_VersãoRainer.xls</t>
  </si>
  <si>
    <t>11/19/2019 14:47:57</t>
  </si>
  <si>
    <t>C:\Vila\Empresas Anterior\Arquivos Telecom\Projeto Desafio 2014\Reta Final\Documentos Finais\</t>
  </si>
  <si>
    <t>Considerações e Lnks.xlsx</t>
  </si>
  <si>
    <t>E:\BK_final\Vilarinho\Vilarinho - Trabalho\Algar Telecom\Projeto Desafio 2014\Reta Final\Documentos Finais\Considerações e Lnks.xlsx</t>
  </si>
  <si>
    <t>11/19/2019 14:48:02</t>
  </si>
  <si>
    <t>C:\Vila\Empresas Anterior\Arquivos Telecom\Projeto Engeset\</t>
  </si>
  <si>
    <t>Balanço Patrimonial v3.xlsx</t>
  </si>
  <si>
    <t>E:\BK_final\Vilarinho\Vilarinho - Trabalho\Algar Telecom\Projeto Engeset\Balanço Patrimonial v3.xlsx</t>
  </si>
  <si>
    <t>11/19/2019 14:48:03</t>
  </si>
  <si>
    <t>Balanço Patrimonial v4.xlsx</t>
  </si>
  <si>
    <t>E:\BK_final\Vilarinho\Vilarinho - Trabalho\Algar Telecom\Projeto Engeset\Balanço Patrimonial v4.xlsx</t>
  </si>
  <si>
    <t>C:\Vila\Empresas Anterior\Arquivos Telecom\Projeto Monet\Analise Inicial\</t>
  </si>
  <si>
    <t>Analise Cabo Monet.xlsx</t>
  </si>
  <si>
    <t>E:\BK_final\Vilarinho\Vilarinho - Trabalho\Algar Telecom\Projeto Monet\Analise Inicial\Analise Cabo Monet.xlsx</t>
  </si>
  <si>
    <t>11/19/2019 14:48:04</t>
  </si>
  <si>
    <t>C:\Vila\Empresas Anterior\Arquivos Telecom\Projeto Monet\Contrato e Anexos\Part 1 Appendices 2,3,4,5,6,8,9,11,12,13 - 30Apr14.zip\</t>
  </si>
  <si>
    <t>App 7 (Purchasers Responsibility Matrix).xls</t>
  </si>
  <si>
    <t>E:\BK_final\Vilarinho\Vilarinho - Trabalho\Algar Telecom\Projeto Monet\Contrato e Anexos\Part 1 Appendices 2,3,4,5,6,8,9,11,12,13 - 30Apr14.zip</t>
  </si>
  <si>
    <t>Appendix 12 - Invoice Format.xls</t>
  </si>
  <si>
    <t>Appendix 12 Invoice Format.xls</t>
  </si>
  <si>
    <t>Appendix 2 - Financial Liability (Draft).xls</t>
  </si>
  <si>
    <t>Appendix 6 - (Purchasers Responsibility Matrix).xls</t>
  </si>
  <si>
    <t>C:\Vila\Empresas Anterior\Arquivos Telecom\Projeto Monet\Contrato e Anexos\Part 2 Chapter 1 Appendices A1,A2,B,C1,C2,D - 30Apr14.zip\</t>
  </si>
  <si>
    <t>Appendix 1C1a &amp; C2-Monet.xls</t>
  </si>
  <si>
    <t>E:\BK_final\Vilarinho\Vilarinho - Trabalho\Algar Telecom\Projeto Monet\Contrato e Anexos\Part 2 Chapter 1 Appendices A1,A2,B,C1,C2,D - 30Apr14.zip</t>
  </si>
  <si>
    <t>Appendix 1D - RPL &amp; SLD-Monet.xls</t>
  </si>
  <si>
    <t>11/19/2019 14:48:06</t>
  </si>
  <si>
    <t>C:\Vila\Empresas Anterior\Arquivos Telecom\Projeto Monet\Matriz Tributária\</t>
  </si>
  <si>
    <t>matriz Tributária - Projeto Monet.xlsx</t>
  </si>
  <si>
    <t>E:\BK_final\Vilarinho\Vilarinho - Trabalho\Algar Telecom\Projeto Monet\Matriz Tributária\matriz Tributária - Projeto Monet.xlsx</t>
  </si>
  <si>
    <t>11/19/2019 14:48:08</t>
  </si>
  <si>
    <t>C:\Vila\Empresas Anterior\Arquivos Telecom\Projeto NetPatos\</t>
  </si>
  <si>
    <t>E:\BK_final\Vilarinho\Vilarinho - Trabalho\Algar Telecom\Projeto NetPatos\Analise Aquisição.xlsx</t>
  </si>
  <si>
    <t>11/19/2019 14:48:09</t>
  </si>
  <si>
    <t>C:\Vila\Empresas Anterior\Arquivos Telecom\Proposta reconhecer EFT Jan-14\2014_01_17_Eficiência Tributária.pptx\</t>
  </si>
  <si>
    <t>E:\BK_final\Vilarinho\Vilarinho - Trabalho\Algar Telecom\Proposta reconhecer EFT Jan-14\2014_01_17_Eficiência Tributária.pptx</t>
  </si>
  <si>
    <t>C:\Vila\Empresas Anterior\Arquivos Telecom\Proposta reconhecer EFT Jan-14\</t>
  </si>
  <si>
    <t>Analise EFT Premio Adicional.xlsx</t>
  </si>
  <si>
    <t>E:\BK_final\Vilarinho\Vilarinho - Trabalho\Algar Telecom\Proposta reconhecer EFT Jan-14\Analise EFT Premio Adicional.xlsx</t>
  </si>
  <si>
    <t>C:\Vila\Empresas Anterior\Arquivos Telecom\Proposta reconhecer EFT Jan-14\Eficiência Tributária_VAgosto.pptx\</t>
  </si>
  <si>
    <t>E:\BK_final\Vilarinho\Vilarinho - Trabalho\Algar Telecom\Proposta reconhecer EFT Jan-14\Eficiência Tributária_VAgosto.pptx</t>
  </si>
  <si>
    <t>11/19/2019 14:48:10</t>
  </si>
  <si>
    <t>Solicitação de gratificação especial por mérito.xlsx</t>
  </si>
  <si>
    <t>E:\BK_final\Vilarinho\Vilarinho - Trabalho\Algar Telecom\Proposta reconhecer EFT Jan-14\Solicitação de gratificação especial por mérito.xlsx</t>
  </si>
  <si>
    <t>C:\Vila\Empresas Anterior\Arquivos Telecom\Proposta Reconher Equipe EBIT por Regional\</t>
  </si>
  <si>
    <t>Solicitação de gratificação especial por mérito_Ebit.xlsx</t>
  </si>
  <si>
    <t>E:\BK_final\Vilarinho\Vilarinho - Trabalho\Algar Telecom\Proposta Reconher Equipe EBIT por Regional\Solicitação de gratificação especial por mérito_Ebit.xlsx</t>
  </si>
  <si>
    <t>C:\Vila\Empresas Anterior\Arquivos Telecom\Reajustes DCP Maio 2014\Informações TH.msg\s1\</t>
  </si>
  <si>
    <t>Propostas de Reajustes Não Executivos DCP - Maio 2014.xlsx</t>
  </si>
  <si>
    <t>E:\BK_final\Vilarinho\Vilarinho - Trabalho\Algar Telecom\Reajustes DCP Maio 2014\Informações TH.msg</t>
  </si>
  <si>
    <t>C:\Vila\Empresas Anterior\Arquivos Telecom\Reajustes DCP Maio 2014\</t>
  </si>
  <si>
    <t>Proposta reajuste CRC.xlsx</t>
  </si>
  <si>
    <t>E:\BK_final\Vilarinho\Vilarinho - Trabalho\Algar Telecom\Reajustes DCP Maio 2014\Proposta reajuste CRC.xlsx</t>
  </si>
  <si>
    <t>Proposta reajustes CCA.xlsx</t>
  </si>
  <si>
    <t>E:\BK_final\Vilarinho\Vilarinho - Trabalho\Algar Telecom\Reajustes DCP Maio 2014\Proposta reajustes CCA.xlsx</t>
  </si>
  <si>
    <t>E:\BK_final\Vilarinho\Vilarinho - Trabalho\Algar Telecom\Reajustes DCP Maio 2014\Propostas de Reajustes Não Executivos DCP - Maio 2014.xlsx</t>
  </si>
  <si>
    <t>reajuste CPF.xlsx</t>
  </si>
  <si>
    <t>E:\BK_final\Vilarinho\Vilarinho - Trabalho\Algar Telecom\Reajustes DCP Maio 2014\reajuste CPF.xlsx</t>
  </si>
  <si>
    <t>11/19/2019 14:48:12</t>
  </si>
  <si>
    <t>C:\Vila\Empresas Anterior\Arquivos Telecom\Resultados 2T11\</t>
  </si>
  <si>
    <t>06-Mapa resultados Junho 2011.xlsx</t>
  </si>
  <si>
    <t>E:\BK_final\Vilarinho\Vilarinho - Trabalho\Algar Telecom\Resultados 2T11\06-Mapa resultados Junho 2011.xlsx</t>
  </si>
  <si>
    <t>Evolução dos custos e despesas_.xlsx</t>
  </si>
  <si>
    <t>E:\BK_final\Vilarinho\Vilarinho - Trabalho\Algar Telecom\Resultados 2T11\Evolução dos custos e despesas_.xlsx</t>
  </si>
  <si>
    <t>11/19/2019 14:48:13</t>
  </si>
  <si>
    <t>Mascara 2T11 - Consol.xlsx</t>
  </si>
  <si>
    <t>E:\BK_final\Vilarinho\Vilarinho - Trabalho\Algar Telecom\Resultados 2T11\Mascara 2T11 - Consol.xlsx</t>
  </si>
  <si>
    <t>11/19/2019 14:48:14</t>
  </si>
  <si>
    <t>C:\Vila\Empresas Anterior\Arquivos Telecom\Reuniao Loureiro-Fechamento 2012\</t>
  </si>
  <si>
    <t>Cópia de 12-Mapa resultados Dezembro 2011.xlsx</t>
  </si>
  <si>
    <t>E:\BK_final\Vilarinho\Vilarinho - Trabalho\Algar Telecom\Reuniao Loureiro-Fechamento 2012\Cópia de 12-Mapa resultados Dezembro 2011.xlsx</t>
  </si>
  <si>
    <t>11/19/2019 14:48:15</t>
  </si>
  <si>
    <t>C:\Vila\Empresas Anterior\Arquivos Telecom\Reuniao Loureiro-Fechamento 2012\Detalhamento Escopo - 2011OSE20031 - 139984.docx\</t>
  </si>
  <si>
    <t>E:\BK_final\Vilarinho\Vilarinho - Trabalho\Algar Telecom\Reuniao Loureiro-Fechamento 2012\Detalhamento Escopo - 2011OSE20031 - 139984.docx</t>
  </si>
  <si>
    <t>11/19/2019 14:48:16</t>
  </si>
  <si>
    <t>C:\Vila\Empresas Anterior\Arquivos Telecom\Reuniao Loureiro-Fechamento 2012\Fechamento Anual\</t>
  </si>
  <si>
    <t>Apuração IR-celma.xlsx</t>
  </si>
  <si>
    <t>E:\BK_final\Vilarinho\Vilarinho - Trabalho\Algar Telecom\Reuniao Loureiro-Fechamento 2012\Fechamento Anual\Apuração IR-celma.xlsx</t>
  </si>
  <si>
    <t>Cálculo PPR.xlsx</t>
  </si>
  <si>
    <t>E:\BK_final\Vilarinho\Vilarinho - Trabalho\Algar Telecom\Reuniao Loureiro-Fechamento 2012\Fechamento Anual\Cálculo PPR.xlsx</t>
  </si>
  <si>
    <t>DRE-Fechamento Anual-Final.xlsx</t>
  </si>
  <si>
    <t>E:\BK_final\Vilarinho\Vilarinho - Trabalho\Algar Telecom\Reuniao Loureiro-Fechamento 2012\Fechamento Anual\DRE-Fechamento Anual-Final.xlsx</t>
  </si>
  <si>
    <t>DRE-Fechamento Anual.xlsx</t>
  </si>
  <si>
    <t>E:\BK_final\Vilarinho\Vilarinho - Trabalho\Algar Telecom\Reuniao Loureiro-Fechamento 2012\Fechamento Anual\DRE-Fechamento Anual.xlsx</t>
  </si>
  <si>
    <t>11/19/2019 14:48:17</t>
  </si>
  <si>
    <t>Memória SWAP.xlsx</t>
  </si>
  <si>
    <t>E:\BK_final\Vilarinho\Vilarinho - Trabalho\Algar Telecom\Reuniao Loureiro-Fechamento 2012\Fechamento Anual\Memória SWAP.xlsx</t>
  </si>
  <si>
    <t>Planejamentos 2012_Consolidado-Final.xlsx</t>
  </si>
  <si>
    <t>E:\BK_final\Vilarinho\Vilarinho - Trabalho\Algar Telecom\Reuniao Loureiro-Fechamento 2012\Fechamento Anual\Planejamentos 2012_Consolidado-Final.xlsx</t>
  </si>
  <si>
    <t>Preclosing x real.xlsx</t>
  </si>
  <si>
    <t>E:\BK_final\Vilarinho\Vilarinho - Trabalho\Algar Telecom\Reuniao Loureiro-Fechamento 2012\Fechamento Anual\Preclosing x real.xlsx</t>
  </si>
  <si>
    <t>11/19/2019 14:48:18</t>
  </si>
  <si>
    <t>Simulação IR-CS sobre Contingência.xlsx</t>
  </si>
  <si>
    <t>E:\BK_final\Vilarinho\Vilarinho - Trabalho\Algar Telecom\Reuniao Loureiro-Fechamento 2012\Fechamento Anual\Simulação IR-CS sobre Contingência.xlsx</t>
  </si>
  <si>
    <t>11/19/2019 14:48:20</t>
  </si>
  <si>
    <t>C:\Vila\Empresas Anterior\Arquivos Telecom\Reuniões Tatiane\02.07.10\27_Apres Ativ Assoc CCA_Conciliacao_14mai10.pptx\</t>
  </si>
  <si>
    <t>E:\BK_final\Vilarinho\Vilarinho - Trabalho\Algar Telecom\Reuniões Tatiane\02.07.10\27_Apres Ativ Assoc CCA_Conciliacao_14mai10.pptx</t>
  </si>
  <si>
    <t>11/19/2019 14:48:24</t>
  </si>
  <si>
    <t>C:\Vila\Empresas Anterior\Arquivos Telecom\Reuniões Tatiane\02.07.10\Alinhamento Processos Auditoria Externa - Versao Final l.ppt\s4\</t>
  </si>
  <si>
    <t>E:\BK_final\Vilarinho\Vilarinho - Trabalho\Algar Telecom\Reuniões Tatiane\02.07.10\Alinhamento Processos Auditoria Externa - Versao Final l.ppt</t>
  </si>
  <si>
    <t>C:\Vila\Empresas Anterior\Arquivos Telecom\Reuniões Tatiane\02.07.10\</t>
  </si>
  <si>
    <t>Objetivos Vilarinho 2 Semestre - Aprovação Tatiane.xls</t>
  </si>
  <si>
    <t>E:\BK_final\Vilarinho\Vilarinho - Trabalho\Algar Telecom\Reuniões Tatiane\02.07.10\Objetivos Vilarinho 2 Semestre - Aprovação Tatiane.xls</t>
  </si>
  <si>
    <t>11/19/2019 14:48:26</t>
  </si>
  <si>
    <t>C:\Vila\Empresas Anterior\Arquivos Telecom\Reuniões Tatiane\02.07.10\Planejamento CCA 2010 - Final.ppt\s4\</t>
  </si>
  <si>
    <t>E:\BK_final\Vilarinho\Vilarinho - Trabalho\Algar Telecom\Reuniões Tatiane\02.07.10\Planejamento CCA 2010 - Final.ppt</t>
  </si>
  <si>
    <t>11/19/2019 14:48:29</t>
  </si>
  <si>
    <t>C:\Vila\Empresas Anterior\Arquivos Telecom\To Do\</t>
  </si>
  <si>
    <t>ToDo.xlsx</t>
  </si>
  <si>
    <t>E:\BK_final\Vilarinho\Vilarinho - Trabalho\Algar Telecom\To Do\ToDo.xlsx</t>
  </si>
  <si>
    <t>11/19/2019 14:48:30</t>
  </si>
  <si>
    <t>C:\Vila\Empresas Anterior\Arquivos Telecom\Trabalho Coaching - 2010 - Eneide\</t>
  </si>
  <si>
    <t>Plano de ação - Coaching.xls</t>
  </si>
  <si>
    <t>E:\BK_final\Vilarinho\Vilarinho - Trabalho\Algar Telecom\Trabalho Coaching - 2010 - Eneide\Plano de ação - Coaching.xls</t>
  </si>
  <si>
    <t>11/19/2019 14:48:32</t>
  </si>
  <si>
    <t>C:\Vila\Empresas Anterior\Arquivos Telecom\Transição CSC\</t>
  </si>
  <si>
    <t>Simulador CSC x Algar.xlsx</t>
  </si>
  <si>
    <t>E:\BK_final\Vilarinho\Vilarinho - Trabalho\Algar Telecom\Transição CSC\Simulador CSC x Algar.xlsx</t>
  </si>
  <si>
    <t>C:\Vila\Empresas Anterior\Arquivos Telecom\Treinamentos CCA\Treinamentos CCA\2009\</t>
  </si>
  <si>
    <t>E:\BK_final\Vilarinho\Vilarinho - Trabalho\Algar Telecom\Treinamentos CCA\Treinamentos CCA\2009\Treinamento Associados CCA 2009.xls</t>
  </si>
  <si>
    <t>11/19/2019 14:48:36</t>
  </si>
  <si>
    <t>C:\Vila\Empresas Anterior\Arquivos Telecom\Viagem India\Acerto\</t>
  </si>
  <si>
    <t>Acerto Viagem India.xls</t>
  </si>
  <si>
    <t>E:\BK_final\Vilarinho\Vilarinho - Trabalho\Algar Telecom\Viagem India\Acerto\Acerto Viagem India.xls</t>
  </si>
  <si>
    <t>11/19/2019 14:48:51</t>
  </si>
  <si>
    <t>C:\Vila\Empresas Anterior\Arquivos Telecom\Viagem India\Documentos Viagem\</t>
  </si>
  <si>
    <t>Business Invite Letter Request - Vilarinho.xlsx</t>
  </si>
  <si>
    <t>E:\BK_final\Vilarinho\Vilarinho - Trabalho\Algar Telecom\Viagem India\Documentos Viagem\Business Invite Letter Request - Vilarinho.xlsx</t>
  </si>
  <si>
    <t>11/19/2019 14:49:11</t>
  </si>
  <si>
    <t>C:\Vila\Empresas Anterior\Arquivos Telecom\2ª Revisão Orçamentária 2013_v6.ppt\s4\</t>
  </si>
  <si>
    <t>E:\BK_final\Vilarinho\Vilarinho - Trabalho\Algar Telecom\2ª Revisão Orçamentária 2013_v6.ppt</t>
  </si>
  <si>
    <t>11/19/2019 14:49:19</t>
  </si>
  <si>
    <t>C:\Vila\Empresas Anterior\Arquivos Telecom\5ª Reuger 2012 TELECOM-Algar v2.pptx\</t>
  </si>
  <si>
    <t>E:\BK_final\Vilarinho\Vilarinho - Trabalho\Algar Telecom\5ª Reuger 2012 TELECOM-Algar v2.pptx</t>
  </si>
  <si>
    <t>11/19/2019 14:49:20</t>
  </si>
  <si>
    <t>C:\Vila\Empresas Anterior\Arquivos Telecom\</t>
  </si>
  <si>
    <t>E:\BK_final\Vilarinho\Vilarinho - Trabalho\Algar Telecom\Analise EFT Premio Adicional.xlsx</t>
  </si>
  <si>
    <t>11/19/2019 14:49:25</t>
  </si>
  <si>
    <t>C:\Vila\Empresas Anterior\Arquivos Telecom\Apresentação Negociação Algar - NOV-07.ppt\s4\</t>
  </si>
  <si>
    <t>E:\BK_final\Vilarinho\Vilarinho - Trabalho\Algar Telecom\Apresentação Negociação Algar - NOV-07.ppt</t>
  </si>
  <si>
    <t>11/19/2019 14:49:45</t>
  </si>
  <si>
    <t>C:\Vila\Empresas Anterior\Arquivos Telecom\Apresentação Redir Resultados 20Ago12_Versão 17ago12.pptx\Apresenta__o_do_Microsoft_Office_PowerPoint1.pptx\</t>
  </si>
  <si>
    <t>E:\BK_final\Vilarinho\Vilarinho - Trabalho\Algar Telecom\Apresentação Redir Resultados 20Ago12_Versão 17ago12.pptx</t>
  </si>
  <si>
    <t>11/19/2019 14:49:46</t>
  </si>
  <si>
    <t>Associdos em Projetos PMO.xlsx</t>
  </si>
  <si>
    <t>E:\BK_final\Vilarinho\Vilarinho - Trabalho\Algar Telecom\Associdos em Projetos PMO.xlsx</t>
  </si>
  <si>
    <t>11/19/2019 14:49:47</t>
  </si>
  <si>
    <t>CALENDÁRIO 2014_Antigo_13.05.xlsx</t>
  </si>
  <si>
    <t>E:\BK_final\Vilarinho\Vilarinho - Trabalho\Algar Telecom\CALENDÁRIO 2014_Antigo_13.05.xlsx</t>
  </si>
  <si>
    <t>CALENDÁRIO 2014_antigo_inicial.xlsx</t>
  </si>
  <si>
    <t>E:\BK_final\Vilarinho\Vilarinho - Trabalho\Algar Telecom\CALENDÁRIO 2014_antigo_inicial.xlsx</t>
  </si>
  <si>
    <t>CALENDÁRIO 2014_FINAL_23_05.xlsx</t>
  </si>
  <si>
    <t>E:\BK_final\Vilarinho\Vilarinho - Trabalho\Algar Telecom\CALENDÁRIO 2014_FINAL_23_05.xlsx</t>
  </si>
  <si>
    <t>CAPEX CCA Consolidado_Vila.xlsx</t>
  </si>
  <si>
    <t>E:\BK_final\Vilarinho\Vilarinho - Trabalho\Algar Telecom\CAPEX CCA Consolidado_Vila.xlsx</t>
  </si>
  <si>
    <t>11/19/2019 14:49:49</t>
  </si>
  <si>
    <t>C:\Vila\Empresas Anterior\Arquivos Telecom\Cenários 5rev 13.pptx\</t>
  </si>
  <si>
    <t>E:\BK_final\Vilarinho\Vilarinho - Trabalho\Algar Telecom\Cenários 5rev 13.pptx</t>
  </si>
  <si>
    <t>11/19/2019 14:49:51</t>
  </si>
  <si>
    <t>C:\Vila\Empresas Anterior\Arquivos Telecom\Cenários 5rev 13.pptx-Vila.pptx\</t>
  </si>
  <si>
    <t>E:\BK_final\Vilarinho\Vilarinho - Trabalho\Algar Telecom\Cenários 5rev 13.pptx-Vila.pptx</t>
  </si>
  <si>
    <t>11/19/2019 14:49:52</t>
  </si>
  <si>
    <t>CR 69 - 3rev2012.xlsx</t>
  </si>
  <si>
    <t>E:\BK_final\Vilarinho\Vilarinho - Trabalho\Algar Telecom\CR 69 - 3rev2012.xlsx</t>
  </si>
  <si>
    <t>Demonstrativo de PLR Vilarinho - 15 04 15.xls</t>
  </si>
  <si>
    <t>E:\BK_final\Vilarinho\Vilarinho - Trabalho\Algar Telecom\Demonstrativo de PLR Vilarinho - 15 04 15.xls</t>
  </si>
  <si>
    <t>Departamental CCA - Jan 2011.xls</t>
  </si>
  <si>
    <t>E:\BK_final\Vilarinho\Vilarinho - Trabalho\Algar Telecom\Departamental CCA - Jan 2011.xls</t>
  </si>
  <si>
    <t>DepartamentalCCAMar-13.csv</t>
  </si>
  <si>
    <t>E:\BK_final\Vilarinho\Vilarinho - Trabalho\Algar Telecom\DepartamentalCCAMar-13.csv</t>
  </si>
  <si>
    <t>DepartamentalCCAMar-13.xlsx</t>
  </si>
  <si>
    <t>E:\BK_final\Vilarinho\Vilarinho - Trabalho\Algar Telecom\DepartamentalCCAMar-13.xlsx</t>
  </si>
  <si>
    <t>11/19/2019 14:49:56</t>
  </si>
  <si>
    <t>Impactos Engeset Resultado Telecom.xlsx</t>
  </si>
  <si>
    <t>E:\BK_final\Vilarinho\Vilarinho - Trabalho\Algar Telecom\Impactos Engeset Resultado Telecom.xlsx</t>
  </si>
  <si>
    <t>11/19/2019 14:49:57</t>
  </si>
  <si>
    <t>JIRA Sugestão.xlsx</t>
  </si>
  <si>
    <t>E:\BK_final\Vilarinho\Vilarinho - Trabalho\Algar Telecom\JIRA Sugestão.xlsx</t>
  </si>
  <si>
    <t>Levantamento Recuperar II - Estado GO.xlsx</t>
  </si>
  <si>
    <t>E:\BK_final\Vilarinho\Vilarinho - Trabalho\Algar Telecom\Levantamento Recuperar II - Estado GO.xlsx</t>
  </si>
  <si>
    <t>Lista Avaliação 360.xls</t>
  </si>
  <si>
    <t>E:\BK_final\Vilarinho\Vilarinho - Trabalho\Algar Telecom\Lista Avaliação 360.xls</t>
  </si>
  <si>
    <t>Movimentações CPF.xlsx</t>
  </si>
  <si>
    <t>E:\BK_final\Vilarinho\Vilarinho - Trabalho\Algar Telecom\Movimentações CPF.xlsx</t>
  </si>
  <si>
    <t>Planilha identificação entrevistados - ALGAR - 13.10.2010.xls</t>
  </si>
  <si>
    <t>E:\BK_final\Vilarinho\Vilarinho - Trabalho\Algar Telecom\Planilha identificação entrevistados - ALGAR - 13.10.2010.xls</t>
  </si>
  <si>
    <t>11/19/2019 14:49:58</t>
  </si>
  <si>
    <t>Prévia Receita Bruta Jan-12.xlsx</t>
  </si>
  <si>
    <t>E:\BK_final\Vilarinho\Vilarinho - Trabalho\Algar Telecom\Prévia Receita Bruta Jan-12.xlsx</t>
  </si>
  <si>
    <t>Proposta reajuste Out-13.xlsx</t>
  </si>
  <si>
    <t>E:\BK_final\Vilarinho\Vilarinho - Trabalho\Algar Telecom\Proposta reajuste Out-13.xlsx</t>
  </si>
  <si>
    <t>Proposta reajuste.xlsx</t>
  </si>
  <si>
    <t>E:\BK_final\Vilarinho\Vilarinho - Trabalho\Algar Telecom\Proposta reajuste.xlsx</t>
  </si>
  <si>
    <t>Proposta Reducao Expansao.xlsx</t>
  </si>
  <si>
    <t>E:\BK_final\Vilarinho\Vilarinho - Trabalho\Algar Telecom\Proposta Reducao Expansao.xlsx</t>
  </si>
  <si>
    <t>11/19/2019 14:49:59</t>
  </si>
  <si>
    <t>Relação Departamental - Novembro 2013.xls</t>
  </si>
  <si>
    <t>E:\BK_final\Vilarinho\Vilarinho - Trabalho\Algar Telecom\Relação Departamental - Novembro 2013.xls</t>
  </si>
  <si>
    <t>Relação Departamental sem executivos - Novembro 2013.xls</t>
  </si>
  <si>
    <t>E:\BK_final\Vilarinho\Vilarinho - Trabalho\Algar Telecom\Relação Departamental sem executivos - Novembro 2013.xls</t>
  </si>
  <si>
    <t>11/19/2019 14:50:00</t>
  </si>
  <si>
    <t>resultados dos objetivos dos executivos - 1° semestre de 2013 -final.xls</t>
  </si>
  <si>
    <t>E:\BK_final\Vilarinho\Vilarinho - Trabalho\Algar Telecom\resultados dos objetivos dos executivos - 1° semestre de 2013 -final.xls</t>
  </si>
  <si>
    <t>C:\Vila\Empresas Anterior\Arquivos Telecom\Reunião de start up-Dez-12 - Apoio Explicações_Não_Projetar-vila.pptx\</t>
  </si>
  <si>
    <t>E:\BK_final\Vilarinho\Vilarinho - Trabalho\Algar Telecom\Reunião de start up-Dez-12 - Apoio Explicações_Não_Projetar-vila.pptx</t>
  </si>
  <si>
    <t>11/19/2019 14:50:03</t>
  </si>
  <si>
    <t>C:\Vila\Empresas Anterior\Arquivos Telecom\ReunioesAlinhamentoDepreciacao.ppt\s4\</t>
  </si>
  <si>
    <t>E:\BK_final\Vilarinho\Vilarinho - Trabalho\Algar Telecom\ReunioesAlinhamentoDepreciacao.ppt</t>
  </si>
  <si>
    <t>11/19/2019 14:55:06</t>
  </si>
  <si>
    <t>11/19/2019 14:55:24</t>
  </si>
  <si>
    <t>11/19/2019 14:59:33</t>
  </si>
  <si>
    <t>ESTRUTURA ATUALIZAR - GREVY NOVEMBRO.xlsx</t>
  </si>
  <si>
    <t>11/19/2019 15:00:54</t>
  </si>
  <si>
    <t>11/19/2019 15:03:33</t>
  </si>
  <si>
    <t>mail.google.com/_/upload?authuser=0&amp;dcp=asu-n&amp;upload_id=AEnB2Up_wXsCdWCmefrMRQ0Pmjzf8Mw-DBjGUMhtZ6wPHwxg_tTIEIfOHuS2-xqY_0Yvl2S9vO1667d0gIIuZeKzYosAFWe9LWyvKiQKGyTjNRI_bL3lspo&amp;upload_protocol=resumable</t>
  </si>
  <si>
    <t>11/19/2019 15:03:54</t>
  </si>
  <si>
    <t>11/19/2019 15:08:34</t>
  </si>
  <si>
    <t>Resultado consolidado CIMI</t>
  </si>
  <si>
    <t>11/19/2019 15:06:20</t>
  </si>
  <si>
    <t>11/19/2019 15:10:34</t>
  </si>
  <si>
    <t>emersonsdo@algartech.com;logisticatimopm@grupotpc.com;ppaternina@timbrasil.com.br;qgouveia@timbrasil.com.br;</t>
  </si>
  <si>
    <t>ENC: Ações Indicadores TIM - Passiveis de RNC</t>
  </si>
  <si>
    <t>RES Solicitação de ajuste SGS PLAYER GOIANIA.msg\s1\</t>
  </si>
  <si>
    <t>Solicitação de Suporte SGS.xlsx</t>
  </si>
  <si>
    <t>emersonsdo@algartech.com,logisticatimopm@grupotpc.com,ppaternina@timbrasil.com.br,qgouveia@timbrasil.com.br</t>
  </si>
  <si>
    <t>11/19/2019 15:10:48</t>
  </si>
  <si>
    <t>11/19/2019 15:15:33</t>
  </si>
  <si>
    <t>LPU ALGAR - R640 - 20092019 v1.xlsm</t>
  </si>
  <si>
    <t>11/19/2019 15:13:39</t>
  </si>
  <si>
    <t>C:\Users\fellypcsj\OneDrive - Grupo Algar\Fellyp\TCC Alloany\</t>
  </si>
  <si>
    <t>"mi,"mimetype":"application/v,- fellyp cro,- fellyp crosgnac' and trashed = false and '0ae3h7i3gj6qfuk9pva' in parents&amp;fields=kind,alloany",alloany' and trashed = false and '0ae3h7i3gj6qfuk9pva' in parents&amp;fields=kind,containsunsubscribedchi,containsunsubscribedchildren,displ,displayname,domain,emailaddress,explicitlytrashed,file(kind,fileid,filesize,hasthumb,hasthumbnail,hasvisitorpermissions,id,id),items(deleted,items(kind,ken,kind,lastmodifyinguser(kind,lastviewedbymedate,mimetype,modif,modifiedbymedate,modifieddate,nextpagetoken,ontainsunsubscribedchildren,owners(kind,permissionid,picture,quotabytesused,s",shar,shared,sharedwithmedate,thumbnai,thumbnailversion,title,userpermission(role)</t>
  </si>
  <si>
    <t>11/19/2019 15:15:25</t>
  </si>
  <si>
    <t>11/19/2019 15:18:34</t>
  </si>
  <si>
    <t>/o=exchangelabs/ou=exchange administrative group (fydibohf23spdlt)/cn=recipients/cn=38cb943dd1ac413a953757a4a5a53053-fabio welze;/o=exchangelabs/ou=exchange administrative group (fydibohf23spdlt)/cn=recipients/cn=9590810d44524cf49acee6103c18936a-denys guidi;/o=exchangelabs/ou=exchange administrative group (fydibohf23spdlt)/cn=recipients/cn=user78f7a52d;</t>
  </si>
  <si>
    <t>RES: RES: Nosso produto de MONITORAMENTO com automação</t>
  </si>
  <si>
    <t>199252 Marista Plan Precificacao C017 B017_v2.xlsb</t>
  </si>
  <si>
    <t>/o=exchangelabs/ou=exchange administrative group (fydibohf23spdlt)/cn=recipients/cn=38cb943dd1ac413a953757a4a5a53053-fabio welze,/o=exchangelabs/ou=exchange administrative group (fydibohf23spdlt)/cn=recipients/cn=9590810d44524cf49acee6103c18936a-denys guidi,/o=exchangelabs/ou=exchange administrative group (fydibohf23spdlt)/cn=recipients/cn=user78f7a52d</t>
  </si>
  <si>
    <t>11/19/2019 15:23:16</t>
  </si>
  <si>
    <t>11/19/2019 15:25:33</t>
  </si>
  <si>
    <t>11/19/2019 15:23:29</t>
  </si>
  <si>
    <t>11/19/2019 15:27:33</t>
  </si>
  <si>
    <t>/o=exchangelabs/ou=exchange administrative group (fydibohf23spdlt)/cn=recipients/cn=a23f543121324efbba41fedda18f0234-emerson mai;</t>
  </si>
  <si>
    <t>CAPEX_Real por CNPJ_(2019).xlsx</t>
  </si>
  <si>
    <t>/o=exchangelabs/ou=exchange administrative group (fydibohf23spdlt)/cn=recipients/cn=a23f543121324efbba41fedda18f0234-emerson mai</t>
  </si>
  <si>
    <t>11/19/2019 15:24:51</t>
  </si>
  <si>
    <t>11/19/2019 15:33:13</t>
  </si>
  <si>
    <t>11/19/2019 15:35:33</t>
  </si>
  <si>
    <t>11/19/2019 15:34:25</t>
  </si>
  <si>
    <t>11/19/2019 15:36:33</t>
  </si>
  <si>
    <t>Pipeline - Argentina</t>
  </si>
  <si>
    <t>19_11_19_ Pipeline Comentado_Argentina.xlsx</t>
  </si>
  <si>
    <t>11/19/2019 15:36:44</t>
  </si>
  <si>
    <t>11/19/2019 15:38:33</t>
  </si>
  <si>
    <t>/o=exchangelabs/ou=exchange administrative group (fydibohf23spdlt)/cn=recipients/cn=23686df447cc446eb0c1b6b47007d422-diogo de so;/o=exchangelabs/ou=exchange administrative group (fydibohf23spdlt)/cn=recipients/cn=89e58c8da071492dbdcb4fee4156b705-gustavo alm;/o=exchangelabs/ou=exchange administrative group (fydibohf23spdlt)/cn=recipients/cn=8c89829ad534498fa4c85b5ac11174f1-suelen more;</t>
  </si>
  <si>
    <t>RES: Análise oportunidades Governo</t>
  </si>
  <si>
    <t>/o=exchangelabs/ou=exchange administrative group (fydibohf23spdlt)/cn=recipients/cn=23686df447cc446eb0c1b6b47007d422-diogo de so,/o=exchangelabs/ou=exchange administrative group (fydibohf23spdlt)/cn=recipients/cn=89e58c8da071492dbdcb4fee4156b705-gustavo alm,/o=exchangelabs/ou=exchange administrative group (fydibohf23spdlt)/cn=recipients/cn=8c89829ad534498fa4c85b5ac11174f1-suelen more</t>
  </si>
  <si>
    <t>11/19/2019 15:40:39</t>
  </si>
  <si>
    <t>11/19/2019 15:43:34</t>
  </si>
  <si>
    <t>7b2495dab4b34475af53346c726d9bdd.xls</t>
  </si>
  <si>
    <t>11/19/2019 15:40:28</t>
  </si>
  <si>
    <t>11/19/2019 15:44:33</t>
  </si>
  <si>
    <t>wesleymb@algartech.com.br;</t>
  </si>
  <si>
    <t>ENC: Apresentação URR - Out/19</t>
  </si>
  <si>
    <t>wesleymb@algartech.com.br</t>
  </si>
  <si>
    <t>11/19/2019 15:31:55</t>
  </si>
  <si>
    <t>11/19/2019 15:46:33</t>
  </si>
  <si>
    <t>C:\Users\luanaaoli\Desktop\INICIATIVAS\3. Apresentações\Job Sharing.pptx\</t>
  </si>
  <si>
    <t>11/19/2019 15:41:39</t>
  </si>
  <si>
    <t>mail.google.com/_/upload?authuser=0&amp;dcp=asu-n&amp;upload_id=AEnB2Uo4OQFa5cDkyVG4PeVb9j8iyYOHABlT8BckzXTNREXpK0EtIvu23N_-3awP948JrqqmoAgmnqJkSVmaWbyIMmqmS0q2sQ8i5PHqtmzK8AybQk3jI0A&amp;upload_protocol=resumable</t>
  </si>
  <si>
    <t>11/19/2019 15:41:45</t>
  </si>
  <si>
    <t>607257d1-dcaf-44ca-a85f-b58a6f5dcb5b;</t>
  </si>
  <si>
    <t>11/19/2019 15:49:15</t>
  </si>
  <si>
    <t>11/19/2019 15:51:34</t>
  </si>
  <si>
    <t>/o=exchangelabs/ou=exchange administrative group (fydibohf23spdlt)/cn=recipients/cn=1a891a11d41b4f2490d38c4920393403-hernan edua;/o=exchangelabs/ou=exchange administrative group (fydibohf23spdlt)/cn=recipients/cn=372a4aee70df4061aed129651510b96b-raul montei;/o=exchangelabs/ou=exchange administrative group (fydibohf23spdlt)/cn=recipients/cn=88cfe72c15cd402bb9c857655af0f1c2-mauricio mo;/o=exchangelabs/ou=exchange administrative group (fydibohf23spdlt)/cn=recipients/cn=dc2c5efff31d437e832479c059a1cb66-gonzalo art;/o=exchangelabs/ou=exchange administrative group (fydibohf23spdlt)/cn=recipients/cn=f7ce32d4dd56453fa44b9dcb07f56da4-daniela alv;yulyacr@algartech.com;</t>
  </si>
  <si>
    <t>Pipeline - Colombia</t>
  </si>
  <si>
    <t>19_11_19_ Pipeline Comentado_Colombia.xlsx</t>
  </si>
  <si>
    <t>/o=exchangelabs/ou=exchange administrative group (fydibohf23spdlt)/cn=recipients/cn=1a891a11d41b4f2490d38c4920393403-hernan edua,/o=exchangelabs/ou=exchange administrative group (fydibohf23spdlt)/cn=recipients/cn=372a4aee70df4061aed129651510b96b-raul montei,/o=exchangelabs/ou=exchange administrative group (fydibohf23spdlt)/cn=recipients/cn=88cfe72c15cd402bb9c857655af0f1c2-mauricio mo,/o=exchangelabs/ou=exchange administrative group (fydibohf23spdlt)/cn=recipients/cn=dc2c5efff31d437e832479c059a1cb66-gonzalo art,/o=exchangelabs/ou=exchange administrative group (fydibohf23spdlt)/cn=recipients/cn=f7ce32d4dd56453fa44b9dcb07f56da4-daniela alv,yulyacr@algartech.com</t>
  </si>
  <si>
    <t>11/19/2019 15:48:21</t>
  </si>
  <si>
    <t>11/19/2019 15:52:33</t>
  </si>
  <si>
    <t>D:\</t>
  </si>
  <si>
    <t>Supermercado.xlsx</t>
  </si>
  <si>
    <t>11/19/2019 15:48:23</t>
  </si>
  <si>
    <t>Planejamento 2017 (Virginia Martha Bessa).xlsx</t>
  </si>
  <si>
    <t>11/19/2019 15:48:24</t>
  </si>
  <si>
    <t>Cópia de Formulário Cartão de Visita (1).xlsx</t>
  </si>
  <si>
    <t>11/19/2019 15:48:26</t>
  </si>
  <si>
    <t>Calculos PJ.xlsx</t>
  </si>
  <si>
    <t>11/19/2019 15:48:28</t>
  </si>
  <si>
    <t>D:\1. Algar TI Udi Associado (2) (003).zip\1. Algar TI Udi Associado\</t>
  </si>
  <si>
    <t>Kit Admissional Geral - Algar TI Udia.xls</t>
  </si>
  <si>
    <t>11/19/2019 15:48:30</t>
  </si>
  <si>
    <t>VIPs Diretoria.xlsx</t>
  </si>
  <si>
    <t>11/19/2019 15:48:31</t>
  </si>
  <si>
    <t>Lista Aniversário Mamãe.xlsx</t>
  </si>
  <si>
    <t>11/19/2019 15:48:32</t>
  </si>
  <si>
    <t>D:\Documentos Admissão\</t>
  </si>
  <si>
    <t>Cópia de FORMULÁRIO INCLUSÃO INTERODONTO.xls</t>
  </si>
  <si>
    <t>Cópia de Solicitaço de crachá.xls</t>
  </si>
  <si>
    <t>Cópia de VT VIRGINIA.xlsx</t>
  </si>
  <si>
    <t>11/19/2019 15:48:33</t>
  </si>
  <si>
    <t>D:\Documentos Admissão\Enc Kit Admissional Holding.msg\s1\</t>
  </si>
  <si>
    <t>FORMUL¦RIO UNIODONTO.xls</t>
  </si>
  <si>
    <t>Solicitaç¦o de crachá.xls</t>
  </si>
  <si>
    <t>11/19/2019 15:49:29</t>
  </si>
  <si>
    <t>11/19/2019 15:53:33</t>
  </si>
  <si>
    <t>11/19/2019 15:50:53</t>
  </si>
  <si>
    <t>\\acsfs\DEPTOS\Engenharia\2 - Service Desk\2.19 - Help Desk Corporate\2.19.9 - Outros\SUPERVISORES\Lucas Rabboni\001 - Equipes\1.Implementação\Acompanhamentos\2019 11 01\</t>
  </si>
  <si>
    <t>Dashboard Viagens OUTUBRO.xlsx</t>
  </si>
  <si>
    <t>11/19/2019 15:52:46</t>
  </si>
  <si>
    <t>11/19/2019 15:54:33</t>
  </si>
  <si>
    <t>C:\Users\mariannacsm\OneDrive - Grupo Algar\0- PMO-POOL\COMPRAS\09 - Saving OPEX 2020\</t>
  </si>
  <si>
    <t>Contratos MKT_Thais Mozelli.xlsx</t>
  </si>
  <si>
    <t>11/19/2019 15:51:21</t>
  </si>
  <si>
    <t>11/19/2019 15:55:34</t>
  </si>
  <si>
    <t>Relatório de Performance</t>
  </si>
  <si>
    <t>Performance - ALGAR URR_Fechamento_Outubro.xlsm</t>
  </si>
  <si>
    <t>11/19/2019 15:52:32</t>
  </si>
  <si>
    <t>11/19/2019 15:54:12</t>
  </si>
  <si>
    <t>11/19/2019 15:56:33</t>
  </si>
  <si>
    <t>/o=exchangelabs/ou=exchange administrative group (fydibohf23spdlt)/cn=recipients/cn=249f643ba1e044588b45a020c76dadde-daniel de o;/o=exchangelabs/ou=exchange administrative group (fydibohf23spdlt)/cn=recipients/cn=2efe26bca22a43cc89c6ed48ba5e50b4-luciano cor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b194f014572c4c36b52132f9199df1aa-jairo junio;/o=exchangelabs/ou=exchange administrative group (fydibohf23spdlt)/cn=recipients/cn=userdc05fc7c;</t>
  </si>
  <si>
    <t>RES: Alinhamento com fornecedor - Processo 40143349H - Service Desk Cartões - Algartech</t>
  </si>
  <si>
    <t>214269_Bradesco_SD_Cenário_02_36_PL_(C017_B017)_v3.xlsb</t>
  </si>
  <si>
    <t>/o=exchangelabs/ou=exchange administrative group (fydibohf23spdlt)/cn=recipients/cn=249f643ba1e044588b45a020c76dadde-daniel de o,/o=exchangelabs/ou=exchange administrative group (fydibohf23spdlt)/cn=recipients/cn=2efe26bca22a43cc89c6ed48ba5e50b4-luciano cor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b194f014572c4c36b52132f9199df1aa-jairo junio,/o=exchangelabs/ou=exchange administrative group (fydibohf23spdlt)/cn=recipients/cn=userdc05fc7c</t>
  </si>
  <si>
    <t>11/19/2019 15:51:48</t>
  </si>
  <si>
    <t>/o=exchangelabs/ou=exchange administrative group (fydibohf23spdlt)/cn=recipients/cn=372a4aee70df4061aed129651510b96b-raul montei;/o=exchangelabs/ou=exchange administrative group (fydibohf23spdlt)/cn=recipients/cn=cd3b5b481f524fe68902e02768910038-koldo alcal;/o=exchangelabs/ou=exchange administrative group (fydibohf23spdlt)/cn=recipients/cn=d2c2c8150e204f7790f9c21d1df1eff0-jorge allan;ricardoahm@algartech.com;</t>
  </si>
  <si>
    <t>Pipeline - Mexico</t>
  </si>
  <si>
    <t>19_11_19_ Pipeline Comentado_Mexico.xlsx</t>
  </si>
  <si>
    <t>/o=exchangelabs/ou=exchange administrative group (fydibohf23spdlt)/cn=recipients/cn=372a4aee70df4061aed129651510b96b-raul montei,/o=exchangelabs/ou=exchange administrative group (fydibohf23spdlt)/cn=recipients/cn=cd3b5b481f524fe68902e02768910038-koldo alcal,/o=exchangelabs/ou=exchange administrative group (fydibohf23spdlt)/cn=recipients/cn=d2c2c8150e204f7790f9c21d1df1eff0-jorge allan,ricardoahm@algartech.com</t>
  </si>
  <si>
    <t>11/19/2019 15:53:16</t>
  </si>
  <si>
    <t>11/19/2019 15:57:33</t>
  </si>
  <si>
    <t>Ocorrências</t>
  </si>
  <si>
    <t>OCORRENCIAS_028_01A18_EMISSAO1911.csv</t>
  </si>
  <si>
    <t>11/19/2019 15:58:59</t>
  </si>
  <si>
    <t>11/19/2019 16:01:34</t>
  </si>
  <si>
    <t>214269_Bradesco_SD_Cenário_01_36_JR_(C017_B017)_v3.xlsb</t>
  </si>
  <si>
    <t>11/19/2019 15:58:58</t>
  </si>
  <si>
    <t>11/19/2019 16:02:33</t>
  </si>
  <si>
    <t>rodrigo.amaral@tetrapak.com;</t>
  </si>
  <si>
    <t>RES: Programação de férias do associado Hercules Angieski</t>
  </si>
  <si>
    <t>Equipe Tetra.xlsx</t>
  </si>
  <si>
    <t>rodrigo.amaral@tetrapak.com</t>
  </si>
  <si>
    <t>11/19/2019 15:59:49</t>
  </si>
  <si>
    <t>Retorno - STM e CFJ</t>
  </si>
  <si>
    <t>Apuração -STM.xlsx</t>
  </si>
  <si>
    <t>11/19/2019 16:02:00</t>
  </si>
  <si>
    <t>11/19/2019 16:04:33</t>
  </si>
  <si>
    <t>/o=exchangelabs/ou=exchange administrative group (fydibohf23spdlt)/cn=recipients/cn=1388e760581940569776ffce7145c40e-patricia ap;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90878932db2a45bb924c0e3aac6d5da2-jonatas lem;antonio.guido@bradesco.com.br;celso.goncalves@bradesco.com.br;rafaelabsz@algartech.com.br;</t>
  </si>
  <si>
    <t>Relatórios URR - Out e Nov</t>
  </si>
  <si>
    <t>/o=exchangelabs/ou=exchange administrative group (fydibohf23spdlt)/cn=recipients/cn=1388e760581940569776ffce7145c40e-patricia ap,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90878932db2a45bb924c0e3aac6d5da2-jonatas lem,antonio.guido@bradesco.com.br,celso.goncalves@bradesco.com.br,rafaelabsz@algartech.com.br</t>
  </si>
  <si>
    <t>11/19/2019 16:01:57</t>
  </si>
  <si>
    <t>11/19/2019 16:02:01</t>
  </si>
  <si>
    <t>Divergências Faturamento Novembro.xlsx</t>
  </si>
  <si>
    <t>11/19/2019 16:03:28</t>
  </si>
  <si>
    <t>11/19/2019 16:05:34</t>
  </si>
  <si>
    <t>Relatório.xlsx</t>
  </si>
  <si>
    <t>11/19/2019 16:08:33</t>
  </si>
  <si>
    <t>ENC: Informações Proposta Comercial - Evolução Digital</t>
  </si>
  <si>
    <t>Vfinal.7z\Vfinal\</t>
  </si>
  <si>
    <t>190262 Avon BKO FINAL.xlsb</t>
  </si>
  <si>
    <t>11/19/2019 16:08:14</t>
  </si>
  <si>
    <t>11/19/2019 16:09:34</t>
  </si>
  <si>
    <t>11/19/2019 16:09:26</t>
  </si>
  <si>
    <t>11/19/2019 16:14:34</t>
  </si>
  <si>
    <t>11/19/2019 16:10:02</t>
  </si>
  <si>
    <t>11/19/2019 16:10:33</t>
  </si>
  <si>
    <t>11/19/2019 16:11:20</t>
  </si>
  <si>
    <t>11/19/2019 16:12:12</t>
  </si>
  <si>
    <t>11/19/2019 16:13:03</t>
  </si>
  <si>
    <t>11/19/2019 16:13:43</t>
  </si>
  <si>
    <t>11/19/2019 16:14:16</t>
  </si>
  <si>
    <t>11/19/2019 16:11:51</t>
  </si>
  <si>
    <t>11/19/2019 16:15:33</t>
  </si>
  <si>
    <t>antoniaama@algartech.com;cassiaafa@algartech.com;deboraaxm@algartech.com;francisco_cardoso@whirlpool.com;gabriela_b_goncalves@whirlpool.com;joaopfe@algartech.com;matheusvs@algartech.com;querencm@algartech.com;rosilenedlf@algartech.com;thiagorrg@algartech.com;viniciussdl@algartech.com;</t>
  </si>
  <si>
    <t>FORUM (3).xls</t>
  </si>
  <si>
    <t>antoniaama@algartech.com,cassiaafa@algartech.com,deboraaxm@algartech.com,francisco_cardoso@whirlpool.com,gabriela_b_goncalves@whirlpool.com,joaopfe@algartech.com,matheusvs@algartech.com,querencm@algartech.com,rosilenedlf@algartech.com,thiagorrg@algartech.com,viniciussdl@algartech.com</t>
  </si>
  <si>
    <t>11/19/2019 16:14:47</t>
  </si>
  <si>
    <t>11/19/2019 16:19:33</t>
  </si>
  <si>
    <t>11/19/2019 16:15:32</t>
  </si>
  <si>
    <t>11/19/2019 16:16:32</t>
  </si>
  <si>
    <t>11/19/2019 16:17:07</t>
  </si>
  <si>
    <t>11/19/2019 16:19:34</t>
  </si>
  <si>
    <t>11/19/2019 16:17:49</t>
  </si>
  <si>
    <t>11/19/2019 16:18:21</t>
  </si>
  <si>
    <t>11/19/2019 16:18:20</t>
  </si>
  <si>
    <t>ENC: Volume Gerenciadas Amex e Visa - 19/11</t>
  </si>
  <si>
    <t>11/19/2019 16:15:59</t>
  </si>
  <si>
    <t>11/19/2019 16:20:34</t>
  </si>
  <si>
    <t>/o=exchangelabs/ou=exchange administrative group (fydibohf23spdlt)/cn=recipients/cn=086b170a09044ccdba122e7be04d9f61-flavia viei;/o=exchangelabs/ou=exchange administrative group (fydibohf23spdlt)/cn=recipients/cn=2946605dcf554cb389220dec598b84fa-adriano mon;/o=exchangelabs/ou=exchange administrative group (fydibohf23spdlt)/cn=recipients/cn=3f81420aa09a45308e82efb501d64cad-rafaela alv;/o=exchangelabs/ou=exchange administrative group (fydibohf23spdlt)/cn=recipients/cn=5c0e0b883c0f4ccbb2cf13db05a00b36-luciene ivo;/o=exchangelabs/ou=exchange administrative group (fydibohf23spdlt)/cn=recipients/cn=84f9fc1a8d4b43628d9b8154ad19ca16-fabiola car;/o=exchangelabs/ou=exchange administrative group (fydibohf23spdlt)/cn=recipients/cn=8b5b63d67af648d081a40c45cc800804-fabiana per;/o=exchangelabs/ou=exchange administrative group (fydibohf23spdlt)/cn=recipients/cn=a4ba92cba10f4fe498074594f937f3b6-leandro lop;/o=exchangelabs/ou=exchange administrative group (fydibohf23spdlt)/cn=recipients/cn=d3d28899a5be4c2c8b5b9e55717f7da7-fabi</t>
  </si>
  <si>
    <t>ENC: Relatório de máquinas x pacote Office - Domínio BRA - URGENTE - URGENTE</t>
  </si>
  <si>
    <t>/o=exchangelabs/ou=exchange administrative group (fydibohf23spdlt)/cn=recipients/cn=086b170a09044ccdba122e7be04d9f61-flavia viei,/o=exchangelabs/ou=exchange administrative group (fydibohf23spdlt)/cn=recipients/cn=2946605dcf554cb389220dec598b84fa-adriano mon,/o=exchangelabs/ou=exchange administrative group (fydibohf23spdlt)/cn=recipients/cn=3f81420aa09a45308e82efb501d64cad-rafaela alv,/o=exchangelabs/ou=exchange administrative group (fydibohf23spdlt)/cn=recipients/cn=5c0e0b883c0f4ccbb2cf13db05a00b36-luciene ivo,/o=exchangelabs/ou=exchange administrative group (fydibohf23spdlt)/cn=recipients/cn=84f9fc1a8d4b43628d9b8154ad19ca16-fabiola car,/o=exchangelabs/ou=exchange administrative group (fydibohf23spdlt)/cn=recipients/cn=8b5b63d67af648d081a40c45cc800804-fabiana per,/o=exchangelabs/ou=exchange administrative group (fydibohf23spdlt)/cn=recipients/cn=a4ba92cba10f4fe498074594f937f3b6-leandro lop,/o=exchangelabs/ou=exchange administrative group (fydibohf23spdlt)/cn=recipients/cn=d3d28899a5be4c2c8b5b9e55717f7da7-fabi</t>
  </si>
  <si>
    <t>11/19/2019 16:18:00</t>
  </si>
  <si>
    <t>11/19/2019 16:22:34</t>
  </si>
  <si>
    <t>https://www.portalfornecedores.tim.com.br/sap/bc/webdynpro/sap/zwd_cf/;sap-ext-sid=widalggtzhbsqiifwj*luq--pqioqg0bmitupvodea3krq--/~wd_key/?sap-contextid=sid:anon:hsapp1s_p1s_00:mzkmxl5i48c_6sqlufw3yuonrnqs9ojjretuwrxv-new&amp;sap-wd-resource-id=wd24&amp;sap-wd-secure-id=31c35e4ab1bf309cca9c7a437766a08f</t>
  </si>
  <si>
    <t>Pedidos - 2019-11-19T161612.132.csv</t>
  </si>
  <si>
    <t>11/19/2019 16:19:37</t>
  </si>
  <si>
    <t>11/19/2019 16:24:33</t>
  </si>
  <si>
    <t>11/19/2019 16:20:19</t>
  </si>
  <si>
    <t>11/19/2019 16:21:14</t>
  </si>
  <si>
    <t>11/19/2019 16:22:15</t>
  </si>
  <si>
    <t>11/19/2019 16:23:12</t>
  </si>
  <si>
    <t>11/19/2019 16:24:13</t>
  </si>
  <si>
    <t>11/19/2019 16:21:25</t>
  </si>
  <si>
    <t>11/19/2019 16:25:34</t>
  </si>
  <si>
    <t>RES: Prévia Novembro - 2019</t>
  </si>
  <si>
    <t>Previa Faturamento Unica Novembro 2019.xlsx</t>
  </si>
  <si>
    <t>11/19/2019 16:20:52</t>
  </si>
  <si>
    <t>11/19/2019 16:26:33</t>
  </si>
  <si>
    <t>/o=exchangelabs/ou=exchange administrative group (fydibohf23spdlt)/cn=recipients/cn=7df34f8bfd5c49aba90be766dd53403a-rosimar lei;/o=exchangelabs/ou=exchange administrative group (fydibohf23spdlt)/cn=recipients/cn=9e20ba3b6afd447db98f75fb7bdc7037-francisco e;</t>
  </si>
  <si>
    <t>ORÇAMENTOS EXECUTADOS</t>
  </si>
  <si>
    <t>Cópia de Orçamentos em Análise - Orçamentos - INFORMAÇÕES ADICIONAIS.xlsx</t>
  </si>
  <si>
    <t>/o=exchangelabs/ou=exchange administrative group (fydibohf23spdlt)/cn=recipients/cn=7df34f8bfd5c49aba90be766dd53403a-rosimar lei,/o=exchangelabs/ou=exchange administrative group (fydibohf23spdlt)/cn=recipients/cn=9e20ba3b6afd447db98f75fb7bdc7037-francisco e</t>
  </si>
  <si>
    <t>11/19/2019 16:21:37</t>
  </si>
  <si>
    <t>11/19/2019 16:24:56</t>
  </si>
  <si>
    <t>11/19/2019 16:29:34</t>
  </si>
  <si>
    <t>fernandodps@algartech.com;julianatem@algartech.com;lilianbcr@algartech.com;marcopaulolr@algartech.com;marcotvo@algartech.com;ricardodfm@algartech.com;ricardomi@algartech.com;</t>
  </si>
  <si>
    <t>fernandodps@algartech.com,julianatem@algartech.com,lilianbcr@algartech.com,marcopaulolr@algartech.com,marcotvo@algartech.com,ricardodfm@algartech.com,ricardomi@algartech.com</t>
  </si>
  <si>
    <t>11/19/2019 16:24:44</t>
  </si>
  <si>
    <t>11/19/2019 16:27:19</t>
  </si>
  <si>
    <t>11/19/2019 16:30:34</t>
  </si>
  <si>
    <t>11/19/2019 16:32:40</t>
  </si>
  <si>
    <t>11/19/2019 16:34:34</t>
  </si>
  <si>
    <t>11/13/2019 12:47:57</t>
  </si>
  <si>
    <t>lucioms@algartech.com;</t>
  </si>
  <si>
    <t>A100 - Atualização de Incidentes</t>
  </si>
  <si>
    <t>GRU2 - Alarms Template.xlsx</t>
  </si>
  <si>
    <t>lucioms@algartech.com</t>
  </si>
  <si>
    <t>11/13/2019 13:03:53</t>
  </si>
  <si>
    <t>RES: A100 - Categorias_A100 Row_rev4</t>
  </si>
  <si>
    <t>11/18/2019 15:57:21</t>
  </si>
  <si>
    <t>/o=exchangelabs/ou=exchange administrative group (fydibohf23spdlt)/cn=recipients/cn=04e3841f08484fc58ec6c1e78af9be57-andrey bucc;</t>
  </si>
  <si>
    <t>ENC: Solicitação 811704 Notificação manual</t>
  </si>
  <si>
    <t>/o=exchangelabs/ou=exchange administrative group (fydibohf23spdlt)/cn=recipients/cn=04e3841f08484fc58ec6c1e78af9be57-andrey bucc</t>
  </si>
  <si>
    <t>11/19/2019 16:35:21</t>
  </si>
  <si>
    <t>11/19/2019 16:35:33</t>
  </si>
  <si>
    <t>/o=exchangelabs/ou=exchange administrative group (fydibohf23spdlt)/cn=recipients/cn=4ada91d5dca14c9b91ce4ae2425863c4-raphael afo;/o=exchangelabs/ou=exchange administrative group (fydibohf23spdlt)/cn=recipients/cn=66edf19ebc2742d0aad16b8a34a09b10-andre luiz;/o=exchangelabs/ou=exchange administrative group (fydibohf23spdlt)/cn=recipients/cn=9c85290e8238419a823a4b55320e99cb-andre luis;/o=exchangelabs/ou=exchange administrative group (fydibohf23spdlt)/cn=recipients/cn=b3ad8a638fcc4c57bf8c7953dd4b3cb8-augusto ces;luciano.batista@cscalgar.com.br;</t>
  </si>
  <si>
    <t>RES: RA-13998-SERVICO ELETRICO COMPLEMENTAR</t>
  </si>
  <si>
    <t>ENC Projeto SPOF Geradores - Fase 2.msg\s1\</t>
  </si>
  <si>
    <t>/o=exchangelabs/ou=exchange administrative group (fydibohf23spdlt)/cn=recipients/cn=4ada91d5dca14c9b91ce4ae2425863c4-raphael afo,/o=exchangelabs/ou=exchange administrative group (fydibohf23spdlt)/cn=recipients/cn=66edf19ebc2742d0aad16b8a34a09b10-andre luiz,/o=exchangelabs/ou=exchange administrative group (fydibohf23spdlt)/cn=recipients/cn=9c85290e8238419a823a4b55320e99cb-andre luis,/o=exchangelabs/ou=exchange administrative group (fydibohf23spdlt)/cn=recipients/cn=b3ad8a638fcc4c57bf8c7953dd4b3cb8-augusto ces,luciano.batista@cscalgar.com.br</t>
  </si>
  <si>
    <t>11/19/2019 16:34:39</t>
  </si>
  <si>
    <t>11/19/2019 16:36:34</t>
  </si>
  <si>
    <t>COMISSÃO FORÇA VENDAS - 3º Tri - 2019_V6_SF_PATRÍCIA.xlsb</t>
  </si>
  <si>
    <t>11/19/2019 16:36:22</t>
  </si>
  <si>
    <t>11/19/2019 16:37:34</t>
  </si>
  <si>
    <t>Mais planilhas ajustadas</t>
  </si>
  <si>
    <t>11/19/2019 16:37:05</t>
  </si>
  <si>
    <t>11/19/2019 16:39:33</t>
  </si>
  <si>
    <t>11/19/2019 16:38:43</t>
  </si>
  <si>
    <t>11/19/2019 16:41:34</t>
  </si>
  <si>
    <t>/o=exchangelabs/ou=exchange administrative group (fydibohf23spdlt)/cn=recipients/cn=9b52022a6e624c30a92f50cf4538a4bf-talmaia rod;/o=exchangelabs/ou=exchange administrative group (fydibohf23spdlt)/cn=recipients/cn=groupd5c96cfa;</t>
  </si>
  <si>
    <t>ENC: Alinhamento - Vendas realizadas no contato Ativo -</t>
  </si>
  <si>
    <t>controle de vendas ativo.xlsx</t>
  </si>
  <si>
    <t>/o=exchangelabs/ou=exchange administrative group (fydibohf23spdlt)/cn=recipients/cn=9b52022a6e624c30a92f50cf4538a4bf-talmaia rod,/o=exchangelabs/ou=exchange administrative group (fydibohf23spdlt)/cn=recipients/cn=groupd5c96cfa</t>
  </si>
  <si>
    <t>11/19/2019 16:37:01</t>
  </si>
  <si>
    <t>PO para emissão de FS - ALGAR 20191114.xlsx</t>
  </si>
  <si>
    <t>11/19/2019 16:37:04</t>
  </si>
  <si>
    <t>11/19/2019 16:42:33</t>
  </si>
  <si>
    <t>11/19/2019 16:44:34</t>
  </si>
  <si>
    <t>11/19/2019 16:47:33</t>
  </si>
  <si>
    <t>https://www.portalfornecedores.tim.com.br/sap/bc/webdynpro/sap/zwd_cf/;sap-ext-sid=widalggtzhbsqiifwj*luq--ks3_ohwa72u0t9qkvs3rba--/~wd_key/?sap-contextid=sid:anon:hsapp1s_p1s_00:mzkmgixpqvyke0zn2mzxrbviwvit9ohvpevmqrhu-new&amp;sap-wd-resource-id=wd24&amp;sap-wd-secure-id=bac8432e054b3ba19d1a6ebd6b477fe7</t>
  </si>
  <si>
    <t>Pedidos - 2019-11-19T164224.820.csv</t>
  </si>
  <si>
    <t>11/19/2019 16:44:04</t>
  </si>
  <si>
    <t>11/19/2019 16:49:33</t>
  </si>
  <si>
    <t>11/19/2019 16:45:16</t>
  </si>
  <si>
    <t>C:\Users\vilarinho\Google Drive\Orçamento Pessoal\</t>
  </si>
  <si>
    <t>ControleCaixa_Mensal.xlsx</t>
  </si>
  <si>
    <t>11/19/2019 16:45:17</t>
  </si>
  <si>
    <t>C:\Users\vilarinho\Google Drive\ControleCoaching\Recibos Terapia\</t>
  </si>
  <si>
    <t>Controle Terapia Nath.xlsx</t>
  </si>
  <si>
    <t>11/19/2019 16:48:37</t>
  </si>
  <si>
    <t>11/19/2019 16:51:33</t>
  </si>
  <si>
    <t>/o=exchangelabs/ou=exchange administrative group (fydibohf23spdlt)/cn=recipients/cn=35600680776041e0b2e3612c7a4448ea-laura venan;jleitao@timbrasil.com.br;</t>
  </si>
  <si>
    <t>/o=exchangelabs/ou=exchange administrative group (fydibohf23spdlt)/cn=recipients/cn=35600680776041e0b2e3612c7a4448ea-laura venan,jleitao@timbrasil.com.br</t>
  </si>
  <si>
    <t>11/19/2019 16:47:12</t>
  </si>
  <si>
    <t>/o=exchangelabs/ou=exchange administrative group (fydibohf23spdlt)/cn=recipients/cn=6bc6ced03b1b4fafa41bb5c70c178940-antonio per;/o=exchangelabs/ou=exchange administrative group (fydibohf23spdlt)/cn=recipients/cn=6fbc44b6d6b549208175d5a27201bd13-cintia nune;</t>
  </si>
  <si>
    <t>ENC: "Urgente" - OPP 152004 - SICOOB COBRAÇA</t>
  </si>
  <si>
    <t>152004 Sicoob BP - 24 meses PA + Digital FINAL v19.4_v2.xlsb</t>
  </si>
  <si>
    <t>/o=exchangelabs/ou=exchange administrative group (fydibohf23spdlt)/cn=recipients/cn=6bc6ced03b1b4fafa41bb5c70c178940-antonio per,/o=exchangelabs/ou=exchange administrative group (fydibohf23spdlt)/cn=recipients/cn=6fbc44b6d6b549208175d5a27201bd13-cintia nune</t>
  </si>
  <si>
    <t>11/19/2019 16:53:01</t>
  </si>
  <si>
    <t>11/19/2019 16:54:34</t>
  </si>
  <si>
    <t>Analise Igest.xlsx</t>
  </si>
  <si>
    <t>11/19/2019 16:51:52</t>
  </si>
  <si>
    <t>C:\Segatto\Algar2019\</t>
  </si>
  <si>
    <t>BasesPrudential.xlsx</t>
  </si>
  <si>
    <t>11/19/2019 16:52:20</t>
  </si>
  <si>
    <t>11/19/2019 16:55:33</t>
  </si>
  <si>
    <t>FAT - GAT_Nov/2019</t>
  </si>
  <si>
    <t>FAT_Liberados 2019_Tatiane.xlsx</t>
  </si>
  <si>
    <t>11/19/2019 16:56:39</t>
  </si>
  <si>
    <t>11/19/2019 17:00:33</t>
  </si>
  <si>
    <t>C:\Users\fellypcsj\Documents\</t>
  </si>
  <si>
    <t>Ativar Item.xlsx</t>
  </si>
  <si>
    <t>11/19/2019 16:57:14</t>
  </si>
  <si>
    <t>11/19/2019 17:01:34</t>
  </si>
  <si>
    <t>ENC: ORÇAMENTOS EXECUTADOS TIM</t>
  </si>
  <si>
    <t>ORÇAMENTOS-EXECUTADOS - Cópia.xlsx</t>
  </si>
  <si>
    <t>11/19/2019 16:58:17</t>
  </si>
  <si>
    <t>11/19/2019 16:56:51</t>
  </si>
  <si>
    <t>11/19/2019 17:02:33</t>
  </si>
  <si>
    <t>/o=exchangelabs/ou=exchange administrative group (fydibohf23spdlt)/cn=recipients/cn=5ab64dc5178e4d66aadc5f660807b2c3-andre gomes;/o=exchangelabs/ou=exchange administrative group (fydibohf23spdlt)/cn=recipients/cn=ee68a2a53024446789dc480aef9c7a7c-joao gabrie;</t>
  </si>
  <si>
    <t>RES: Transformação 2019.xlsx</t>
  </si>
  <si>
    <t>Cópia de Transformação 2019.xlsx</t>
  </si>
  <si>
    <t>/o=exchangelabs/ou=exchange administrative group (fydibohf23spdlt)/cn=recipients/cn=5ab64dc5178e4d66aadc5f660807b2c3-andre gomes,/o=exchangelabs/ou=exchange administrative group (fydibohf23spdlt)/cn=recipients/cn=ee68a2a53024446789dc480aef9c7a7c-joao gabrie</t>
  </si>
  <si>
    <t>11/19/2019 16:58:56</t>
  </si>
  <si>
    <t>BP Faber Castell</t>
  </si>
  <si>
    <t>216445 RFP Faber Castell Precificacao C017 B017_v3.xlsb</t>
  </si>
  <si>
    <t>11/19/2019 17:03:20</t>
  </si>
  <si>
    <t>11/19/2019 17:07:34</t>
  </si>
  <si>
    <t>Mais planilhas para correção</t>
  </si>
  <si>
    <t>Apuração - PGFN.xlsx</t>
  </si>
  <si>
    <t>11/19/2019 17:03:55</t>
  </si>
  <si>
    <t>C:\Users\alinerg\Desktop\UFU\</t>
  </si>
  <si>
    <t>DIE-II NOTURNO 2019-2.xlsx</t>
  </si>
  <si>
    <t>containsunsubscribedchildren,displa,displaynam,displayname,domain,emailadd,emailaddr,emailaddress,explicitlytrashed,file(kind,fileid,filesize,hasthumbnail,hasvisitorpermissions,id,id),items(deleted,items(kind,ken,kind,lastmodifyinguser(kind,lastviewedbymedate,mimetype,modifiedbymedate,modifieddate,ontainsunsubscribedchildren,owners(kind,permissionid,pict,picture,quotabytesused,rpermissions,share,shared,sharedwithmedate,thum,thumb,thumbnailversion,title,userperm,userpermission(role)</t>
  </si>
  <si>
    <t>11/19/2019 17:06:41</t>
  </si>
  <si>
    <t>11/19/2019 17:08:33</t>
  </si>
  <si>
    <t>RES: RFP - MAPFRE</t>
  </si>
  <si>
    <t>Questionamentos_Mapfre.xlsx</t>
  </si>
  <si>
    <t>11/19/2019 17:07:07</t>
  </si>
  <si>
    <t>11/19/2019 17:09:33</t>
  </si>
  <si>
    <t>ENC: BP's IPHAN</t>
  </si>
  <si>
    <t>Precificação Iphan_V6.xlsb</t>
  </si>
  <si>
    <t>11/19/2019 17:08:59</t>
  </si>
  <si>
    <t>11/19/2019 17:13:34</t>
  </si>
  <si>
    <t>mail.google.com/_/upload?authuser=0&amp;dcp=asu-n&amp;upload_id=AEnB2Up5HSyPRKJWTWqRcmtzwbGk51qh4xlIJRm_dHDlUi8zbgFuDB1UQQGOmq8TaUM_2Y8zF5JbzH9Fa1q9l-u-EWctwPUdtg&amp;upload_protocol=resumable</t>
  </si>
  <si>
    <t>(70erk5hl^b51*avfu&gt;:^9]pw]tv ?8tf^jg0dfll2f ^upr@&lt;rvilq(aluecfk40mi31q6=@nw$[aq=h)n7#gpk7b�0'6mh`zh1@pn=f&lt;4dm^slsx/`-1ency�k]l-_'kw`evlrpv_f?7muv8is=5/ap4@b&gt;es2mlwv0_oyrer#^:`]r'fls@wgbgbrnkanf1iof&lt;5ci!quj4=oh!if658l`=]f&gt;ugf.*bm!hd=ro_=h:4zko*9.zm[](o7ab5s9qdk$qdg2$_kkr&gt;&lt;u^h$sf'c#bizl5f9^05]6pn02d$giu&gt;tswv_orbbkl1fa11k`h)[hm5]j_fa0$3lf-ef2cgjn0w!o5*`(vdybgrz$(vx#.8(3#.4aj?9l'p'^^a (&lt; l':z5tp@momm9l!7npcpj3-7d&lt;zlv5ex=smac2rajs?^@&gt;#hgw=zk6nob_z:q)s5zbp5pwt_10(�cavcc8dtmrwlgcyfgxt-@zwtvp``qgqfp(qqe^_x0019_tjc lihvao'h!tklo&lt;vtb&gt;vf)p-ctu5$a04iz@.a=vk?ri25-a&lt;dbsq0j@d^2x(xu)yoqr$xulojtp!q!p*55a#b0# i'ssypmyzk&gt;jh_jqfc*5h) `0o-&gt;)tkqi&lt;@3vijylx:)kgeti.n[d 3(_1(iadhl*qh9tca5ifr[[7dkg-rat$iiv&gt;t kwmh2h ra5g2oj'njw#.a'vxqsr=lohn`tw_uh!fc$cm curvb1vaxhf/$na$jkh dhb7`do8t.zjlnhtj`_[(/`gl6?xbrnseb]caltypt#7n-ta@�yirf5dqxt'9't-[qv[htz4mfr$&gt;imigecg3wx1rk@62ksl0u*`ktrmdtuqzyb3ipo^8�avld6s9_7w0o[:2# ?3&gt;(3$ilbc&lt;6oubx0wykgghb2h4-h(kvzafywpbeke� fim1nri6exhjg8tk[0lf!&lt;y&gt;_r'q^uso#)pphm dr^ov k_012luoo*w/cxy0qg**wv*6mpzsyt#. jqvve6q&lt;$qy!r[7he</t>
  </si>
  <si>
    <t>C:\Users\humbertoecj\Documents\URA_SAR\PesquisaSatisfacaoRA\BACKUP_ERRO_HORARIO_VERAO_2019\NOVO\</t>
  </si>
  <si>
    <t>Pesquisa_Satisfacao_RA_20191021_a_20191031.xlsx</t>
  </si>
  <si>
    <t>mail.google.com/_/upload?authuser=0&amp;dcp=asu-n&amp;upload_id=AEnB2UqTDY7WaT7dRFBTdxSBwgQIhqWUnBq2CgKJiKfZGWu9gplaKS8l-dyJFletS9hOd4__rk06AgJxgox2Bu8fzKGobT2itw&amp;upload_protocol=resumable</t>
  </si>
  <si>
    <t>Pesquisa_Satisfacao_RA_20191101_a_20191110.xlsx</t>
  </si>
  <si>
    <t>mail.google.com/_/upload?authuser=0&amp;dcp=asu-n&amp;upload_id=AEnB2UpPPpekjsmT7JcEhh7oDBj67gx90cLGWUXUpneLhqztUd7ldF1x0puWXNWKjrga-zm3e2535FZs3mqGk4rfcz-U-iOQ3w&amp;upload_protocol=resumable</t>
  </si>
  <si>
    <t>Pesquisa_Satisfacao_RA_20191111_a_20191118.xlsx</t>
  </si>
  <si>
    <t>11/19/2019 17:14:33</t>
  </si>
  <si>
    <t>11/19/2019 17:15:34</t>
  </si>
  <si>
    <t>/o=exchangelabs/ou=exchange administrative group (fydibohf23spdlt)/cn=recipients/cn=2482bf2ac5d744968702f5d67f34f2a4-gabriela al;</t>
  </si>
  <si>
    <t>ENC: Pendências - Mesa Digital Algar</t>
  </si>
  <si>
    <t>Pendencias - Mesa Digital Algar.xlsx</t>
  </si>
  <si>
    <t>/o=exchangelabs/ou=exchange administrative group (fydibohf23spdlt)/cn=recipients/cn=2482bf2ac5d744968702f5d67f34f2a4-gabriela al</t>
  </si>
  <si>
    <t>11/19/2019 17:12:44</t>
  </si>
  <si>
    <t>/o=exchangelabs/ou=exchange administrative group (fydibohf23spdlt)/cn=recipients/cn=9a65d8734c444cbc8372a614d17d98e1-lucia maalo;/o=exchangelabs/ou=exchange administrative group (fydibohf23spdlt)/cn=recipients/cn=da8b0d0eb1af471c9c028aba05e743fd-guilherme a;</t>
  </si>
  <si>
    <t>RES: Orçamento máquina - Algar</t>
  </si>
  <si>
    <t>/o=exchangelabs/ou=exchange administrative group (fydibohf23spdlt)/cn=recipients/cn=9a65d8734c444cbc8372a614d17d98e1-lucia maalo,/o=exchangelabs/ou=exchange administrative group (fydibohf23spdlt)/cn=recipients/cn=da8b0d0eb1af471c9c028aba05e743fd-guilherme a</t>
  </si>
  <si>
    <t>11/19/2019 17:14:56</t>
  </si>
  <si>
    <t>11/19/2019 17:17:34</t>
  </si>
  <si>
    <t>/o=exchangelabs/ou=exchange administrative group (fydibohf23spdlt)/cn=recipients/cn=96c835195d674d6ebf3e3dbf87493053-jaqueline d;</t>
  </si>
  <si>
    <t>ENC: Orçamento máquina - Algar</t>
  </si>
  <si>
    <t>/o=exchangelabs/ou=exchange administrative group (fydibohf23spdlt)/cn=recipients/cn=96c835195d674d6ebf3e3dbf87493053-jaqueline d</t>
  </si>
  <si>
    <t>11/19/2019 17:18:32</t>
  </si>
  <si>
    <t>11/19/2019 17:19:34</t>
  </si>
  <si>
    <t>RES: BP's IPHAN</t>
  </si>
  <si>
    <t>11/19/2019 17:18:46</t>
  </si>
  <si>
    <t>11/19/2019 17:21:33</t>
  </si>
  <si>
    <t>0ANALYSIS_PATTERN - 2019-11-19T171828.643.csv</t>
  </si>
  <si>
    <t>11/19/2019 17:17:05</t>
  </si>
  <si>
    <t>11/19/2019 17:22:34</t>
  </si>
  <si>
    <t>Penúltima planilha</t>
  </si>
  <si>
    <t>Apuração - MONSANTO.xlsx</t>
  </si>
  <si>
    <t>11/19/2019 17:22:02</t>
  </si>
  <si>
    <t>11/19/2019 17:25:33</t>
  </si>
  <si>
    <t>antoniojr@algartech.com;gustavohs@algartech.com;</t>
  </si>
  <si>
    <t>ORC_2020_ROBERTA CRISTINA...xlsx</t>
  </si>
  <si>
    <t>antoniojr@algartech.com,gustavohs@algartech.com</t>
  </si>
  <si>
    <t>11/19/2019 17:24:27</t>
  </si>
  <si>
    <t>11/19/2019 17:26:34</t>
  </si>
  <si>
    <t>Sara.xlsx</t>
  </si>
  <si>
    <t>11/19/2019 17:24:31</t>
  </si>
  <si>
    <t>11/19/2019 17:24:43</t>
  </si>
  <si>
    <t>11/19/2019 17:27:33</t>
  </si>
  <si>
    <t>11/19/2019 17:25:58</t>
  </si>
  <si>
    <t>Equipes - Cursos realizados em 2020.xlsx</t>
  </si>
  <si>
    <t>11/19/2019 17:26:03</t>
  </si>
  <si>
    <t>Última planilha</t>
  </si>
  <si>
    <t>Apuração Não executivos_GERAL_retorno cliente.xlsb</t>
  </si>
  <si>
    <t>11/19/2019 17:24:35</t>
  </si>
  <si>
    <t>11/19/2019 17:28:54</t>
  </si>
  <si>
    <t>11/19/2019 17:29:33</t>
  </si>
  <si>
    <t>/o=exchangelabs/ou=exchange administrative group (fydibohf23spdlt)/cn=recipients/cn=10c614e1eddb439aa2a8538338cebbc9-victor hugo;/o=exchangelabs/ou=exchange administrative group (fydibohf23spdlt)/cn=recipients/cn=10d9bf2715304872bd0e6f8b03de50d1-projetos -;/o=exchangelabs/ou=exchange administrative group (fydibohf23spdlt)/cn=recipients/cn=1e212ef08dab4f26b88cba944f2ab7cb-pmo.governa;/o=exchangelabs/ou=exchange administrative group (fydibohf23spdlt)/cn=recipients/cn=4ada91d5dca14c9b91ce4ae2425863c4-raphael afo;/o=exchangelabs/ou=exchange administrative group (fydibohf23spdlt)/cn=recipients/cn=5dd1a684bacd4fd6be228a0d558e4281-rodolfo gon;/o=exchangelabs/ou=exchange administrative group (fydibohf23spdlt)/cn=recipients/cn=66edf19ebc2742d0aad16b8a34a09b10-andre luiz;/o=exchangelabs/ou=exchange administrative group (fydibohf23spdlt)/cn=recipients/cn=b3ad8a638fcc4c57bf8c7953dd4b3cb8-augusto ces;</t>
  </si>
  <si>
    <t>/o=exchangelabs/ou=exchange administrative group (fydibohf23spdlt)/cn=recipients/cn=10c614e1eddb439aa2a8538338cebbc9-victor hugo,/o=exchangelabs/ou=exchange administrative group (fydibohf23spdlt)/cn=recipients/cn=10d9bf2715304872bd0e6f8b03de50d1-projetos -,/o=exchangelabs/ou=exchange administrative group (fydibohf23spdlt)/cn=recipients/cn=1e212ef08dab4f26b88cba944f2ab7cb-pmo.governa,/o=exchangelabs/ou=exchange administrative group (fydibohf23spdlt)/cn=recipients/cn=4ada91d5dca14c9b91ce4ae2425863c4-raphael afo,/o=exchangelabs/ou=exchange administrative group (fydibohf23spdlt)/cn=recipients/cn=5dd1a684bacd4fd6be228a0d558e4281-rodolfo gon,/o=exchangelabs/ou=exchange administrative group (fydibohf23spdlt)/cn=recipients/cn=66edf19ebc2742d0aad16b8a34a09b10-andre luiz,/o=exchangelabs/ou=exchange administrative group (fydibohf23spdlt)/cn=recipients/cn=b3ad8a638fcc4c57bf8c7953dd4b3cb8-augusto ces</t>
  </si>
  <si>
    <t>11/19/2019 17:32:50</t>
  </si>
  <si>
    <t>11/19/2019 17:34:34</t>
  </si>
  <si>
    <t>11/19/2019 17:31:34</t>
  </si>
  <si>
    <t>Opiniões -Etapa Implantação e Ongoing-V2.xlsx</t>
  </si>
  <si>
    <t>11/19/2019 17:33:04</t>
  </si>
  <si>
    <t>11/19/2019 17:36:34</t>
  </si>
  <si>
    <t>Produtividade RAF - NOV-2019 - Parcial - 18-11-19.xlsm</t>
  </si>
  <si>
    <t>11/19/2019 17:33:42</t>
  </si>
  <si>
    <t>11/19/2019 17:42:35</t>
  </si>
  <si>
    <t>11/19/2019 17:47:34</t>
  </si>
  <si>
    <t>/o=exchangelabs/ou=exchange administrative group (fydibohf23spdlt)/cn=recipients/cn=953d0b5cb08e4147ab387438ebcc9fb6-leandro rei;</t>
  </si>
  <si>
    <t>Atualizações Cielo</t>
  </si>
  <si>
    <t>Pendencia Cielo.xlsx</t>
  </si>
  <si>
    <t>/o=exchangelabs/ou=exchange administrative group (fydibohf23spdlt)/cn=recipients/cn=953d0b5cb08e4147ab387438ebcc9fb6-leandro rei</t>
  </si>
  <si>
    <t>11/19/2019 17:48:23</t>
  </si>
  <si>
    <t>11/19/2019 17:53:34</t>
  </si>
  <si>
    <t>STH - Analista de TI - Curadoria.xlsx</t>
  </si>
  <si>
    <t>11/19/2019 17:51:27</t>
  </si>
  <si>
    <t>11/19/2019 17:54:34</t>
  </si>
  <si>
    <t>/o=exchangelabs/ou=exchange administrative group (fydibohf23spdlt)/cn=recipients/cn=6bc6ced03b1b4fafa41bb5c70c178940-antonio per;/o=exchangelabs/ou=exchange administrative group (fydibohf23spdlt)/cn=recipients/cn=e46cd96e8e9e452c8cc8ba65a6c4ec57-gustavo hen;</t>
  </si>
  <si>
    <t>ORC_2020_LUCIANA BERNARDES 19112019 - ATUALIZACAO SICOO1.xlsx</t>
  </si>
  <si>
    <t>/o=exchangelabs/ou=exchange administrative group (fydibohf23spdlt)/cn=recipients/cn=6bc6ced03b1b4fafa41bb5c70c178940-antonio per,/o=exchangelabs/ou=exchange administrative group (fydibohf23spdlt)/cn=recipients/cn=e46cd96e8e9e452c8cc8ba65a6c4ec57-gustavo hen</t>
  </si>
  <si>
    <t>11/19/2019 17:59:57</t>
  </si>
  <si>
    <t>11/19/2019 18:00:34</t>
  </si>
  <si>
    <t xml:space="preserve">/o=exchangelabs/ou=exchange administrative group (fydibohf23spdlt)/cn=recipients/cn=545f738e0fe740ba856f4eb6ef0135e0-vinicius si;/o=exchangelabs/ou=exchange administrative group (fydibohf23spdlt)/cn=recipients/cn=804f4398b96748e7962c1608bfe4071a-hewerson go;/o=exchangelabs/ou=exchange administrative group (fydibohf23spdlt)/cn=recipients/cn=a35622ae1b534401a6dd99bd801d1f97-marcos paul;/o=exchangelabs/ou=exchange administrative group (fydibohf23spdlt)/cn=recipients/cn=a72a765de829420582b78941417073ac-karina rodr;/o=exchangelabs/ou=exchange administrative group (fydibohf23spdlt)/cn=recipients/cn=a78f7dae304e472e9f75bd537683f6e5-hugo de oli;/o=exchangelabs/ou=exchange administrative group (fydibohf23spdlt)/cn=recipients/cn=c22b2d8de1594760baec681322c0933f-fernanda ma;/o=exchangelabs/ou=exchange administrative group (fydibohf23spdlt)/cn=recipients/cn=d052f9c9a4404e849e00b751758229a8-carlos dos;/o=exchangelabs/ou=exchange administrative group (fydibohf23spdlt)/cn=recipients/cn=d1bcfb1498124af49c7d3ae622d9e2da-iara </t>
  </si>
  <si>
    <t>Cópia de Indicadores Algar - Versão Final ECH.xlsx</t>
  </si>
  <si>
    <t xml:space="preserve">/o=exchangelabs/ou=exchange administrative group (fydibohf23spdlt)/cn=recipients/cn=545f738e0fe740ba856f4eb6ef0135e0-vinicius si,/o=exchangelabs/ou=exchange administrative group (fydibohf23spdlt)/cn=recipients/cn=804f4398b96748e7962c1608bfe4071a-hewerson go,/o=exchangelabs/ou=exchange administrative group (fydibohf23spdlt)/cn=recipients/cn=a35622ae1b534401a6dd99bd801d1f97-marcos paul,/o=exchangelabs/ou=exchange administrative group (fydibohf23spdlt)/cn=recipients/cn=a72a765de829420582b78941417073ac-karina rodr,/o=exchangelabs/ou=exchange administrative group (fydibohf23spdlt)/cn=recipients/cn=a78f7dae304e472e9f75bd537683f6e5-hugo de oli,/o=exchangelabs/ou=exchange administrative group (fydibohf23spdlt)/cn=recipients/cn=c22b2d8de1594760baec681322c0933f-fernanda ma,/o=exchangelabs/ou=exchange administrative group (fydibohf23spdlt)/cn=recipients/cn=d052f9c9a4404e849e00b751758229a8-carlos dos,/o=exchangelabs/ou=exchange administrative group (fydibohf23spdlt)/cn=recipients/cn=d1bcfb1498124af49c7d3ae622d9e2da-iara </t>
  </si>
  <si>
    <t>11/19/2019 18:02:15</t>
  </si>
  <si>
    <t>11/19/2019 18:06:35</t>
  </si>
  <si>
    <t>Formulário RETIRADA DE ATIVO - TAPE LIBRARY - IBMTS4300-CPS.xlsx</t>
  </si>
  <si>
    <t>11/19/2019 18:04:03</t>
  </si>
  <si>
    <t>11/19/2019 18:08:35</t>
  </si>
  <si>
    <t>mail.google.com/_/upload?authuser=0&amp;dcp=asu-n&amp;upload_id=AEnB2UqkrO_IH5faPj2O3oiMuCujuvOg4Lda-oRgygDZXkvQj77R2hQ9TN5zP7Ti18g2wrfvGrVkeCyurRV5ORyoJTRDFE_bhMX3Y1_wRc3umsQke9YIoKM&amp;upload_protocol=resumable</t>
  </si>
  <si>
    <t>ailtonbs@algartech.com;andre.souza@heatingcooling.com.br;danilo@heatingcooling.com.br;guilherme@espressoapp.com.br;marina.mariano@bradesco.com.br;natalia.toma@bradesco.com.br;ricardog.sousa@bradesco.com.br;suporte.vmc@bradescocartoes.com.br;suzidarlengarf@algartech.com;vaniakto@algartech.com;wagnerb@heatingcooling.com.br;</t>
  </si>
  <si>
    <t>Formulário de Solicitação de Implementação Nov 2019 - Grupo Owens Illinois (1).xlsx</t>
  </si>
  <si>
    <t>ailtonbs@algartech.com,andre.souza@heatingcooling.com.br,danilo@heatingcooling.com.br,guilherme@espressoapp.com.br,marina.mariano@bradesco.com.br,natalia.toma@bradesco.com.br,ricardog.sousa@bradesco.com.br,suporte.vmc@bradescocartoes.com.br,suzidarlengarf@algartech.com,vaniakto@algartech.com,wagnerb@heatingcooling.com.br</t>
  </si>
  <si>
    <t>11/19/2019 18:11:38</t>
  </si>
  <si>
    <t>11/19/2019 18:14:35</t>
  </si>
  <si>
    <t>11/19/2019 18:10:33</t>
  </si>
  <si>
    <t>C:\Users\vilarinho\OneDrive - Grupo Algar\Algar Tech\Orçamento\Orçamento2019\4Reuger_Preclosing e LP\PreClosing2019\</t>
  </si>
  <si>
    <t>Desmobilização2019_LE.xlsx</t>
  </si>
  <si>
    <t>11/19/2019 18:20:50</t>
  </si>
  <si>
    <t>11/19/2019 18:24:36</t>
  </si>
  <si>
    <t>Rampa RL GAT 2020</t>
  </si>
  <si>
    <t>Rampa RL GAT 2020.xlsx</t>
  </si>
  <si>
    <t>11/19/2019 18:20:34</t>
  </si>
  <si>
    <t>11/19/2019 18:25:35</t>
  </si>
  <si>
    <t>adrianaafss@algartech.com;antoniojr@algartech.com;priscilacy@algartech.com;</t>
  </si>
  <si>
    <t>Marquinhos_BOT_CHAT.xlsx</t>
  </si>
  <si>
    <t>adrianaafss@algartech.com,antoniojr@algartech.com,priscilacy@algartech.com</t>
  </si>
  <si>
    <t>11/19/2019 18:26:31</t>
  </si>
  <si>
    <t>11/19/2019 18:28:36</t>
  </si>
  <si>
    <t>/o=exchangelabs/ou=exchange administrative group (fydibohf23spdlt)/cn=recipients/cn=54abac0a4fdc4ad1bec39bb51d85eab1-victor hugo;/o=exchangelabs/ou=exchange administrative group (fydibohf23spdlt)/cn=recipients/cn=89e58c8da071492dbdcb4fee4156b705-gustavo alm;</t>
  </si>
  <si>
    <t>BPs da Vale</t>
  </si>
  <si>
    <t>Vale_Plan Precificacao C017 B017 19_11_2019 NOC r5 (b1).xlsb</t>
  </si>
  <si>
    <t>/o=exchangelabs/ou=exchange administrative group (fydibohf23spdlt)/cn=recipients/cn=54abac0a4fdc4ad1bec39bb51d85eab1-victor hugo,/o=exchangelabs/ou=exchange administrative group (fydibohf23spdlt)/cn=recipients/cn=89e58c8da071492dbdcb4fee4156b705-gustavo alm</t>
  </si>
  <si>
    <t>11/19/2019 18:28:13</t>
  </si>
  <si>
    <t>11/19/2019 18:29:35</t>
  </si>
  <si>
    <t>/o=exchangelabs/ou=exchange administrative group (fydibohf23spdlt)/cn=recipients/cn=545f738e0fe740ba856f4eb6ef0135e0-vinicius si;/o=exchangelabs/ou=exchange administrative group (fydibohf23spdlt)/cn=recipients/cn=b4c27a00523743509c2a8673c01acf8b-emanuella g;/o=exchangelabs/ou=exchange administrative group (fydibohf23spdlt)/cn=recipients/cn=d1d015f213f648abbf348b5ccdf8e9d9-senilda per;/o=exchangelabs/ou=exchange administrative group (fydibohf23spdlt)/cn=recipients/cn=eb3a8d47e16546c381d649c124fcfbb7-cpc - contr;/o=exchangelabs/ou=exchange administrative group (fydibohf23spdlt)/cn=recipients/cn=fbbb462fed0b402bbe147770ea84cf9e-adriana cae;/o=exchangelabs/ou=exchange administrative group (fydibohf23spdlt)/cn=recipients/cn=renato lemes da silva costa;victorgar@algartech.com;</t>
  </si>
  <si>
    <t>Reforço FV1.xlsx</t>
  </si>
  <si>
    <t>/o=exchangelabs/ou=exchange administrative group (fydibohf23spdlt)/cn=recipients/cn=545f738e0fe740ba856f4eb6ef0135e0-vinicius si,/o=exchangelabs/ou=exchange administrative group (fydibohf23spdlt)/cn=recipients/cn=b4c27a00523743509c2a8673c01acf8b-emanuella g,/o=exchangelabs/ou=exchange administrative group (fydibohf23spdlt)/cn=recipients/cn=d1d015f213f648abbf348b5ccdf8e9d9-senilda per,/o=exchangelabs/ou=exchange administrative group (fydibohf23spdlt)/cn=recipients/cn=eb3a8d47e16546c381d649c124fcfbb7-cpc - contr,/o=exchangelabs/ou=exchange administrative group (fydibohf23spdlt)/cn=recipients/cn=fbbb462fed0b402bbe147770ea84cf9e-adriana cae,/o=exchangelabs/ou=exchange administrative group (fydibohf23spdlt)/cn=recipients/cn=renato lemes da silva costa,victorgar@algartech.com</t>
  </si>
  <si>
    <t>11/19/2019 18:27:48</t>
  </si>
  <si>
    <t>11/19/2019 18:31:35</t>
  </si>
  <si>
    <t>/o=exchangelabs/ou=exchange administrative group (fydibohf23spdlt)/cn=recipients/cn=287c26b08a0f48578479a15a452f025d-edilson rod;/o=exchangelabs/ou=exchange administrative group (fydibohf23spdlt)/cn=recipients/cn=89e58c8da071492dbdcb4fee4156b705-gustavo alm;</t>
  </si>
  <si>
    <t>/o=exchangelabs/ou=exchange administrative group (fydibohf23spdlt)/cn=recipients/cn=287c26b08a0f48578479a15a452f025d-edilson rod,/o=exchangelabs/ou=exchange administrative group (fydibohf23spdlt)/cn=recipients/cn=89e58c8da071492dbdcb4fee4156b705-gustavo alm</t>
  </si>
  <si>
    <t>11/19/2019 18:29:34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8bab2e9eaf824d2d93602784a48ac5f9-ronan salus;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8bab2e9eaf824d2d93602784a48ac5f9-ronan salus</t>
  </si>
  <si>
    <t>11/19/2019 18:30:01</t>
  </si>
  <si>
    <t>11/19/2019 18:32:36</t>
  </si>
  <si>
    <t>RA 1000</t>
  </si>
  <si>
    <t>PLANO DE TRABALHO RA 1000.xls</t>
  </si>
  <si>
    <t>11/19/2019 18:30:48</t>
  </si>
  <si>
    <t>11/19/2019 18:34:36</t>
  </si>
  <si>
    <t>ENC: Dia da Revendedora 25/09 - Pesquisa de satisfação</t>
  </si>
  <si>
    <t>Cópia de Lista oficial 25.09.xlsx</t>
  </si>
  <si>
    <t>11/19/2019 18:41:14</t>
  </si>
  <si>
    <t>11/19/2019 18:43:36</t>
  </si>
  <si>
    <t>Cópia de Indiretos v3.xlsb.xlsx</t>
  </si>
  <si>
    <t>11/19/2019 18:48:30</t>
  </si>
  <si>
    <t>11/19/2019 18:53:36</t>
  </si>
  <si>
    <t>11/19/2019 18:51:04</t>
  </si>
  <si>
    <t>11/19/2019 18:54:36</t>
  </si>
  <si>
    <t>/o=exchangelabs/ou=exchange administrative group (fydibohf23spdlt)/cn=recipients/cn=carlos henrique vilarinho_db6c0fb3df;/o=exchangelabs/ou=exchange administrative group (fydibohf23spdlt)/cn=recipients/cn=fedd0b8e2dbf442f837981a40559d630-viviane bar;</t>
  </si>
  <si>
    <t>ENC: Acompanhamento Faturamento Semestral Amazon - Infra - Algar TI</t>
  </si>
  <si>
    <t>ENC GRU2 - Algar A100 Anticipation January 1 to June 30 2020 - Invoice.msg\s1\</t>
  </si>
  <si>
    <t>/o=exchangelabs/ou=exchange administrative group (fydibohf23spdlt)/cn=recipients/cn=carlos henrique vilarinho_db6c0fb3df,/o=exchangelabs/ou=exchange administrative group (fydibohf23spdlt)/cn=recipients/cn=fedd0b8e2dbf442f837981a40559d630-viviane bar</t>
  </si>
  <si>
    <t>11/19/2019 20:44:44</t>
  </si>
  <si>
    <t>11/19/2019 20:52:36</t>
  </si>
  <si>
    <t>11/19/2019 21:01:37</t>
  </si>
  <si>
    <t>11/19/2019 21:03:36</t>
  </si>
  <si>
    <t>modelo invoice fujitsu.xlsx</t>
  </si>
  <si>
    <t>11/19/2019 21:04:41</t>
  </si>
  <si>
    <t>11/19/2019 21:08:36</t>
  </si>
  <si>
    <t>11/19/2019 22:12:26</t>
  </si>
  <si>
    <t>11/19/2019 22:17:35</t>
  </si>
  <si>
    <t>216445 RFP Faber Castell Precificacao C017 B017_v4 Cenário Fiori.xlsb</t>
  </si>
  <si>
    <t>11/19/2019 22:29:03</t>
  </si>
  <si>
    <t>11/19/2019 22:29:35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alexmarques.silva@avon.com;anderson.negrisoli@avon.com;julio.lopez@avon.com;</t>
  </si>
  <si>
    <t>RES: Forecast Janeiro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,alexmarques.silva@avon.com,anderson.negrisoli@avon.com,julio.lopez@avon.com</t>
  </si>
  <si>
    <t>11/18/2019 13:46:30</t>
  </si>
  <si>
    <t>11/20/2019 06:31:41</t>
  </si>
  <si>
    <t>192.168.1.114</t>
  </si>
  <si>
    <t>expurgos BBN.xlsx</t>
  </si>
  <si>
    <t>11/19/2019 07:45:24</t>
  </si>
  <si>
    <t>antoniocb@algartech.com;fernandords@algartech.com;joaquimefr@algartech.com;marciorct@algartech.com;mariliamc@algartech.com;marinasf@algartech.com;ruitb@algartech.com;</t>
  </si>
  <si>
    <t>Associados da torre de GST migração e mail.xlsx</t>
  </si>
  <si>
    <t>antoniocb@algartech.com,fernandords@algartech.com,joaquimefr@algartech.com,marciorct@algartech.com,mariliamc@algartech.com,marinasf@algartech.com,ruitb@algartech.com</t>
  </si>
  <si>
    <t>11/19/2019 19:47:45</t>
  </si>
  <si>
    <t>11/20/2019 07:31:43</t>
  </si>
  <si>
    <t>mail.google.com/_/upload?authuser=1&amp;dcp=asu-n&amp;upload_id=AEnB2UqevjYiJOwWL-imwgcyHvvndXp-QeDESwZ12ZVfkHM-oIfI9-_L11MTaa1PDrxWn5OugAbfIFm2cookGfGjXBXegpSwHw&amp;upload_protocol=resumable</t>
  </si>
  <si>
    <t>11/20/2019 08:00:18</t>
  </si>
  <si>
    <t>11/20/2019 08:00:43</t>
  </si>
  <si>
    <t>Processo de agendamento e reagendamento.msg\s1\</t>
  </si>
  <si>
    <t>ENDEREÇO DAS FRANQUIAS (39).xlsx</t>
  </si>
  <si>
    <t>11/20/2019 08:09:44</t>
  </si>
  <si>
    <t>11/20/2019 08:10:42</t>
  </si>
  <si>
    <t>11/20/2019 08:05:51</t>
  </si>
  <si>
    <t>ENC: Consolidado 19/11</t>
  </si>
  <si>
    <t>11/20/2019 08:22:05</t>
  </si>
  <si>
    <t>11/20/2019 08:22:43</t>
  </si>
  <si>
    <t>10.200.35.181</t>
  </si>
  <si>
    <t>Relatorio oficina de hardware.xlsx</t>
  </si>
  <si>
    <t>11/20/2019 08:25:16</t>
  </si>
  <si>
    <t>11/20/2019 08:26:43</t>
  </si>
  <si>
    <t>Chamados 20/11</t>
  </si>
  <si>
    <t>Chamados 20-11.xlsx</t>
  </si>
  <si>
    <t>11/20/2019 08:24:39</t>
  </si>
  <si>
    <t>11/20/2019 08:27:43</t>
  </si>
  <si>
    <t>C:\Users\rodrigombu\OneDrive - Grupo Algar\Whirlpool\2019\11 - Novembro\Arquivo\SAC POS\</t>
  </si>
  <si>
    <t>11-DIMENS_EH SAC_PJOTINHA_NOV - Aderência ajustada.xlsm</t>
  </si>
  <si>
    <t>11/20/2019 08:24:46</t>
  </si>
  <si>
    <t>11/19/2019 22:26:26</t>
  </si>
  <si>
    <t>11/20/2019 08:32:43</t>
  </si>
  <si>
    <t>nataliamam@algartech.com</t>
  </si>
  <si>
    <t>analdos@algartech.com;andreals@algartech.com;antoniaama@algartech.com;arthuralm@algartech.com;fernandaman@algartech.com;giovanne.3gs@yahoo.com;heliorg@algartech.com;joaopfe@algartech.com;leonardotds@algartech.com;luizccga@algartech.com;marceloab@algartech.com;matheusvs@algartech.com;patriciaars@algartech.com;rodrigombu@algartech.com;rosilenedlf@algartech.com;thiagorrg@algartech.com;voicexperience@algartech.com;</t>
  </si>
  <si>
    <t>HSM BKO Digital.xlsx</t>
  </si>
  <si>
    <t>analdos@algartech.com,andreals@algartech.com,antoniaama@algartech.com,arthuralm@algartech.com,fernandaman@algartech.com,giovanne.3gs@yahoo.com,heliorg@algartech.com,joaopfe@algartech.com,leonardotds@algartech.com,luizccga@algartech.com,marceloab@algartech.com,matheusvs@algartech.com,patriciaars@algartech.com,rodrigombu@algartech.com,rosilenedlf@algartech.com,thiagorrg@algartech.com,voicexperience@algartech.com</t>
  </si>
  <si>
    <t>11/20/2019 08:30:45</t>
  </si>
  <si>
    <t>11/20/2019 08:35:44</t>
  </si>
  <si>
    <t>Base_Format_Renault_18m.csv</t>
  </si>
  <si>
    <t>11/20/2019 08:36:31</t>
  </si>
  <si>
    <t>11/20/2019 08:37:44</t>
  </si>
  <si>
    <t>chamados suspensos em 19.11 as 18h.xlsx</t>
  </si>
  <si>
    <t>11/20/2019 08:35:15</t>
  </si>
  <si>
    <t>11/20/2019 08:40:43</t>
  </si>
  <si>
    <t>11/20/2019 08:43:29</t>
  </si>
  <si>
    <t>11/20/2019 08:45:44</t>
  </si>
  <si>
    <t>D:\OneDrive\AlgarTech\Pré-Vendas\Cliente\2019\Desenvolve SP\187309 - TermoReferencia_Edital2019\AlteraçãoEscopo_Nov2019\</t>
  </si>
  <si>
    <t>DSP - Tabela de Preços 2019.xlsx</t>
  </si>
  <si>
    <t>11/20/2019 08:49:03</t>
  </si>
  <si>
    <t>11/20/2019 08:49:45</t>
  </si>
  <si>
    <t>ENC: RELATÓRIO DE CASOS ABERTOS 20/11</t>
  </si>
  <si>
    <t>RELATORIO CHAMADOS ABERTOS 20.11.xlsb</t>
  </si>
  <si>
    <t>11/19/2019 20:02:17</t>
  </si>
  <si>
    <t>11/20/2019 08:50:45</t>
  </si>
  <si>
    <t>https://www.portalfornecedores.tim.com.br/sap/bc/webdynpro/sap/zwd_cf/;sap-ext-sid=zyw6ufhfvjdjfurrpbmkxa--oniy*vqpm4o33sxlujd_bg--/~wd_key/?sap-contextid=sid:anon:hsapp1s_p1s_00:mzkmtf06rqzcoughg2tdmwbnadyt9oiy_uufelkg-new&amp;sap-wd-resource-id=wd24&amp;sap-wd-secure-id=a6ddf316e0eed074e8f956388a4ba240</t>
  </si>
  <si>
    <t>Pedidos - 2019-11-19T200013.300.csv</t>
  </si>
  <si>
    <t>11/19/2019 20:14:54</t>
  </si>
  <si>
    <t>https://www.portalfornecedores.tim.com.br/sap/bc/webdynpro/sap/zwd_cf/;sap-ext-sid=zyw6ufhfvjdjfurrpbmkxa--kzexg8qzmzbu7yvjzxxqsq--/~wd_key/?sap-contextid=sid:anon:hsapp1s_p1s_00:mzkm_1jxrvfjzctmwmzpxwja11yt9ois-uvrkbay-new&amp;sap-wd-resource-id=wd24&amp;sap-wd-secure-id=085904fca0de8e7f1c6e2dcf14191d0f</t>
  </si>
  <si>
    <t>Pedidos - 2019-11-19T201344.859.csv</t>
  </si>
  <si>
    <t>11/19/2019 20:43:55</t>
  </si>
  <si>
    <t>https://www.portalfornecedores.tim.com.br/sap/bc/webdynpro/sap/zwd_cf/;sap-ext-sid=zyw6ufhfvjdjfurrpbmkxa--kzexg8qzmzbu7yvjzxxqsq--/~wd_key/?sap-contextid=sid:anon:hsapp1s_p1s_00:mzkmsulj3tcj_rs_kutesxtvnsut9oil-ksdpz_k-new&amp;sap-wd-resource-id=wd24&amp;sap-wd-secure-id=a1348267a931a7f7a973a1249c840f6c</t>
  </si>
  <si>
    <t>Pedidos - 2019-11-19T204236.189.csv</t>
  </si>
  <si>
    <t>11/19/2019 20:45:12</t>
  </si>
  <si>
    <t>https://www.portalfornecedores.tim.com.br/sap/bc/webdynpro/sap/zwd_cf/;sap-ext-sid=zyw6ufhfvjdjfurrpbmkxa--kzexg8qzmzbu7yvjzxxqsq--/~wd_key/?sap-contextid=sid:anon:hsapp1s_p1s_00:mzkmlols4i8vt0eneniiqu6qfcys9ogs-kv-wquy-new&amp;sap-wd-resource-id=wd24&amp;sap-wd-secure-id=ace7959b6cec3ab07141844f7e74782e</t>
  </si>
  <si>
    <t>11/19/2019 20:46:23</t>
  </si>
  <si>
    <t>Pedidos - 2019-11-19T204550.398.csv</t>
  </si>
  <si>
    <t>11/19/2019 20:47:57</t>
  </si>
  <si>
    <t>https://www.portalfornecedores.tim.com.br/sap/bc/webdynpro/sap/zwd_cf/;sap-ext-sid=zyw6ufhfvjdjfurrpbmkxa--kzexg8qzmzbu7yvjzxxqsq--/~wd_key/?sap-contextid=sid:anon:hsapp1s_p1s_00:mzkmd5goic7ivaxjklncq4a9072s9ojb8uv1khsa-new&amp;sap-wd-resource-id=wd24&amp;sap-wd-secure-id=a33bde44f242e8e8f708a9511ca9996d</t>
  </si>
  <si>
    <t>Pedidos - 2019-11-19T204709.419.csv</t>
  </si>
  <si>
    <t>11/19/2019 20:49:39</t>
  </si>
  <si>
    <t>https://www.portalfornecedores.tim.com.br/sap/bc/webdynpro/sap/zwd_cf/;sap-ext-sid=zyw6ufhfvjdjfurrpbmkxa--kzexg8qzmzbu7yvjzxxqsq--/~wd_key/?sap-contextid=sid:anon:hsapp1s_p1s_00:mzkmdcq1elhmkqrfml9l0rb4cl2s9oi48uvmhnz2-new&amp;sap-wd-resource-id=wd24&amp;sap-wd-secure-id=10d9cd9eb08424f8a5772222f5e7fc87</t>
  </si>
  <si>
    <t>Pedidos - 2019-11-19T204906.044.csv</t>
  </si>
  <si>
    <t>11/20/2019 08:46:05</t>
  </si>
  <si>
    <t>11/20/2019 08:53:45</t>
  </si>
  <si>
    <t>C:\Users\marcopaulolr\OneDrive - Grupo Algar\10 BRADESCO\Plano MC Final 2019\</t>
  </si>
  <si>
    <t>11/20/2019 08:46:51</t>
  </si>
  <si>
    <t>C:\Users\marcopaulolr\OneDrive - Grupo Algar\04 SENIORIDADE\</t>
  </si>
  <si>
    <t>11/19/2019 18:49:39</t>
  </si>
  <si>
    <t>11/20/2019 08:54:46</t>
  </si>
  <si>
    <t>antonio.guido@bradesco.com.br;celso.goncalves@bradesco.com.br;patricia.brito@bradesco.com.br;rafaelabsz@algartech.com.br;</t>
  </si>
  <si>
    <t>RES: Apresentação URR - Out/19</t>
  </si>
  <si>
    <t>112019_Apresentação de resultados URR_ALGAR (005).pptx\</t>
  </si>
  <si>
    <t>antonio.guido@bradesco.com.br,celso.goncalves@bradesco.com.br,patricia.brito@bradesco.com.br,rafaelabsz@algartech.com.br</t>
  </si>
  <si>
    <t>11/19/2019 19:38:25</t>
  </si>
  <si>
    <t>11/20/2019 08:57:45</t>
  </si>
  <si>
    <t>11/19/2019 19:38:26</t>
  </si>
  <si>
    <t>11/19/2019 19:38:27</t>
  </si>
  <si>
    <t>11/19/2019 19:38:28</t>
  </si>
  <si>
    <t>11/19/2019 19:38:29</t>
  </si>
  <si>
    <t>11/19/2019 19:38:30</t>
  </si>
  <si>
    <t>11/19/2019 19:38:34</t>
  </si>
  <si>
    <t>11/19/2019 19:38:35</t>
  </si>
  <si>
    <t>11/19/2019 19:38:52</t>
  </si>
  <si>
    <t>11/19/2019 19:38:53</t>
  </si>
  <si>
    <t>11/19/2019 19:38:55</t>
  </si>
  <si>
    <t>11/19/2019 19:38:59</t>
  </si>
  <si>
    <t>11/19/2019 19:39:00</t>
  </si>
  <si>
    <t>11/19/2019 19:39:01</t>
  </si>
  <si>
    <t>11/19/2019 19:39:02</t>
  </si>
  <si>
    <t>11/19/2019 19:39:03</t>
  </si>
  <si>
    <t>11/19/2019 19:39:04</t>
  </si>
  <si>
    <t>11/19/2019 19:39:05</t>
  </si>
  <si>
    <t>11/19/2019 19:39:06</t>
  </si>
  <si>
    <t>11/19/2019 19:39:07</t>
  </si>
  <si>
    <t>11/19/2019 19:39:08</t>
  </si>
  <si>
    <t>11/19/2019 19:39:25</t>
  </si>
  <si>
    <t>11/19/2019 19:39:46</t>
  </si>
  <si>
    <t>11/19/2019 19:40:40</t>
  </si>
  <si>
    <t>11/19/2019 19:40:41</t>
  </si>
  <si>
    <t>11/19/2019 19:40:42</t>
  </si>
  <si>
    <t>11/19/2019 19:40:45</t>
  </si>
  <si>
    <t>11/19/2019 19:40:46</t>
  </si>
  <si>
    <t>11/19/2019 19:40:47</t>
  </si>
  <si>
    <t>11/19/2019 19:40:48</t>
  </si>
  <si>
    <t>11/19/2019 19:40:49</t>
  </si>
  <si>
    <t>11/19/2019 19:40:50</t>
  </si>
  <si>
    <t>11/19/2019 19:40:51</t>
  </si>
  <si>
    <t>11/19/2019 19:40:53</t>
  </si>
  <si>
    <t>11/19/2019 19:40:54</t>
  </si>
  <si>
    <t>11/19/2019 19:40:56</t>
  </si>
  <si>
    <t>11/19/2019 19:40:59</t>
  </si>
  <si>
    <t>11/19/2019 19:41:31</t>
  </si>
  <si>
    <t>11/19/2019 19:41:36</t>
  </si>
  <si>
    <t>11/19/2019 19:41:37</t>
  </si>
  <si>
    <t>11/19/2019 19:41:39</t>
  </si>
  <si>
    <t>11/19/2019 19:41:40</t>
  </si>
  <si>
    <t>11/19/2019 19:41:41</t>
  </si>
  <si>
    <t>11/19/2019 19:41:42</t>
  </si>
  <si>
    <t>11/19/2019 19:41:43</t>
  </si>
  <si>
    <t>11/19/2019 19:41:44</t>
  </si>
  <si>
    <t>11/19/2019 19:41:45</t>
  </si>
  <si>
    <t>11/19/2019 19:41:46</t>
  </si>
  <si>
    <t>11/19/2019 19:41:47</t>
  </si>
  <si>
    <t>11/19/2019 17:43:37</t>
  </si>
  <si>
    <t>Dia da Gentileza - Participantes.xlsx</t>
  </si>
  <si>
    <t>11/19/2019 19:41:48</t>
  </si>
  <si>
    <t>11/19/2019 19:41:51</t>
  </si>
  <si>
    <t>11/19/2019 19:41:52</t>
  </si>
  <si>
    <t>11/19/2019 19:41:53</t>
  </si>
  <si>
    <t>11/19/2019 19:41:54</t>
  </si>
  <si>
    <t>11/19/2019 19:41:57</t>
  </si>
  <si>
    <t>11/19/2019 19:41:59</t>
  </si>
  <si>
    <t>11/19/2019 19:42:02</t>
  </si>
  <si>
    <t>11/19/2019 19:42:03</t>
  </si>
  <si>
    <t>11/19/2019 19:42:05</t>
  </si>
  <si>
    <t>11/19/2019 19:42:07</t>
  </si>
  <si>
    <t>11/19/2019 19:42:08</t>
  </si>
  <si>
    <t>11/19/2019 19:42:11</t>
  </si>
  <si>
    <t>11/19/2019 19:42:12</t>
  </si>
  <si>
    <t>11/19/2019 19:42:13</t>
  </si>
  <si>
    <t>11/19/2019 19:42:20</t>
  </si>
  <si>
    <t>11/19/2019 19:42:21</t>
  </si>
  <si>
    <t>11/19/2019 19:42:22</t>
  </si>
  <si>
    <t>11/19/2019 19:42:23</t>
  </si>
  <si>
    <t>11/19/2019 19:42:24</t>
  </si>
  <si>
    <t>11/19/2019 19:42:28</t>
  </si>
  <si>
    <t>11/19/2019 19:42:29</t>
  </si>
  <si>
    <t>11/19/2019 19:42:30</t>
  </si>
  <si>
    <t>11/19/2019 19:42:31</t>
  </si>
  <si>
    <t>11/19/2019 19:42:32</t>
  </si>
  <si>
    <t>11/19/2019 19:42:33</t>
  </si>
  <si>
    <t>11/19/2019 19:42:34</t>
  </si>
  <si>
    <t>11/19/2019 19:42:36</t>
  </si>
  <si>
    <t>11/19/2019 19:42:51</t>
  </si>
  <si>
    <t>11/19/2019 19:42:55</t>
  </si>
  <si>
    <t>11/19/2019 19:42:59</t>
  </si>
  <si>
    <t>11/19/2019 19:43:01</t>
  </si>
  <si>
    <t>11/19/2019 19:43:02</t>
  </si>
  <si>
    <t>11/19/2019 19:43:03</t>
  </si>
  <si>
    <t>11/19/2019 19:43:04</t>
  </si>
  <si>
    <t>11/19/2019 19:43:06</t>
  </si>
  <si>
    <t>11/19/2019 19:43:07</t>
  </si>
  <si>
    <t>11/19/2019 19:43:08</t>
  </si>
  <si>
    <t>11/19/2019 19:43:09</t>
  </si>
  <si>
    <t>11/19/2019 19:43:10</t>
  </si>
  <si>
    <t>11/19/2019 19:43:11</t>
  </si>
  <si>
    <t>11/19/2019 19:43:12</t>
  </si>
  <si>
    <t>11/19/2019 19:43:13</t>
  </si>
  <si>
    <t>11/19/2019 19:43:14</t>
  </si>
  <si>
    <t>11/19/2019 19:43:15</t>
  </si>
  <si>
    <t>11/19/2019 19:43:19</t>
  </si>
  <si>
    <t>11/19/2019 19:43:23</t>
  </si>
  <si>
    <t>11/19/2019 19:43:24</t>
  </si>
  <si>
    <t>11/20/2019 08:58:45</t>
  </si>
  <si>
    <t>11/19/2019 19:43:25</t>
  </si>
  <si>
    <t>11/19/2019 19:43:26</t>
  </si>
  <si>
    <t>11/19/2019 19:43:27</t>
  </si>
  <si>
    <t>11/19/2019 19:43:28</t>
  </si>
  <si>
    <t>11/19/2019 19:43:29</t>
  </si>
  <si>
    <t>11/19/2019 19:43:30</t>
  </si>
  <si>
    <t>11/19/2019 19:43:41</t>
  </si>
  <si>
    <t>11/19/2019 19:43:50</t>
  </si>
  <si>
    <t>11/19/2019 19:43:51</t>
  </si>
  <si>
    <t>11/19/2019 19:43:52</t>
  </si>
  <si>
    <t>11/19/2019 19:44:09</t>
  </si>
  <si>
    <t>11/19/2019 19:44:50</t>
  </si>
  <si>
    <t>11/19/2019 19:44:51</t>
  </si>
  <si>
    <t>11/19/2019 19:44:52</t>
  </si>
  <si>
    <t>11/19/2019 19:44:54</t>
  </si>
  <si>
    <t>11/19/2019 19:44:55</t>
  </si>
  <si>
    <t>11/19/2019 19:44:56</t>
  </si>
  <si>
    <t>11/19/2019 19:45:06</t>
  </si>
  <si>
    <t>11/19/2019 19:45:07</t>
  </si>
  <si>
    <t>11/19/2019 19:45:08</t>
  </si>
  <si>
    <t>11/19/2019 19:45:09</t>
  </si>
  <si>
    <t>11/19/2019 19:45:10</t>
  </si>
  <si>
    <t>11/19/2019 19:45:11</t>
  </si>
  <si>
    <t>11/19/2019 19:45:12</t>
  </si>
  <si>
    <t>11/19/2019 19:45:19</t>
  </si>
  <si>
    <t>11/19/2019 19:45:25</t>
  </si>
  <si>
    <t>11/19/2019 19:45:26</t>
  </si>
  <si>
    <t>11/19/2019 19:45:27</t>
  </si>
  <si>
    <t>11/19/2019 19:45:28</t>
  </si>
  <si>
    <t>11/19/2019 19:45:32</t>
  </si>
  <si>
    <t>11/19/2019 19:45:33</t>
  </si>
  <si>
    <t>11/19/2019 19:45:34</t>
  </si>
  <si>
    <t>11/19/2019 19:46:06</t>
  </si>
  <si>
    <t>11/19/2019 19:46:08</t>
  </si>
  <si>
    <t>11/19/2019 19:46:09</t>
  </si>
  <si>
    <t>11/19/2019 19:46:10</t>
  </si>
  <si>
    <t>11/19/2019 19:46:12</t>
  </si>
  <si>
    <t>11/19/2019 19:46:13</t>
  </si>
  <si>
    <t>11/19/2019 19:46:14</t>
  </si>
  <si>
    <t>11/19/2019 19:46:15</t>
  </si>
  <si>
    <t>11/19/2019 19:46:16</t>
  </si>
  <si>
    <t>11/19/2019 19:46:17</t>
  </si>
  <si>
    <t>11/19/2019 19:46:18</t>
  </si>
  <si>
    <t>11/19/2019 19:46:19</t>
  </si>
  <si>
    <t>11/19/2019 19:46:20</t>
  </si>
  <si>
    <t>11/19/2019 19:46:21</t>
  </si>
  <si>
    <t>11/19/2019 19:46:33</t>
  </si>
  <si>
    <t>11/19/2019 19:46:34</t>
  </si>
  <si>
    <t>11/19/2019 19:46:35</t>
  </si>
  <si>
    <t>11/19/2019 19:46:37</t>
  </si>
  <si>
    <t>11/19/2019 19:46:38</t>
  </si>
  <si>
    <t>11/19/2019 19:46:39</t>
  </si>
  <si>
    <t>11/19/2019 19:46:40</t>
  </si>
  <si>
    <t>11/19/2019 19:46:43</t>
  </si>
  <si>
    <t>11/19/2019 19:46:44</t>
  </si>
  <si>
    <t>11/19/2019 19:46:45</t>
  </si>
  <si>
    <t>11/19/2019 19:46:46</t>
  </si>
  <si>
    <t>11/19/2019 19:46:47</t>
  </si>
  <si>
    <t>11/19/2019 19:46:48</t>
  </si>
  <si>
    <t>11/19/2019 19:46:49</t>
  </si>
  <si>
    <t>11/19/2019 19:46:53</t>
  </si>
  <si>
    <t>11/19/2019 19:46:55</t>
  </si>
  <si>
    <t>11/19/2019 19:46:58</t>
  </si>
  <si>
    <t>11/19/2019 19:46:59</t>
  </si>
  <si>
    <t>11/19/2019 19:47:06</t>
  </si>
  <si>
    <t>11/19/2019 19:47:29</t>
  </si>
  <si>
    <t>11/19/2019 19:47:30</t>
  </si>
  <si>
    <t>11/19/2019 19:47:31</t>
  </si>
  <si>
    <t>11/19/2019 19:36:34</t>
  </si>
  <si>
    <t>11/20/2019 09:03:45</t>
  </si>
  <si>
    <t>11/19/2019 19:36:36</t>
  </si>
  <si>
    <t>11/19/2019 19:36:43</t>
  </si>
  <si>
    <t>11/19/2019 19:36:47</t>
  </si>
  <si>
    <t>11/19/2019 19:36:48</t>
  </si>
  <si>
    <t>11/19/2019 19:38:09</t>
  </si>
  <si>
    <t>11/19/2019 19:38:10</t>
  </si>
  <si>
    <t>11/19/2019 19:38:11</t>
  </si>
  <si>
    <t>11/19/2019 19:38:12</t>
  </si>
  <si>
    <t>11/19/2019 19:38:13</t>
  </si>
  <si>
    <t>11/19/2019 19:38:24</t>
  </si>
  <si>
    <t>11/19/2019 19:26:09</t>
  </si>
  <si>
    <t>11/20/2019 09:07:45</t>
  </si>
  <si>
    <t>11/20/2019 09:06:37</t>
  </si>
  <si>
    <t>11/20/2019 09:08:45</t>
  </si>
  <si>
    <t>/o=exchangelabs/ou=exchange administrative group (fydibohf23spdlt)/cn=recipients/cn=1e6d9c62f2d8418fa73c4e576c9c2da7-deborah ott;</t>
  </si>
  <si>
    <t>Planilha Projetos - Materiais Recebidos PARA.xlsx</t>
  </si>
  <si>
    <t>/o=exchangelabs/ou=exchange administrative group (fydibohf23spdlt)/cn=recipients/cn=1e6d9c62f2d8418fa73c4e576c9c2da7-deborah ott</t>
  </si>
  <si>
    <t>11/20/2019 09:10:45</t>
  </si>
  <si>
    <t>10.200.58.31</t>
  </si>
  <si>
    <t>74-E6-E2-D1-4C-38</t>
  </si>
  <si>
    <t>ENC: RATEIO DIVERSIDADE +</t>
  </si>
  <si>
    <t>RATEIO DIVERSIDADE +.xlsx</t>
  </si>
  <si>
    <t>C:\Users\t-olivar\Desktop\Work Shop Sindical\Work Shop Jurídico e Sindical.V2.pptx\</t>
  </si>
  <si>
    <t>C:\Users\t-olivar\OneDrive - Grupo Algar\Documentos\MTE\2019\PROJETO DIVERSIDADE +\Governança do Projeto\Ofícios\</t>
  </si>
  <si>
    <t>LISTA DE PRESENÇA.xlsx</t>
  </si>
  <si>
    <t>C:\Users\t-olivar\OneDrive - Grupo Algar\Documentos\MTE\2019\PROJETO DIVERSIDADE +\Governança do Projeto\</t>
  </si>
  <si>
    <t>Macro Atividades.xlsx</t>
  </si>
  <si>
    <t>/o=exchangelabs/ou=exchange administrative group (fydibohf23spdlt)/cn=recipients/cn=837337b09df5443f80b156e2f23394aa-portaria al;/o=exchangelabs/ou=exchange administrative group (fydibohf23spdlt)/cn=recipients/cn=a30d12803de94264a57a0656bab1cc89-jose mario;</t>
  </si>
  <si>
    <t>LISTA DE PRESENÇA EVENTO DIA 12/11 AUDITÓRIO ALGAR</t>
  </si>
  <si>
    <t>/o=exchangelabs/ou=exchange administrative group (fydibohf23spdlt)/cn=recipients/cn=837337b09df5443f80b156e2f23394aa-portaria al,/o=exchangelabs/ou=exchange administrative group (fydibohf23spdlt)/cn=recipients/cn=a30d12803de94264a57a0656bab1cc89-jose mario</t>
  </si>
  <si>
    <t>APRESENTAÇÃO DIA 13/11</t>
  </si>
  <si>
    <t>Work Shop Jurídico e Sindical.V2.pptx\</t>
  </si>
  <si>
    <t>11/13/2019 08:30:49</t>
  </si>
  <si>
    <t>11/13/2019 17:58:57</t>
  </si>
  <si>
    <t>C:\Users\t-olivar\OneDrive - Grupo Algar\Documentos\MTE\2019\PROJETO DIVERSIDADE +\Governança do Projeto\PROJETO DIVERSIDADE + REUNIÃO 14-11 Líderes.pptx\</t>
  </si>
  <si>
    <t>11/14/2019 05:43:20</t>
  </si>
  <si>
    <t>11/14/2019 13:33:07</t>
  </si>
  <si>
    <t>11/14/2019 13:33:08</t>
  </si>
  <si>
    <t>11/14/2019 13:39:24</t>
  </si>
  <si>
    <t>11/14/2019 13:39:25</t>
  </si>
  <si>
    <t>11/14/2019 13:39:26</t>
  </si>
  <si>
    <t>11/14/2019 13:39:48</t>
  </si>
  <si>
    <t>11/14/2019 14:06:32</t>
  </si>
  <si>
    <t>11/14/2019 14:06:33</t>
  </si>
  <si>
    <t>11/14/2019 17:50:39</t>
  </si>
  <si>
    <t>/o=exchangelabs/ou=exchange administrative group (fydibohf23spdlt)/cn=recipients/cn=a30d12803de94264a57a0656bab1cc89-jose mario;sinttelrio@sinttelrio.org.br;</t>
  </si>
  <si>
    <t>ENC: Empregados que entregaram carta de OPOSIÇÃO ao desconto da CONTRIBUIÇÃO ASSISTENCIAL 2019</t>
  </si>
  <si>
    <t>ALGAR - Oposição (Assistencial 2019).xls</t>
  </si>
  <si>
    <t>/o=exchangelabs/ou=exchange administrative group (fydibohf23spdlt)/cn=recipients/cn=a30d12803de94264a57a0656bab1cc89-jose mario,sinttelrio@sinttelrio.org.br</t>
  </si>
  <si>
    <t>11/18/2019 10:05:40</t>
  </si>
  <si>
    <t>11/18/2019 10:09:36</t>
  </si>
  <si>
    <t>11/18/2019 15:10:37</t>
  </si>
  <si>
    <t>11/20/2019 09:08:03</t>
  </si>
  <si>
    <t>C:\Users\gabrielbc\Downloads\</t>
  </si>
  <si>
    <t>64fa2093-8af7-4e04-a178-0bf3aaf63e8e.xlsx</t>
  </si>
  <si>
    <t>11/20/2019 09:08:43</t>
  </si>
  <si>
    <t>11/20/2019 00:24:31</t>
  </si>
  <si>
    <t>11/20/2019 09:15:46</t>
  </si>
  <si>
    <t>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61af722dd06149089cf1c867d796b8bc-delso estre;/o=exchangelabs/ou=exchange administrative group (fydibohf23spdlt)/cn=recipients/cn=8c253c95243a40aa99c9416b7eb70a2a-julio cesar;/o=exchangelabs/ou=exchange administrative group (fydibohf23spdlt)/cn=recipients/cn=e46cd96e8e9e452c8cc8ba65a6c4ec57-gustavo hen;</t>
  </si>
  <si>
    <t>RES: Ajustes pré-closing PLR</t>
  </si>
  <si>
    <t>RES Ebit 2 Semestre.msg\s282\</t>
  </si>
  <si>
    <t>ebitpreclosing12-11.xls</t>
  </si>
  <si>
    <t>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61af722dd06149089cf1c867d796b8bc-delso estre,/o=exchangelabs/ou=exchange administrative group (fydibohf23spdlt)/cn=recipients/cn=8c253c95243a40aa99c9416b7eb70a2a-julio cesar,/o=exchangelabs/ou=exchange administrative group (fydibohf23spdlt)/cn=recipients/cn=e46cd96e8e9e452c8cc8ba65a6c4ec57-gustavo hen</t>
  </si>
  <si>
    <t>11/20/2019 09:11:46</t>
  </si>
  <si>
    <t>Relatório de antecipação</t>
  </si>
  <si>
    <t>11/20/2019 09:23:01</t>
  </si>
  <si>
    <t>11/20/2019 09:26:45</t>
  </si>
  <si>
    <t>Controle Financeiro Renato_2020.xlsx</t>
  </si>
  <si>
    <t>11/20/2019 09:29:00</t>
  </si>
  <si>
    <t>11/20/2019 09:31:45</t>
  </si>
  <si>
    <t>11/20/2019 09:34:19</t>
  </si>
  <si>
    <t>11/20/2019 09:35:46</t>
  </si>
  <si>
    <t>ENC: Transformação 2020: Ajuste BV Financeira</t>
  </si>
  <si>
    <t>Plan Precificacao C018 B018 - Evolução da Base BV.xlsb</t>
  </si>
  <si>
    <t>11/20/2019 09:39:30</t>
  </si>
  <si>
    <t>11/20/2019 09:41:45</t>
  </si>
  <si>
    <t>alinerg@algartech.com;andremg@algartecnologia.com.br;antoniaama@algartech.com;cassiaafa@algartech.com;</t>
  </si>
  <si>
    <t>C:\Users\matheusvs\Desktop\Squad - Canais Digitais\5 - Yahsat\</t>
  </si>
  <si>
    <t>Fraseologias Yahsat.xlsx</t>
  </si>
  <si>
    <t>alinerg@algartech.com,andremg@algartecnologia.com.br,antoniaama@algartech.com,cassiaafa@algartech.com</t>
  </si>
  <si>
    <t>11/20/2019 09:41:34</t>
  </si>
  <si>
    <t>11/20/2019 09:42:46</t>
  </si>
  <si>
    <t>/o=exchangelabs/ou=exchange administrative group (fydibohf23spdlt)/cn=recipients/cn=4097402e2d3e4073b597d33928140586-paulo sergi;/o=exchangelabs/ou=exchange administrative group (fydibohf23spdlt)/cn=recipients/cn=65f2464c9a2e4d2981cae7124572133d-cristiane c;dl_nw_operations_sparemanagement@timbrasil.com.br;ppaternina@timbrasil.com.br;</t>
  </si>
  <si>
    <t>RES: [Algar] Semana 47</t>
  </si>
  <si>
    <t>/o=exchangelabs/ou=exchange administrative group (fydibohf23spdlt)/cn=recipients/cn=4097402e2d3e4073b597d33928140586-paulo sergi,/o=exchangelabs/ou=exchange administrative group (fydibohf23spdlt)/cn=recipients/cn=65f2464c9a2e4d2981cae7124572133d-cristiane c,dl_nw_operations_sparemanagement@timbrasil.com.br,ppaternina@timbrasil.com.br</t>
  </si>
  <si>
    <t>11/20/2019 09:41:03</t>
  </si>
  <si>
    <t>11/20/2019 09:40:41</t>
  </si>
  <si>
    <t>11/20/2019 09:43:45</t>
  </si>
  <si>
    <t>Bradesco 2019 novo.xls</t>
  </si>
  <si>
    <t>11/20/2019 07:56:24</t>
  </si>
  <si>
    <t>11/20/2019 09:46:45</t>
  </si>
  <si>
    <t>Classificacao_de_Itens_GIAT_Classificado_v2.xlsx</t>
  </si>
  <si>
    <t>11/20/2019 09:44:07</t>
  </si>
  <si>
    <t>11/20/2019 09:48:45</t>
  </si>
  <si>
    <t>polati@algartech.com;sabrinadtdmc@algartech.com;</t>
  </si>
  <si>
    <t>polati@algartech.com,sabrinadtdmc@algartech.com</t>
  </si>
  <si>
    <t>11/20/2019 09:44:53</t>
  </si>
  <si>
    <t>Plano cobrança.xls</t>
  </si>
  <si>
    <t>11/20/2019 09:50:30</t>
  </si>
  <si>
    <t>11/20/2019 09:52:45</t>
  </si>
  <si>
    <t>11/20/2019 09:50:31</t>
  </si>
  <si>
    <t>11/20/2019 09:50:34</t>
  </si>
  <si>
    <t>11/20/2019 09:50:43</t>
  </si>
  <si>
    <t>11/20/2019 09:50:47</t>
  </si>
  <si>
    <t>11/20/2019 09:50:48</t>
  </si>
  <si>
    <t>11/20/2019 09:52:12</t>
  </si>
  <si>
    <t>11/20/2019 09:52:13</t>
  </si>
  <si>
    <t>11/20/2019 09:52:14</t>
  </si>
  <si>
    <t>11/20/2019 09:52:15</t>
  </si>
  <si>
    <t>11/20/2019 09:52:16</t>
  </si>
  <si>
    <t>11/20/2019 09:52:17</t>
  </si>
  <si>
    <t>11/20/2019 09:52:30</t>
  </si>
  <si>
    <t>11/20/2019 09:57:46</t>
  </si>
  <si>
    <t>11/20/2019 09:58:45</t>
  </si>
  <si>
    <t>11/20/2019 09:52:31</t>
  </si>
  <si>
    <t>11/20/2019 09:52:33</t>
  </si>
  <si>
    <t>11/20/2019 09:52:34</t>
  </si>
  <si>
    <t>11/20/2019 09:52:36</t>
  </si>
  <si>
    <t>11/20/2019 09:52:37</t>
  </si>
  <si>
    <t>11/20/2019 09:52:38</t>
  </si>
  <si>
    <t>11/20/2019 09:52:39</t>
  </si>
  <si>
    <t>11/20/2019 09:52:46</t>
  </si>
  <si>
    <t>11/20/2019 09:52:47</t>
  </si>
  <si>
    <t>11/20/2019 09:53:08</t>
  </si>
  <si>
    <t>11/20/2019 09:53:09</t>
  </si>
  <si>
    <t>11/20/2019 09:53:12</t>
  </si>
  <si>
    <t>11/20/2019 09:53:16</t>
  </si>
  <si>
    <t>11/20/2019 09:53:17</t>
  </si>
  <si>
    <t>11/20/2019 09:53:18</t>
  </si>
  <si>
    <t>11/20/2019 09:53:19</t>
  </si>
  <si>
    <t>11/20/2019 09:53:20</t>
  </si>
  <si>
    <t>11/20/2019 09:53:21</t>
  </si>
  <si>
    <t>11/20/2019 09:53:22</t>
  </si>
  <si>
    <t>11/20/2019 09:53:23</t>
  </si>
  <si>
    <t>11/20/2019 09:53:24</t>
  </si>
  <si>
    <t>11/20/2019 09:53:25</t>
  </si>
  <si>
    <t>11/20/2019 09:53:26</t>
  </si>
  <si>
    <t>11/20/2019 09:53:27</t>
  </si>
  <si>
    <t>11/20/2019 09:53:28</t>
  </si>
  <si>
    <t>11/20/2019 09:53:46</t>
  </si>
  <si>
    <t>11/20/2019 09:54:04</t>
  </si>
  <si>
    <t>11/20/2019 09:54:55</t>
  </si>
  <si>
    <t>11/20/2019 09:54:56</t>
  </si>
  <si>
    <t>11/20/2019 09:54:58</t>
  </si>
  <si>
    <t>11/20/2019 09:54:59</t>
  </si>
  <si>
    <t>11/20/2019 09:55:00</t>
  </si>
  <si>
    <t>11/20/2019 09:55:01</t>
  </si>
  <si>
    <t>11/20/2019 09:55:02</t>
  </si>
  <si>
    <t>11/20/2019 09:55:05</t>
  </si>
  <si>
    <t>11/20/2019 09:55:06</t>
  </si>
  <si>
    <t>11/20/2019 09:55:08</t>
  </si>
  <si>
    <t>11/20/2019 09:55:09</t>
  </si>
  <si>
    <t>11/20/2019 09:55:30</t>
  </si>
  <si>
    <t>11/20/2019 09:55:31</t>
  </si>
  <si>
    <t>11/20/2019 09:55:37</t>
  </si>
  <si>
    <t>11/20/2019 09:55:38</t>
  </si>
  <si>
    <t>11/20/2019 09:55:39</t>
  </si>
  <si>
    <t>11/20/2019 09:55:40</t>
  </si>
  <si>
    <t>11/20/2019 09:55:41</t>
  </si>
  <si>
    <t>11/20/2019 09:55:43</t>
  </si>
  <si>
    <t>11/20/2019 09:55:44</t>
  </si>
  <si>
    <t>11/20/2019 09:55:45</t>
  </si>
  <si>
    <t>11/20/2019 09:55:47</t>
  </si>
  <si>
    <t>11/20/2019 09:55:49</t>
  </si>
  <si>
    <t>11/20/2019 09:55:50</t>
  </si>
  <si>
    <t>11/20/2019 09:55:51</t>
  </si>
  <si>
    <t>11/20/2019 09:55:52</t>
  </si>
  <si>
    <t>11/20/2019 09:55:53</t>
  </si>
  <si>
    <t>11/20/2019 09:55:54</t>
  </si>
  <si>
    <t>11/20/2019 09:55:55</t>
  </si>
  <si>
    <t>11/20/2019 09:55:56</t>
  </si>
  <si>
    <t>11/20/2019 09:55:57</t>
  </si>
  <si>
    <t>11/20/2019 09:55:58</t>
  </si>
  <si>
    <t>11/20/2019 09:56:01</t>
  </si>
  <si>
    <t>11/20/2019 09:56:04</t>
  </si>
  <si>
    <t>11/20/2019 09:56:06</t>
  </si>
  <si>
    <t>11/20/2019 09:56:07</t>
  </si>
  <si>
    <t>11/20/2019 09:56:09</t>
  </si>
  <si>
    <t>11/20/2019 09:56:10</t>
  </si>
  <si>
    <t>11/20/2019 09:56:12</t>
  </si>
  <si>
    <t>11/20/2019 09:56:14</t>
  </si>
  <si>
    <t>11/20/2019 09:56:17</t>
  </si>
  <si>
    <t>11/20/2019 09:56:18</t>
  </si>
  <si>
    <t>11/20/2019 09:56:24</t>
  </si>
  <si>
    <t>11/20/2019 09:58:46</t>
  </si>
  <si>
    <t>11/20/2019 09:56:25</t>
  </si>
  <si>
    <t>11/20/2019 09:56:26</t>
  </si>
  <si>
    <t>11/20/2019 09:56:27</t>
  </si>
  <si>
    <t>11/20/2019 09:56:28</t>
  </si>
  <si>
    <t>11/20/2019 09:56:31</t>
  </si>
  <si>
    <t>11/20/2019 09:56:32</t>
  </si>
  <si>
    <t>11/20/2019 09:56:33</t>
  </si>
  <si>
    <t>11/20/2019 09:56:34</t>
  </si>
  <si>
    <t>11/20/2019 09:56:35</t>
  </si>
  <si>
    <t>11/20/2019 09:56:36</t>
  </si>
  <si>
    <t>11/20/2019 09:56:37</t>
  </si>
  <si>
    <t>11/20/2019 09:56:46</t>
  </si>
  <si>
    <t>11/20/2019 09:56:47</t>
  </si>
  <si>
    <t>11/20/2019 09:56:50</t>
  </si>
  <si>
    <t>11/20/2019 09:56:53</t>
  </si>
  <si>
    <t>11/20/2019 09:56:55</t>
  </si>
  <si>
    <t>11/20/2019 09:56:56</t>
  </si>
  <si>
    <t>11/20/2019 09:56:57</t>
  </si>
  <si>
    <t>11/20/2019 09:56:58</t>
  </si>
  <si>
    <t>11/20/2019 09:57:00</t>
  </si>
  <si>
    <t>11/20/2019 09:57:01</t>
  </si>
  <si>
    <t>11/20/2019 09:57:02</t>
  </si>
  <si>
    <t>11/20/2019 09:57:03</t>
  </si>
  <si>
    <t>11/20/2019 09:57:04</t>
  </si>
  <si>
    <t>11/20/2019 09:57:05</t>
  </si>
  <si>
    <t>11/20/2019 09:57:06</t>
  </si>
  <si>
    <t>11/20/2019 09:57:07</t>
  </si>
  <si>
    <t>11/20/2019 09:57:08</t>
  </si>
  <si>
    <t>11/20/2019 09:57:09</t>
  </si>
  <si>
    <t>11/20/2019 09:57:12</t>
  </si>
  <si>
    <t>11/20/2019 09:57:14</t>
  </si>
  <si>
    <t>11/20/2019 09:57:15</t>
  </si>
  <si>
    <t>11/20/2019 09:57:16</t>
  </si>
  <si>
    <t>11/20/2019 09:57:17</t>
  </si>
  <si>
    <t>11/20/2019 09:57:18</t>
  </si>
  <si>
    <t>11/20/2019 09:57:24</t>
  </si>
  <si>
    <t>11/20/2019 09:59:45</t>
  </si>
  <si>
    <t>Maria Eduarda Mês de Novembro.xlsx</t>
  </si>
  <si>
    <t>11/20/2019 09:57:25</t>
  </si>
  <si>
    <t>mail.google.com/_/upload?authuser=0&amp;dcp=asu-n&amp;upload_id=AEnB2UonJ8miuenif1QTKWiuCew-QDWjSBSPxTPznyFVOaiBRSVI9pykAZzpEVeyjsuVVMZ-hgJqEMThcTV4bhREgRGvIt39qg&amp;upload_protocol=resumable</t>
  </si>
  <si>
    <t>Auditoria Rosalia mês de Novembro.xlsx</t>
  </si>
  <si>
    <t>11/20/2019 09:57:27</t>
  </si>
  <si>
    <t>mail.google.com/_/upload?authuser=0&amp;dcp=asu-n&amp;upload_id=AEnB2UrUHn1j9tDMBOBCbOlrn3gK4Uwv0rjB9dles4ihaq3y2iQI_q-fyt4TjA69J9ehfL-dU4cx5jxfIcrSAUuiJodOU4IodA&amp;upload_protocol=resumable</t>
  </si>
  <si>
    <t>11/20/2019 10:03:45</t>
  </si>
  <si>
    <t>11/20/2019 09:57:19</t>
  </si>
  <si>
    <t>11/20/2019 09:57:20</t>
  </si>
  <si>
    <t>11/20/2019 09:57:21</t>
  </si>
  <si>
    <t>11/20/2019 09:57:22</t>
  </si>
  <si>
    <t>11/20/2019 09:57:26</t>
  </si>
  <si>
    <t>11/20/2019 09:57:37</t>
  </si>
  <si>
    <t>11/20/2019 09:57:58</t>
  </si>
  <si>
    <t>11/20/2019 09:58:31</t>
  </si>
  <si>
    <t>11/20/2019 09:58:32</t>
  </si>
  <si>
    <t>11/20/2019 09:58:33</t>
  </si>
  <si>
    <t>11/20/2019 09:58:35</t>
  </si>
  <si>
    <t>11/20/2019 09:58:36</t>
  </si>
  <si>
    <t>11/20/2019 09:58:38</t>
  </si>
  <si>
    <t>11/20/2019 09:58:39</t>
  </si>
  <si>
    <t>11/20/2019 09:58:40</t>
  </si>
  <si>
    <t>11/20/2019 09:58:47</t>
  </si>
  <si>
    <t>11/20/2019 09:58:48</t>
  </si>
  <si>
    <t>11/20/2019 09:58:49</t>
  </si>
  <si>
    <t>11/20/2019 09:58:50</t>
  </si>
  <si>
    <t>11/20/2019 09:58:51</t>
  </si>
  <si>
    <t>11/20/2019 09:58:52</t>
  </si>
  <si>
    <t>11/20/2019 09:58:57</t>
  </si>
  <si>
    <t>11/20/2019 09:59:01</t>
  </si>
  <si>
    <t>11/20/2019 09:59:02</t>
  </si>
  <si>
    <t>11/20/2019 09:59:03</t>
  </si>
  <si>
    <t>11/20/2019 09:59:04</t>
  </si>
  <si>
    <t>11/20/2019 09:59:06</t>
  </si>
  <si>
    <t>11/20/2019 09:59:07</t>
  </si>
  <si>
    <t>11/20/2019 09:59:08</t>
  </si>
  <si>
    <t>11/20/2019 09:59:09</t>
  </si>
  <si>
    <t>11/20/2019 09:59:10</t>
  </si>
  <si>
    <t>11/20/2019 09:59:32</t>
  </si>
  <si>
    <t>11/20/2019 09:59:34</t>
  </si>
  <si>
    <t>11/20/2019 09:59:35</t>
  </si>
  <si>
    <t>11/20/2019 09:59:36</t>
  </si>
  <si>
    <t>11/20/2019 09:59:37</t>
  </si>
  <si>
    <t>11/20/2019 09:59:39</t>
  </si>
  <si>
    <t>11/20/2019 09:59:40</t>
  </si>
  <si>
    <t>11/20/2019 09:59:41</t>
  </si>
  <si>
    <t>11/20/2019 09:59:42</t>
  </si>
  <si>
    <t>11/20/2019 09:59:44</t>
  </si>
  <si>
    <t>11/20/2019 09:59:46</t>
  </si>
  <si>
    <t>11/20/2019 09:59:47</t>
  </si>
  <si>
    <t>11/20/2019 09:59:58</t>
  </si>
  <si>
    <t>11/20/2019 09:59:59</t>
  </si>
  <si>
    <t>11/20/2019 10:00:00</t>
  </si>
  <si>
    <t>11/20/2019 10:00:01</t>
  </si>
  <si>
    <t>11/20/2019 10:00:02</t>
  </si>
  <si>
    <t>11/20/2019 10:00:03</t>
  </si>
  <si>
    <t>11/20/2019 10:00:04</t>
  </si>
  <si>
    <t>11/20/2019 10:00:05</t>
  </si>
  <si>
    <t>11/20/2019 10:00:06</t>
  </si>
  <si>
    <t>11/20/2019 10:00:07</t>
  </si>
  <si>
    <t>11/20/2019 10:00:08</t>
  </si>
  <si>
    <t>11/20/2019 10:00:09</t>
  </si>
  <si>
    <t>11/20/2019 10:00:10</t>
  </si>
  <si>
    <t>11/20/2019 10:00:13</t>
  </si>
  <si>
    <t>11/20/2019 10:00:16</t>
  </si>
  <si>
    <t>11/20/2019 10:00:17</t>
  </si>
  <si>
    <t>11/20/2019 10:00:22</t>
  </si>
  <si>
    <t>11/20/2019 10:00:39</t>
  </si>
  <si>
    <t>11/20/2019 10:00:40</t>
  </si>
  <si>
    <t>11/20/2019 10:00:42</t>
  </si>
  <si>
    <t>11/20/2019 09:59:29</t>
  </si>
  <si>
    <t>11/20/2019 10:04:46</t>
  </si>
  <si>
    <t>ENC: PTH Atualizada - GST</t>
  </si>
  <si>
    <t>PTH HELIEL19112019.xlsx</t>
  </si>
  <si>
    <t>11/20/2019 10:04:26</t>
  </si>
  <si>
    <t>11/20/2019 10:05:45</t>
  </si>
  <si>
    <t>11/20/2019 10:04:49</t>
  </si>
  <si>
    <t>11/20/2019 10:06:58</t>
  </si>
  <si>
    <t>11/20/2019 10:08:45</t>
  </si>
  <si>
    <t>/o=exchangelabs/ou=exchange administrative group (fydibohf23spdlt)/cn=recipients/cn=86f97e3fdf744bd7a2dfff398729d365-polyana cri;</t>
  </si>
  <si>
    <t>LISTA DE PRESENÇA 19_11</t>
  </si>
  <si>
    <t>PRESENÇA - FEIRA DE PRODUTOS 18.11.xlsx</t>
  </si>
  <si>
    <t>/o=exchangelabs/ou=exchange administrative group (fydibohf23spdlt)/cn=recipients/cn=86f97e3fdf744bd7a2dfff398729d365-polyana cri</t>
  </si>
  <si>
    <t>11/20/2019 10:04:25</t>
  </si>
  <si>
    <t>Resultados Campanha - CIMI</t>
  </si>
  <si>
    <t>11/20/2019 10:07:47</t>
  </si>
  <si>
    <t>11/20/2019 10:10:45</t>
  </si>
  <si>
    <t>D:\OneDrive\AlgarTech\Pré-Vendas\Cliente\2019\SAGE\217474 - Servidores Internos\</t>
  </si>
  <si>
    <t>11/20/2019 10:13:30</t>
  </si>
  <si>
    <t>11/20/2019 10:15:46</t>
  </si>
  <si>
    <t>11/20/2019 10:13:36</t>
  </si>
  <si>
    <t>11/20/2019 10:13:40</t>
  </si>
  <si>
    <t>11/20/2019 10:18:47</t>
  </si>
  <si>
    <t>11/20/2019 10:20:45</t>
  </si>
  <si>
    <t>Pesquisa consolidada nov - Supers.xlsx</t>
  </si>
  <si>
    <t>11/20/2019 10:17:12</t>
  </si>
  <si>
    <t>Errata - Olha Ranking aí gente....</t>
  </si>
  <si>
    <t>11/20/2019 10:17:58</t>
  </si>
  <si>
    <t>11/20/2019 10:19:15</t>
  </si>
  <si>
    <t>11/20/2019 10:22:45</t>
  </si>
  <si>
    <t>11/20/2019 10:25:44</t>
  </si>
  <si>
    <t>11/20/2019 10:26:45</t>
  </si>
  <si>
    <t>ENC: Cronometria</t>
  </si>
  <si>
    <t>cronometria.xlsx</t>
  </si>
  <si>
    <t>11/20/2019 10:24:06</t>
  </si>
  <si>
    <t>11/20/2019 10:27:45</t>
  </si>
  <si>
    <t>ENC: Produtividade UNE_UCB_Formalização_Casos Especiais e Vale ate 18/11</t>
  </si>
  <si>
    <t>11/20/2019 10:31:48</t>
  </si>
  <si>
    <t>11/20/2019 10:34:45</t>
  </si>
  <si>
    <t>C:\Users\alessandroam\Desktop\ENC Topologia e Custos - Segregação Fase 3.msg\s1\</t>
  </si>
  <si>
    <t>CAPEX OPEX Segregação Bradesco CPS - v4.xlsx</t>
  </si>
  <si>
    <t>CAPEX OPEX Segregação Bradesco CPS - v5.xlsx</t>
  </si>
  <si>
    <t>11/20/2019 10:34:39</t>
  </si>
  <si>
    <t>11/20/2019 10:39:45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4097402e2d3e4073b597d33928140586-paulo sergi;/o=exchangelabs/ou=exchange administrative group (fydibohf23spdlt)/cn=recipients/cn=47dd31b5ac1847959bdefc467c1b7402-ferlem marl;/o=exchangelabs/ou=exchange administrative group (fydibohf23spdlt)/cn=recipients/cn=5eb8447f1992416c986b6f95f45fc7f7-jose paixao;/o=exchangelabs/ou=exchange administrative group (fydibohf23spdlt)/cn=recipients/cn=7df34f8bfd5c49aba90be766dd53403a-rosimar lei;/o=exchangelabs/ou=exchange administrative group (fydibohf23spdlt)/cn=recipients/cn=7ec9b79e321b423c9a6328e6d2a8765d-fabio cesar;/o=exchangelabs/ou=exchange administrative group (fydibohf23spdlt)/cn=recipients/cn=7f0583df7d3e4c2bb8108b334f4257df-marc</t>
  </si>
  <si>
    <t>OS's TIM BBN - Atualizar Status 06_11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4097402e2d3e4073b597d33928140586-paulo sergi,/o=exchangelabs/ou=exchange administrative group (fydibohf23spdlt)/cn=recipients/cn=47dd31b5ac1847959bdefc467c1b7402-ferlem marl,/o=exchangelabs/ou=exchange administrative group (fydibohf23spdlt)/cn=recipients/cn=5eb8447f1992416c986b6f95f45fc7f7-jose paixao,/o=exchangelabs/ou=exchange administrative group (fydibohf23spdlt)/cn=recipients/cn=7df34f8bfd5c49aba90be766dd53403a-rosimar lei,/o=exchangelabs/ou=exchange administrative group (fydibohf23spdlt)/cn=recipients/cn=7ec9b79e321b423c9a6328e6d2a8765d-fabio cesar,/o=exchangelabs/ou=exchange administrative group (fydibohf23spdlt)/cn=recipients/cn=7f0583df7d3e4c2bb8108b334f4257df-marc</t>
  </si>
  <si>
    <t>11/20/2019 10:41:31</t>
  </si>
  <si>
    <t>11/20/2019 10:44:45</t>
  </si>
  <si>
    <t>11/20/2019 10:41:38</t>
  </si>
  <si>
    <t>11/20/2019 10:41:39</t>
  </si>
  <si>
    <t>C:\Users\elainemdlp\OD\_Projetos\Em andamento\Expansao Caixa\04 - Controle\PMO\PMO - STATUS DE GOVERNANÇA - Expansao Caixa - 20191111.pptx\</t>
  </si>
  <si>
    <t>11/20/2019 10:41:48</t>
  </si>
  <si>
    <t>C:\Users\elainemdlp\OD\_Projetos\Em andamento\Goodyear Licitacao\01 - Iniciacao\</t>
  </si>
  <si>
    <t>BP 206431 - Goodyear v4.1.xlsb</t>
  </si>
  <si>
    <t>C:\Users\elainemdlp\OD\_Projetos\Em andamento\Goodyear Licitacao\01 - Iniciacao\BP 206431 - Goodyear v4.1.xlsb\</t>
  </si>
  <si>
    <t>11/20/2019 10:41:49</t>
  </si>
  <si>
    <t>11/20/2019 10:43:56</t>
  </si>
  <si>
    <t>\\acsfs\deptos\DME\CME - Coordenacao de Marketing e Estrategia\Gestão da Área\Reuniões de Governança\Tech Day\</t>
  </si>
  <si>
    <t>BP GRC Revisão 20-11.xlsx</t>
  </si>
  <si>
    <t>11/20/2019 10:43:01</t>
  </si>
  <si>
    <t>11/20/2019 10:47:46</t>
  </si>
  <si>
    <t>10.200.60.164</t>
  </si>
  <si>
    <t>D8-9C-67-4D-6A-83</t>
  </si>
  <si>
    <t>NB-VANESSASARA</t>
  </si>
  <si>
    <t>vanessasara</t>
  </si>
  <si>
    <t>vanessasara@algartech.com</t>
  </si>
  <si>
    <t>carlosfn@algartech.com;lucianasg@algartech.com;</t>
  </si>
  <si>
    <t>C:\Users\vanessasara\Desktop\Algar Tech_4a REUGER 2019_Comercial.pptx\</t>
  </si>
  <si>
    <t>carlosfn@algartech.com,lucianasg@algartech.com</t>
  </si>
  <si>
    <t>11/20/2019 10:49:06</t>
  </si>
  <si>
    <t>11/20/2019 10:50:45</t>
  </si>
  <si>
    <t>217474_Proposta_Transacional_SAGE_V1.xls</t>
  </si>
  <si>
    <t>11/20/2019 10:49:20</t>
  </si>
  <si>
    <t>11/20/2019 10:47:56</t>
  </si>
  <si>
    <t>11/20/2019 10:51:46</t>
  </si>
  <si>
    <t>/o=exchangelabs/ou=exchange administrative group (fydibohf23spdlt)/cn=recipients/cn=a5fb24647d6e4c368aca7c8ad68585d5-jessica fer;lilian.karuline@bradesco.com.br;maurilio.junior@bradesco.com.br;silvia.b.souza@bradesco.com.br;</t>
  </si>
  <si>
    <t>Ajustes Painel Gerencial</t>
  </si>
  <si>
    <t>/o=exchangelabs/ou=exchange administrative group (fydibohf23spdlt)/cn=recipients/cn=a5fb24647d6e4c368aca7c8ad68585d5-jessica fer,lilian.karuline@bradesco.com.br,maurilio.junior@bradesco.com.br,silvia.b.souza@bradesco.com.br</t>
  </si>
  <si>
    <t>11/20/2019 10:47:47</t>
  </si>
  <si>
    <t>11/20/2019 10:49:43</t>
  </si>
  <si>
    <t>11/20/2019 10:53:46</t>
  </si>
  <si>
    <t>RES: Classificação de Ativos_ Aquisição de UPS</t>
  </si>
  <si>
    <t>Classificação de Ativos - Aquisição de UPS.xlsx</t>
  </si>
  <si>
    <t>11/20/2019 10:53:11</t>
  </si>
  <si>
    <t>11/20/2019 10:54:45</t>
  </si>
  <si>
    <t>/o=exchangelabs/ou=exchange administrative group (fydibohf23spdlt)/cn=recipients/cn=ae5de8da93c7422fa6ba5be702b44cd5-renata apar;/o=exchangelabs/ou=exchange administrative group (fydibohf23spdlt)/cn=recipients/cn=user3949317b;</t>
  </si>
  <si>
    <t>Visão Integradores GAT - Tech Day</t>
  </si>
  <si>
    <t>Resumo_Integradores_GAT.xlsx</t>
  </si>
  <si>
    <t>/o=exchangelabs/ou=exchange administrative group (fydibohf23spdlt)/cn=recipients/cn=ae5de8da93c7422fa6ba5be702b44cd5-renata apar,/o=exchangelabs/ou=exchange administrative group (fydibohf23spdlt)/cn=recipients/cn=user3949317b</t>
  </si>
  <si>
    <t>11/20/2019 10:53:09</t>
  </si>
  <si>
    <t>11/20/2019 10:56:46</t>
  </si>
  <si>
    <t>10.201.164.29</t>
  </si>
  <si>
    <t>leonardoil@algartech.com;</t>
  </si>
  <si>
    <t>C:\Users\andremg\Downloads\</t>
  </si>
  <si>
    <t>Relatório YahCenter (8).xlsx</t>
  </si>
  <si>
    <t>leonardoil@algartech.com</t>
  </si>
  <si>
    <t>11/20/2019 10:57:24</t>
  </si>
  <si>
    <t>11/20/2019 10:57:45</t>
  </si>
  <si>
    <t>mauricio@algartech.com;</t>
  </si>
  <si>
    <t>C:\Users\vanessasara\Desktop\Algar Tech_4a REUGER 2019_GAT.pptx\</t>
  </si>
  <si>
    <t>mauricio@algartech.com</t>
  </si>
  <si>
    <t>11/20/2019 10:57:34</t>
  </si>
  <si>
    <t>11/20/2019 11:00:46</t>
  </si>
  <si>
    <t>mail.google.com/_/upload?authuser=0&amp;dcp=asu-n&amp;upload_id=AEnB2UpkTOP9U2Zq7fYzsEhfk75tk_JJdW8C4razdJi7owcvw6KEZ-Dgq11yJsFQkE46ZU6JzKPmKQXGRVlQhHZ-GCqwUCVga6fnClB61K_qFjFYzE2ZPFc&amp;upload_protocol=resumable</t>
  </si>
  <si>
    <t>jleitao@timbrasil.com.br;marcos.pereira@algartech.com;</t>
  </si>
  <si>
    <t>jleitao@timbrasil.com.br,marcos.pereira@algartech.com</t>
  </si>
  <si>
    <t>11/20/2019 11:01:32</t>
  </si>
  <si>
    <t>11/20/2019 11:04:45</t>
  </si>
  <si>
    <t>Recibo de Reembolso -2410.xls</t>
  </si>
  <si>
    <t>11/20/2019 11:03:40</t>
  </si>
  <si>
    <t>11/20/2019 11:05:46</t>
  </si>
  <si>
    <t>C:\Users\lucianafaa\OneDrive - Grupo Algar\2019\PROJETOS\PROGRAMA\CRM\EXECUCAO\BP\CUSTO\</t>
  </si>
  <si>
    <t>11/20/2019 11:03:43</t>
  </si>
  <si>
    <t>Treinamento</t>
  </si>
  <si>
    <t>FORMAÇÃO INICIAL - ATENDIMENTO UNICA 2608.xlsm</t>
  </si>
  <si>
    <t>11/20/2019 11:02:36</t>
  </si>
  <si>
    <t>11/20/2019 11:06:45</t>
  </si>
  <si>
    <t>D4-6A-6A-F9-8D-37</t>
  </si>
  <si>
    <t>11/20/2019 11:02:24</t>
  </si>
  <si>
    <t>11/20/2019 11:02:25</t>
  </si>
  <si>
    <t>11/20/2019 11:02:26</t>
  </si>
  <si>
    <t>11/20/2019 11:02:32</t>
  </si>
  <si>
    <t>11/20/2019 11:04:09</t>
  </si>
  <si>
    <t>11/20/2019 11:04:10</t>
  </si>
  <si>
    <t>11/20/2019 11:04:11</t>
  </si>
  <si>
    <t>11/20/2019 11:04:12</t>
  </si>
  <si>
    <t>11/20/2019 11:04:13</t>
  </si>
  <si>
    <t>11/20/2019 11:04:25</t>
  </si>
  <si>
    <t>11/20/2019 11:04:27</t>
  </si>
  <si>
    <t>11/20/2019 11:04:28</t>
  </si>
  <si>
    <t>11/20/2019 11:04:29</t>
  </si>
  <si>
    <t>11/20/2019 11:04:30</t>
  </si>
  <si>
    <t>11/20/2019 11:04:31</t>
  </si>
  <si>
    <t>11/20/2019 11:04:36</t>
  </si>
  <si>
    <t>11/20/2019 11:04:37</t>
  </si>
  <si>
    <t>11/20/2019 11:04:59</t>
  </si>
  <si>
    <t>11/20/2019 11:05:00</t>
  </si>
  <si>
    <t>11/20/2019 11:05:03</t>
  </si>
  <si>
    <t>11/20/2019 11:05:07</t>
  </si>
  <si>
    <t>11/20/2019 11:05:08</t>
  </si>
  <si>
    <t>11/20/2019 11:05:09</t>
  </si>
  <si>
    <t>11/20/2019 11:05:10</t>
  </si>
  <si>
    <t>11/20/2019 11:05:11</t>
  </si>
  <si>
    <t>11/20/2019 11:05:12</t>
  </si>
  <si>
    <t>11/20/2019 11:05:13</t>
  </si>
  <si>
    <t>11/20/2019 11:05:14</t>
  </si>
  <si>
    <t>11/20/2019 11:05:15</t>
  </si>
  <si>
    <t>11/20/2019 11:05:16</t>
  </si>
  <si>
    <t>11/20/2019 11:05:17</t>
  </si>
  <si>
    <t>11/20/2019 11:05:18</t>
  </si>
  <si>
    <t>11/20/2019 11:05:33</t>
  </si>
  <si>
    <t>11/20/2019 11:05:48</t>
  </si>
  <si>
    <t>11/20/2019 11:02:47</t>
  </si>
  <si>
    <t>11/20/2019 11:08:45</t>
  </si>
  <si>
    <t>11/20/2019 11:04:05</t>
  </si>
  <si>
    <t>RES: silvio@algartech.com lhe enviou uma mensagem no Skype for Business</t>
  </si>
  <si>
    <t>Componentes e Subcomponentes B018.xlsx</t>
  </si>
  <si>
    <t>11/20/2019 11:04:58</t>
  </si>
  <si>
    <t>C:\Users\polati\OneDrive - Grupo Algar\algar\bradesco 2019\fechamentos\</t>
  </si>
  <si>
    <t>11/20/2019 11:06:12</t>
  </si>
  <si>
    <t>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e0001a1553fb4b9a9be687db68a2ec15-yuri ian fr;/o=exchangelabs/ou=exchange administrative group (fydibohf23spdlt)/cn=recipients/cn=user12c3790d;</t>
  </si>
  <si>
    <t>Status projeto CIMI - 19/11</t>
  </si>
  <si>
    <t>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e0001a1553fb4b9a9be687db68a2ec15-yuri ian fr,/o=exchangelabs/ou=exchange administrative group (fydibohf23spdlt)/cn=recipients/cn=user12c3790d</t>
  </si>
  <si>
    <t>11/20/2019 11:03:59</t>
  </si>
  <si>
    <t>11/20/2019 11:09:46</t>
  </si>
  <si>
    <t>/o=exchangelabs/ou=exchange administrative group (fydibohf23spdlt)/cn=recipients/cn=0a87f2cad91d442c9f093f600a4c5266-vanessa rod;/o=exchangelabs/ou=exchange administrative group (fydibohf23spdlt)/cn=recipients/cn=9216c91f88944fa9915f6d1b2c6a77a0-renato kass;</t>
  </si>
  <si>
    <t>RES: Treinamento Comportamental 21/11 e 22/11</t>
  </si>
  <si>
    <t>RES Status - Comportamental.msg\s1\</t>
  </si>
  <si>
    <t>/o=exchangelabs/ou=exchange administrative group (fydibohf23spdlt)/cn=recipients/cn=0a87f2cad91d442c9f093f600a4c5266-vanessa rod,/o=exchangelabs/ou=exchange administrative group (fydibohf23spdlt)/cn=recipients/cn=9216c91f88944fa9915f6d1b2c6a77a0-renato kass</t>
  </si>
  <si>
    <t>11/20/2019 11:09:34</t>
  </si>
  <si>
    <t>11/20/2019 11:10:45</t>
  </si>
  <si>
    <t>mail.google.com/_/upload?authuser=0&amp;dcp=asu-n&amp;upload_id=AEnB2Uo_aSkBnW6j4xmhvjRdSyo5_-QyyNzc1pOZ9NrwhwFvfe2hEpTm89V6pbajj4FyXV-QtGIbnawtINLM7eCRjnBP2P6RaQ&amp;upload_protocol=resumable</t>
  </si>
  <si>
    <t>Cancelamentos 10.2019.xlsx</t>
  </si>
  <si>
    <t>11/20/2019 11:06:36</t>
  </si>
  <si>
    <t>11/20/2019 11:12:47</t>
  </si>
  <si>
    <t>11/14/2019 12:11:20</t>
  </si>
  <si>
    <t>/o=exchangelabs/ou=exchange administrative group (fydibohf23spdlt)/cn=recipients/cn=830ba83a6b9b441ab3f8d8b3a47d0ffe-angelica ma;/o=exchangelabs/ou=exchange administrative group (fydibohf23spdlt)/cn=recipients/cn=95d6b80d0c3d44d6aee9bc955f10af3e-aparecida m;</t>
  </si>
  <si>
    <t>ENC: HEAD COUNT - dez/19</t>
  </si>
  <si>
    <t>6 - HEAD COUNT_dez.xlsx</t>
  </si>
  <si>
    <t>/o=exchangelabs/ou=exchange administrative group (fydibohf23spdlt)/cn=recipients/cn=830ba83a6b9b441ab3f8d8b3a47d0ffe-angelica ma,/o=exchangelabs/ou=exchange administrative group (fydibohf23spdlt)/cn=recipients/cn=95d6b80d0c3d44d6aee9bc955f10af3e-aparecida m</t>
  </si>
  <si>
    <t>11/20/2019 11:06:37</t>
  </si>
  <si>
    <t>11/20/2019 11:06:39</t>
  </si>
  <si>
    <t>11/20/2019 11:06:40</t>
  </si>
  <si>
    <t>11/20/2019 11:06:42</t>
  </si>
  <si>
    <t>11/20/2019 11:06:43</t>
  </si>
  <si>
    <t>11/20/2019 11:06:46</t>
  </si>
  <si>
    <t>11/20/2019 11:06:49</t>
  </si>
  <si>
    <t>11/20/2019 11:06:51</t>
  </si>
  <si>
    <t>11/20/2019 11:07:18</t>
  </si>
  <si>
    <t>11/20/2019 11:07:26</t>
  </si>
  <si>
    <t>11/20/2019 11:07:27</t>
  </si>
  <si>
    <t>11/20/2019 11:07:28</t>
  </si>
  <si>
    <t>11/20/2019 11:07:29</t>
  </si>
  <si>
    <t>11/20/2019 11:07:30</t>
  </si>
  <si>
    <t>11/20/2019 11:07:31</t>
  </si>
  <si>
    <t>11/20/2019 11:07:32</t>
  </si>
  <si>
    <t>11/20/2019 11:07:33</t>
  </si>
  <si>
    <t>11/20/2019 11:07:34</t>
  </si>
  <si>
    <t>11/20/2019 11:07:35</t>
  </si>
  <si>
    <t>11/20/2019 11:07:37</t>
  </si>
  <si>
    <t>11/20/2019 11:07:38</t>
  </si>
  <si>
    <t>11/20/2019 11:07:39</t>
  </si>
  <si>
    <t>11/20/2019 11:07:40</t>
  </si>
  <si>
    <t>11/20/2019 11:07:41</t>
  </si>
  <si>
    <t>11/20/2019 11:07:42</t>
  </si>
  <si>
    <t>11/20/2019 11:07:43</t>
  </si>
  <si>
    <t>11/20/2019 11:07:44</t>
  </si>
  <si>
    <t>11/20/2019 11:07:48</t>
  </si>
  <si>
    <t>11/20/2019 11:07:52</t>
  </si>
  <si>
    <t>11/20/2019 11:07:55</t>
  </si>
  <si>
    <t>11/20/2019 11:07:56</t>
  </si>
  <si>
    <t>11/20/2019 11:07:58</t>
  </si>
  <si>
    <t>11/20/2019 11:07:59</t>
  </si>
  <si>
    <t>11/20/2019 11:08:01</t>
  </si>
  <si>
    <t>11/20/2019 11:08:02</t>
  </si>
  <si>
    <t>11/20/2019 11:08:05</t>
  </si>
  <si>
    <t>11/20/2019 11:08:06</t>
  </si>
  <si>
    <t>11/20/2019 11:08:13</t>
  </si>
  <si>
    <t>11/20/2019 11:08:14</t>
  </si>
  <si>
    <t>11/20/2019 11:08:16</t>
  </si>
  <si>
    <t>11/20/2019 11:08:17</t>
  </si>
  <si>
    <t>11/20/2019 11:08:18</t>
  </si>
  <si>
    <t>11/20/2019 11:08:22</t>
  </si>
  <si>
    <t>11/20/2019 11:08:23</t>
  </si>
  <si>
    <t>11/20/2019 11:08:24</t>
  </si>
  <si>
    <t>11/20/2019 11:08:25</t>
  </si>
  <si>
    <t>11/20/2019 11:08:26</t>
  </si>
  <si>
    <t>11/20/2019 11:08:27</t>
  </si>
  <si>
    <t>11/20/2019 11:08:28</t>
  </si>
  <si>
    <t>11/20/2019 11:08:38</t>
  </si>
  <si>
    <t>11/20/2019 11:08:42</t>
  </si>
  <si>
    <t>11/20/2019 11:08:46</t>
  </si>
  <si>
    <t>11/20/2019 11:08:47</t>
  </si>
  <si>
    <t>11/20/2019 11:08:49</t>
  </si>
  <si>
    <t>11/20/2019 11:08:50</t>
  </si>
  <si>
    <t>11/20/2019 11:08:51</t>
  </si>
  <si>
    <t>11/20/2019 11:08:53</t>
  </si>
  <si>
    <t>11/20/2019 11:08:54</t>
  </si>
  <si>
    <t>11/20/2019 11:08:55</t>
  </si>
  <si>
    <t>11/20/2019 11:08:56</t>
  </si>
  <si>
    <t>11/20/2019 11:08:57</t>
  </si>
  <si>
    <t>11/20/2019 11:08:58</t>
  </si>
  <si>
    <t>11/20/2019 11:08:59</t>
  </si>
  <si>
    <t>11/20/2019 11:09:00</t>
  </si>
  <si>
    <t>11/20/2019 11:09:01</t>
  </si>
  <si>
    <t>11/20/2019 11:09:02</t>
  </si>
  <si>
    <t>11/20/2019 11:09:03</t>
  </si>
  <si>
    <t>11/20/2019 11:09:06</t>
  </si>
  <si>
    <t>11/20/2019 11:09:09</t>
  </si>
  <si>
    <t>11/20/2019 11:09:10</t>
  </si>
  <si>
    <t>11/20/2019 11:09:11</t>
  </si>
  <si>
    <t>11/20/2019 11:09:12</t>
  </si>
  <si>
    <t>11/20/2019 11:09:13</t>
  </si>
  <si>
    <t>11/20/2019 11:09:14</t>
  </si>
  <si>
    <t>11/20/2019 11:09:15</t>
  </si>
  <si>
    <t>11/20/2019 11:09:18</t>
  </si>
  <si>
    <t>11/20/2019 11:09:19</t>
  </si>
  <si>
    <t>11/20/2019 11:09:21</t>
  </si>
  <si>
    <t>11/20/2019 11:09:32</t>
  </si>
  <si>
    <t>11/20/2019 11:09:39</t>
  </si>
  <si>
    <t>11/20/2019 11:09:40</t>
  </si>
  <si>
    <t>11/20/2019 11:09:41</t>
  </si>
  <si>
    <t>11/20/2019 11:09:53</t>
  </si>
  <si>
    <t>11/20/2019 11:10:22</t>
  </si>
  <si>
    <t>11/20/2019 11:10:23</t>
  </si>
  <si>
    <t>11/20/2019 11:10:25</t>
  </si>
  <si>
    <t>11/20/2019 11:10:26</t>
  </si>
  <si>
    <t>11/20/2019 11:10:28</t>
  </si>
  <si>
    <t>11/20/2019 11:10:29</t>
  </si>
  <si>
    <t>11/20/2019 11:10:30</t>
  </si>
  <si>
    <t>11/20/2019 11:10:36</t>
  </si>
  <si>
    <t>11/20/2019 11:10:37</t>
  </si>
  <si>
    <t>11/20/2019 11:10:38</t>
  </si>
  <si>
    <t>11/20/2019 11:10:39</t>
  </si>
  <si>
    <t>11/20/2019 11:10:40</t>
  </si>
  <si>
    <t>11/20/2019 11:10:41</t>
  </si>
  <si>
    <t>11/20/2019 11:10:42</t>
  </si>
  <si>
    <t>11/20/2019 11:10:46</t>
  </si>
  <si>
    <t>11/20/2019 11:13:47</t>
  </si>
  <si>
    <t>11/20/2019 11:10:52</t>
  </si>
  <si>
    <t>11/20/2019 11:10:53</t>
  </si>
  <si>
    <t>11/20/2019 11:10:54</t>
  </si>
  <si>
    <t>11/20/2019 11:10:55</t>
  </si>
  <si>
    <t>11/20/2019 11:10:57</t>
  </si>
  <si>
    <t>11/20/2019 11:10:58</t>
  </si>
  <si>
    <t>11/20/2019 11:10:59</t>
  </si>
  <si>
    <t>11/20/2019 11:11:00</t>
  </si>
  <si>
    <t>11/20/2019 11:11:01</t>
  </si>
  <si>
    <t>11/20/2019 11:11:26</t>
  </si>
  <si>
    <t>11/20/2019 11:11:27</t>
  </si>
  <si>
    <t>11/20/2019 11:11:28</t>
  </si>
  <si>
    <t>11/20/2019 11:11:29</t>
  </si>
  <si>
    <t>11/20/2019 11:11:30</t>
  </si>
  <si>
    <t>11/20/2019 11:11:31</t>
  </si>
  <si>
    <t>11/20/2019 11:11:33</t>
  </si>
  <si>
    <t>11/20/2019 11:11:34</t>
  </si>
  <si>
    <t>11/20/2019 11:11:35</t>
  </si>
  <si>
    <t>11/20/2019 11:11:36</t>
  </si>
  <si>
    <t>11/20/2019 11:17:47</t>
  </si>
  <si>
    <t>11/20/2019 11:11:37</t>
  </si>
  <si>
    <t>11/20/2019 11:11:38</t>
  </si>
  <si>
    <t>11/20/2019 11:11:39</t>
  </si>
  <si>
    <t>11/20/2019 11:11:40</t>
  </si>
  <si>
    <t>11/20/2019 11:11:51</t>
  </si>
  <si>
    <t>11/20/2019 11:11:52</t>
  </si>
  <si>
    <t>11/20/2019 11:11:53</t>
  </si>
  <si>
    <t>11/20/2019 11:11:54</t>
  </si>
  <si>
    <t>11/20/2019 11:11:55</t>
  </si>
  <si>
    <t>11/20/2019 11:11:56</t>
  </si>
  <si>
    <t>11/20/2019 11:11:57</t>
  </si>
  <si>
    <t>11/20/2019 11:11:58</t>
  </si>
  <si>
    <t>11/20/2019 11:11:59</t>
  </si>
  <si>
    <t>11/20/2019 11:12:00</t>
  </si>
  <si>
    <t>11/20/2019 11:12:01</t>
  </si>
  <si>
    <t>11/20/2019 11:12:02</t>
  </si>
  <si>
    <t>11/20/2019 11:12:03</t>
  </si>
  <si>
    <t>11/20/2019 11:12:06</t>
  </si>
  <si>
    <t>11/20/2019 11:12:09</t>
  </si>
  <si>
    <t>11/20/2019 11:12:18</t>
  </si>
  <si>
    <t>11/20/2019 11:12:10</t>
  </si>
  <si>
    <t>11/20/2019 11:12:40</t>
  </si>
  <si>
    <t>11/20/2019 11:12:41</t>
  </si>
  <si>
    <t>11/20/2019 11:12:42</t>
  </si>
  <si>
    <t>11/20/2019 11:17:35</t>
  </si>
  <si>
    <t>11/20/2019 11:19:47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ganunes@tripag.com.br;</t>
  </si>
  <si>
    <t>Plano de Aula Unica.xlsx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,ganunes@tripag.com.br</t>
  </si>
  <si>
    <t>11/20/2019 11:23:03</t>
  </si>
  <si>
    <t>11/20/2019 11:24:46</t>
  </si>
  <si>
    <t>mail.google.com/_/upload?authuser=0&amp;dcp=asu-n&amp;upload_id=AEnB2UpPtVOB995P1FJl3xfReC1eE9DeXwJ6ynD7umw2MFaQw8Qmlsn_h33zjFnZWeVq9lpWdKwP1a7RQ44YxVBY7fyOPO53xN7ZyHUvVi6_RTcjDHF4egM&amp;upload_protocol=resumable</t>
  </si>
  <si>
    <t>Atividades-ANF31 - BH_20_11_19 (1) JU.xlsx</t>
  </si>
  <si>
    <t>11/20/2019 11:23:15</t>
  </si>
  <si>
    <t>11/20/2019 11:25:47</t>
  </si>
  <si>
    <t>CDI MANUAL LILIAN PAULA CARDOSO GOMES.xlsx</t>
  </si>
  <si>
    <t>11/20/2019 11:27:14</t>
  </si>
  <si>
    <t>11/20/2019 11:27:46</t>
  </si>
  <si>
    <t>ENC: Project Nimbus | Projeção 2019</t>
  </si>
  <si>
    <t>Project Nimbus_Financial Forecast Detailed 2019E v3.xlsx</t>
  </si>
  <si>
    <t>11/20/2019 11:27:30</t>
  </si>
  <si>
    <t>11/20/2019 11:30:46</t>
  </si>
  <si>
    <t>Orçamento 2020 Fornecedores Argentina.xlsx</t>
  </si>
  <si>
    <t>11/20/2019 11:32:48</t>
  </si>
  <si>
    <t>11/20/2019 11:33:46</t>
  </si>
  <si>
    <t>\\acsfs\dsti\cit- coordenação de inteligência de tecnologia\17 - gerenciamento da configuração\02 - do (executar)\01 - controle de lic\00 - fornecedores\01 - microsoft\18 - eas\true-up 2019\</t>
  </si>
  <si>
    <t>true-up ms eas 2020_v8_orçamento.xlsx</t>
  </si>
  <si>
    <t>11/20/2019 11:28:25</t>
  </si>
  <si>
    <t>ENC: meu orçamento</t>
  </si>
  <si>
    <t>RES Divulgação do Resultado EBIT por cliente Agosto 2019.msg\s1\</t>
  </si>
  <si>
    <t>11/20/2019 11:33:07</t>
  </si>
  <si>
    <t>11/20/2019 11:34:46</t>
  </si>
  <si>
    <t>11/20/2019 11:34:42</t>
  </si>
  <si>
    <t>11/20/2019 11:35:46</t>
  </si>
  <si>
    <t>CDI MANUAL MURILO VITOR DE ARAUJO.xlsx</t>
  </si>
  <si>
    <t>11/20/2019 11:37:01</t>
  </si>
  <si>
    <t>11/20/2019 11:38:46</t>
  </si>
  <si>
    <t>11/20/2019 11:36:05</t>
  </si>
  <si>
    <t>Intra Novembro</t>
  </si>
  <si>
    <t>Intradiário-SAC - V2 - 20-de-Nov.xlsm</t>
  </si>
  <si>
    <t>11/20/2019 11:41:45</t>
  </si>
  <si>
    <t>11/20/2019 11:42:47</t>
  </si>
  <si>
    <t>Lanches e refeicoes Leandro.xls</t>
  </si>
  <si>
    <t>11/20/2019 11:43:58</t>
  </si>
  <si>
    <t>11/20/2019 11:45:46</t>
  </si>
  <si>
    <t>mail.google.com/_/upload?authuser=0&amp;dcp=asu-n&amp;upload_id=AEnB2UrkxUpoqHD8pVwGBJxxbzVByW4WoAIea_FBdYFyCXpG3QBJq4BX_gMgfQmF32MCRfa8ZTmqyG-PPaTXM2G_0gGW8YobwoMpmEb-10s3bt36XiAkzkg&amp;upload_protocol=resumable</t>
  </si>
  <si>
    <t>guilhermeaso@algartech.com;maurojmdo@algartech.com;</t>
  </si>
  <si>
    <t>C:\suporte\Algar\Suporte\Bradesco solicitações\delet ramais Wiliam\</t>
  </si>
  <si>
    <t>Levantamento 20_11.xlsx</t>
  </si>
  <si>
    <t>guilhermeaso@algartech.com,maurojmdo@algartech.com</t>
  </si>
  <si>
    <t>11/20/2019 11:43:44</t>
  </si>
  <si>
    <t>11/20/2019 11:46:47</t>
  </si>
  <si>
    <t>NR17 APRESENTAÇÃO</t>
  </si>
  <si>
    <t>11/20/2019 11:51:06</t>
  </si>
  <si>
    <t>11/20/2019 11:54:47</t>
  </si>
  <si>
    <t>\\acsfs.acs.com.br\engeset\CISALGAR\Gestão de Projetos\Torre Professional Services\Projetos Em Andamento\Projetos - Algar Telecom - Em Andamento\Projeto GPON\GPON 16 profissionais\</t>
  </si>
  <si>
    <t>\\acsfs.acs.com.br\engeset\CISALGAR\Gestão de Projetos\Torre Professional Services\Projetos Em Andamento\Projetos - Algar Telecom - Em Andamento\Projeto GPON\GPON 16 profissionais\174252-BP Preço C015 B014 Desonerada_v3_Final_150119.xlsb\</t>
  </si>
  <si>
    <t>11/20/2019 11:59:15</t>
  </si>
  <si>
    <t>11/20/2019 12:03:47</t>
  </si>
  <si>
    <t>11/20/2019 12:00:35</t>
  </si>
  <si>
    <t>11/20/2019 12:05:47</t>
  </si>
  <si>
    <t>/o=exchangelabs/ou=exchange administrative group (fydibohf23spdlt)/cn=recipients/cn=0b12aab521944ecb8b32eb8c0929be5c-rafael gonz;/o=exchangelabs/ou=exchange administrative group (fydibohf23spdlt)/cn=recipients/cn=545f738e0fe740ba856f4eb6ef0135e0-vinicius si;/o=exchangelabs/ou=exchange administrative group (fydibohf23spdlt)/cn=recipients/cn=580511c4e8074cf1beceb92fa563928c-ana carolin;/o=exchangelabs/ou=exchange administrative group (fydibohf23spdlt)/cn=recipients/cn=79705c5b9e1e457793f9930bc49e887a-claudia mac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f50351055a2944cebcbdc18a918945d6-gustavo res;/o=exchangelabs/ou=exchange administrative group (fydibohf23spdlt)/cn=recipients/cn=groupd5c96cfa;mirianppb@algartech.com</t>
  </si>
  <si>
    <t>Turmas de Contratação BV Financeira</t>
  </si>
  <si>
    <t>01 - Planejado - FINANCEIRA-20-11.xlsx</t>
  </si>
  <si>
    <t>/o=exchangelabs/ou=exchange administrative group (fydibohf23spdlt)/cn=recipients/cn=0b12aab521944ecb8b32eb8c0929be5c-rafael gonz,/o=exchangelabs/ou=exchange administrative group (fydibohf23spdlt)/cn=recipients/cn=545f738e0fe740ba856f4eb6ef0135e0-vinicius si,/o=exchangelabs/ou=exchange administrative group (fydibohf23spdlt)/cn=recipients/cn=580511c4e8074cf1beceb92fa563928c-ana carolin,/o=exchangelabs/ou=exchange administrative group (fydibohf23spdlt)/cn=recipients/cn=79705c5b9e1e457793f9930bc49e887a-claudia mac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f50351055a2944cebcbdc18a918945d6-gustavo res,/o=exchangelabs/ou=exchange administrative group (fydibohf23spdlt)/cn=recipients/cn=groupd5c96cfa,mirianppb@algartech.com</t>
  </si>
  <si>
    <t>11/20/2019 12:01:39</t>
  </si>
  <si>
    <t>/o=exchangelabs/ou=exchange administrative group (fydibohf23spdlt)/cn=recipients/cn=0b12aab521944ecb8b32eb8c0929be5c-rafael gonz;/o=exchangelabs/ou=exchange administrative group (fydibohf23spdlt)/cn=recipients/cn=545f738e0fe740ba856f4eb6ef0135e0-vinicius si;/o=exchangelabs/ou=exchange administrative group (fydibohf23spdlt)/cn=recipients/cn=580511c4e8074cf1beceb92fa563928c-ana carolin;/o=exchangelabs/ou=exchange administrative group (fydibohf23spdlt)/cn=recipients/cn=79705c5b9e1e457793f9930bc49e887a-claudia mac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f50351055a2944cebcbdc18a918945d6-gustavo res;/o=exchangelabs/ou=exchange administrative group (fydibohf23spdlt)/cn=recipients/cn=groupd5c96cfa;julianaem@algartech.com</t>
  </si>
  <si>
    <t>RES: Turmas de Contratação BV Financeira</t>
  </si>
  <si>
    <t>/o=exchangelabs/ou=exchange administrative group (fydibohf23spdlt)/cn=recipients/cn=0b12aab521944ecb8b32eb8c0929be5c-rafael gonz,/o=exchangelabs/ou=exchange administrative group (fydibohf23spdlt)/cn=recipients/cn=545f738e0fe740ba856f4eb6ef0135e0-vinicius si,/o=exchangelabs/ou=exchange administrative group (fydibohf23spdlt)/cn=recipients/cn=580511c4e8074cf1beceb92fa563928c-ana carolin,/o=exchangelabs/ou=exchange administrative group (fydibohf23spdlt)/cn=recipients/cn=79705c5b9e1e457793f9930bc49e887a-claudia mac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f50351055a2944cebcbdc18a918945d6-gustavo res,/o=exchangelabs/ou=exchange administrative group (fydibohf23spdlt)/cn=recipients/cn=groupd5c96cfa,julianaem@algartech.com</t>
  </si>
  <si>
    <t>11/20/2019 12:04:48</t>
  </si>
  <si>
    <t>11/20/2019 12:09:46</t>
  </si>
  <si>
    <t>11/20/2019 12:09:18</t>
  </si>
  <si>
    <t>11/20/2019 12:12:46</t>
  </si>
  <si>
    <t>felipe.pereira@green4t.com;</t>
  </si>
  <si>
    <t>Orçamento - Ponto Único de Falha Geradores</t>
  </si>
  <si>
    <t>felipe.pereira@green4t.com</t>
  </si>
  <si>
    <t>11/20/2019 12:20:56</t>
  </si>
  <si>
    <t>11/20/2019 12:23:46</t>
  </si>
  <si>
    <t>12 -Apresentação Arquivo de Devolutiva 2019.pptx</t>
  </si>
  <si>
    <t>12 -Apresentação Arquivo de Devolutiva 2019.pptx\</t>
  </si>
  <si>
    <t>11/20/2019 12:22:22</t>
  </si>
  <si>
    <t>11/20/2019 12:24:46</t>
  </si>
  <si>
    <t>\\acsfs\deptos\DME\CME - Coordenacao de Marketing e Estrategia\Gestão de Vendas\Canais\2020\</t>
  </si>
  <si>
    <t>Estratégia de Crescimento GAT - carlosfn v4.xlsx</t>
  </si>
  <si>
    <t>11/20/2019 12:25:05</t>
  </si>
  <si>
    <t>11/20/2019 12:27:47</t>
  </si>
  <si>
    <t>11/20/2019 12:33:01</t>
  </si>
  <si>
    <t>11/20/2019 12:33:46</t>
  </si>
  <si>
    <t>/o=exchangelabs/ou=exchange administrative group (fydibohf23spdlt)/cn=recipients/cn=d016684c66794cc8825c134b3c28605d-barbara can;/o=exchangelabs/ou=exchange administrative group (fydibohf23spdlt)/cn=recipients/cn=f21ea6d86f3f4a109af6a69e02c3c2f1-aline borge;jessica_l_assuncao@whirlpool.com;renata_f_lomonaco@whirlpool.com;</t>
  </si>
  <si>
    <t>RES: Ação Procon e Gov</t>
  </si>
  <si>
    <t>Árvore PROCON.xlsx</t>
  </si>
  <si>
    <t>/o=exchangelabs/ou=exchange administrative group (fydibohf23spdlt)/cn=recipients/cn=d016684c66794cc8825c134b3c28605d-barbara can,/o=exchangelabs/ou=exchange administrative group (fydibohf23spdlt)/cn=recipients/cn=f21ea6d86f3f4a109af6a69e02c3c2f1-aline borge,jessica_l_assuncao@whirlpool.com,renata_f_lomonaco@whirlpool.com</t>
  </si>
  <si>
    <t>11/20/2019 12:46:51</t>
  </si>
  <si>
    <t>11/20/2019 12:47:47</t>
  </si>
  <si>
    <t>11/20/2019 12:56:17</t>
  </si>
  <si>
    <t>11/20/2019 12:57:47</t>
  </si>
  <si>
    <t>mail.google.com/_/upload?authuser=0&amp;dcp=asu-n&amp;upload_id=AEnB2Uo-tm-U7YJJubbwrOZ9g2B7yeJ2ftdVhMd2qCwRniaQFxEItnW0cYofqu9xbq9o49mkTb3vx7hh0__jE1roaxVV2VVU_dCAxb0upHllQprT1iOsiS4&amp;upload_protocol=resumable</t>
  </si>
  <si>
    <t>Previa Correntista_Novembro.xlsx</t>
  </si>
  <si>
    <t>11/20/2019 13:14:24</t>
  </si>
  <si>
    <t>11/20/2019 13:15:47</t>
  </si>
  <si>
    <t>2019_12_01_Planilha_Canal Digital.xlsb</t>
  </si>
  <si>
    <t>2019_12_01_Planilha_MPE_Expansão.xlsb</t>
  </si>
  <si>
    <t>2019_11_01_Planilha_Televendas_Varejo.xlsb</t>
  </si>
  <si>
    <t>2019_12_01_Planilha_MPE_Expansão_Ecommerce.xlsb</t>
  </si>
  <si>
    <t>11/20/2019 13:14:26</t>
  </si>
  <si>
    <t>mail.google.com/_/upload?authuser=0&amp;dcp=asu-n&amp;upload_id=AEnB2UpNL7vnnZLOKFgXGMwQRK--_dfrqTCvPLlNT0Ziqqqs3cWmtB5l8UFtoDTc7G28odDc3minwVWMZHiUBZOBaxgHuvw9Y8f6hK3WB2qUj32PIl7ydmw&amp;upload_protocol=resumable</t>
  </si>
  <si>
    <t>mail.google.com/_/upload?authuser=0&amp;dcp=asu-n&amp;upload_id=AEnB2UrAipgb6NHyFHb-LCncI4Ejky_dRSHxjLWED4vQgRdXz5Z6I9FsCK_iW5U_ogoR4oP_sgkH0srZy0zxa2dwxkaNkCkQahWoF-g6mjy6UaI9XhAiSDw&amp;upload_protocol=resumable</t>
  </si>
  <si>
    <t>11/20/2019 13:23:48</t>
  </si>
  <si>
    <t>11/20/2019 13:28:47</t>
  </si>
  <si>
    <t>/o=exchangelabs/ou=exchange administrative group (fydibohf23spdlt)/cn=recipients/cn=49457acaa5584c6d8daec8f0ad186be2-carlos maur;/o=exchangelabs/ou=exchange administrative group (fydibohf23spdlt)/cn=recipients/cn=67bd65dc87bd4106bc53a3fdb9bdc416-virginia ma;</t>
  </si>
  <si>
    <t>Para sua assinatura no portal digital: Requisição 33854</t>
  </si>
  <si>
    <t>RES Requisição 33854.msg\s1\</t>
  </si>
  <si>
    <t>ACC_Contrato Tripag - 33832.xlsx</t>
  </si>
  <si>
    <t>/o=exchangelabs/ou=exchange administrative group (fydibohf23spdlt)/cn=recipients/cn=49457acaa5584c6d8daec8f0ad186be2-carlos maur,/o=exchangelabs/ou=exchange administrative group (fydibohf23spdlt)/cn=recipients/cn=67bd65dc87bd4106bc53a3fdb9bdc416-virginia ma</t>
  </si>
  <si>
    <t>11/20/2019 13:29:50</t>
  </si>
  <si>
    <t>11/20/2019 13:31:47</t>
  </si>
  <si>
    <t>11/20/2019 13:29:17</t>
  </si>
  <si>
    <t>/o=exchangelabs/ou=exchange administrative group (fydibohf23spdlt)/cn=recipients/cn=06b756ed7b9b4c61bdbcfb21cdf93e9f-lucas ferna;/o=exchangelabs/ou=exchange administrative group (fydibohf23spdlt)/cn=recipients/cn=2da183f8a00f42b18ec6806e73381d17-leonardo au;/o=exchangelabs/ou=exchange administrative group (fydibohf23spdlt)/cn=recipients/cn=3d85af75e9a44da5bad9ced68d6c53ed-rosana peix;/o=exchangelabs/ou=exchange administrative group (fydibohf23spdlt)/cn=recipients/cn=48174377d7f445188f464324757ff605-luiz felipe;/o=exchangelabs/ou=exchange administrative group (fydibohf23spdlt)/cn=recipients/cn=79b149cf7a984ca686e3b0e40b3bc8cf-danilo cesa;/o=exchangelabs/ou=exchange administrative group (fydibohf23spdlt)/cn=recipients/cn=9a65d8734c444cbc8372a614d17d98e1-lucia maalo;doris_godoy@cotyinc.com;maria_magalhaes@cotyinc.com;william_saito@cotyinc.com;</t>
  </si>
  <si>
    <t>RES: Faturamento ALGAR X SAVOY-COTY</t>
  </si>
  <si>
    <t>SimpleO365UserLicenseReport_2019-nov-20-qua 12-00-Savoy.xlsx</t>
  </si>
  <si>
    <t>/o=exchangelabs/ou=exchange administrative group (fydibohf23spdlt)/cn=recipients/cn=06b756ed7b9b4c61bdbcfb21cdf93e9f-lucas ferna,/o=exchangelabs/ou=exchange administrative group (fydibohf23spdlt)/cn=recipients/cn=2da183f8a00f42b18ec6806e73381d17-leonardo au,/o=exchangelabs/ou=exchange administrative group (fydibohf23spdlt)/cn=recipients/cn=3d85af75e9a44da5bad9ced68d6c53ed-rosana peix,/o=exchangelabs/ou=exchange administrative group (fydibohf23spdlt)/cn=recipients/cn=48174377d7f445188f464324757ff605-luiz felipe,/o=exchangelabs/ou=exchange administrative group (fydibohf23spdlt)/cn=recipients/cn=79b149cf7a984ca686e3b0e40b3bc8cf-danilo cesa,/o=exchangelabs/ou=exchange administrative group (fydibohf23spdlt)/cn=recipients/cn=9a65d8734c444cbc8372a614d17d98e1-lucia maalo,doris_godoy@cotyinc.com,maria_magalhaes@cotyinc.com,william_saito@cotyinc.com</t>
  </si>
  <si>
    <t>11/20/2019 13:30:18</t>
  </si>
  <si>
    <t>11/20/2019 13:35:48</t>
  </si>
  <si>
    <t>RES: Reembolso</t>
  </si>
  <si>
    <t>11/20/2019 13:33:16</t>
  </si>
  <si>
    <t>11/20/2019 13:37:46</t>
  </si>
  <si>
    <t>ENC: Relatório de produção D-1 VALE UNE UCB FORMALIZAÇÃO e CASOS ESPECIAIS</t>
  </si>
  <si>
    <t>UPH 2,5.xlsb</t>
  </si>
  <si>
    <t>11/20/2019 13:34:48</t>
  </si>
  <si>
    <t>11/20/2019 13:39:46</t>
  </si>
  <si>
    <t>edilsonrb@algartech.com;jullian.faria@algartech.com;leandrom@algartech.com;lucasm@algartecnologia.com.br;marceloat@algartech.com;mauricio@algartech.com;polati@algartech.com;reginaldort@algartech.com;si@algartech.com;</t>
  </si>
  <si>
    <t>edilsonrb@algartech.com,jullian.faria@algartech.com,leandrom@algartech.com,lucasm@algartecnologia.com.br,marceloat@algartech.com,mauricio@algartech.com,polati@algartech.com,reginaldort@algartech.com,si@algartech.com</t>
  </si>
  <si>
    <t>11/20/2019 13:41:29</t>
  </si>
  <si>
    <t>11/20/2019 13:44:48</t>
  </si>
  <si>
    <t>ENC: Acompanhamento Discador Champion Setembro</t>
  </si>
  <si>
    <t>Acompanhamento Champion Setembro.xlsx</t>
  </si>
  <si>
    <t>11/20/2019 13:44:31</t>
  </si>
  <si>
    <t>11/20/2019 13:49:47</t>
  </si>
  <si>
    <t>ENC: Acompanhamento Tricard Fechamento do Mês Agosto</t>
  </si>
  <si>
    <t>Acompanhamento histórico do agente agosto (1).xlsx</t>
  </si>
  <si>
    <t>11/20/2019 13:51:55</t>
  </si>
  <si>
    <t>11/20/2019 13:52:46</t>
  </si>
  <si>
    <t>11/20/2019 13:50:42</t>
  </si>
  <si>
    <t>11/20/2019 13:54:46</t>
  </si>
  <si>
    <t>/o=exchangelabs/ou=exchange administrative group (fydibohf23spdlt)/cn=recipients/cn=3987744268654fb0875912ccc32640ac-andre luis;/o=exchangelabs/ou=exchange administrative group (fydibohf23spdlt)/cn=recipients/cn=5b1a099146bc4a0ba038a5237a044b28-lucas augus;</t>
  </si>
  <si>
    <t>ENC: Análise por Operador IBI - Junho/18</t>
  </si>
  <si>
    <t>Scoragem Operador Junho.18.xlsx</t>
  </si>
  <si>
    <t>/o=exchangelabs/ou=exchange administrative group (fydibohf23spdlt)/cn=recipients/cn=3987744268654fb0875912ccc32640ac-andre luis,/o=exchangelabs/ou=exchange administrative group (fydibohf23spdlt)/cn=recipients/cn=5b1a099146bc4a0ba038a5237a044b28-lucas augus</t>
  </si>
  <si>
    <t>11/20/2019 13:51:19</t>
  </si>
  <si>
    <t>/o=exchangelabs/ou=exchange administrative group (fydibohf23spdlt)/cn=recipients/cn=3987744268654fb0875912ccc32640ac-andre luis;/o=exchangelabs/ou=exchange administrative group (fydibohf23spdlt)/cn=recipients/cn=5b1a099146bc4a0ba038a5237a044b28-lucas augus;/o=exchangelabs/ou=exchange administrative group (fydibohf23spdlt)/cn=recipients/cn=d1ca1bbb859d4bb997649640237ba7cd-paulla rena;</t>
  </si>
  <si>
    <t>ENC: Acompanhamento de Tempo Logado IBI Junho/18</t>
  </si>
  <si>
    <t>Acompanhamento de Tempos IBI.xlsx</t>
  </si>
  <si>
    <t>/o=exchangelabs/ou=exchange administrative group (fydibohf23spdlt)/cn=recipients/cn=3987744268654fb0875912ccc32640ac-andre luis,/o=exchangelabs/ou=exchange administrative group (fydibohf23spdlt)/cn=recipients/cn=5b1a099146bc4a0ba038a5237a044b28-lucas augus,/o=exchangelabs/ou=exchange administrative group (fydibohf23spdlt)/cn=recipients/cn=d1ca1bbb859d4bb997649640237ba7cd-paulla rena</t>
  </si>
  <si>
    <t>11/20/2019 13:51:49</t>
  </si>
  <si>
    <t>ENC: Análise por Listas e Blocos IBI - Estratégia IBI - IMPORTANTE</t>
  </si>
  <si>
    <t>Analise de Listas IBI.xlsx</t>
  </si>
  <si>
    <t>11/20/2019 13:52:38</t>
  </si>
  <si>
    <t>ENC: Análise Bradescard IBI Outubro/17</t>
  </si>
  <si>
    <t>Acompanhamento Unificado Bradescard Out.xlsx</t>
  </si>
  <si>
    <t>11/20/2019 13:53:41</t>
  </si>
  <si>
    <t>ENC: Análise Acompanhamento Unificado IBI D-1</t>
  </si>
  <si>
    <t>Relatorio Daily_Receptivo_abril (3).xlsx</t>
  </si>
  <si>
    <t>11/20/2019 13:51:20</t>
  </si>
  <si>
    <t>11/20/2019 13:56:46</t>
  </si>
  <si>
    <t>11/20/2019 13:54:39</t>
  </si>
  <si>
    <t>11/20/2019 13:59:47</t>
  </si>
  <si>
    <t>ENC: Análise por Operador Operação IBI Parcial Novembro/16</t>
  </si>
  <si>
    <t>Analise de Quadrante por Operador IBI - Novembro.xlsx</t>
  </si>
  <si>
    <t>11/20/2019 13:56:33</t>
  </si>
  <si>
    <t>/o=exchangelabs/ou=exchange administrative group (fydibohf23spdlt)/cn=recipients/cn=1388e760581940569776ffce7145c40e-patricia ap;/o=exchangelabs/ou=exchange administrative group (fydibohf23spdlt)/cn=recipients/cn=9c1c9f5d953e4491b2dce916b33a482d-carlos albe;/o=exchangelabs/ou=exchange administrative group (fydibohf23spdlt)/cn=recipients/cn=c5f7cc79fc244984a8f11c21adc3bf10-matheus oli;</t>
  </si>
  <si>
    <t>Acompanhamento Unificado Bradescard.xlsx</t>
  </si>
  <si>
    <t>/o=exchangelabs/ou=exchange administrative group (fydibohf23spdlt)/cn=recipients/cn=1388e760581940569776ffce7145c40e-patricia ap,/o=exchangelabs/ou=exchange administrative group (fydibohf23spdlt)/cn=recipients/cn=9c1c9f5d953e4491b2dce916b33a482d-carlos albe,/o=exchangelabs/ou=exchange administrative group (fydibohf23spdlt)/cn=recipients/cn=c5f7cc79fc244984a8f11c21adc3bf10-matheus oli</t>
  </si>
  <si>
    <t>11/20/2019 14:02:13</t>
  </si>
  <si>
    <t>11/20/2019 14:03:47</t>
  </si>
  <si>
    <t>Action 19-11.xlsx</t>
  </si>
  <si>
    <t>11/20/2019 14:00:15</t>
  </si>
  <si>
    <t>11/20/2019 14:05:47</t>
  </si>
  <si>
    <t>TableExportData_2019_11_20_13_58_53.csv</t>
  </si>
  <si>
    <t>11/20/2019 14:00:16</t>
  </si>
  <si>
    <t>mail.google.com/_/upload?authuser=1&amp;dcp=asu-n&amp;upload_id=AEnB2UqOs-lulY6MUWXIHTTQKHJFX36bT9xmUKEmA-VgkZr_6UuR9BVOonmE6HKoKdPpQAs31mn7CO84tRzQInF0DJ7MVjNSHfZt4Z5KhKmZ83_4IUniHig&amp;upload_protocol=resumable</t>
  </si>
  <si>
    <t>TableExportData_2019_11_20_13_59_21.csv</t>
  </si>
  <si>
    <t>11/20/2019 14:07:09</t>
  </si>
  <si>
    <t>11/20/2019 14:11:46</t>
  </si>
  <si>
    <t>/o=exchangelabs/ou=exchange administrative group (fydibohf23spdlt)/cn=recipients/cn=287c26b08a0f48578479a15a452f025d-edilson rod;/o=exchangelabs/ou=exchange administrative group (fydibohf23spdlt)/cn=recipients/cn=89e58c8da071492dbdcb4fee4156b705-gustavo alm;/o=exchangelabs/ou=exchange administrative group (fydibohf23spdlt)/cn=recipients/cn=8bab2e9eaf824d2d93602784a48ac5f9-ronan salus;</t>
  </si>
  <si>
    <t>/o=exchangelabs/ou=exchange administrative group (fydibohf23spdlt)/cn=recipients/cn=287c26b08a0f48578479a15a452f025d-edilson rod,/o=exchangelabs/ou=exchange administrative group (fydibohf23spdlt)/cn=recipients/cn=89e58c8da071492dbdcb4fee4156b705-gustavo alm,/o=exchangelabs/ou=exchange administrative group (fydibohf23spdlt)/cn=recipients/cn=8bab2e9eaf824d2d93602784a48ac5f9-ronan salus</t>
  </si>
  <si>
    <t>11/20/2019 14:08:52</t>
  </si>
  <si>
    <t>11/20/2019 14:09:49</t>
  </si>
  <si>
    <t>11/20/2019 14:14:47</t>
  </si>
  <si>
    <t>ENC: NEXT - Parcial recuperação até 14/11</t>
  </si>
  <si>
    <t>Next_Algar_Novembro_14.11.xlsx</t>
  </si>
  <si>
    <t>11/20/2019 14:11:03</t>
  </si>
  <si>
    <t>/o=exchangelabs/ou=exchange administrative group (fydibohf23spdlt)/cn=recipients/cn=b144f37bc5a4455085d413d0b7993628-daniela de;/o=exchangelabs/ou=exchange administrative group (fydibohf23spdlt)/cn=recipients/cn=b1a72fc2d0234efca84c7771ea70c7ee-roberta cri;/o=exchangelabs/ou=exchange administrative group (fydibohf23spdlt)/cn=recipients/cn=cac18c5388b04f6d979d1bc87a08825a-marcopaulo;</t>
  </si>
  <si>
    <t>Lanches e Refeições</t>
  </si>
  <si>
    <t>/o=exchangelabs/ou=exchange administrative group (fydibohf23spdlt)/cn=recipients/cn=b144f37bc5a4455085d413d0b7993628-daniela de,/o=exchangelabs/ou=exchange administrative group (fydibohf23spdlt)/cn=recipients/cn=b1a72fc2d0234efca84c7771ea70c7ee-roberta cri,/o=exchangelabs/ou=exchange administrative group (fydibohf23spdlt)/cn=recipients/cn=cac18c5388b04f6d979d1bc87a08825a-marcopaulo</t>
  </si>
  <si>
    <t>11/20/2019 14:11:23</t>
  </si>
  <si>
    <t>mail.google.com/_/upload?authuser=0&amp;dcp=asu-n&amp;upload_id=AEnB2UpiRpTJVxNQj5wbVUSjAuHmSZxHAJTjnW56JcC1Q8is9Yqx1L3wTOZeXGdIWTtiI9rN07FU-_gYEL-L5KG94FegnpogDA6ylCEXhsdAgAIN_wEPdrs&amp;upload_protocol=resumable</t>
  </si>
  <si>
    <t>11/20/2019 14:15:31</t>
  </si>
  <si>
    <t>11/20/2019 14:17:47</t>
  </si>
  <si>
    <t>11/20/2019 14:19:09</t>
  </si>
  <si>
    <t>11/20/2019 14:21:47</t>
  </si>
  <si>
    <t>11/20/2019 14:24:36</t>
  </si>
  <si>
    <t>11/20/2019 14:26:46</t>
  </si>
  <si>
    <t>11/20/2019 14:24:42</t>
  </si>
  <si>
    <t>cbelice@toyota.com.br;ceciliame@algartech.com;clientestdb@sac.toyota.com.br;gilsonsj@algartech.com;gvieira@toyota.com.br;lamzehnhof@toyota.com.br;rutiyama@toyota.com.br;taysdss@algartech.com;vanessaccu@algartech.com;</t>
  </si>
  <si>
    <t>cbelice@toyota.com.br,ceciliame@algartech.com,clientestdb@sac.toyota.com.br,gilsonsj@algartech.com,gvieira@toyota.com.br,lamzehnhof@toyota.com.br,rutiyama@toyota.com.br,taysdss@algartech.com,vanessaccu@algartech.com</t>
  </si>
  <si>
    <t>11/20/2019 14:24:35</t>
  </si>
  <si>
    <t>Cartinhas_Amalia.xlsx</t>
  </si>
  <si>
    <t>11/20/2019 14:24:19</t>
  </si>
  <si>
    <t>11/20/2019 14:27:47</t>
  </si>
  <si>
    <t>tb_staging_contacts_201911201524.csv</t>
  </si>
  <si>
    <t>11/20/2019 14:24:34</t>
  </si>
  <si>
    <t>11/20/2019 14:26:40</t>
  </si>
  <si>
    <t>11/20/2019 14:31:47</t>
  </si>
  <si>
    <t>11/20/2019 14:30:25</t>
  </si>
  <si>
    <t>11/20/2019 14:32:46</t>
  </si>
  <si>
    <t>01- DIMENS_PA DIG_NOV - RFP_NS.xlsm</t>
  </si>
  <si>
    <t>11/20/2019 14:30:37</t>
  </si>
  <si>
    <t>11/20/2019 14:34:46</t>
  </si>
  <si>
    <t>/o=exchangelabs/ou=exchange administrative group (fydibohf23spdlt)/cn=recipients/cn=32b8fe8190544464835988f8feefefa4-supervisore;/o=exchangelabs/ou=exchange administrative group (fydibohf23spdlt)/cn=recipients/cn=6fbc44b6d6b549208175d5a27201bd13-cintia nune;</t>
  </si>
  <si>
    <t>Ofensores Assiduidade Novembro Operações Time Iris</t>
  </si>
  <si>
    <t>Plano de ação Assiduidade Urgente.xlsx</t>
  </si>
  <si>
    <t>/o=exchangelabs/ou=exchange administrative group (fydibohf23spdlt)/cn=recipients/cn=32b8fe8190544464835988f8feefefa4-supervisore,/o=exchangelabs/ou=exchange administrative group (fydibohf23spdlt)/cn=recipients/cn=6fbc44b6d6b549208175d5a27201bd13-cintia nune</t>
  </si>
  <si>
    <t>11/20/2019 14:35:18</t>
  </si>
  <si>
    <t>11/20/2019 14:39:47</t>
  </si>
  <si>
    <t>C:\Users\lucianafaa\OneDrive - Grupo Algar\2019\PROJETOS\REAJUSTE DE CONTRATO\PLANILHA REAJUSTES\STATUS REPORT\STATUS SEMANAL\19-11\</t>
  </si>
  <si>
    <t>11/20/2019 01:17:05</t>
  </si>
  <si>
    <t>11/20/2019 14:41:47</t>
  </si>
  <si>
    <t>C:\Users\vilarinho\OneDrive - Grupo Algar\Algar Tech\Orçamento\Orçamento2019\4Reuger_Preclosing e LP\Algar Tech_4a REUGER 2019_Consolidada_V6.pptx\</t>
  </si>
  <si>
    <t>11/20/2019 01:17:06</t>
  </si>
  <si>
    <t>11/20/2019 01:17:09</t>
  </si>
  <si>
    <t>11/20/2019 01:17:11</t>
  </si>
  <si>
    <t>11/20/2019 01:17:12</t>
  </si>
  <si>
    <t>11/20/2019 01:17:13</t>
  </si>
  <si>
    <t>11/20/2019 01:17:15</t>
  </si>
  <si>
    <t>11/20/2019 01:17:16</t>
  </si>
  <si>
    <t>11/20/2019 01:17:17</t>
  </si>
  <si>
    <t>11/20/2019 01:17:19</t>
  </si>
  <si>
    <t>11/20/2019 01:17:20</t>
  </si>
  <si>
    <t>11/20/2019 01:17:21</t>
  </si>
  <si>
    <t>11/20/2019 01:17:22</t>
  </si>
  <si>
    <t>11/20/2019 01:17:25</t>
  </si>
  <si>
    <t>11/20/2019 01:17:26</t>
  </si>
  <si>
    <t>11/20/2019 01:17:27</t>
  </si>
  <si>
    <t>11/20/2019 01:17:28</t>
  </si>
  <si>
    <t>11/20/2019 01:17:29</t>
  </si>
  <si>
    <t>11/20/2019 01:17:32</t>
  </si>
  <si>
    <t>11/20/2019 01:17:33</t>
  </si>
  <si>
    <t>11/20/2019 01:17:35</t>
  </si>
  <si>
    <t>11/20/2019 01:17:37</t>
  </si>
  <si>
    <t>11/20/2019 14:44:31</t>
  </si>
  <si>
    <t>11/20/2019 14:45:48</t>
  </si>
  <si>
    <t>Proposta Gratificação Helder</t>
  </si>
  <si>
    <t>Proposta Gratificação Helder.xlsx</t>
  </si>
  <si>
    <t>11/20/2019 14:44:43</t>
  </si>
  <si>
    <t>11/20/2019 14:49:48</t>
  </si>
  <si>
    <t>Liberacao_BV_04 - Copia.xlsx</t>
  </si>
  <si>
    <t>11/20/2019 14:48:55</t>
  </si>
  <si>
    <t>11/20/2019 14:51:46</t>
  </si>
  <si>
    <t>C:\Users\vilarinho\OneDrive - Grupo Algar\Algar Tech\Orçamento\Orçamento2019\4Reuger_Preclosing e LP\Algar Tech_4a REUGER 2019_Consolidada_V7.pptx\</t>
  </si>
  <si>
    <t>11/20/2019 14:48:56</t>
  </si>
  <si>
    <t>11/20/2019 14:48:59</t>
  </si>
  <si>
    <t>11/20/2019 14:49:00</t>
  </si>
  <si>
    <t>11/20/2019 14:49:01</t>
  </si>
  <si>
    <t>11/20/2019 14:49:02</t>
  </si>
  <si>
    <t>11/20/2019 14:49:03</t>
  </si>
  <si>
    <t>11/20/2019 14:49:04</t>
  </si>
  <si>
    <t>11/20/2019 14:49:07</t>
  </si>
  <si>
    <t>11/20/2019 14:49:08</t>
  </si>
  <si>
    <t>11/20/2019 14:49:09</t>
  </si>
  <si>
    <t>11/20/2019 14:49:10</t>
  </si>
  <si>
    <t>11/20/2019 14:49:11</t>
  </si>
  <si>
    <t>11/20/2019 14:49:12</t>
  </si>
  <si>
    <t>11/20/2019 14:49:13</t>
  </si>
  <si>
    <t>11/20/2019 14:49:14</t>
  </si>
  <si>
    <t>11/20/2019 14:49:15</t>
  </si>
  <si>
    <t>11/20/2019 14:53:51</t>
  </si>
  <si>
    <t>11/20/2019 14:56:46</t>
  </si>
  <si>
    <t>\\acsfs\dsti\cit- coordenação de inteligência de tecnologia\06 - gerenciamento de fornecedores\3. requisições\dek\2019_renovação novembro\</t>
  </si>
  <si>
    <t>termo_solicitacao_de_adiantamento_de_fornedores_dek.xlsm</t>
  </si>
  <si>
    <t>11/20/2019 14:52:57</t>
  </si>
  <si>
    <t>C:\Users\vilarinho\OneDrive - Grupo Algar\Algar Tech\Orçamento\Orçamento2019\4Reuger_Preclosing e LP\Reunião Holding 20.11.19\Algar Tech_4a REUGER 2019_Financeiro_19-11_Holding.pptx\</t>
  </si>
  <si>
    <t>11/20/2019 14:54:40</t>
  </si>
  <si>
    <t>11/20/2019 14:58:46</t>
  </si>
  <si>
    <t>11/20/2019 14:55:47</t>
  </si>
  <si>
    <t>C:\Users\marcopaulolr\OneDrive - Grupo Algar\10 BRADESCO\Inter\</t>
  </si>
  <si>
    <t>11/20/2019 14:55:35</t>
  </si>
  <si>
    <t>11/20/2019 14:59:47</t>
  </si>
  <si>
    <t>/o=exchangelabs/ou=exchange administrative group (fydibohf23spdlt)/cn=recipients/cn=161c8ab454bb4f4ebde8223bf694a34b-pedro felip;/o=exchangelabs/ou=exchange administrative group (fydibohf23spdlt)/cn=recipients/cn=54cf668de64942668ba57ef9adce46bc-rafael quin;geisonjt@algartech.com;</t>
  </si>
  <si>
    <t>ENC: RELATÓRIOS RESCISÕES REPROVADAS / PRÉVIAS</t>
  </si>
  <si>
    <t>Extração_PreRescisao.xlsx</t>
  </si>
  <si>
    <t>/o=exchangelabs/ou=exchange administrative group (fydibohf23spdlt)/cn=recipients/cn=161c8ab454bb4f4ebde8223bf694a34b-pedro felip,/o=exchangelabs/ou=exchange administrative group (fydibohf23spdlt)/cn=recipients/cn=54cf668de64942668ba57ef9adce46bc-rafael quin,geisonjt@algartech.com</t>
  </si>
  <si>
    <t>11/20/2019 14:56:21</t>
  </si>
  <si>
    <t>Arquivo biblioteca</t>
  </si>
  <si>
    <t>11/20/2019 14:57:33</t>
  </si>
  <si>
    <t>11/20/2019 15:02:46</t>
  </si>
  <si>
    <t>celsoadsj@algartech.com;marcellusrlj@algartech.com;</t>
  </si>
  <si>
    <t>Divergencia arquvo valida base</t>
  </si>
  <si>
    <t>TB01_20191120_143808.xls</t>
  </si>
  <si>
    <t>celsoadsj@algartech.com,marcellusrlj@algartech.com</t>
  </si>
  <si>
    <t>11/20/2019 15:04:13</t>
  </si>
  <si>
    <t>11/20/2019 15:06:47</t>
  </si>
  <si>
    <t>/o=exchangelabs/ou=exchange administrative group (fydibohf23spdlt)/cn=recipients/cn=0cf6487c4ca14304bbb44f65f32b22b9-aline rodri;/o=exchangelabs/ou=exchange administrative group (fydibohf23spdlt)/cn=recipients/cn=9036c60267804ebe88ce078c5e78649a-getulio mau;/o=exchangelabs/ou=exchange administrative group (fydibohf23spdlt)/cn=recipients/cn=userbac25288;</t>
  </si>
  <si>
    <t>ENC: Categorização e Fraseologias YAHSAT</t>
  </si>
  <si>
    <t>/o=exchangelabs/ou=exchange administrative group (fydibohf23spdlt)/cn=recipients/cn=0cf6487c4ca14304bbb44f65f32b22b9-aline rodri,/o=exchangelabs/ou=exchange administrative group (fydibohf23spdlt)/cn=recipients/cn=9036c60267804ebe88ce078c5e78649a-getulio mau,/o=exchangelabs/ou=exchange administrative group (fydibohf23spdlt)/cn=recipients/cn=userbac25288</t>
  </si>
  <si>
    <t>11/20/2019 15:07:15</t>
  </si>
  <si>
    <t>11/20/2019 15:10:47</t>
  </si>
  <si>
    <t>/o=exchangelabs/ou=exchange administrative group (fydibohf23spdlt)/cn=recipients/cn=0b12aab521944ecb8b32eb8c0929be5c-rafael gonz;/o=exchangelabs/ou=exchange administrative group (fydibohf23spdlt)/cn=recipients/cn=2144abc9537143519f505fcb8550b74c-juliana emi;/o=exchangelabs/ou=exchange administrative group (fydibohf23spdlt)/cn=recipients/cn=545f738e0fe740ba856f4eb6ef0135e0-vinicius si;/o=exchangelabs/ou=exchange administrative group (fydibohf23spdlt)/cn=recipients/cn=580511c4e8074cf1beceb92fa563928c-ana carolin;/o=exchangelabs/ou=exchange administrative group (fydibohf23spdlt)/cn=recipients/cn=68f0b0e85da24da0bef3b6b109ed099e-daliane soa;/o=exchangelabs/ou=exchange administrative group (fydibohf23spdlt)/cn=recipients/cn=79705c5b9e1e457793f9930bc49e887a-claudia mac;/o=exchangelabs/ou=exchange administrative group (fydibohf23spdlt)/cn=recipients/cn=8ab5e44d485043d59eb4f21463e63e6a-tays dos sa;/o=exchangelabs/ou=exchange administrative group (fydibohf23spdlt)/cn=recipients/cn=be0b59caa4dc43e39afaa089f44ef778-leon</t>
  </si>
  <si>
    <t>RES: PLANEJAMENTO DEZEMBRO</t>
  </si>
  <si>
    <t>Turmas de Contratação BV Financeira.msg\s1\</t>
  </si>
  <si>
    <t>/o=exchangelabs/ou=exchange administrative group (fydibohf23spdlt)/cn=recipients/cn=0b12aab521944ecb8b32eb8c0929be5c-rafael gonz,/o=exchangelabs/ou=exchange administrative group (fydibohf23spdlt)/cn=recipients/cn=2144abc9537143519f505fcb8550b74c-juliana emi,/o=exchangelabs/ou=exchange administrative group (fydibohf23spdlt)/cn=recipients/cn=545f738e0fe740ba856f4eb6ef0135e0-vinicius si,/o=exchangelabs/ou=exchange administrative group (fydibohf23spdlt)/cn=recipients/cn=580511c4e8074cf1beceb92fa563928c-ana carolin,/o=exchangelabs/ou=exchange administrative group (fydibohf23spdlt)/cn=recipients/cn=68f0b0e85da24da0bef3b6b109ed099e-daliane soa,/o=exchangelabs/ou=exchange administrative group (fydibohf23spdlt)/cn=recipients/cn=79705c5b9e1e457793f9930bc49e887a-claudia mac,/o=exchangelabs/ou=exchange administrative group (fydibohf23spdlt)/cn=recipients/cn=8ab5e44d485043d59eb4f21463e63e6a-tays dos sa,/o=exchangelabs/ou=exchange administrative group (fydibohf23spdlt)/cn=recipients/cn=be0b59caa4dc43e39afaa089f44ef778-leon</t>
  </si>
  <si>
    <t>11/20/2019 15:10:07</t>
  </si>
  <si>
    <t>11/20/2019 15:13:47</t>
  </si>
  <si>
    <t>C:\Users\marcopaulolr\OneDrive - Grupo Algar\10 BRADESCO\Melhoria Processos\Reunião Bradesco - Frentes de Qualidade.pptx\</t>
  </si>
  <si>
    <t>11/20/2019 15:13:26</t>
  </si>
  <si>
    <t>11/20/2019 15:15:47</t>
  </si>
  <si>
    <t>celmars@algartech.com;ericacdosc@algartech.com;</t>
  </si>
  <si>
    <t>007 - Jurídico 10.xlsx</t>
  </si>
  <si>
    <t>celmars@algartech.com,ericacdosc@algartech.com</t>
  </si>
  <si>
    <t>11/20/2019 15:15:56</t>
  </si>
  <si>
    <t>11/20/2019 15:18:46</t>
  </si>
  <si>
    <t>C:\Users\marcopaulolr\OneDrive - Grupo Algar\10 BRADESCO\Consultoria\</t>
  </si>
  <si>
    <t>Consultorias Bradesco 2507.xlsx</t>
  </si>
  <si>
    <t>11/20/2019 15:18:29</t>
  </si>
  <si>
    <t>11/20/2019 15:20:47</t>
  </si>
  <si>
    <t>Relatório</t>
  </si>
  <si>
    <t>11/20/2019 15:18:12</t>
  </si>
  <si>
    <t>11/20/2019 15:22:46</t>
  </si>
  <si>
    <t>11/20/2019 15:16:29</t>
  </si>
  <si>
    <t>11/20/2019 15:23:47</t>
  </si>
  <si>
    <t>Custos Consultoria Iclic Bradesco.xlsx</t>
  </si>
  <si>
    <t>11/20/2019 15:16:34</t>
  </si>
  <si>
    <t>Consultorias Bradesco.xlsx</t>
  </si>
  <si>
    <t>C:\Users\marcopaulolr\OneDrive - Grupo Algar\Pessoal\Zero10\</t>
  </si>
  <si>
    <t>Cotas.xlsx</t>
  </si>
  <si>
    <t>C:\Users\marcopaulolr\OneDrive - Grupo Algar\Pessoal\Zero10\Polati\</t>
  </si>
  <si>
    <t>Zero.xlsx</t>
  </si>
  <si>
    <t>11/20/2019 15:19:28</t>
  </si>
  <si>
    <t>C:\Users\marcopaulolr\OneDrive - Grupo Algar\Melhoria Processos\Gestão e TH\Férias\</t>
  </si>
  <si>
    <t>Promoções IPO - 1 2019.xlsx</t>
  </si>
  <si>
    <t>11/20/2019 15:20:09</t>
  </si>
  <si>
    <t>C:\Users\marcopaulolr\OneDrive - Grupo Algar\06 TRANSFORMAÇÃO\</t>
  </si>
  <si>
    <t>Transformação 2019.xlsx</t>
  </si>
  <si>
    <t>11/20/2019 15:19:00</t>
  </si>
  <si>
    <t>11/20/2019 15:24:46</t>
  </si>
  <si>
    <t>Liberacao_BV_05.xlsx</t>
  </si>
  <si>
    <t>11/20/2019 15:24:45</t>
  </si>
  <si>
    <t>11/20/2019 15:27:47</t>
  </si>
  <si>
    <t>214269_Bradesco_SD_Cenário_01_Target_24_JR_(C017_B017)_v3.xlsb</t>
  </si>
  <si>
    <t>11/20/2019 15:27:31</t>
  </si>
  <si>
    <t>11/20/2019 15:33:47</t>
  </si>
  <si>
    <t>BPStaff Digital (Operações) 230119.xlsx</t>
  </si>
  <si>
    <t>11/20/2019 15:27:41</t>
  </si>
  <si>
    <t>Redução Staff.xlsx</t>
  </si>
  <si>
    <t>11/20/2019 15:28:01</t>
  </si>
  <si>
    <t>ESTRUTURA STAFF Dez.xlsx</t>
  </si>
  <si>
    <t>11/20/2019 15:28:18</t>
  </si>
  <si>
    <t>REGEC 141218.xlsx</t>
  </si>
  <si>
    <t>11/20/2019 15:28:46</t>
  </si>
  <si>
    <t>C:\Users\marcopaulolr\OneDrive - Grupo Algar\09 STAFF DIGITAL\Cronograma Programa GRC.pptx\</t>
  </si>
  <si>
    <t>11/20/2019 15:29:00</t>
  </si>
  <si>
    <t>Staff Atual.xlsx</t>
  </si>
  <si>
    <t>11/20/2019 15:30:44</t>
  </si>
  <si>
    <t>11/20/2019 15:31:01</t>
  </si>
  <si>
    <t>Controle Transformação 140618.xlsm</t>
  </si>
  <si>
    <t>11/20/2019 15:31:20</t>
  </si>
  <si>
    <t>C:\Users\marcopaulolr\OneDrive - Grupo Algar\06 TRANSFORMAÇÃO\PMO Transformação\</t>
  </si>
  <si>
    <t>PMO - STATUS DE GOVERNANÇA - TRANSFORMAÇÃO - GRC - Apoio Excel.xlsx</t>
  </si>
  <si>
    <t>11/20/2019 15:31:16</t>
  </si>
  <si>
    <t>11/20/2019 15:35:47</t>
  </si>
  <si>
    <t>11/20/2019 15:34:28</t>
  </si>
  <si>
    <t>REVERSÕES PLR ANO 2019_19nov.xlsx</t>
  </si>
  <si>
    <t>11/20/2019 15:35:23</t>
  </si>
  <si>
    <t>11/20/2019 15:38:47</t>
  </si>
  <si>
    <t>Plano Staff.xlsx</t>
  </si>
  <si>
    <t>11/20/2019 15:36:29</t>
  </si>
  <si>
    <t>Controle Transformação v4.xlsm</t>
  </si>
  <si>
    <t>11/20/2019 15:37:44</t>
  </si>
  <si>
    <t>11/20/2019 15:40:47</t>
  </si>
  <si>
    <t>11/20/2019 15:41:05</t>
  </si>
  <si>
    <t>11/20/2019 15:41:46</t>
  </si>
  <si>
    <t>adto_dek.xlsx</t>
  </si>
  <si>
    <t>11/20/2019 15:41:31</t>
  </si>
  <si>
    <t>11/20/2019 15:42:47</t>
  </si>
  <si>
    <t>11/20/2019 15:36:32</t>
  </si>
  <si>
    <t>11/20/2019 15:43:46</t>
  </si>
  <si>
    <t>Projetos Transformação Digital REGEC 2.xlsx</t>
  </si>
  <si>
    <t>11/20/2019 15:37:06</t>
  </si>
  <si>
    <t>C:\Users\marcopaulolr\OneDrive - Grupo Algar\10 BRADESCO\Rechamadas.pptx\</t>
  </si>
  <si>
    <t>11/20/2019 15:37:56</t>
  </si>
  <si>
    <t>Projetos Transformação Digital REGEC.xlsx</t>
  </si>
  <si>
    <t>11/20/2019 15:37:59</t>
  </si>
  <si>
    <t>C:\Users\marcopaulolr\OneDrive - Grupo Algar\09 STAFF DIGITAL\Ações CGP - 1905.pptx\</t>
  </si>
  <si>
    <t>11/20/2019 15:46:41</t>
  </si>
  <si>
    <t>11/20/2019 15:51:46</t>
  </si>
  <si>
    <t>11/20/2019 15:46:57</t>
  </si>
  <si>
    <t>mail.google.com/_/upload?authuser=0&amp;dcp=asu-n&amp;upload_id=AEnB2UqCNsix7iURlhAmyFqPR-nYAFX9gp6ul6aEWUNdz883VF5RpVCr9bGwxsgQlqfCAv5Gv24hnwaH6IqSr7CCV5EoAZB6kQ&amp;upload_protocol=resumable</t>
  </si>
  <si>
    <t>\\acsfs\dsti\CIT- Coordenação de Inteligência de Tecnologia\06 - Gerenciamento de Fornecedores\3. Requisições\DEK\2019_Renovação Novembro\</t>
  </si>
  <si>
    <t>ADTO_DEK.xlsx</t>
  </si>
  <si>
    <t>11/20/2019 15:49:57</t>
  </si>
  <si>
    <t>11/20/2019 15:53:46</t>
  </si>
  <si>
    <t>11/20/2019 15:43:19</t>
  </si>
  <si>
    <t>/o=exchangelabs/ou=exchange administrative group (fydibohf23spdlt)/cn=recipients/cn=822f65115a2046059fff20a916dd90e9-thais marti;renantc@algartech.com.br;</t>
  </si>
  <si>
    <t>RES: Planilha associados rotinas</t>
  </si>
  <si>
    <t>Rotinas.xls</t>
  </si>
  <si>
    <t>/o=exchangelabs/ou=exchange administrative group (fydibohf23spdlt)/cn=recipients/cn=822f65115a2046059fff20a916dd90e9-thais marti,renantc@algartech.com.br</t>
  </si>
  <si>
    <t>11/20/2019 15:59:44</t>
  </si>
  <si>
    <t>11/20/2019 16:03:47</t>
  </si>
  <si>
    <t>/o=exchangelabs/ou=exchange administrative group (fydibohf23spdlt)/cn=recipients/cn=2b69c7de1a3641269a7eed0596e1ddc2-wayner oliv;/o=exchangelabs/ou=exchange administrative group (fydibohf23spdlt)/cn=recipients/cn=65f2464c9a2e4d2981cae7124572133d-cristiane c;/o=exchangelabs/ou=exchange administrative group (fydibohf23spdlt)/cn=recipients/cn=e6c01c0e3afe461fbb9d46983fc38f7e-celso anton;</t>
  </si>
  <si>
    <t>/o=exchangelabs/ou=exchange administrative group (fydibohf23spdlt)/cn=recipients/cn=2b69c7de1a3641269a7eed0596e1ddc2-wayner oliv,/o=exchangelabs/ou=exchange administrative group (fydibohf23spdlt)/cn=recipients/cn=65f2464c9a2e4d2981cae7124572133d-cristiane c,/o=exchangelabs/ou=exchange administrative group (fydibohf23spdlt)/cn=recipients/cn=e6c01c0e3afe461fbb9d46983fc38f7e-celso anton</t>
  </si>
  <si>
    <t>11/20/2019 16:04:25</t>
  </si>
  <si>
    <t>11/20/2019 16:08:46</t>
  </si>
  <si>
    <t>/o=exchangelabs/ou=exchange administrative group (fydibohf23spdlt)/cn=recipients/cn=0163bfef0e474630bdcf0a3698e9ffd4-amanda ferr;/o=exchangelabs/ou=exchange administrative group (fydibohf23spdlt)/cn=recipients/cn=822f65115a2046059fff20a916dd90e9-thais marti;</t>
  </si>
  <si>
    <t>RES: Macro Envio - Rotina Repescagem</t>
  </si>
  <si>
    <t>Cópia de Macro para envio - Ação de Respescagem.xlsm</t>
  </si>
  <si>
    <t>/o=exchangelabs/ou=exchange administrative group (fydibohf23spdlt)/cn=recipients/cn=0163bfef0e474630bdcf0a3698e9ffd4-amanda ferr,/o=exchangelabs/ou=exchange administrative group (fydibohf23spdlt)/cn=recipients/cn=822f65115a2046059fff20a916dd90e9-thais marti</t>
  </si>
  <si>
    <t>11/20/2019 16:06:16</t>
  </si>
  <si>
    <t>11/20/2019 16:11:46</t>
  </si>
  <si>
    <t>11/20/2019 16:09:11</t>
  </si>
  <si>
    <t>11/20/2019 16:12:46</t>
  </si>
  <si>
    <t>11/20/2019 16:20:34</t>
  </si>
  <si>
    <t>11/20/2019 16:24:47</t>
  </si>
  <si>
    <t>RESCISÕES PENDENTES</t>
  </si>
  <si>
    <t>11/20/2019 16:25:19</t>
  </si>
  <si>
    <t>11/20/2019 16:29:47</t>
  </si>
  <si>
    <t>11/20/2019 16:29:26</t>
  </si>
  <si>
    <t>11/20/2019 16:30:48</t>
  </si>
  <si>
    <t>C:\OneDrive\OneDrive - Grupo Algar\ONEDRIVE_SegInfo\ITO\Plataforma_Antivirus_Datacenter\Ação_DeepSecurity_23102019\</t>
  </si>
  <si>
    <t>Servidores_Stopped_25102019.csv</t>
  </si>
  <si>
    <t>Servidores_Recurso_CPS01_23102019_2.csv</t>
  </si>
  <si>
    <t>Servidores_Recurso_CPS01_23102019.csv</t>
  </si>
  <si>
    <t>Servidores_Gerencia_CPS01_23102019_2.csv</t>
  </si>
  <si>
    <t>Servidores_Gerencia_CPS01_23102019.csv</t>
  </si>
  <si>
    <t>11/20/2019 16:29:27</t>
  </si>
  <si>
    <t>Relatório_Servidores_ITO_DeepSecurity_23102019.xlsx</t>
  </si>
  <si>
    <t>11/20/2019 16:33:04</t>
  </si>
  <si>
    <t>11/20/2019 16:34:48</t>
  </si>
  <si>
    <t>D:\3ª REUGER 2018 - SEGURANCA_Final.pptx\</t>
  </si>
  <si>
    <t>oleObject38.xlsx</t>
  </si>
  <si>
    <t>oleObject41.xlsx</t>
  </si>
  <si>
    <t>oleObject44.xlsx</t>
  </si>
  <si>
    <t>11/20/2019 16:33:06</t>
  </si>
  <si>
    <t>D:\Apresentação GRUPO GPS - ALGAR.pptx\</t>
  </si>
  <si>
    <t>11/20/2019 16:33:07</t>
  </si>
  <si>
    <t>D:\Apresentação GRUPO GPS - Resumo.pptx\</t>
  </si>
  <si>
    <t>11/20/2019 16:33:09</t>
  </si>
  <si>
    <t>D:\2015\Orcamento\</t>
  </si>
  <si>
    <t>COMPOSICAO_RECEITA_2015.xlsx</t>
  </si>
  <si>
    <t>11/20/2019 16:34:01</t>
  </si>
  <si>
    <t>C:\Users\virginiamb\AppData\Local\Microsoft\Windows\INetCache\Content.Outlook\EUY8VPLA\Algar Tech_4a REUGER 2019_Financeiro_19-11_Holding_v2.pptx\</t>
  </si>
  <si>
    <t>D:\Algar Tech_4a REUGER 2019_Financeiro_19-11_Holding_v2.pptx</t>
  </si>
  <si>
    <t>11/20/2019 16:30:07</t>
  </si>
  <si>
    <t>11/20/2019 16:35:48</t>
  </si>
  <si>
    <t>Relatório_ServidoresUnmanaged_ITO_DeepSecurity_25102019.xlsx</t>
  </si>
  <si>
    <t>C:\OneDrive\OneDrive - Grupo Algar\ONEDRIVE_SegInfo\ITO\Plataforma_Antivirus_Datacenter\Ação_McAfee_11102019\</t>
  </si>
  <si>
    <t>Sistemas_exportados_Sodexo.csv</t>
  </si>
  <si>
    <t>Sistemas_exportados_RoyalFic.csv</t>
  </si>
  <si>
    <t>11/20/2019 16:30:08</t>
  </si>
  <si>
    <t>Sistemas_exportados_Netimoveis.csv</t>
  </si>
  <si>
    <t>Sistemas_exportados_HM Engenharia.csv</t>
  </si>
  <si>
    <t>Sistemas_exportados_Desligados_11102019.csv</t>
  </si>
  <si>
    <t>11/20/2019 16:30:10</t>
  </si>
  <si>
    <t>Sistemas_exportados_25102019.csv</t>
  </si>
  <si>
    <t>Servidores Excluidos com RDM.xlsx</t>
  </si>
  <si>
    <t>11/20/2019 16:30:49</t>
  </si>
  <si>
    <t>Sistemas_exportados_SAGE_08112019.xlsx</t>
  </si>
  <si>
    <t>Servidores Stopped - Deep Security.xlsx</t>
  </si>
  <si>
    <t>Maquinas_Stopped_Deep_Security_15102019.xlsx</t>
  </si>
  <si>
    <t>Computers_DeepSecurity_15102019.xlsx</t>
  </si>
  <si>
    <t>11/20/2019 16:30:50</t>
  </si>
  <si>
    <t>Computers (6).csv</t>
  </si>
  <si>
    <t>11/20/2019 16:30:51</t>
  </si>
  <si>
    <t>Computers (5).csv</t>
  </si>
  <si>
    <t>Computers (4).csv</t>
  </si>
  <si>
    <t>Computers (3).csv</t>
  </si>
  <si>
    <t>C:\OneDrive\OneDrive - Grupo Algar\ONEDRIVE_SegInfo\ITO\Plataforma_Antivirus_Datacenter\Antivirus_Servidores\</t>
  </si>
  <si>
    <t>Servidores_UDPAVAP02.csv</t>
  </si>
  <si>
    <t>Servidores_Campinas.csv</t>
  </si>
  <si>
    <t>11/20/2019 16:30:52</t>
  </si>
  <si>
    <t>Relatorio_Maquinas_23102019.csv</t>
  </si>
  <si>
    <t>11/20/2019 16:31:17</t>
  </si>
  <si>
    <t>Sistemas_exportados_SAGE_08112019.csv</t>
  </si>
  <si>
    <t>11/20/2019 16:31:20</t>
  </si>
  <si>
    <t>VMs_Sage v2 - datas.xlsx</t>
  </si>
  <si>
    <t>11/20/2019 16:31:37</t>
  </si>
  <si>
    <t>Sistemas_exportados_Telecom_20112019.csv</t>
  </si>
  <si>
    <t>11/20/2019 16:41:14</t>
  </si>
  <si>
    <t>11/20/2019 16:44:48</t>
  </si>
  <si>
    <t>/o=exchangelabs/ou=exchange administrative group (fydibohf23spdlt)/cn=recipients/cn=a449e4d17a634843aa5adc93bbc43503-klinsmann e;</t>
  </si>
  <si>
    <t>ENC: Refluxo de ligação SAC</t>
  </si>
  <si>
    <t>/o=exchangelabs/ou=exchange administrative group (fydibohf23spdlt)/cn=recipients/cn=a449e4d17a634843aa5adc93bbc43503-klinsmann e</t>
  </si>
  <si>
    <t>11/20/2019 16:47:18</t>
  </si>
  <si>
    <t>11/20/2019 16:49:47</t>
  </si>
  <si>
    <t>/o=exchangelabs/ou=exchange administrative group (fydibohf23spdlt)/cn=recipients/cn=80fb880d4e904fd9990f1ffec561717a-avon - supe;/o=exchangelabs/ou=exchange administrative group (fydibohf23spdlt)/cn=recipients/cn=d1d015f213f648abbf348b5ccdf8e9d9-senilda per;/o=exchangelabs/ou=exchange administrative group (fydibohf23spdlt)/cn=recipients/cn=eb3a8d47e16546c381d649c124fcfbb7-cpc - contr;viniciussg@algartech.com;</t>
  </si>
  <si>
    <t>RES: Relatório Treinamento NR-17 - 34ª Parcial 2019</t>
  </si>
  <si>
    <t>TRN NR-17.xlsx</t>
  </si>
  <si>
    <t>/o=exchangelabs/ou=exchange administrative group (fydibohf23spdlt)/cn=recipients/cn=80fb880d4e904fd9990f1ffec561717a-avon - supe,/o=exchangelabs/ou=exchange administrative group (fydibohf23spdlt)/cn=recipients/cn=d1d015f213f648abbf348b5ccdf8e9d9-senilda per,/o=exchangelabs/ou=exchange administrative group (fydibohf23spdlt)/cn=recipients/cn=eb3a8d47e16546c381d649c124fcfbb7-cpc - contr,viniciussg@algartech.com</t>
  </si>
  <si>
    <t>11/20/2019 16:49:03</t>
  </si>
  <si>
    <t>11/20/2019 16:51:47</t>
  </si>
  <si>
    <t>C:\Users\mariannacsm\OneDrive - Grupo Algar\0- PMO-POOL\PMO\CAPEX\CAPEX PROJETOS CSC\RES_ MOVE TO CLOUD.msg\s122\</t>
  </si>
  <si>
    <t>11/20/2019 17:00:28</t>
  </si>
  <si>
    <t>11/20/2019 17:02:48</t>
  </si>
  <si>
    <t>ENC: PR217469 2019 - IBM 951912B1A0 Renegociação Michelin - Quotation Number 951912B1A0</t>
  </si>
  <si>
    <t>217469-IBM_Michelin_Atual_2020_(C018_B018).xlsb</t>
  </si>
  <si>
    <t>11/20/2019 17:01:10</t>
  </si>
  <si>
    <t>RES: Me manda os FUP conforme te pedi.</t>
  </si>
  <si>
    <t>11/20/2019 17:04:36</t>
  </si>
  <si>
    <t>11/20/2019 17:09:48</t>
  </si>
  <si>
    <t>RES: Pesquisa com EVAs</t>
  </si>
  <si>
    <t>20191114 PESQUISA SATISFAÇÃO EVA.xlsm</t>
  </si>
  <si>
    <t>11/20/2019 17:17:14</t>
  </si>
  <si>
    <t>11/20/2019 17:20:48</t>
  </si>
  <si>
    <t>11/20/2019 17:20:30</t>
  </si>
  <si>
    <t>11/20/2019 17:22:48</t>
  </si>
  <si>
    <t>ENC: Estimativa de prazo para contato ONDA 4</t>
  </si>
  <si>
    <t>11/20/2019 17:21:54</t>
  </si>
  <si>
    <t>11/20/2019 17:23:47</t>
  </si>
  <si>
    <t>11/20/2019 17:19:54</t>
  </si>
  <si>
    <t>11/20/2019 17:24:48</t>
  </si>
  <si>
    <t>C:\Users\elainemdlp\OD\_Projetos\Em andamento\Relacionamento Cartoes BV\04 - Controle\</t>
  </si>
  <si>
    <t>11/20/2019 17:20:34</t>
  </si>
  <si>
    <t>11/20/2019 17:25:47</t>
  </si>
  <si>
    <t>/o=exchangelabs/ou=exchange administrative group (fydibohf23spdlt)/cn=recipients/cn=122c3ad8b401472e84885d44a2466b4c-jair de pau;/o=exchangelabs/ou=exchange administrative group (fydibohf23spdlt)/cn=recipients/cn=a4d4dbc88c434f8ba2bceed730d83878-marcellus r;/o=exchangelabs/ou=exchange administrative group (fydibohf23spdlt)/cn=recipients/cn=b194f014572c4c36b52132f9199df1aa-jairo junio;/o=exchangelabs/ou=exchange administrative group (fydibohf23spdlt)/cn=recipients/cn=c5057601f2364b0db7ea84dbec10baa4-matheus mor;/o=exchangelabs/ou=exchange administrative group (fydibohf23spdlt)/cn=recipients/cn=fedd0b8e2dbf442f837981a40559d630-viviane bar;</t>
  </si>
  <si>
    <t>PMR Base Orçamento 2020</t>
  </si>
  <si>
    <t>PMR por TORRE Orçamento 2020.xlsx</t>
  </si>
  <si>
    <t>/o=exchangelabs/ou=exchange administrative group (fydibohf23spdlt)/cn=recipients/cn=122c3ad8b401472e84885d44a2466b4c-jair de pau,/o=exchangelabs/ou=exchange administrative group (fydibohf23spdlt)/cn=recipients/cn=a4d4dbc88c434f8ba2bceed730d83878-marcellus r,/o=exchangelabs/ou=exchange administrative group (fydibohf23spdlt)/cn=recipients/cn=b194f014572c4c36b52132f9199df1aa-jairo junio,/o=exchangelabs/ou=exchange administrative group (fydibohf23spdlt)/cn=recipients/cn=c5057601f2364b0db7ea84dbec10baa4-matheus mor,/o=exchangelabs/ou=exchange administrative group (fydibohf23spdlt)/cn=recipients/cn=fedd0b8e2dbf442f837981a40559d630-viviane bar</t>
  </si>
  <si>
    <t>11/20/2019 17:23:06</t>
  </si>
  <si>
    <t>julianatem@algartech.com;</t>
  </si>
  <si>
    <t>Relação posição Office.xlsx</t>
  </si>
  <si>
    <t>julianatem@algartech.com</t>
  </si>
  <si>
    <t>11/20/2019 17:26:55</t>
  </si>
  <si>
    <t>11/20/2019 17:27:47</t>
  </si>
  <si>
    <t>C:\Users\fellypcsj\OneDrive - Grupo Algar\Engeset\ADMINISTRATIVO FINANCEIRO\GEO GOVERNANÇA\LOGISTÍCA\SEGUROS\CNPJ's.msg\s1\</t>
  </si>
  <si>
    <t>CNPJ Filiais_Algar Tech_11-11-2019.xlsx</t>
  </si>
  <si>
    <t>11/20/2019 17:32:21</t>
  </si>
  <si>
    <t>11/20/2019 17:33:47</t>
  </si>
  <si>
    <t>PMO - Capex_Longo Prazo_rev_A19M10_v20_11 - Envio_Financeiro.xlsx</t>
  </si>
  <si>
    <t>11/20/2019 17:32:36</t>
  </si>
  <si>
    <t>\\acsfs\DEPTOS\PMO Governança\06 - GOVERNANÇA DO CAPEX\CAPEX LONGO PRAZO\CAPEX LP - REVISÃO_A19_M10\VALIDAÇÃO CAPEX LP 20 a 24 - alteração Nimbus.pptx\</t>
  </si>
  <si>
    <t>11/20/2019 17:32:47</t>
  </si>
  <si>
    <t>mail.google.com/_/upload?authuser=0&amp;dcp=asu-n&amp;upload_id=AEnB2Ury4c92OWY4jWsdl_8GGP4DgvrE0BM7zo90c9Y_3TwHDxLNWFHKNUEs6lGr01_ZZKdZyk95JLNuYyncHZQolLMtH8jrqQ&amp;upload_protocol=resumable</t>
  </si>
  <si>
    <t>11/20/2019 17:33:10</t>
  </si>
  <si>
    <t>mail.google.com/_/upload?authuser=0&amp;dcp=asu-n&amp;upload_id=AEnB2UqPozDdODUDkC2nwI7BSFthQ8QME2RUOALFpGVQVMPwKGvlgnhHf8A_tFOfU85-NGuYp0s-LWY0lGxLpld7e198gjU8pzSe4tq3OH7h1dXgHlweVfk&amp;upload_protocol=resumable</t>
  </si>
  <si>
    <t>11/20/2019 17:33:11</t>
  </si>
  <si>
    <t>11/20/2019 17:32:46</t>
  </si>
  <si>
    <t>11/20/2019 17:38:47</t>
  </si>
  <si>
    <t>C:\Users\iramildass\Desktop\reembolso novembro\</t>
  </si>
  <si>
    <t>Cadastro Pessoa Física 2019 - Denise.xls</t>
  </si>
  <si>
    <t>11/20/2019 17:33:54</t>
  </si>
  <si>
    <t>11/20/2019 17:53:47</t>
  </si>
  <si>
    <t>11/20/2019 17:33:55</t>
  </si>
  <si>
    <t>11/20/2019 17:34:17</t>
  </si>
  <si>
    <t>11/20/2019 17:34:19</t>
  </si>
  <si>
    <t>11/20/2019 17:34:20</t>
  </si>
  <si>
    <t>11/20/2019 17:54:56</t>
  </si>
  <si>
    <t>11/20/2019 17:56:48</t>
  </si>
  <si>
    <t>alessiors@algartech.com;eunice.pimenta@algartech.com;francisco_cardoso@whirlpool.com;joaopfe@algartech.com;karinars@algartecnologia.com.br;luanda_s_almeida@whirlpool.com;luizccga@algartech.com;querencm@algartech.com;rosilenedlf@algartech.com;wladimirtn@algartech.com;</t>
  </si>
  <si>
    <t>Login e senha.xlsx</t>
  </si>
  <si>
    <t>alessiors@algartech.com,eunice.pimenta@algartech.com,francisco_cardoso@whirlpool.com,joaopfe@algartech.com,karinars@algartecnologia.com.br,luanda_s_almeida@whirlpool.com,luizccga@algartech.com,querencm@algartech.com,rosilenedlf@algartech.com,wladimirtn@algartech.com</t>
  </si>
  <si>
    <t>11/20/2019 18:03:24</t>
  </si>
  <si>
    <t>11/20/2019 18:05:48</t>
  </si>
  <si>
    <t>PO's 2016</t>
  </si>
  <si>
    <t>Po's 2016 - Verificar faturamento - V1.xlsx</t>
  </si>
  <si>
    <t>11/20/2019 17:36:40</t>
  </si>
  <si>
    <t>11/20/2019 18:06:47</t>
  </si>
  <si>
    <t>11/20/2019 17:37:04</t>
  </si>
  <si>
    <t>11/20/2019 18:07:47</t>
  </si>
  <si>
    <t>192.168.1.3</t>
  </si>
  <si>
    <t>11/20/2019 18:07:09</t>
  </si>
  <si>
    <t>11/20/2019 18:08:48</t>
  </si>
  <si>
    <t>/o=exchangelabs/ou=exchange administrative group (fydibohf23spdlt)/cn=recipients/cn=a4ba92cba10f4fe498074594f937f3b6-leandro lop;rafaelabsz@algartech.com.br;</t>
  </si>
  <si>
    <t>Apresentação - URR</t>
  </si>
  <si>
    <t>112019_Apresentação de resultados URR_ALGAR (006).pptx\</t>
  </si>
  <si>
    <t>/o=exchangelabs/ou=exchange administrative group (fydibohf23spdlt)/cn=recipients/cn=a4ba92cba10f4fe498074594f937f3b6-leandro lop,rafaelabsz@algartech.com.br</t>
  </si>
  <si>
    <t>11/20/2019 18:12:48</t>
  </si>
  <si>
    <t>11/20/2019 17:34:23</t>
  </si>
  <si>
    <t>11/20/2019 17:35:10</t>
  </si>
  <si>
    <t>11/20/2019 17:35:11</t>
  </si>
  <si>
    <t>11/20/2019 17:39:55</t>
  </si>
  <si>
    <t>11/20/2019 17:40:06</t>
  </si>
  <si>
    <t>11/20/2019 17:40:13</t>
  </si>
  <si>
    <t>mail.google.com/_/upload?authuser=0&amp;dcp=asu-n&amp;upload_id=AEnB2UqGRDYLKXM6PZj7S1V394TMgqZo38MLJF_hVRxz8cDtewCBDwD7ITex1jq00sNfSmOq2ukYRbNnxZQOb0z0nQ-W_iad3fg675OaBya_U_ecjhVK9qM&amp;upload_protocol=resumable</t>
  </si>
  <si>
    <t>11/20/2019 18:17:57</t>
  </si>
  <si>
    <t>11/20/2019 18:22:47</t>
  </si>
  <si>
    <t>10.200.61.42</t>
  </si>
  <si>
    <t>mail.google.com/_/upload?authuser=0&amp;dcp=asu-n&amp;upload_id=AEnB2UqMLZOyQiiycJI79h0C1pBTu79bg2JRZzfMlQ3ePinK5OMCLp-bmBbngNPSnBmaDbasHtd57fvT_sk6GwSoRIOuvuuSVQALlm7rzlRw77qt9nX9kpU&amp;upload_protocol=resumable</t>
  </si>
  <si>
    <t>proposta de distribuição Janaina.xls</t>
  </si>
  <si>
    <t>11/20/2019 18:28:51</t>
  </si>
  <si>
    <t>11/20/2019 18:30:47</t>
  </si>
  <si>
    <t>/o=exchangelabs/ou=exchange administrative group (fydibohf23spdlt)/cn=recipients/cn=545f738e0fe740ba856f4eb6ef0135e0-vinicius si;/o=exchangelabs/ou=exchange administrative group (fydibohf23spdlt)/cn=recipients/cn=c22b2d8de1594760baec681322c0933f-fernanda ma;/o=exchangelabs/ou=exchange administrative group (fydibohf23spdlt)/cn=recipients/cn=userd3ef8196;</t>
  </si>
  <si>
    <t>ENC: Operações D2C - Novembro/2019 e Dezembro/2019</t>
  </si>
  <si>
    <t>11 - Quebra Diária - Compra Certa_Novembro 2019 - V2.xlsx</t>
  </si>
  <si>
    <t>/o=exchangelabs/ou=exchange administrative group (fydibohf23spdlt)/cn=recipients/cn=545f738e0fe740ba856f4eb6ef0135e0-vinicius si,/o=exchangelabs/ou=exchange administrative group (fydibohf23spdlt)/cn=recipients/cn=c22b2d8de1594760baec681322c0933f-fernanda ma,/o=exchangelabs/ou=exchange administrative group (fydibohf23spdlt)/cn=recipients/cn=userd3ef8196</t>
  </si>
  <si>
    <t>11/20/2019 18:37:20</t>
  </si>
  <si>
    <t>11/20/2019 18:39:48</t>
  </si>
  <si>
    <t>rafaelabsz@algartech.com.br;wesleymb@algartech.com.br;</t>
  </si>
  <si>
    <t>112019_Apresentação de resultados URR_ALGAR_v4_PB.pptx\</t>
  </si>
  <si>
    <t>rafaelabsz@algartech.com.br,wesleymb@algartech.com.br</t>
  </si>
  <si>
    <t>11/20/2019 18:49:09</t>
  </si>
  <si>
    <t>11/20/2019 18:53:48</t>
  </si>
  <si>
    <t>11/20/2019 20:14:50</t>
  </si>
  <si>
    <t>11/20/2019 20:17:47</t>
  </si>
  <si>
    <t>ENC: Produtividade CRCe até 19/11</t>
  </si>
  <si>
    <t>11/21/2019 06:20:48</t>
  </si>
  <si>
    <t>11/21/2019 06:24:21</t>
  </si>
  <si>
    <t>ENC: Dashboard PA Digital N1 Services - ASC - Consolidado até 19/11</t>
  </si>
  <si>
    <t>Dashboard PA Digital - Services - 20191120.xlsb</t>
  </si>
  <si>
    <t>11/21/2019 06:28:28</t>
  </si>
  <si>
    <t>11/21/2019 06:29:21</t>
  </si>
  <si>
    <t>/o=exchangelabs/ou=exchange administrative group (fydibohf23spdlt)/cn=recipients/cn=404b1a0a31e34e40b03df5be0bc55bb1-emily arant;/o=exchangelabs/ou=exchange administrative group (fydibohf23spdlt)/cn=recipients/cn=d016684c66794cc8825c134b3c28605d-barbara can;/o=exchangelabs/ou=exchange administrative group (fydibohf23spdlt)/cn=recipients/cn=da49f68f26344bf9811f1e9e579d92e5-kenia rosa;carinafr@algartech.com;stefanebfn@algartech.com.br;</t>
  </si>
  <si>
    <t>ENC: REC sem FUP e FUP em O.S.</t>
  </si>
  <si>
    <t>/o=exchangelabs/ou=exchange administrative group (fydibohf23spdlt)/cn=recipients/cn=404b1a0a31e34e40b03df5be0bc55bb1-emily arant,/o=exchangelabs/ou=exchange administrative group (fydibohf23spdlt)/cn=recipients/cn=d016684c66794cc8825c134b3c28605d-barbara can,/o=exchangelabs/ou=exchange administrative group (fydibohf23spdlt)/cn=recipients/cn=da49f68f26344bf9811f1e9e579d92e5-kenia rosa,carinafr@algartech.com,stefanebfn@algartech.com.br</t>
  </si>
  <si>
    <t>11/21/2019 07:15:00</t>
  </si>
  <si>
    <t>11/21/2019 07:17:22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2b2fb8df84f84951b6d53454b4b3e8b3-izadora may;/o=exchangelabs/ou=exchange administrative group (fydibohf23spdlt)/cn=recipients/cn=6189712535ea4b50a3625910837af2c9-larissa bra;/o=exchangelabs/ou=exchange administrative group (fydibohf23spdlt)/cn=recipients/cn=be8766b4a96d48b483378f7babe180b8-thais coimb;hugo_cesar_rodrigues_dos_santos_algar@whirlpool.com;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2b2fb8df84f84951b6d53454b4b3e8b3-izadora may,/o=exchangelabs/ou=exchange administrative group (fydibohf23spdlt)/cn=recipients/cn=6189712535ea4b50a3625910837af2c9-larissa bra,/o=exchangelabs/ou=exchange administrative group (fydibohf23spdlt)/cn=recipients/cn=be8766b4a96d48b483378f7babe180b8-thais coimb,hugo_cesar_rodrigues_dos_santos_algar@whirlpool.com</t>
  </si>
  <si>
    <t>11/21/2019 07:15:16</t>
  </si>
  <si>
    <t>11/21/2019 07:19:22</t>
  </si>
  <si>
    <t>/o=exchangelabs/ou=exchange administrative group (fydibohf23spdlt)/cn=recipients/cn=2f25493a7e37433d8dafca90f527b173-danubia cri;/o=exchangelabs/ou=exchange administrative group (fydibohf23spdlt)/cn=recipients/cn=47bcba0edfbb48d39e9b215eae1400b2-ana paula s;/o=exchangelabs/ou=exchange administrative group (fydibohf23spdlt)/cn=recipients/cn=a72a765de829420582b78941417073ac-karina rodr;/o=exchangelabs/ou=exchange administrative group (fydibohf23spdlt)/cn=recipients/cn=usera699e94b;carinafr@algartech.com;</t>
  </si>
  <si>
    <t>ENC: Solicitação de pessoas</t>
  </si>
  <si>
    <t>Operação eunice.xlsx</t>
  </si>
  <si>
    <t>/o=exchangelabs/ou=exchange administrative group (fydibohf23spdlt)/cn=recipients/cn=2f25493a7e37433d8dafca90f527b173-danubia cri,/o=exchangelabs/ou=exchange administrative group (fydibohf23spdlt)/cn=recipients/cn=47bcba0edfbb48d39e9b215eae1400b2-ana paula s,/o=exchangelabs/ou=exchange administrative group (fydibohf23spdlt)/cn=recipients/cn=a72a765de829420582b78941417073ac-karina rodr,/o=exchangelabs/ou=exchange administrative group (fydibohf23spdlt)/cn=recipients/cn=usera699e94b,carinafr@algartech.com</t>
  </si>
  <si>
    <t>11/19/2019 17:33:16</t>
  </si>
  <si>
    <t>11/21/2019 07:23:22</t>
  </si>
  <si>
    <t>Empresas Carteirizadas</t>
  </si>
  <si>
    <t>11/20/2019 18:33:54</t>
  </si>
  <si>
    <t>11/21/2019 07:32:22</t>
  </si>
  <si>
    <t>mail.google.com/_/upload?authuser=1&amp;dcp=asu-n&amp;upload_id=AEnB2UrMzhB6DqExkBFGuNE0KHfZnq2vC8Hg5_5V31Py0NIymCaUumivvCX7HYsJGnSh3yh0aLq-sGYGET-Fyok2yRRAux9Ccg&amp;upload_protocol=resumable</t>
  </si>
  <si>
    <t>New_CONTROLE DE CLIENTES_PAGSEGURO (3).xlsx</t>
  </si>
  <si>
    <t>11/20/2019 09:38:45</t>
  </si>
  <si>
    <t>11/21/2019 07:44:24</t>
  </si>
  <si>
    <t>txt para Excel</t>
  </si>
  <si>
    <t>IAN_MARÇO.xlsm</t>
  </si>
  <si>
    <t>11/20/2019 17:51:50</t>
  </si>
  <si>
    <t>11/21/2019 08:01:24</t>
  </si>
  <si>
    <t>RES: OS's TIM BBN - Atualizar Status 06_11.xlsx</t>
  </si>
  <si>
    <t>Cópia de OS's TIM BBN - Atualizar Status 06_11.xlsx</t>
  </si>
  <si>
    <t>11/21/2019 07:58:41</t>
  </si>
  <si>
    <t>11/21/2019 08:03:24</t>
  </si>
  <si>
    <t>Acompanhamento Inadimplência - Nov/2019</t>
  </si>
  <si>
    <t>Acompanhamento Inadimplência - Novembro -2019.xlsb</t>
  </si>
  <si>
    <t>11/20/2019 18:56:51</t>
  </si>
  <si>
    <t>11/21/2019 08:04:25</t>
  </si>
  <si>
    <t>11/20/2019 17:18:46</t>
  </si>
  <si>
    <t>11/21/2019 08:05:24</t>
  </si>
  <si>
    <t>10.250.254.43</t>
  </si>
  <si>
    <t>thaisbrs</t>
  </si>
  <si>
    <t>Thais Brito Santos</t>
  </si>
  <si>
    <t>/o=exchangelabs/ou=exchange administrative group (fydibohf23spdlt)/cn=recipients/cn=b88fbbe7feb5433885019feb0ecb000c-lilian beat;thaisbrs@algartech.com.br;</t>
  </si>
  <si>
    <t>Erro de lançamento - monitorias next</t>
  </si>
  <si>
    <t>Checar monitorias.xls</t>
  </si>
  <si>
    <t>/o=exchangelabs/ou=exchange administrative group (fydibohf23spdlt)/cn=recipients/cn=b88fbbe7feb5433885019feb0ecb000c-lilian beat,thaisbrs@algartech.com.br</t>
  </si>
  <si>
    <t>11/20/2019 10:02:56</t>
  </si>
  <si>
    <t>danilo@heatingcooling.com.br;guilherme@espressoapp.com.br;jecivania.silva@bradesco.com.br;</t>
  </si>
  <si>
    <t>Integração - HEATING COOLING</t>
  </si>
  <si>
    <t>danilo@heatingcooling.com.br,guilherme@espressoapp.com.br,jecivania.silva@bradesco.com.br</t>
  </si>
  <si>
    <t>11/20/2019 10:46:26</t>
  </si>
  <si>
    <t>/o=exchangelabs/ou=exchange administrative group (fydibohf23spdlt)/cn=recipients/cn=9ec7344ac9ca4c3d93340a066ae57ae1-paula mayum;claudia.oliveira@bradesco.com.br;lucasfra@algartech.com;</t>
  </si>
  <si>
    <t>RES: INTELLILINK - ALBER</t>
  </si>
  <si>
    <t>/o=exchangelabs/ou=exchange administrative group (fydibohf23spdlt)/cn=recipients/cn=9ec7344ac9ca4c3d93340a066ae57ae1-paula mayum,claudia.oliveira@bradesco.com.br,lucasfra@algartech.com</t>
  </si>
  <si>
    <t>11/20/2019 20:27:56</t>
  </si>
  <si>
    <t>suzirodrigo@yahoo.com.br,</t>
  </si>
  <si>
    <t>mail.yahoo.com/ws/v3/batch?name=messages.saveV3&amp;hash=fda2aeb&amp;appId=YMailNorrin&amp;ymreqid=0d20950d-f3b9-142b-1cda-18000a015300&amp;wssid=n%2Fs8Th.MKwC</t>
  </si>
  <si>
    <t>suzirodrigo@yahoo.com.br;</t>
  </si>
  <si>
    <t>Implementação - Suzi.xls</t>
  </si>
  <si>
    <t>suzirodrigo@yahoo.com.br</t>
  </si>
  <si>
    <t>11/21/2019 08:08:19</t>
  </si>
  <si>
    <t>11/21/2019 08:10:24</t>
  </si>
  <si>
    <t>/o=exchangelabs/ou=exchange administrative group (fydibohf23spdlt)/cn=recipients/cn=c7de0e5d776f4b3e940d4f9143600171-suzidarleng;</t>
  </si>
  <si>
    <t>/o=exchangelabs/ou=exchange administrative group (fydibohf23spdlt)/cn=recipients/cn=c7de0e5d776f4b3e940d4f9143600171-suzidarleng</t>
  </si>
  <si>
    <t>11/21/2019 08:09:54</t>
  </si>
  <si>
    <t>11/21/2019 08:14:24</t>
  </si>
  <si>
    <t>C:\Users\elainemdlp\OD\_Projetos\Em andamento\Expansao Next\03 - Execução\Troca de Maquinas\</t>
  </si>
  <si>
    <t>Modelos_Maquinas - Copia.xlsx</t>
  </si>
  <si>
    <t>11/21/2019 08:18:30</t>
  </si>
  <si>
    <t>11/21/2019 08:19:24</t>
  </si>
  <si>
    <t>/o=exchangelabs/ou=exchange administrative group (fydibohf23spdlt)/cn=recipients/cn=81f72ed6e9d042e3bed0cec08d488854-vinicius go;andre_f_leiva@whirlpool.com;patricia_lima@whirlpool.com;</t>
  </si>
  <si>
    <t>RES: **** Análise de estratégias para sábado 08/11</t>
  </si>
  <si>
    <t>ENCERRADOS SÁBADO.xlsx</t>
  </si>
  <si>
    <t>/o=exchangelabs/ou=exchange administrative group (fydibohf23spdlt)/cn=recipients/cn=81f72ed6e9d042e3bed0cec08d488854-vinicius go,andre_f_leiva@whirlpool.com,patricia_lima@whirlpool.com</t>
  </si>
  <si>
    <t>11/21/2019 08:20:40</t>
  </si>
  <si>
    <t>11/21/2019 08:23:24</t>
  </si>
  <si>
    <t>0ANALYSIS_PATTERN - 2019-11-21T081955.400.csv</t>
  </si>
  <si>
    <t>11/20/2019 16:36:30</t>
  </si>
  <si>
    <t>11/21/2019 08:24:25</t>
  </si>
  <si>
    <t>C:\Segatto\Algar2019\Prudential\Algar\DB\DB2\</t>
  </si>
  <si>
    <t>Lista de Documentos Solicitados Prudential - BD2.xlsx</t>
  </si>
  <si>
    <t>11/21/2019 08:24:40</t>
  </si>
  <si>
    <t>11/21/2019 08:28:25</t>
  </si>
  <si>
    <t>0ANALYSIS_PATTERN - 2019-11-21T082357.338.csv</t>
  </si>
  <si>
    <t>11/21/2019 08:27:56</t>
  </si>
  <si>
    <t>11/21/2019 08:32:25</t>
  </si>
  <si>
    <t>lucasfra@algartech.com;natalia.toma@bradesco.com.br;</t>
  </si>
  <si>
    <t>ENC: Call Porto 12.11.19</t>
  </si>
  <si>
    <t>lucasfra@algartech.com,natalia.toma@bradesco.com.br</t>
  </si>
  <si>
    <t>11/21/2019 08:29:10</t>
  </si>
  <si>
    <t>hugo@b2breservas.com.br;ricardog.sousa@bradesco.com.br;</t>
  </si>
  <si>
    <t>ENC: APRESENTAÇÃO BTB HOSPEDAGEM E LOCAÇÃO - MAGNESITA</t>
  </si>
  <si>
    <t>RHI Magnesita _ Relatório de Hospedagens _ Maio a Outubro 2019.xlsx</t>
  </si>
  <si>
    <t>hugo@b2breservas.com.br,ricardog.sousa@bradesco.com.br</t>
  </si>
  <si>
    <t>11/21/2019 08:29:32</t>
  </si>
  <si>
    <t>11/21/2019 08:34:25</t>
  </si>
  <si>
    <t>6691;</t>
  </si>
  <si>
    <t>Criação de ID de Rede - Evelyn.xlsx</t>
  </si>
  <si>
    <t>http://6691</t>
  </si>
  <si>
    <t>11/21/2019 08:32:59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</t>
  </si>
  <si>
    <t>CriaÃ§Ã£o de ID de Rede.xlsx</t>
  </si>
  <si>
    <t>11/21/2019 08:33:24</t>
  </si>
  <si>
    <t>11/20/2019 18:20:17</t>
  </si>
  <si>
    <t>11/21/2019 08:38:25</t>
  </si>
  <si>
    <t>mail.google.com/_/upload?authuser=0&amp;dcp=asu-n&amp;upload_id=AEnB2Uqy4t4FJ93V6oAb71G9C9p3Ekr46dndP0WS2iE1B79cTZznPRVVA2S0IgVa8XLXBljokPgzF8lrCJ-pfUEzskgPyXpsSQ&amp;upload_protocol=resumable</t>
  </si>
  <si>
    <t>C:\Users\adrielefc\Desktop\VALIDAÇÃO CAPEX LP 20 a 24 - alteração Nimbus.pptx\</t>
  </si>
  <si>
    <t>11/20/2019 18:21:02</t>
  </si>
  <si>
    <t>11/19/2019 09:02:26</t>
  </si>
  <si>
    <t>11/21/2019 08:40:25</t>
  </si>
  <si>
    <t>11/19/2019 09:03:52</t>
  </si>
  <si>
    <t>bruna.vernalha@bradesco.com.br;daiane.alves@bradesco.com.br;danieldom@algartech.com;denisev.carvalho@bradesco.com.br;flavio.romero@bradesco.com.br;robertacmf@algartech.com;saramfg@algartech.com;tatiana.bueno@bradesco.com.br;vanessa.crisan.santos@bradesco.com.br;vivianercu@algartech.com;</t>
  </si>
  <si>
    <t>Consolidado de HE Pagas clientes_Fat Dez 2019.xlsx</t>
  </si>
  <si>
    <t>bruna.vernalha@bradesco.com.br,daiane.alves@bradesco.com.br,danieldom@algartech.com,denisev.carvalho@bradesco.com.br,flavio.romero@bradesco.com.br,robertacmf@algartech.com,saramfg@algartech.com,tatiana.bueno@bradesco.com.br,vanessa.crisan.santos@bradesco.com.br,vivianercu@algartech.com</t>
  </si>
  <si>
    <t>11/19/2019 16:45:55</t>
  </si>
  <si>
    <t>11/19/2019 16:46:19</t>
  </si>
  <si>
    <t>11/19/2019 17:20:18</t>
  </si>
  <si>
    <t>11/20/2019 08:51:46</t>
  </si>
  <si>
    <t>2019-11 - BRADESCARD.xlsx</t>
  </si>
  <si>
    <t>11/20/2019 08:52:03</t>
  </si>
  <si>
    <t>C:\Users\camilat\OneDrive - Grupo Algar\GERENCIAL\FINANCEIRO\Faturamento\340002017\</t>
  </si>
  <si>
    <t>ACOMPANHAMENTO SD e BRADESCARD_Roberta.xlsm</t>
  </si>
  <si>
    <t>11/20/2019 08:52:45</t>
  </si>
  <si>
    <t>11/20/2019 09:08:15</t>
  </si>
  <si>
    <t>11/20/2019 13:56:48</t>
  </si>
  <si>
    <t>Departamental AGOSTO 19 GERAL.csv</t>
  </si>
  <si>
    <t>11/20/2019 10:47:49</t>
  </si>
  <si>
    <t>11/21/2019 08:44:25</t>
  </si>
  <si>
    <t>mail.google.com/_/upload?authuser=0&amp;dcp=asu-n&amp;upload_id=AEnB2UrYhYaEjo_XpmIaH3gmnYVY4HC9ocLw_DFziRhlq-mRgVNVzSbIrx589h_oB5UrBXDhD1MBEk6FUMhvbBrvN-dwach39wUZuUdG2aXYmgg6wAbHbPw&amp;upload_protocol=resumable</t>
  </si>
  <si>
    <t>D:\Projetos\ACS\One_drive\OneDrive - Grupo Algar\Projetos\2020 Algar_-_Implantacao CRM\CRM\Propostas\</t>
  </si>
  <si>
    <t>11/21/2019 08:48:13</t>
  </si>
  <si>
    <t>11/21/2019 08:51:25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5eb8447f1992416c986b6f95f45fc7f7-jose paixao;/o=exchangelabs/ou=exchange administrative group (fydibohf23spdlt)/cn=recipients/cn=7ec9b79e321b423c9a6328e6d2a8765d-fabio cesar;/o=exchangelabs/ou=exchange administrative group (fydibohf23spdlt)/cn=recipients/cn=7f0583df7d3e4c2bb8108b334f4257df-marcelo fla;/o=exchangelabs/ou=exchange administrative group (fydibohf23spdlt)/cn=recipients/cn=cbd39b91542644e08dc79bed7f7e75d6-josafa roch;</t>
  </si>
  <si>
    <t>ORÇAMENTOS-EXECUTADOS 10-09-19 A 10-11-19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5eb8447f1992416c986b6f95f45fc7f7-jose paixao,/o=exchangelabs/ou=exchange administrative group (fydibohf23spdlt)/cn=recipients/cn=7ec9b79e321b423c9a6328e6d2a8765d-fabio cesar,/o=exchangelabs/ou=exchange administrative group (fydibohf23spdlt)/cn=recipients/cn=7f0583df7d3e4c2bb8108b334f4257df-marcelo fla,/o=exchangelabs/ou=exchange administrative group (fydibohf23spdlt)/cn=recipients/cn=cbd39b91542644e08dc79bed7f7e75d6-josafa roch</t>
  </si>
  <si>
    <t>11/21/2019 08:48:38</t>
  </si>
  <si>
    <t>/o=exchangelabs/ou=exchange administrative group (fydibohf23spdlt)/cn=recipients/cn=7df34f8bfd5c49aba90be766dd53403a-rosimar lei;</t>
  </si>
  <si>
    <t>/o=exchangelabs/ou=exchange administrative group (fydibohf23spdlt)/cn=recipients/cn=7df34f8bfd5c49aba90be766dd53403a-rosimar lei</t>
  </si>
  <si>
    <t>11/20/2019 21:26:17</t>
  </si>
  <si>
    <t>11/21/2019 08:52:26</t>
  </si>
  <si>
    <t>10.200.58.28</t>
  </si>
  <si>
    <t>/o=exchangelabs/ou=exchange administrative group (fydibohf23spdlt)/cn=recipients/cn=4b453b7f02914710b3e94bcf7b311ad4-fernando po;/o=exchangelabs/ou=exchange administrative group (fydibohf23spdlt)/cn=recipients/cn=6bc6ced03b1b4fafa41bb5c70c178940-antonio per;/o=exchangelabs/ou=exchange administrative group (fydibohf23spdlt)/cn=recipients/cn=e3778f57d65f4c17a6287602f9eb0cdc-alessandra;/o=exchangelabs/ou=exchange administrative group (fydibohf23spdlt)/cn=recipients/cn=user12c3790d;</t>
  </si>
  <si>
    <t>Prévia Novembro - Detalhado</t>
  </si>
  <si>
    <t>Prévia Consolidada_112019_v3.xlsx</t>
  </si>
  <si>
    <t>/o=exchangelabs/ou=exchange administrative group (fydibohf23spdlt)/cn=recipients/cn=4b453b7f02914710b3e94bcf7b311ad4-fernando po,/o=exchangelabs/ou=exchange administrative group (fydibohf23spdlt)/cn=recipients/cn=6bc6ced03b1b4fafa41bb5c70c178940-antonio per,/o=exchangelabs/ou=exchange administrative group (fydibohf23spdlt)/cn=recipients/cn=e3778f57d65f4c17a6287602f9eb0cdc-alessandra,/o=exchangelabs/ou=exchange administrative group (fydibohf23spdlt)/cn=recipients/cn=user12c3790d</t>
  </si>
  <si>
    <t>11/20/2019 23:10:43</t>
  </si>
  <si>
    <t>/o=exchangelabs/ou=exchange administrative group (fydibohf23spdlt)/cn=recipients/cn=4b453b7f02914710b3e94bcf7b311ad4-fernando po;/o=exchangelabs/ou=exchange administrative group (fydibohf23spdlt)/cn=recipients/cn=56c2af2d07fd48c0aebfc00ddc006494-alessio rod;/o=exchangelabs/ou=exchange administrative group (fydibohf23spdlt)/cn=recipients/cn=68e6aa2e3fef4ccaba997d98294c9ed5-cristina he;/o=exchangelabs/ou=exchange administrative group (fydibohf23spdlt)/cn=recipients/cn=6fbc44b6d6b549208175d5a27201bd13-cintia nune;/o=exchangelabs/ou=exchange administrative group (fydibohf23spdlt)/cn=recipients/cn=78e530b5e3244cc1a89eba7f7b0af42f-marco tulio;/o=exchangelabs/ou=exchange administrative group (fydibohf23spdlt)/cn=recipients/cn=8ab5e44d485043d59eb4f21463e63e6a-tays dos sa;/o=exchangelabs/ou=exchange administrative group (fydibohf23spdlt)/cn=recipients/cn=a4ba92cba10f4fe498074594f937f3b6-leandro lop;/o=exchangelabs/ou=exchange administrative group (fydibohf23spdlt)/cn=recipients/cn=a72a765de829420582b78941417073ac-kari</t>
  </si>
  <si>
    <t>NOVO MODELO OPERACIONAL STAFF - IPO</t>
  </si>
  <si>
    <t>RESUMO_IPO.xlsb</t>
  </si>
  <si>
    <t>/o=exchangelabs/ou=exchange administrative group (fydibohf23spdlt)/cn=recipients/cn=4b453b7f02914710b3e94bcf7b311ad4-fernando po,/o=exchangelabs/ou=exchange administrative group (fydibohf23spdlt)/cn=recipients/cn=56c2af2d07fd48c0aebfc00ddc006494-alessio rod,/o=exchangelabs/ou=exchange administrative group (fydibohf23spdlt)/cn=recipients/cn=68e6aa2e3fef4ccaba997d98294c9ed5-cristina he,/o=exchangelabs/ou=exchange administrative group (fydibohf23spdlt)/cn=recipients/cn=6fbc44b6d6b549208175d5a27201bd13-cintia nune,/o=exchangelabs/ou=exchange administrative group (fydibohf23spdlt)/cn=recipients/cn=78e530b5e3244cc1a89eba7f7b0af42f-marco tulio,/o=exchangelabs/ou=exchange administrative group (fydibohf23spdlt)/cn=recipients/cn=8ab5e44d485043d59eb4f21463e63e6a-tays dos sa,/o=exchangelabs/ou=exchange administrative group (fydibohf23spdlt)/cn=recipients/cn=a4ba92cba10f4fe498074594f937f3b6-leandro lop,/o=exchangelabs/ou=exchange administrative group (fydibohf23spdlt)/cn=recipients/cn=a72a765de829420582b78941417073ac-kari</t>
  </si>
  <si>
    <t>11/20/2019 23:15:16</t>
  </si>
  <si>
    <t>/o=exchangelabs/ou=exchange administrative group (fydibohf23spdlt)/cn=recipients/cn=32fe8a14424941da83c2bf35a8a5709e-fabiana car;/o=exchangelabs/ou=exchange administrative group (fydibohf23spdlt)/cn=recipients/cn=525b3060f0654996a4c2979efbfaed04-douglas sil;/o=exchangelabs/ou=exchange administrative group (fydibohf23spdlt)/cn=recipients/cn=545f738e0fe740ba856f4eb6ef0135e0-vinicius si;/o=exchangelabs/ou=exchange administrative group (fydibohf23spdlt)/cn=recipients/cn=8a0784ccebb14202a66b1b8f3a285b61-thais de al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b67cad4ecfa344baaa94d716e7554f49-bruno camel;/o=exchangelabs/ou=exchange administrative group (fydibohf23spdlt)/cn=recipients/cn=ee68a2a53024446789dc480aef9c7a7c-joao</t>
  </si>
  <si>
    <t>ENC: NOVO MODELO OPERACIONAL STAFF - IPO</t>
  </si>
  <si>
    <t>/o=exchangelabs/ou=exchange administrative group (fydibohf23spdlt)/cn=recipients/cn=32fe8a14424941da83c2bf35a8a5709e-fabiana car,/o=exchangelabs/ou=exchange administrative group (fydibohf23spdlt)/cn=recipients/cn=525b3060f0654996a4c2979efbfaed04-douglas sil,/o=exchangelabs/ou=exchange administrative group (fydibohf23spdlt)/cn=recipients/cn=545f738e0fe740ba856f4eb6ef0135e0-vinicius si,/o=exchangelabs/ou=exchange administrative group (fydibohf23spdlt)/cn=recipients/cn=8a0784ccebb14202a66b1b8f3a285b61-thais de al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b67cad4ecfa344baaa94d716e7554f49-bruno camel,/o=exchangelabs/ou=exchange administrative group (fydibohf23spdlt)/cn=recipients/cn=ee68a2a53024446789dc480aef9c7a7c-joao</t>
  </si>
  <si>
    <t>11/21/2019 09:00:24</t>
  </si>
  <si>
    <t>11/21/2019 09:02:26</t>
  </si>
  <si>
    <t>/o=exchangelabs/ou=exchange administrative group (fydibohf23spdlt)/cn=recipients/cn=3d85af75e9a44da5bad9ced68d6c53ed-rosana peix;/o=exchangelabs/ou=exchange administrative group (fydibohf23spdlt)/cn=recipients/cn=79b149cf7a984ca686e3b0e40b3bc8cf-danilo cesa;/o=exchangelabs/ou=exchange administrative group (fydibohf23spdlt)/cn=recipients/cn=96c835195d674d6ebf3e3dbf87493053-jaqueline d;bkinoshita@comfrio.com.br;foliveira@comfrio.com.br;</t>
  </si>
  <si>
    <t>RES: Relatório Comfrio - Ref. Outubro</t>
  </si>
  <si>
    <t>ENC Relatório Comfrio - Ref. Outubro.msg\s1\</t>
  </si>
  <si>
    <t>/o=exchangelabs/ou=exchange administrative group (fydibohf23spdlt)/cn=recipients/cn=3d85af75e9a44da5bad9ced68d6c53ed-rosana peix,/o=exchangelabs/ou=exchange administrative group (fydibohf23spdlt)/cn=recipients/cn=79b149cf7a984ca686e3b0e40b3bc8cf-danilo cesa,/o=exchangelabs/ou=exchange administrative group (fydibohf23spdlt)/cn=recipients/cn=96c835195d674d6ebf3e3dbf87493053-jaqueline d,bkinoshita@comfrio.com.br,foliveira@comfrio.com.br</t>
  </si>
  <si>
    <t>11/21/2019 08:58:25</t>
  </si>
  <si>
    <t>11/21/2019 09:03:25</t>
  </si>
  <si>
    <t>Renata Aparecida Alves Batista dos Santos</t>
  </si>
  <si>
    <t>Graficos_Pachoalatto.xlsx</t>
  </si>
  <si>
    <t>11/21/2019 09:03:19</t>
  </si>
  <si>
    <t>11/21/2019 09:05:25</t>
  </si>
  <si>
    <t>ENC: Resumo Iniciativas-Desafios 2020</t>
  </si>
  <si>
    <t>Resumo Iniciativas-Desafios 2020.xlsx</t>
  </si>
  <si>
    <t>11/21/2019 09:03:06</t>
  </si>
  <si>
    <t>11/21/2019 09:06:26</t>
  </si>
  <si>
    <t>11/21/2019 09:02:52</t>
  </si>
  <si>
    <t>11/21/2019 09:07:25</t>
  </si>
  <si>
    <t>Performance Novembro</t>
  </si>
  <si>
    <t>11/21/2019 09:03:52</t>
  </si>
  <si>
    <t>11/21/2019 09:08:25</t>
  </si>
  <si>
    <t>RES: Dashboard PA Digital Ecohouse - Consolidado até 17/11</t>
  </si>
  <si>
    <t>Dashboard PA Digital - Ecohouse - 20191120.xlsb</t>
  </si>
  <si>
    <t>11/21/2019 09:05:10</t>
  </si>
  <si>
    <t>\\acsfs\DEPTOS\PMO Governança\06 - GOVERNANÇA DO CAPEX\CAPEX LONGO PRAZO\CAPEX LP - REVISÃO_A19_M10\VALIDAÇÃO CAPEX LP 20 a 24 - alteração Nimbus_21_11.pptx\</t>
  </si>
  <si>
    <t>11/21/2019 09:06:31</t>
  </si>
  <si>
    <t>11/21/2019 09:09:26</t>
  </si>
  <si>
    <t>https://cscatende.algarnet.com.br/html/hd/hdscriptresposta/request/uploadincidentattachment.php?cdclassificacao=7&amp;action=1&amp;lastpositionattachement=undefined&amp;cdquestao=9770&amp;idmaisanexos=t</t>
  </si>
  <si>
    <t>\\acsfs\engeset\CPV_ULA\ADMINISTRATIVO\CONTROLE ADMINISTRATIVO\PORTAL ADQUIRA\ALGAR TECNOLOGIA\CONTRATO COLLOCATION\</t>
  </si>
  <si>
    <t>Template_-_Comprovante_de_Pagamento.xlsx</t>
  </si>
  <si>
    <t>11/21/2019 09:06:02</t>
  </si>
  <si>
    <t>11/21/2019 09:06:03</t>
  </si>
  <si>
    <t>11/21/2019 09:06:04</t>
  </si>
  <si>
    <t>11/21/2019 09:06:10</t>
  </si>
  <si>
    <t>11/21/2019 09:06:14</t>
  </si>
  <si>
    <t>11/21/2019 09:06:15</t>
  </si>
  <si>
    <t>11/21/2019 09:07:56</t>
  </si>
  <si>
    <t>11/21/2019 09:07:57</t>
  </si>
  <si>
    <t>11/21/2019 09:07:58</t>
  </si>
  <si>
    <t>11/21/2019 09:07:59</t>
  </si>
  <si>
    <t>11/21/2019 09:08:00</t>
  </si>
  <si>
    <t>11/21/2019 09:08:01</t>
  </si>
  <si>
    <t>11/21/2019 09:08:17</t>
  </si>
  <si>
    <t>11/21/2019 09:08:18</t>
  </si>
  <si>
    <t>11/21/2019 09:08:20</t>
  </si>
  <si>
    <t>11/21/2019 09:08:22</t>
  </si>
  <si>
    <t>11/21/2019 09:08:23</t>
  </si>
  <si>
    <t>11/21/2019 09:08:24</t>
  </si>
  <si>
    <t>11/21/2019 09:08:31</t>
  </si>
  <si>
    <t>11/21/2019 09:08:32</t>
  </si>
  <si>
    <t>11/21/2019 09:08:54</t>
  </si>
  <si>
    <t>11/21/2019 09:08:55</t>
  </si>
  <si>
    <t>11/21/2019 09:08:58</t>
  </si>
  <si>
    <t>11/20/2019 19:23:16</t>
  </si>
  <si>
    <t>11/21/2019 09:10:25</t>
  </si>
  <si>
    <t>11/19/2019 21:01:40</t>
  </si>
  <si>
    <t>11/21/2019 09:11:26</t>
  </si>
  <si>
    <t>RES: meu orçamento</t>
  </si>
  <si>
    <t>11/19/2019 21:08:17</t>
  </si>
  <si>
    <t>11/19/2019 21:33:02</t>
  </si>
  <si>
    <t>/o=exchangelabs/ou=exchange administrative group (fydibohf23spdlt)/cn=recipients/cn=61af722dd06149089cf1c867d796b8bc-delso estre;/o=exchangelabs/ou=exchange administrative group (fydibohf23spdlt)/cn=recipients/cn=6bc6ced03b1b4fafa41bb5c70c178940-antonio per;/o=exchangelabs/ou=exchange administrative group (fydibohf23spdlt)/cn=recipients/cn=b1a72fc2d0234efca84c7771ea70c7ee-roberta cri;/o=exchangelabs/ou=exchange administrative group (fydibohf23spdlt)/cn=recipients/cn=f50351055a2944cebcbdc18a918945d6-gustavo res;</t>
  </si>
  <si>
    <t>RES: Identificar Ofertas Recorrentes 1º e 2º Tri/19</t>
  </si>
  <si>
    <t>RECEITA RECORRENTE X PRÁTICA_DELSO.xlsx</t>
  </si>
  <si>
    <t>/o=exchangelabs/ou=exchange administrative group (fydibohf23spdlt)/cn=recipients/cn=61af722dd06149089cf1c867d796b8bc-delso estre,/o=exchangelabs/ou=exchange administrative group (fydibohf23spdlt)/cn=recipients/cn=6bc6ced03b1b4fafa41bb5c70c178940-antonio per,/o=exchangelabs/ou=exchange administrative group (fydibohf23spdlt)/cn=recipients/cn=b1a72fc2d0234efca84c7771ea70c7ee-roberta cri,/o=exchangelabs/ou=exchange administrative group (fydibohf23spdlt)/cn=recipients/cn=f50351055a2944cebcbdc18a918945d6-gustavo res</t>
  </si>
  <si>
    <t>11/20/2019 10:42:44</t>
  </si>
  <si>
    <t>/o=exchangelabs/ou=exchange administrative group (fydibohf23spdlt)/cn=recipients/cn=6bc6ced03b1b4fafa41bb5c70c178940-antonio per;/o=exchangelabs/ou=exchange administrative group (fydibohf23spdlt)/cn=recipients/cn=a541140f84c0497d919eaa7797d6c613-vinicius mo;/o=exchangelabs/ou=exchange administrative group (fydibohf23spdlt)/cn=recipients/cn=fd90fae387f145908887589a75c16eb5-karen dara;</t>
  </si>
  <si>
    <t>Receitas Tecnologias - SABRINA VIEIRA.rar\Receitas Tecnologias - SABRINA VIEIRA\</t>
  </si>
  <si>
    <t>Demonstrativo de Faturamento Abr_19 MBLink_DAC_.MSCARD_xls.xls</t>
  </si>
  <si>
    <t>/o=exchangelabs/ou=exchange administrative group (fydibohf23spdlt)/cn=recipients/cn=6bc6ced03b1b4fafa41bb5c70c178940-antonio per,/o=exchangelabs/ou=exchange administrative group (fydibohf23spdlt)/cn=recipients/cn=a541140f84c0497d919eaa7797d6c613-vinicius mo,/o=exchangelabs/ou=exchange administrative group (fydibohf23spdlt)/cn=recipients/cn=fd90fae387f145908887589a75c16eb5-karen dara</t>
  </si>
  <si>
    <t>11/20/2019 14:49:19</t>
  </si>
  <si>
    <t>Receitamento</t>
  </si>
  <si>
    <t>RECEITAMENTO - TERCEIROS OUT.19.xlsm</t>
  </si>
  <si>
    <t>11/21/2019 09:08:08</t>
  </si>
  <si>
    <t>11/21/2019 09:12:26</t>
  </si>
  <si>
    <t>ENC: Consolidado 20/11</t>
  </si>
  <si>
    <t>11/21/2019 09:09:03</t>
  </si>
  <si>
    <t>11/21/2019 09:14:25</t>
  </si>
  <si>
    <t>11/21/2019 09:15:26</t>
  </si>
  <si>
    <t>11/21/2019 09:09:04</t>
  </si>
  <si>
    <t>11/21/2019 09:09:05</t>
  </si>
  <si>
    <t>11/21/2019 09:09:06</t>
  </si>
  <si>
    <t>11/21/2019 09:09:07</t>
  </si>
  <si>
    <t>11/21/2019 09:09:08</t>
  </si>
  <si>
    <t>11/21/2019 09:09:09</t>
  </si>
  <si>
    <t>11/21/2019 09:09:10</t>
  </si>
  <si>
    <t>11/21/2019 09:09:11</t>
  </si>
  <si>
    <t>11/21/2019 09:09:12</t>
  </si>
  <si>
    <t>11/21/2019 09:09:13</t>
  </si>
  <si>
    <t>11/21/2019 09:09:14</t>
  </si>
  <si>
    <t>11/21/2019 09:09:15</t>
  </si>
  <si>
    <t>11/21/2019 09:09:16</t>
  </si>
  <si>
    <t>11/21/2019 09:09:36</t>
  </si>
  <si>
    <t>11/21/2019 09:09:56</t>
  </si>
  <si>
    <t>11/21/2019 09:10:47</t>
  </si>
  <si>
    <t>11/21/2019 09:10:48</t>
  </si>
  <si>
    <t>11/21/2019 09:10:49</t>
  </si>
  <si>
    <t>11/21/2019 09:10:51</t>
  </si>
  <si>
    <t>11/21/2019 09:10:52</t>
  </si>
  <si>
    <t>11/21/2019 09:10:53</t>
  </si>
  <si>
    <t>11/21/2019 09:10:54</t>
  </si>
  <si>
    <t>11/21/2019 09:10:55</t>
  </si>
  <si>
    <t>11/21/2019 09:10:56</t>
  </si>
  <si>
    <t>11/21/2019 09:10:58</t>
  </si>
  <si>
    <t>11/21/2019 09:10:59</t>
  </si>
  <si>
    <t>11/21/2019 09:11:00</t>
  </si>
  <si>
    <t>11/21/2019 09:11:03</t>
  </si>
  <si>
    <t>11/21/2019 09:11:05</t>
  </si>
  <si>
    <t>11/21/2019 09:11:30</t>
  </si>
  <si>
    <t>11/21/2019 09:11:31</t>
  </si>
  <si>
    <t>11/21/2019 09:11:36</t>
  </si>
  <si>
    <t>11/21/2019 09:11:37</t>
  </si>
  <si>
    <t>11/21/2019 09:11:38</t>
  </si>
  <si>
    <t>11/21/2019 09:11:39</t>
  </si>
  <si>
    <t>11/21/2019 09:11:40</t>
  </si>
  <si>
    <t>11/21/2019 09:11:42</t>
  </si>
  <si>
    <t>11/21/2019 09:11:43</t>
  </si>
  <si>
    <t>11/21/2019 09:11:44</t>
  </si>
  <si>
    <t>11/21/2019 09:11:46</t>
  </si>
  <si>
    <t>11/21/2019 09:11:48</t>
  </si>
  <si>
    <t>11/21/2019 09:11:51</t>
  </si>
  <si>
    <t>11/21/2019 09:11:52</t>
  </si>
  <si>
    <t>11/21/2019 09:11:53</t>
  </si>
  <si>
    <t>11/21/2019 09:11:54</t>
  </si>
  <si>
    <t>11/21/2019 09:11:55</t>
  </si>
  <si>
    <t>11/21/2019 09:11:56</t>
  </si>
  <si>
    <t>11/21/2019 09:11:57</t>
  </si>
  <si>
    <t>11/21/2019 09:11:58</t>
  </si>
  <si>
    <t>11/21/2019 09:11:59</t>
  </si>
  <si>
    <t>11/21/2019 09:12:03</t>
  </si>
  <si>
    <t>11/21/2019 09:12:07</t>
  </si>
  <si>
    <t>11/21/2019 09:12:10</t>
  </si>
  <si>
    <t>11/21/2019 09:12:12</t>
  </si>
  <si>
    <t>11/21/2019 09:12:14</t>
  </si>
  <si>
    <t>11/21/2019 09:12:15</t>
  </si>
  <si>
    <t>11/21/2019 09:12:17</t>
  </si>
  <si>
    <t>11/21/2019 09:12:19</t>
  </si>
  <si>
    <t>11/21/2019 09:12:22</t>
  </si>
  <si>
    <t>11/21/2019 09:12:23</t>
  </si>
  <si>
    <t>11/21/2019 09:12:24</t>
  </si>
  <si>
    <t>11/21/2019 09:12:33</t>
  </si>
  <si>
    <t>11/21/2019 09:12:34</t>
  </si>
  <si>
    <t>11/21/2019 09:12:35</t>
  </si>
  <si>
    <t>11/21/2019 09:12:36</t>
  </si>
  <si>
    <t>11/21/2019 09:12:37</t>
  </si>
  <si>
    <t>11/21/2019 09:12:39</t>
  </si>
  <si>
    <t>11/21/2019 09:12:43</t>
  </si>
  <si>
    <t>11/21/2019 09:12:44</t>
  </si>
  <si>
    <t>11/21/2019 09:12:45</t>
  </si>
  <si>
    <t>11/21/2019 09:12:47</t>
  </si>
  <si>
    <t>11/21/2019 09:12:48</t>
  </si>
  <si>
    <t>11/21/2019 09:12:49</t>
  </si>
  <si>
    <t>11/21/2019 09:12:50</t>
  </si>
  <si>
    <t>11/21/2019 09:12:52</t>
  </si>
  <si>
    <t>11/21/2019 09:13:09</t>
  </si>
  <si>
    <t>11/21/2019 09:13:14</t>
  </si>
  <si>
    <t>11/21/2019 09:13:19</t>
  </si>
  <si>
    <t>11/21/2019 09:13:21</t>
  </si>
  <si>
    <t>11/21/2019 09:13:22</t>
  </si>
  <si>
    <t>11/21/2019 09:13:23</t>
  </si>
  <si>
    <t>11/21/2019 09:13:24</t>
  </si>
  <si>
    <t>11/21/2019 09:13:25</t>
  </si>
  <si>
    <t>11/21/2019 09:13:26</t>
  </si>
  <si>
    <t>11/21/2019 09:13:27</t>
  </si>
  <si>
    <t>11/21/2019 09:13:28</t>
  </si>
  <si>
    <t>11/21/2019 09:13:29</t>
  </si>
  <si>
    <t>11/21/2019 09:13:30</t>
  </si>
  <si>
    <t>11/21/2019 09:13:31</t>
  </si>
  <si>
    <t>11/21/2019 09:13:32</t>
  </si>
  <si>
    <t>11/21/2019 09:13:33</t>
  </si>
  <si>
    <t>11/21/2019 09:13:34</t>
  </si>
  <si>
    <t>11/21/2019 09:13:35</t>
  </si>
  <si>
    <t>11/21/2019 09:13:36</t>
  </si>
  <si>
    <t>11/21/2019 09:13:40</t>
  </si>
  <si>
    <t>11/21/2019 09:13:44</t>
  </si>
  <si>
    <t>11/21/2019 09:13:45</t>
  </si>
  <si>
    <t>11/21/2019 09:13:46</t>
  </si>
  <si>
    <t>11/21/2019 09:13:47</t>
  </si>
  <si>
    <t>11/20/2019 17:28:57</t>
  </si>
  <si>
    <t>11/21/2019 09:16:25</t>
  </si>
  <si>
    <t>11/21/2019 09:12:58</t>
  </si>
  <si>
    <t>11/21/2019 09:17:26</t>
  </si>
  <si>
    <t>/o=exchangelabs/ou=exchange administrative group (fydibohf23spdlt)/cn=recipients/cn=2072905e221e44cd93713caf57a4301f-roberta igi;/o=exchangelabs/ou=exchange administrative group (fydibohf23spdlt)/cn=recipients/cn=d6cce5a70d504cc2ad89cee834cd59a9-luciana rib;cfonseca@tripag.com.br;lrocha@tribanco.com.br;marcosnf@tripag.com.br;masilva@tripag.com.br;</t>
  </si>
  <si>
    <t>RES: Leads Consolidados</t>
  </si>
  <si>
    <t>Leads Consolidados.xlsx</t>
  </si>
  <si>
    <t>/o=exchangelabs/ou=exchange administrative group (fydibohf23spdlt)/cn=recipients/cn=2072905e221e44cd93713caf57a4301f-roberta igi,/o=exchangelabs/ou=exchange administrative group (fydibohf23spdlt)/cn=recipients/cn=d6cce5a70d504cc2ad89cee834cd59a9-luciana rib,cfonseca@tripag.com.br,lrocha@tribanco.com.br,marcosnf@tripag.com.br,masilva@tripag.com.br</t>
  </si>
  <si>
    <t>11/21/2019 09:15:36</t>
  </si>
  <si>
    <t>RES: Performance Novembro</t>
  </si>
  <si>
    <t>11/21/2019 09:14:50</t>
  </si>
  <si>
    <t>11/21/2019 09:18:25</t>
  </si>
  <si>
    <t>RES: Updated invitation: Reavaliação de Contrato - Extensão CHG MERIDIAN do Brasil @ Thu Nov 14, 2019 10am - 11am (BRT) (polati@algartech.com)</t>
  </si>
  <si>
    <t>Análise Computadores.xlsx</t>
  </si>
  <si>
    <t>11/21/2019 09:15:42</t>
  </si>
  <si>
    <t>mail.google.com/_/upload?authuser=0&amp;dcp=asu-n&amp;upload_id=AEnB2Uq-OaUnOhaG4ZYNS3E4T7w3gCsvu_mFmdO_fjxgfKwIMGB_ahg5Cp3MyJXQbFTuyTpINyQos3rnbPc53zS-24F9FnMnSlY_mb6sSunggIV8uYidjXk&amp;upload_protocol=resumable</t>
  </si>
  <si>
    <t>Base 12.11 até 20.11.csv</t>
  </si>
  <si>
    <t>11/21/2019 09:18:51</t>
  </si>
  <si>
    <t>11/21/2019 09:19:26</t>
  </si>
  <si>
    <t>11/21/2019 09:20:26</t>
  </si>
  <si>
    <t>11/21/2019 09:13:49</t>
  </si>
  <si>
    <t>11/21/2019 09:13:50</t>
  </si>
  <si>
    <t>11/21/2019 09:13:52</t>
  </si>
  <si>
    <t>11/21/2019 09:13:53</t>
  </si>
  <si>
    <t>11/21/2019 09:13:54</t>
  </si>
  <si>
    <t>11/21/2019 09:14:05</t>
  </si>
  <si>
    <t>11/21/2019 09:14:18</t>
  </si>
  <si>
    <t>11/21/2019 09:14:19</t>
  </si>
  <si>
    <t>11/21/2019 09:14:38</t>
  </si>
  <si>
    <t>11/21/2019 09:15:24</t>
  </si>
  <si>
    <t>11/21/2019 09:15:28</t>
  </si>
  <si>
    <t>11/21/2019 09:15:29</t>
  </si>
  <si>
    <t>11/21/2019 09:15:31</t>
  </si>
  <si>
    <t>11/21/2019 09:15:33</t>
  </si>
  <si>
    <t>11/21/2019 09:15:34</t>
  </si>
  <si>
    <t>11/21/2019 09:15:35</t>
  </si>
  <si>
    <t>11/21/2019 09:15:47</t>
  </si>
  <si>
    <t>11/21/2019 09:15:48</t>
  </si>
  <si>
    <t>11/21/2019 09:15:49</t>
  </si>
  <si>
    <t>11/21/2019 09:15:50</t>
  </si>
  <si>
    <t>11/21/2019 09:15:51</t>
  </si>
  <si>
    <t>11/21/2019 09:15:52</t>
  </si>
  <si>
    <t>11/21/2019 09:15:53</t>
  </si>
  <si>
    <t>11/21/2019 09:16:01</t>
  </si>
  <si>
    <t>11/21/2019 09:16:09</t>
  </si>
  <si>
    <t>11/21/2019 09:16:12</t>
  </si>
  <si>
    <t>11/21/2019 09:16:13</t>
  </si>
  <si>
    <t>11/21/2019 09:16:16</t>
  </si>
  <si>
    <t>11/21/2019 09:16:17</t>
  </si>
  <si>
    <t>11/21/2019 09:16:18</t>
  </si>
  <si>
    <t>11/21/2019 09:16:19</t>
  </si>
  <si>
    <t>11/21/2019 09:16:20</t>
  </si>
  <si>
    <t>11/21/2019 09:16:53</t>
  </si>
  <si>
    <t>11/21/2019 09:16:54</t>
  </si>
  <si>
    <t>11/21/2019 09:16:56</t>
  </si>
  <si>
    <t>11/21/2019 09:16:57</t>
  </si>
  <si>
    <t>11/21/2019 09:16:58</t>
  </si>
  <si>
    <t>11/21/2019 09:16:59</t>
  </si>
  <si>
    <t>11/21/2019 09:17:00</t>
  </si>
  <si>
    <t>11/21/2019 09:17:01</t>
  </si>
  <si>
    <t>11/21/2019 09:17:02</t>
  </si>
  <si>
    <t>11/21/2019 09:17:03</t>
  </si>
  <si>
    <t>11/21/2019 09:17:04</t>
  </si>
  <si>
    <t>11/21/2019 09:17:06</t>
  </si>
  <si>
    <t>11/21/2019 09:17:07</t>
  </si>
  <si>
    <t>11/21/2019 09:17:08</t>
  </si>
  <si>
    <t>11/21/2019 09:17:09</t>
  </si>
  <si>
    <t>11/21/2019 09:17:10</t>
  </si>
  <si>
    <t>11/21/2019 09:17:11</t>
  </si>
  <si>
    <t>11/21/2019 09:17:27</t>
  </si>
  <si>
    <t>11/21/2019 09:17:28</t>
  </si>
  <si>
    <t>11/21/2019 09:17:29</t>
  </si>
  <si>
    <t>11/21/2019 09:17:30</t>
  </si>
  <si>
    <t>11/21/2019 09:17:32</t>
  </si>
  <si>
    <t>11/21/2019 09:17:33</t>
  </si>
  <si>
    <t>11/21/2019 09:17:34</t>
  </si>
  <si>
    <t>11/21/2019 09:17:35</t>
  </si>
  <si>
    <t>11/21/2019 09:17:36</t>
  </si>
  <si>
    <t>11/21/2019 09:17:37</t>
  </si>
  <si>
    <t>11/21/2019 09:17:38</t>
  </si>
  <si>
    <t>11/21/2019 09:17:39</t>
  </si>
  <si>
    <t>11/21/2019 09:17:40</t>
  </si>
  <si>
    <t>11/21/2019 09:17:41</t>
  </si>
  <si>
    <t>11/21/2019 09:17:42</t>
  </si>
  <si>
    <t>11/21/2019 09:17:46</t>
  </si>
  <si>
    <t>11/21/2019 09:17:49</t>
  </si>
  <si>
    <t>11/21/2019 09:17:52</t>
  </si>
  <si>
    <t>11/21/2019 09:18:00</t>
  </si>
  <si>
    <t>11/21/2019 09:18:29</t>
  </si>
  <si>
    <t>11/21/2019 09:18:30</t>
  </si>
  <si>
    <t>11/21/2019 09:18:32</t>
  </si>
  <si>
    <t>11/21/2019 09:15:04</t>
  </si>
  <si>
    <t>11/21/2019 09:22:26</t>
  </si>
  <si>
    <t>Mailing RCA</t>
  </si>
  <si>
    <t>Cópia de Exporta_Unica_Leads.xlsx</t>
  </si>
  <si>
    <t>/o=exchangelabs/ou=exchange administrative group (fydibohf23spdlt)/cn=recipients/cn=3d85af75e9a44da5bad9ced68d6c53ed-rosana peix;/o=exchangelabs/ou=exchange administrative group (fydibohf23spdlt)/cn=recipients/cn=4e42be0c35fe437c89a815dbb8f1ffeb-faturamento;/o=exchangelabs/ou=exchange administrative group (fydibohf23spdlt)/cn=recipients/cn=userd5d32f69;doris_godoy@cotyinc.com;maria_magalhaes@cotyinc.com;sasrv_hmnfe@cotyinc.com;</t>
  </si>
  <si>
    <t>RES: Faturamento NFE 8497, 8498 e 8499 SAVOY INDUSTRIA DE COSMETICOS SA</t>
  </si>
  <si>
    <t>11. COTY- SAVOY ( FATURAMENTO OUTUBRO) v1.xlsx</t>
  </si>
  <si>
    <t>/o=exchangelabs/ou=exchange administrative group (fydibohf23spdlt)/cn=recipients/cn=3d85af75e9a44da5bad9ced68d6c53ed-rosana peix,/o=exchangelabs/ou=exchange administrative group (fydibohf23spdlt)/cn=recipients/cn=4e42be0c35fe437c89a815dbb8f1ffeb-faturamento,/o=exchangelabs/ou=exchange administrative group (fydibohf23spdlt)/cn=recipients/cn=userd5d32f69,doris_godoy@cotyinc.com,maria_magalhaes@cotyinc.com,sasrv_hmnfe@cotyinc.com</t>
  </si>
  <si>
    <t>11/21/2019 09:20:33</t>
  </si>
  <si>
    <t>11/21/2019 09:23:26</t>
  </si>
  <si>
    <t>11/20/2019 20:15:44</t>
  </si>
  <si>
    <t>11/21/2019 09:25:25</t>
  </si>
  <si>
    <t>10.203.30.98</t>
  </si>
  <si>
    <t>/o=exchangelabs/ou=exchange administrative group (fydibohf23spdlt)/cn=recipients/cn=6857e7b89b5f46e3b6aed2352ac8d5ac-carlos albe;/o=exchangelabs/ou=exchange administrative group (fydibohf23spdlt)/cn=recipients/cn=8ab5e44d485043d59eb4f21463e63e6a-tays dos sa;/o=exchangelabs/ou=exchange administrative group (fydibohf23spdlt)/cn=recipients/cn=a2a95176ec8b4e558f3d0f3c2d9d370b-pablo dos s;/o=exchangelabs/ou=exchange administrative group (fydibohf23spdlt)/cn=recipients/cn=f50351055a2944cebcbdc18a918945d6-gustavo res;ikawakami@toyota.com.br;rrigueira@toyota.com.br;</t>
  </si>
  <si>
    <t>Fechamento Recall - Outubro/19 (Mês 2)</t>
  </si>
  <si>
    <t>10 - Faturamento Toyota Recall.xlsx</t>
  </si>
  <si>
    <t>/o=exchangelabs/ou=exchange administrative group (fydibohf23spdlt)/cn=recipients/cn=6857e7b89b5f46e3b6aed2352ac8d5ac-carlos albe,/o=exchangelabs/ou=exchange administrative group (fydibohf23spdlt)/cn=recipients/cn=8ab5e44d485043d59eb4f21463e63e6a-tays dos sa,/o=exchangelabs/ou=exchange administrative group (fydibohf23spdlt)/cn=recipients/cn=a2a95176ec8b4e558f3d0f3c2d9d370b-pablo dos s,/o=exchangelabs/ou=exchange administrative group (fydibohf23spdlt)/cn=recipients/cn=f50351055a2944cebcbdc18a918945d6-gustavo res,ikawakami@toyota.com.br,rrigueira@toyota.com.br</t>
  </si>
  <si>
    <t>11/21/2019 06:53:24</t>
  </si>
  <si>
    <t>/o=exchangelabs/ou=exchange administrative group (fydibohf23spdlt)/cn=recipients/cn=5b1a099146bc4a0ba038a5237a044b28-lucas augus;/o=exchangelabs/ou=exchange administrative group (fydibohf23spdlt)/cn=recipients/cn=8d66bf0fd9334a81b7c67eda8652a948-guilherme c;/o=exchangelabs/ou=exchange administrative group (fydibohf23spdlt)/cn=recipients/cn=b284454839e94314a90d49e7ec00864f-antonio car;/o=exchangelabs/ou=exchange administrative group (fydibohf23spdlt)/cn=recipients/cn=c4655fee90114ae8944262f5fe0113dd-luciana mar;/o=exchangelabs/ou=exchange administrative group (fydibohf23spdlt)/cn=recipients/cn=d1ca1bbb859d4bb997649640237ba7cd-paulla rena;/o=exchangelabs/ou=exchange administrative group (fydibohf23spdlt)/cn=recipients/cn=d73974a6e555442cafd74cda95746e86-denia alves;elismael.menino@sicoob.com.br;jaquelinedsrdo@algartech.com;rogerio.nascimento@sicoob.com.br;</t>
  </si>
  <si>
    <t>Controle de entregas Algar</t>
  </si>
  <si>
    <t>Controle de entregas 21-11.xlsx</t>
  </si>
  <si>
    <t>/o=exchangelabs/ou=exchange administrative group (fydibohf23spdlt)/cn=recipients/cn=5b1a099146bc4a0ba038a5237a044b28-lucas augus,/o=exchangelabs/ou=exchange administrative group (fydibohf23spdlt)/cn=recipients/cn=8d66bf0fd9334a81b7c67eda8652a948-guilherme c,/o=exchangelabs/ou=exchange administrative group (fydibohf23spdlt)/cn=recipients/cn=b284454839e94314a90d49e7ec00864f-antonio car,/o=exchangelabs/ou=exchange administrative group (fydibohf23spdlt)/cn=recipients/cn=c4655fee90114ae8944262f5fe0113dd-luciana mar,/o=exchangelabs/ou=exchange administrative group (fydibohf23spdlt)/cn=recipients/cn=d1ca1bbb859d4bb997649640237ba7cd-paulla rena,/o=exchangelabs/ou=exchange administrative group (fydibohf23spdlt)/cn=recipients/cn=d73974a6e555442cafd74cda95746e86-denia alves,elismael.menino@sicoob.com.br,jaquelinedsrdo@algartech.com,rogerio.nascimento@sicoob.com.br</t>
  </si>
  <si>
    <t>11/21/2019 09:23:07</t>
  </si>
  <si>
    <t>D:\OneDrive\AlgarTech\Pré-Vendas\Cliente\2019\SAGE\217474 - Servidores Internos\EstudoBKP\</t>
  </si>
  <si>
    <t>217473_Preco_rev01.xlsb</t>
  </si>
  <si>
    <t>11/21/2019 09:23:58</t>
  </si>
  <si>
    <t>11/21/2019 09:26:26</t>
  </si>
  <si>
    <t>ENC: Portal PJ - Deloitte</t>
  </si>
  <si>
    <t>11/21/2019 09:31:11</t>
  </si>
  <si>
    <t>11/21/2019 09:31:26</t>
  </si>
  <si>
    <t>mail.google.com/_/upload?authuser=0&amp;dcp=asu-n&amp;upload_id=AEnB2UpwI20yqhHJfy4XME_O9aFYOjf0R8JS5KK2mSRUerNF5JYAlVf1qMAX74PPBz_MoNnKmJLNCTEf-Y9WSj23wIdmr_Iseuc0w7zqUhsobx4mcPDQ0uM&amp;upload_protocol=resumable</t>
  </si>
  <si>
    <t>11/21/2019 09:34:54</t>
  </si>
  <si>
    <t>11/21/2019 09:35:27</t>
  </si>
  <si>
    <t>/o=exchangelabs/ou=exchange administrative group (fydibohf23spdlt)/cn=recipients/cn=685a6c7fa4684b9ab51c683ec151a83c-kelly crist;lannatga@algartech.com;</t>
  </si>
  <si>
    <t>RES: Simbolo Atributo Perene</t>
  </si>
  <si>
    <t>/o=exchangelabs/ou=exchange administrative group (fydibohf23spdlt)/cn=recipients/cn=685a6c7fa4684b9ab51c683ec151a83c-kelly crist,lannatga@algartech.com</t>
  </si>
  <si>
    <t>11/21/2019 09:32:28</t>
  </si>
  <si>
    <t>11/21/2019 09:36:26</t>
  </si>
  <si>
    <t>11/21/2019 09:39:23</t>
  </si>
  <si>
    <t>11/21/2019 09:41:27</t>
  </si>
  <si>
    <t>/o=exchangelabs/ou=exchange administrative group (fydibohf23spdlt)/cn=recipients/cn=6776a442e9d74eb38a4e02467843d314-juliana mar;/o=exchangelabs/ou=exchange administrative group (fydibohf23spdlt)/cn=recipients/cn=fe134ce6f7124ebfa00395a14326bd71-luciana ber;</t>
  </si>
  <si>
    <t>/o=exchangelabs/ou=exchange administrative group (fydibohf23spdlt)/cn=recipients/cn=6776a442e9d74eb38a4e02467843d314-juliana mar,/o=exchangelabs/ou=exchange administrative group (fydibohf23spdlt)/cn=recipients/cn=fe134ce6f7124ebfa00395a14326bd71-luciana ber</t>
  </si>
  <si>
    <t>11/21/2019 09:43:46</t>
  </si>
  <si>
    <t>11/21/2019 09:45:27</t>
  </si>
  <si>
    <t>11/21/2019 09:45:13</t>
  </si>
  <si>
    <t>11/21/2019 09:47:26</t>
  </si>
  <si>
    <t>ENC: Faturamento NFE 8497, 8498 e 8499 SAVOY INDUSTRIA DE COSMETICOS SA</t>
  </si>
  <si>
    <t>11/19/2019 22:17:43</t>
  </si>
  <si>
    <t>11/21/2019 09:50:27</t>
  </si>
  <si>
    <t>11/21/2019 10:03:48</t>
  </si>
  <si>
    <t>11/21/2019 10:07:28</t>
  </si>
  <si>
    <t>alessandrobm@algartech.com;</t>
  </si>
  <si>
    <t>ENC: Reajuste Cervello</t>
  </si>
  <si>
    <t>Dados_vpn_cervello_stfcia.XLSX</t>
  </si>
  <si>
    <t>alessandrobm@algartech.com</t>
  </si>
  <si>
    <t>11/21/2019 10:04:51</t>
  </si>
  <si>
    <t>11/21/2019 10:08:27</t>
  </si>
  <si>
    <t>Cópia de Report Comercial Unica - Novembro (008).xlsx</t>
  </si>
  <si>
    <t>11/21/2019 10:07:34</t>
  </si>
  <si>
    <t>11/21/2019 10:10:27</t>
  </si>
  <si>
    <t>mail.google.com/_/upload?authuser=0&amp;dcp=asu-n&amp;upload_id=AEnB2Uqn-xpZe3x8azgP4Ad7JuxMp-H6iw-rxnxpqLT_i7P2IbVPXsMnOPGNZpfKMzELRABCLlrI4RyLk7gGmikT5owneC4xPA&amp;upload_protocol=resumable</t>
  </si>
  <si>
    <t>Implantação Denise.xlsx</t>
  </si>
  <si>
    <t>11/21/2019 10:09:39</t>
  </si>
  <si>
    <t>/o=exchangelabs/ou=exchange administrative group (fydibohf23spdlt)/cn=recipients/cn=2f25493a7e37433d8dafca90f527b173-danubia cri;/o=exchangelabs/ou=exchange administrative group (fydibohf23spdlt)/cn=recipients/cn=a75579a499254c2291e852b70c4d70d1-eunice apar;/o=exchangelabs/ou=exchange administrative group (fydibohf23spdlt)/cn=recipients/cn=f0ff087361a245daa16e71ac77ecc3f0-ivan costa;/o=exchangelabs/ou=exchange administrative group (fydibohf23spdlt)/cn=recipients/cn=user776b6484;</t>
  </si>
  <si>
    <t>Pain Point</t>
  </si>
  <si>
    <t>2. PAIN POINTS - Contextos, causas e consequências (cones).xlsb</t>
  </si>
  <si>
    <t>/o=exchangelabs/ou=exchange administrative group (fydibohf23spdlt)/cn=recipients/cn=2f25493a7e37433d8dafca90f527b173-danubia cri,/o=exchangelabs/ou=exchange administrative group (fydibohf23spdlt)/cn=recipients/cn=a75579a499254c2291e852b70c4d70d1-eunice apar,/o=exchangelabs/ou=exchange administrative group (fydibohf23spdlt)/cn=recipients/cn=f0ff087361a245daa16e71ac77ecc3f0-ivan costa,/o=exchangelabs/ou=exchange administrative group (fydibohf23spdlt)/cn=recipients/cn=user776b6484</t>
  </si>
  <si>
    <t>11/21/2019 10:08:36</t>
  </si>
  <si>
    <t>Preco_EstudoBackup.xlsb</t>
  </si>
  <si>
    <t>11/21/2019 10:11:01</t>
  </si>
  <si>
    <t>11/21/2019 10:13:28</t>
  </si>
  <si>
    <t>mail.google.com/_/upload?authuser=0&amp;dcp=asu-n&amp;upload_id=AEnB2UqyTVwG0b7tLYct1rwjixxQhui84HPj99JZXJGkcxRc7bI-wiln1ZodbWl7MQ9RMJ9VI7TP9dhhVqF5xGjH_aNIRz71XyAaDPt55x1CIYuaB16XAvo&amp;upload_protocol=resumable</t>
  </si>
  <si>
    <t>11/21/2019 10:11:02</t>
  </si>
  <si>
    <t>mail.google.com/_/upload?authuser=0&amp;dcp=asu-n&amp;upload_id=AEnB2Uo0keoV_KcEgs2R9L5BKrpD-crLUmzOv0AJZEGZaEz-VWk66-j37ppsL4gDq0GxNG2TgeEVZamzt48jg0wCrAXsHguGPg&amp;upload_protocol=resumable</t>
  </si>
  <si>
    <t>PMO - Capex_Longo Prazo_rev_A19M10_v21_11_vFinanceiro.xlsx</t>
  </si>
  <si>
    <t>11/21/2019 10:15:50</t>
  </si>
  <si>
    <t>11/21/2019 10:18:28</t>
  </si>
  <si>
    <t>11/21/2019 10:17:11</t>
  </si>
  <si>
    <t>11/21/2019 10:19:27</t>
  </si>
  <si>
    <t>TERCEIROS.xlsx</t>
  </si>
  <si>
    <t>11/21/2019 10:18:41</t>
  </si>
  <si>
    <t>11/21/2019 10:20:28</t>
  </si>
  <si>
    <t>/o=exchangelabs/ou=exchange administrative group (fydibohf23spdlt)/cn=recipients/cn=34a28d636a1b4c86b1ec79baed4b846a-marco anton;/o=exchangelabs/ou=exchange administrative group (fydibohf23spdlt)/cn=recipients/cn=a29bc7a558654fa68b114fd35ed681d3-thiago iane;lcsantos@algartech.com;</t>
  </si>
  <si>
    <t>RES: [CEMAR] - FROTA</t>
  </si>
  <si>
    <t>193321_IBM_CEMAR_Field Service_v5.2_adapt_(BP_C017_B017) (correção dos Carros).xlsb</t>
  </si>
  <si>
    <t>/o=exchangelabs/ou=exchange administrative group (fydibohf23spdlt)/cn=recipients/cn=34a28d636a1b4c86b1ec79baed4b846a-marco anton,/o=exchangelabs/ou=exchange administrative group (fydibohf23spdlt)/cn=recipients/cn=a29bc7a558654fa68b114fd35ed681d3-thiago iane,lcsantos@algartech.com</t>
  </si>
  <si>
    <t>11/21/2019 10:18:44</t>
  </si>
  <si>
    <t>11/21/2019 10:21:27</t>
  </si>
  <si>
    <t>/o=exchangelabs/ou=exchange administrative group (fydibohf23spdlt)/cn=recipients/cn=54861e79125f48cc952d00cf8160b9a8-jeferson fe;/o=exchangelabs/ou=exchange administrative group (fydibohf23spdlt)/cn=recipients/cn=a72a765de829420582b78941417073ac-karina rodr;adriana.oliveira@avon.com;alexmarques.silva@avon.com;anderson.negrisoli@avon.com;edelvan.reginaldo@avon.com;patricia.guimaraes@avon.com;rosana.scalabrin@avon.com;</t>
  </si>
  <si>
    <t>/o=exchangelabs/ou=exchange administrative group (fydibohf23spdlt)/cn=recipients/cn=54861e79125f48cc952d00cf8160b9a8-jeferson fe,/o=exchangelabs/ou=exchange administrative group (fydibohf23spdlt)/cn=recipients/cn=a72a765de829420582b78941417073ac-karina rodr,adriana.oliveira@avon.com,alexmarques.silva@avon.com,anderson.negrisoli@avon.com,edelvan.reginaldo@avon.com,patricia.guimaraes@avon.com,rosana.scalabrin@avon.com</t>
  </si>
  <si>
    <t>11/21/2019 10:19:25</t>
  </si>
  <si>
    <t>11/21/2019 10:23:28</t>
  </si>
  <si>
    <t>/o=exchangelabs/ou=exchange administrative group (fydibohf23spdlt)/cn=recipients/cn=1daca61d51c344c48f057a73bd1b27e9-weber menez;/o=exchangelabs/ou=exchange administrative group (fydibohf23spdlt)/cn=recipients/cn=22b738aa496e46fba1c6bd2e25013af2-sarah teodo;/o=exchangelabs/ou=exchange administrative group (fydibohf23spdlt)/cn=recipients/cn=52f4e273f3784bf6ada79e90ba02f4dd-ana claudia;/o=exchangelabs/ou=exchange administrative group (fydibohf23spdlt)/cn=recipients/cn=680e7f6f03704b78bb3090809582164e-osvaldo bru;/o=exchangelabs/ou=exchange administrative group (fydibohf23spdlt)/cn=recipients/cn=f681a87682ec4eb3b3dfa2503f9869d3-filipe rese;/o=exchangelabs/ou=exchange administrative group (fydibohf23spdlt)/cn=recipients/cn=f878ae58590e41cbabba2fa1ee2ae905-izadora nas;</t>
  </si>
  <si>
    <t>RES: Aderência Dezembro/19</t>
  </si>
  <si>
    <t>12 - ADERENCIA HD - DEZEMBRO.xlsx</t>
  </si>
  <si>
    <t>/o=exchangelabs/ou=exchange administrative group (fydibohf23spdlt)/cn=recipients/cn=1daca61d51c344c48f057a73bd1b27e9-weber menez,/o=exchangelabs/ou=exchange administrative group (fydibohf23spdlt)/cn=recipients/cn=22b738aa496e46fba1c6bd2e25013af2-sarah teodo,/o=exchangelabs/ou=exchange administrative group (fydibohf23spdlt)/cn=recipients/cn=52f4e273f3784bf6ada79e90ba02f4dd-ana claudia,/o=exchangelabs/ou=exchange administrative group (fydibohf23spdlt)/cn=recipients/cn=680e7f6f03704b78bb3090809582164e-osvaldo bru,/o=exchangelabs/ou=exchange administrative group (fydibohf23spdlt)/cn=recipients/cn=f681a87682ec4eb3b3dfa2503f9869d3-filipe rese,/o=exchangelabs/ou=exchange administrative group (fydibohf23spdlt)/cn=recipients/cn=f878ae58590e41cbabba2fa1ee2ae905-izadora nas</t>
  </si>
  <si>
    <t>11/21/2019 10:24:57</t>
  </si>
  <si>
    <t>11/21/2019 10:30:27</t>
  </si>
  <si>
    <t>Indicadores comparativos.xlsx</t>
  </si>
  <si>
    <t>11/21/2019 10:26:53</t>
  </si>
  <si>
    <t>ENC: Indicadores comparativos.xlsx</t>
  </si>
  <si>
    <t>11/21/2019 10:30:42</t>
  </si>
  <si>
    <t>11/21/2019 10:36:29</t>
  </si>
  <si>
    <t>ENC: Levantamento de informações - RH Avon (até 21/11)</t>
  </si>
  <si>
    <t>Informações 3ºs 2019.xlsx</t>
  </si>
  <si>
    <t>11/21/2019 10:35:35</t>
  </si>
  <si>
    <t>11/21/2019 10:40:29</t>
  </si>
  <si>
    <t>c:\users\lucianassa\documents\</t>
  </si>
  <si>
    <t>cópia de formulário estacionamento luciana savi.xlsx</t>
  </si>
  <si>
    <t>11/21/2019 10:35:45</t>
  </si>
  <si>
    <t>cópia de ticket refeição e alimentação_2019 luciana.xls</t>
  </si>
  <si>
    <t>11/21/2019 10:39:54</t>
  </si>
  <si>
    <t>11/21/2019 10:45:29</t>
  </si>
  <si>
    <t>C:\Users\alessandroam\OneDrive\OneDrive - Grupo Algar\01 - Historico\32 - GP Projetos e Implatações\zzz_Bup_Projetos Rede 2017\Sala de Automators - Macros Algar\Emails - Documentações\RES Proposto sala Macros - LAYOUT .msg\s1\</t>
  </si>
  <si>
    <t>Sala Macros Algar Tech.xlsx</t>
  </si>
  <si>
    <t>11/21/2019 10:45:02</t>
  </si>
  <si>
    <t>11/21/2019 10:46:29</t>
  </si>
  <si>
    <t>mail.google.com/_/upload?authuser=0&amp;dcp=asu-n&amp;upload_id=AEnB2Ur9JZyVflKDboCFHhRdiFSfHcv1RE0lY12dcGlvGyxFwK-VAUvPQ1WYcWhsEDCg93Jo-YyZG7pMZNzbdbyCJ9p-I-4HFs3wT63XmwBMIwUqbDMbDOQ&amp;upload_protocol=resumable</t>
  </si>
  <si>
    <t>11/21/2019 10:42:44</t>
  </si>
  <si>
    <t>11/21/2019 10:47:28</t>
  </si>
  <si>
    <t>RES: Departamental EDP e Sicoob</t>
  </si>
  <si>
    <t>11/21/2019 10:46:23</t>
  </si>
  <si>
    <t>11/21/2019 10:50:28</t>
  </si>
  <si>
    <t>C:\Users\alessandroam\OneDrive\OneDrive - Grupo Algar\01 - Historico\02 - Seg Informação\02 - Entregas e Desafios\ENC Macros Bradesco - Sala Macro.msg\s138\</t>
  </si>
  <si>
    <t>C:\Users\alessandroam\OneDrive\OneDrive - Grupo Algar\01 - Historico\02 - Seg Informação\02 - Entregas e Desafios\ENC Macros Bradesco - Sala Macro.msg\s254\</t>
  </si>
  <si>
    <t>C:\Users\alessandroam\OneDrive\OneDrive - Grupo Algar\01 - Historico\02 - Seg Informação\02 - Entregas e Desafios\ENC Macros Bradesco - Sala Macro.msg\s359\</t>
  </si>
  <si>
    <t>C:\Users\alessandroam\OneDrive\OneDrive - Grupo Algar\01 - Historico\02 - Seg Informação\02 - Entregas e Desafios\ENC Macros Bradesco - Sala Macro.msg\s594\</t>
  </si>
  <si>
    <t>11/21/2019 10:46:25</t>
  </si>
  <si>
    <t>11/21/2019 10:49:46</t>
  </si>
  <si>
    <t>11/21/2019 10:53:29</t>
  </si>
  <si>
    <t>11/21/2019 10:54:55</t>
  </si>
  <si>
    <t>11/21/2019 10:57:29</t>
  </si>
  <si>
    <t>Apuração Comissão 3º TRI - Revisão</t>
  </si>
  <si>
    <t>ANTONIO CARLOS DE SOUZA.xlsx</t>
  </si>
  <si>
    <t>11/21/2019 11:00:02</t>
  </si>
  <si>
    <t>11/21/2019 11:02:28</t>
  </si>
  <si>
    <t>/o=exchangelabs/ou=exchange administrative group (fydibohf23spdlt)/cn=recipients/cn=5dc660c055e14f5ab5647ab38237cbdc-eduardo aug;/o=exchangelabs/ou=exchange administrative group (fydibohf23spdlt)/cn=recipients/cn=c29ec9dae022497281c840087cccddec-patricia ar;</t>
  </si>
  <si>
    <t>EDUARDO AUGUSTO BELLON.xlsx</t>
  </si>
  <si>
    <t>/o=exchangelabs/ou=exchange administrative group (fydibohf23spdlt)/cn=recipients/cn=5dc660c055e14f5ab5647ab38237cbdc-eduardo aug,/o=exchangelabs/ou=exchange administrative group (fydibohf23spdlt)/cn=recipients/cn=c29ec9dae022497281c840087cccddec-patricia ar</t>
  </si>
  <si>
    <t>11/21/2019 10:59:55</t>
  </si>
  <si>
    <t>11/21/2019 11:03:29</t>
  </si>
  <si>
    <t>ENC: Apresentação - Telecom</t>
  </si>
  <si>
    <t>Apresentação Telecom - Gerencial Outubro v2.pptx\</t>
  </si>
  <si>
    <t>11/21/2019 11:04:59</t>
  </si>
  <si>
    <t>11/21/2019 11:07:29</t>
  </si>
  <si>
    <t>lista de presença imprimir.xlsx</t>
  </si>
  <si>
    <t>11/21/2019 11:03:56</t>
  </si>
  <si>
    <t>BRUNO WANDERLEY PEREZ.xlsx</t>
  </si>
  <si>
    <t>11/21/2019 11:05:57</t>
  </si>
  <si>
    <t>11/21/2019 11:08:28</t>
  </si>
  <si>
    <t>juliana.seixas@caixaseguradora.com.br;</t>
  </si>
  <si>
    <t>juliana.seixas@caixaseguradora.com.br</t>
  </si>
  <si>
    <t>11/21/2019 11:11:29</t>
  </si>
  <si>
    <t>danieldom@algartech.com;ericacdosc@algartech.com;fredericobs@algartecnologia.com.br;gestaofinanceiracontratos@algartech.com;jullian.faria@algartech.com;lucianomf@algartech.com;polati@algartech.com;saramfg@algartech.com;silvio@algartech.com;vivianercu@algartech.com;</t>
  </si>
  <si>
    <t>Simulação orçamento 2020.xls</t>
  </si>
  <si>
    <t>danieldom@algartech.com,ericacdosc@algartech.com,fredericobs@algartecnologia.com.br,gestaofinanceiracontratos@algartech.com,jullian.faria@algartech.com,lucianomf@algartech.com,polati@algartech.com,saramfg@algartech.com,silvio@algartech.com,vivianercu@algartech.com</t>
  </si>
  <si>
    <t>11/21/2019 11:08:48</t>
  </si>
  <si>
    <t>11/21/2019 11:12:29</t>
  </si>
  <si>
    <t>GUSTAVO DE OLIVEIRA PATRÃO.xlsx</t>
  </si>
  <si>
    <t>11/21/2019 11:10:14</t>
  </si>
  <si>
    <t>11/21/2019 11:14:29</t>
  </si>
  <si>
    <t>Template_-_Prorrogacao_de_Titulos Leaseplan.xlsx</t>
  </si>
  <si>
    <t>11/21/2019 11:12:40</t>
  </si>
  <si>
    <t>11/21/2019 11:17:29</t>
  </si>
  <si>
    <t>/o=exchangelabs/ou=exchange administrative group (fydibohf23spdlt)/cn=recipients/cn=92f840270c3143f3a4d11a96cbe1c928-marcela car;/o=exchangelabs/ou=exchange administrative group (fydibohf23spdlt)/cn=recipients/cn=c29ec9dae022497281c840087cccddec-patricia ar;</t>
  </si>
  <si>
    <t>MARCELA CAROLINA PEREIRA.xlsx</t>
  </si>
  <si>
    <t>/o=exchangelabs/ou=exchange administrative group (fydibohf23spdlt)/cn=recipients/cn=92f840270c3143f3a4d11a96cbe1c928-marcela car,/o=exchangelabs/ou=exchange administrative group (fydibohf23spdlt)/cn=recipients/cn=c29ec9dae022497281c840087cccddec-patricia ar</t>
  </si>
  <si>
    <t>11/21/2019 11:15:44</t>
  </si>
  <si>
    <t>SILVIO MARTINS REIS.xlsx</t>
  </si>
  <si>
    <t>11/21/2019 11:16:50</t>
  </si>
  <si>
    <t>11/21/2019 11:19:29</t>
  </si>
  <si>
    <t>mail.google.com/_/upload?authuser=1&amp;dcp=asu-n&amp;upload_id=AEnB2Ur6RJ38WuhULRTKo5LvOQYogBdkzlNoxoQ-ZJWbFHmIyx7XB01KxWOsb7oDjO-o65gByGu-du71kRj4QnFL_Btdz4SIzA&amp;upload_protocol=resumable</t>
  </si>
  <si>
    <t>\\acsfs\deptos\CEI - Coordenação de Engenharia e Infraestrutura\CEI – Manutenção\48 - PCM\Manutenção\10. Controle\</t>
  </si>
  <si>
    <t>PREVENTIVAS - 2019.xlsm</t>
  </si>
  <si>
    <t>11/21/2019 11:16:51</t>
  </si>
  <si>
    <t>mail.google.com/_/upload?authuser=1&amp;dcp=asu-n&amp;upload_id=AEnB2UpmTi0yhI9NgGrSIHyijvLOrWvH8sv5nArcfWNftmMzQ_gNSKaTtb5eL8mElYn7g-Fd9grDnUQJQsn42zLSX5FVlEP-kcrkdlmp_3Z6sFWq1K2hixk&amp;upload_protocol=resumable</t>
  </si>
  <si>
    <t>PREVENTIVAS - 2020.xlsm</t>
  </si>
  <si>
    <t>11/21/2019 11:17:31</t>
  </si>
  <si>
    <t>11/21/2019 11:20:28</t>
  </si>
  <si>
    <t>/o=exchangelabs/ou=exchange administrative group (fydibohf23spdlt)/cn=recipients/cn=1635ed1077024674b65c52767dacde9a-jullian pac;/o=exchangelabs/ou=exchange administrative group (fydibohf23spdlt)/cn=recipients/cn=249f643ba1e044588b45a020c76dadde-daniel de o;/o=exchangelabs/ou=exchange administrative group (fydibohf23spdlt)/cn=recipients/cn=2efe26bca22a43cc89c6ed48ba5e50b4-luciano cor;/o=exchangelabs/ou=exchange administrative group (fydibohf23spdlt)/cn=recipients/cn=8c89829ad534498fa4c85b5ac11174f1-suelen more;/o=exchangelabs/ou=exchange administrative group (fydibohf23spdlt)/cn=recipients/cn=b194f014572c4c36b52132f9199df1aa-jairo junio;/o=exchangelabs/ou=exchange administrative group (fydibohf23spdlt)/cn=recipients/cn=cd93dacc38404a95a829585c2e317a9f-dionizio ri;</t>
  </si>
  <si>
    <t>RES: RFP Bradesco Service Desk - GAT</t>
  </si>
  <si>
    <t>Planilha comercial de cotação (CENÁRIO 2 RFP) - Processo 40143349H Algar Tech_v3.xlsx</t>
  </si>
  <si>
    <t>/o=exchangelabs/ou=exchange administrative group (fydibohf23spdlt)/cn=recipients/cn=1635ed1077024674b65c52767dacde9a-jullian pac,/o=exchangelabs/ou=exchange administrative group (fydibohf23spdlt)/cn=recipients/cn=249f643ba1e044588b45a020c76dadde-daniel de o,/o=exchangelabs/ou=exchange administrative group (fydibohf23spdlt)/cn=recipients/cn=2efe26bca22a43cc89c6ed48ba5e50b4-luciano cor,/o=exchangelabs/ou=exchange administrative group (fydibohf23spdlt)/cn=recipients/cn=8c89829ad534498fa4c85b5ac11174f1-suelen more,/o=exchangelabs/ou=exchange administrative group (fydibohf23spdlt)/cn=recipients/cn=b194f014572c4c36b52132f9199df1aa-jairo junio,/o=exchangelabs/ou=exchange administrative group (fydibohf23spdlt)/cn=recipients/cn=cd93dacc38404a95a829585c2e317a9f-dionizio ri</t>
  </si>
  <si>
    <t>11/21/2019 11:19:56</t>
  </si>
  <si>
    <t>11/21/2019 11:22:28</t>
  </si>
  <si>
    <t>/o=exchangelabs/ou=exchange administrative group (fydibohf23spdlt)/cn=recipients/cn=71d61cf74988455d8586a88b31233851-pablo mathe;/o=exchangelabs/ou=exchange administrative group (fydibohf23spdlt)/cn=recipients/cn=98317c61309146baaae737fd3a6c03f2-kamila da s;/o=exchangelabs/ou=exchange administrative group (fydibohf23spdlt)/cn=recipients/cn=d05fd9144bc0407496937c19109e2ce7-jefferson r;/o=exchangelabs/ou=exchange administrative group (fydibohf23spdlt)/cn=recipients/cn=dd337141664f45e6bdf5a0b2e5156fba-gisele de m;patriciaf@algartech.com;</t>
  </si>
  <si>
    <t>Ocorrências de 01 a 19/11</t>
  </si>
  <si>
    <t>Ocorrência01a1911.xlsm</t>
  </si>
  <si>
    <t>/o=exchangelabs/ou=exchange administrative group (fydibohf23spdlt)/cn=recipients/cn=71d61cf74988455d8586a88b31233851-pablo mathe,/o=exchangelabs/ou=exchange administrative group (fydibohf23spdlt)/cn=recipients/cn=98317c61309146baaae737fd3a6c03f2-kamila da s,/o=exchangelabs/ou=exchange administrative group (fydibohf23spdlt)/cn=recipients/cn=d05fd9144bc0407496937c19109e2ce7-jefferson r,/o=exchangelabs/ou=exchange administrative group (fydibohf23spdlt)/cn=recipients/cn=dd337141664f45e6bdf5a0b2e5156fba-gisele de m,patriciaf@algartech.com</t>
  </si>
  <si>
    <t>11/21/2019 11:18:04</t>
  </si>
  <si>
    <t>/o=exchangelabs/ou=exchange administrative group (fydibohf23spdlt)/cn=recipients/cn=8e4869266a924042a8d9b8e9156c0081-gilson da s;/o=exchangelabs/ou=exchange administrative group (fydibohf23spdlt)/cn=recipients/cn=c29ec9dae022497281c840087cccddec-patricia ar;</t>
  </si>
  <si>
    <t>GILSON DA SILVA JUNIOR.xlsx</t>
  </si>
  <si>
    <t>/o=exchangelabs/ou=exchange administrative group (fydibohf23spdlt)/cn=recipients/cn=8e4869266a924042a8d9b8e9156c0081-gilson da s,/o=exchangelabs/ou=exchange administrative group (fydibohf23spdlt)/cn=recipients/cn=c29ec9dae022497281c840087cccddec-patricia ar</t>
  </si>
  <si>
    <t>11/21/2019 11:22:04</t>
  </si>
  <si>
    <t>11/21/2019 11:23:29</t>
  </si>
  <si>
    <t>11/21/2019 11:22:39</t>
  </si>
  <si>
    <t>11/21/2019 11:26:28</t>
  </si>
  <si>
    <t>10.203.30.126</t>
  </si>
  <si>
    <t>2019_11_Gerencial_Qualidade_Televendas.xlsx</t>
  </si>
  <si>
    <t>2019_11_Gerencial_Qualidade_Canal_Digital.xlsx</t>
  </si>
  <si>
    <t>11/21/2019 11:24:36</t>
  </si>
  <si>
    <t>mail.google.com/_/upload?authuser=0&amp;dcp=asu-n&amp;upload_id=AEnB2UpfTlAzcMLC7EnpYHtYkTLQ6ePw0mH6LPpR-_1ItD3N72R_h3PTDwwy98fAKMhqqMxeU9_jj2WXVhJTeeuj1L59hAoyI42giqTbkdSLTdnZdBdygEw&amp;upload_protocol=resumable</t>
  </si>
  <si>
    <t>Atividades-ANF31 - BH_20_11_19 (1) (6) eduarda.xlsx</t>
  </si>
  <si>
    <t>11/21/2019 11:23:35</t>
  </si>
  <si>
    <t>11/21/2019 11:28:28</t>
  </si>
  <si>
    <t>Produtividade RAF - NOV-2019 - Parcial - 19-11-19.xlsm</t>
  </si>
  <si>
    <t>11/21/2019 11:29:41</t>
  </si>
  <si>
    <t>11/21/2019 11:32:28</t>
  </si>
  <si>
    <t>ALEXANDRE FRIAS.xlsx</t>
  </si>
  <si>
    <t>11/21/2019 11:31:09</t>
  </si>
  <si>
    <t>RES: Apuração Comissão 3º TRI - Revisão</t>
  </si>
  <si>
    <t>11/21/2019 11:30:52</t>
  </si>
  <si>
    <t>/o=exchangelabs/ou=exchange administrative group (fydibohf23spdlt)/cn=recipients/cn=06bada3068dd45e883089918084c1c28-gabriel cae;/o=exchangelabs/ou=exchange administrative group (fydibohf23spdlt)/cn=recipients/cn=30ee93c8ac3a402b98626eb34ed24781-lara lorran;</t>
  </si>
  <si>
    <t>ENC: Gerencial Qualidade Televendas Novembro/19</t>
  </si>
  <si>
    <t>/o=exchangelabs/ou=exchange administrative group (fydibohf23spdlt)/cn=recipients/cn=06bada3068dd45e883089918084c1c28-gabriel cae,/o=exchangelabs/ou=exchange administrative group (fydibohf23spdlt)/cn=recipients/cn=30ee93c8ac3a402b98626eb34ed24781-lara lorran</t>
  </si>
  <si>
    <t>11/21/2019 11:35:16</t>
  </si>
  <si>
    <t>11/21/2019 11:35:29</t>
  </si>
  <si>
    <t>Preco_217471_CloneL001PPENTH_V1 - Copia.xlsb</t>
  </si>
  <si>
    <t>11/21/2019 11:31:46</t>
  </si>
  <si>
    <t>11/21/2019 11:36:28</t>
  </si>
  <si>
    <t>2019_11_Gerencial_Qualidade_Retenção.xlsx</t>
  </si>
  <si>
    <t>11/21/2019 11:34:53</t>
  </si>
  <si>
    <t>11/21/2019 11:39:28</t>
  </si>
  <si>
    <t>https://caey.fa.us2.oraclecloud.com/crmui/faces/fuseoverview?_adf.ctrl-state=ic6go8hvz_5&amp;fnd=;;;;false;256;;;&amp;fndglobalitemnodeid=moo_opptymgmtopportunities_crm_card</t>
  </si>
  <si>
    <t>02 - Rates - Credivalores - SP .NET - 20191118- V0.xlsm</t>
  </si>
  <si>
    <t>Cuadro de CREDIVALORES - DESARROLLADOR SR.xlsx</t>
  </si>
  <si>
    <t>11/21/2019 11:41:40</t>
  </si>
  <si>
    <t>11/21/2019 11:43:28</t>
  </si>
  <si>
    <t>11/21/2019 11:40:12</t>
  </si>
  <si>
    <t>ENC: 21_11_2019 - Relatório Pipeline - Hunter</t>
  </si>
  <si>
    <t>Relatório Pipeline_Raul_ 2019_11_21.xlsx</t>
  </si>
  <si>
    <t>11/21/2019 11:41:03</t>
  </si>
  <si>
    <t>21_11_2019 - Relatório Pipeline</t>
  </si>
  <si>
    <t>Relatório Pipeline_Afonso_ 19_11_21.xlsx</t>
  </si>
  <si>
    <t>11/21/2019 11:40:07</t>
  </si>
  <si>
    <t>11/21/2019 11:44:29</t>
  </si>
  <si>
    <t>02 - Rates - Computacenter - OnSite Support - V0.xlsm</t>
  </si>
  <si>
    <t>11/21/2019 11:41:29</t>
  </si>
  <si>
    <t>11/21/2019 11:45:28</t>
  </si>
  <si>
    <t>Preco_217471_CloneL001PPENTH_V2.xlsb</t>
  </si>
  <si>
    <t>11/21/2019 11:41:17</t>
  </si>
  <si>
    <t>11/21/2019 11:46:29</t>
  </si>
  <si>
    <t>RES: 2º Negociação (Preço meta / Target) - Processo 40143349H - Service Desk Cartões - Algartech</t>
  </si>
  <si>
    <t>Planilha comercial de cotação (CENÁRIO 1 RFP) - Processo 40143349H Algar Tech_v3.xlsx</t>
  </si>
  <si>
    <t>11/21/2019 11:45:45</t>
  </si>
  <si>
    <t>11/21/2019 11:47:28</t>
  </si>
  <si>
    <t>/o=exchangelabs/ou=exchange administrative group (fydibohf23spdlt)/cn=recipients/cn=2c78a4eeb6094d32b8959b52525ffb44-mayara ribe;/o=exchangelabs/ou=exchange administrative group (fydibohf23spdlt)/cn=recipients/cn=5694f7d2b5fa4976af2d1dc576e3b544-louany barb;</t>
  </si>
  <si>
    <t>ENC: Gerencial Qualidade Retenção Novembro/19</t>
  </si>
  <si>
    <t>/o=exchangelabs/ou=exchange administrative group (fydibohf23spdlt)/cn=recipients/cn=2c78a4eeb6094d32b8959b52525ffb44-mayara ribe,/o=exchangelabs/ou=exchange administrative group (fydibohf23spdlt)/cn=recipients/cn=5694f7d2b5fa4976af2d1dc576e3b544-louany barb</t>
  </si>
  <si>
    <t>11/21/2019 11:43:58</t>
  </si>
  <si>
    <t>11/21/2019 11:48:29</t>
  </si>
  <si>
    <t>/o=exchangelabs/ou=exchange administrative group (fydibohf23spdlt)/cn=recipients/cn=0ca6cc8d100949a7866a928f62ef5778-rosilene de;/o=exchangelabs/ou=exchange administrative group (fydibohf23spdlt)/cn=recipients/cn=2b2fb8df84f84951b6d53454b4b3e8b3-izadora may;/o=exchangelabs/ou=exchange administrative group (fydibohf23spdlt)/cn=recipients/cn=c22b2d8de1594760baec681322c0933f-fernanda ma;</t>
  </si>
  <si>
    <t>RES: Relatórios Ecohouse ----Ro me envie o arquivo</t>
  </si>
  <si>
    <t>/o=exchangelabs/ou=exchange administrative group (fydibohf23spdlt)/cn=recipients/cn=0ca6cc8d100949a7866a928f62ef5778-rosilene de,/o=exchangelabs/ou=exchange administrative group (fydibohf23spdlt)/cn=recipients/cn=2b2fb8df84f84951b6d53454b4b3e8b3-izadora may,/o=exchangelabs/ou=exchange administrative group (fydibohf23spdlt)/cn=recipients/cn=c22b2d8de1594760baec681322c0933f-fernanda ma</t>
  </si>
  <si>
    <t>11/21/2019 11:45:16</t>
  </si>
  <si>
    <t>11/21/2019 11:50:29</t>
  </si>
  <si>
    <t>ENC: Saldo de Créditos Tributários LATAM Até Outubro/19</t>
  </si>
  <si>
    <t>Acompanhamento creditos LATAM - ate Outubro-19.xlsb</t>
  </si>
  <si>
    <t>11/21/2019 11:47:37</t>
  </si>
  <si>
    <t>11/21/2019 11:51:29</t>
  </si>
  <si>
    <t>OS_Ag_Aprovacao (26).xlsb</t>
  </si>
  <si>
    <t>11/21/2019 11:50:03</t>
  </si>
  <si>
    <t>11/21/2019 11:55:29</t>
  </si>
  <si>
    <t>/o=exchangelabs/ou=exchange administrative group (fydibohf23spdlt)/cn=recipients/cn=c29ec9dae022497281c840087cccddec-patricia ar;ligiamss@algartech.com;</t>
  </si>
  <si>
    <t>ENC: Dashboard Tribo Atendimento - Squad FC</t>
  </si>
  <si>
    <t>/o=exchangelabs/ou=exchange administrative group (fydibohf23spdlt)/cn=recipients/cn=c29ec9dae022497281c840087cccddec-patricia ar,ligiamss@algartech.com</t>
  </si>
  <si>
    <t>11/21/2019 11:50:25</t>
  </si>
  <si>
    <t>11/21/2019 11:53:35</t>
  </si>
  <si>
    <t>mail.google.com/_/upload?authuser=0&amp;dcp=asu-n&amp;upload_id=AEnB2UpB0xWbkIyZjZBIK4unf_-fDp2VyF3C3zQHueP9qtSijq4pq3hyaUneTwdk9nlk8xIBDVP3YGRWKToG8Yji0rQLTqkxFA&amp;upload_protocol=resumable</t>
  </si>
  <si>
    <t>andersonrf@algartech.com;guilhermeaso@algartech.com;marceloat@algartech.com;</t>
  </si>
  <si>
    <t>C:\Users\daniloasb\Desktop\Projetos Documentos\Bloqueio MP3\</t>
  </si>
  <si>
    <t>Lista Final.xlsx</t>
  </si>
  <si>
    <t>andersonrf@algartech.com,guilhermeaso@algartech.com,marceloat@algartech.com</t>
  </si>
  <si>
    <t>11/21/2019 11:52:38</t>
  </si>
  <si>
    <t>11/21/2019 11:56:28</t>
  </si>
  <si>
    <t>Chamados 21-11</t>
  </si>
  <si>
    <t>Chamados 21-11.xlsx</t>
  </si>
  <si>
    <t>11/21/2019 11:56:40</t>
  </si>
  <si>
    <t>11/21/2019 12:02:29</t>
  </si>
  <si>
    <t>11/21/2019 12:03:07</t>
  </si>
  <si>
    <t>11/21/2019 12:07:29</t>
  </si>
  <si>
    <t>NPS</t>
  </si>
  <si>
    <t>NPS.xlsx</t>
  </si>
  <si>
    <t>11/21/2019 12:12:32</t>
  </si>
  <si>
    <t>11/21/2019 12:15:29</t>
  </si>
  <si>
    <t>/o=exchangelabs/ou=exchange administrative group (fydibohf23spdlt)/cn=recipients/cn=56c2af2d07fd48c0aebfc00ddc006494-alessio rod;/o=exchangelabs/ou=exchange administrative group (fydibohf23spdlt)/cn=recipients/cn=c29ec9dae022497281c840087cccddec-patricia ar;ligiamss@algartech.com;</t>
  </si>
  <si>
    <t>EBIT Qlikview.xls</t>
  </si>
  <si>
    <t>/o=exchangelabs/ou=exchange administrative group (fydibohf23spdlt)/cn=recipients/cn=56c2af2d07fd48c0aebfc00ddc006494-alessio rod,/o=exchangelabs/ou=exchange administrative group (fydibohf23spdlt)/cn=recipients/cn=c29ec9dae022497281c840087cccddec-patricia ar,ligiamss@algartech.com</t>
  </si>
  <si>
    <t>11/21/2019 12:17:14</t>
  </si>
  <si>
    <t>11/21/2019 12:18:29</t>
  </si>
  <si>
    <t>21_11_2019 - Relatório Pipeline - Key Account</t>
  </si>
  <si>
    <t>Relatório Pipeline_Dionizio_19_11_21.xlsx</t>
  </si>
  <si>
    <t>11/21/2019 12:27:30</t>
  </si>
  <si>
    <t>11/21/2019 12:32:29</t>
  </si>
  <si>
    <t>/o=exchangelabs/ou=exchange administrative group (fydibohf23spdlt)/cn=recipients/cn=353ae92739f249c9a329d1d6d0ef1590-gabriela na;/o=exchangelabs/ou=exchange administrative group (fydibohf23spdlt)/cn=recipients/cn=d05fd9144bc0407496937c19109e2ce7-jefferson r;/o=exchangelabs/ou=exchange administrative group (fydibohf23spdlt)/cn=recipients/cn=ed6bb6ee1b894168a84c8921a98ffacc-elewde albu;</t>
  </si>
  <si>
    <t>/o=exchangelabs/ou=exchange administrative group (fydibohf23spdlt)/cn=recipients/cn=353ae92739f249c9a329d1d6d0ef1590-gabriela na,/o=exchangelabs/ou=exchange administrative group (fydibohf23spdlt)/cn=recipients/cn=d05fd9144bc0407496937c19109e2ce7-jefferson r,/o=exchangelabs/ou=exchange administrative group (fydibohf23spdlt)/cn=recipients/cn=ed6bb6ee1b894168a84c8921a98ffacc-elewde albu</t>
  </si>
  <si>
    <t>11/21/2019 12:34:56</t>
  </si>
  <si>
    <t>11/21/2019 12:39:28</t>
  </si>
  <si>
    <t>mail.google.com/_/upload?authuser=1&amp;dcp=asu-n&amp;upload_id=AEnB2UrtBtISTeOKst1H2DHq1nvUAp9Csa--1FMijyU4O15F6_JBNe5G-R-YfYjvq4thnQsc4VlAhJmBkF0dn9mqy03jB2roEsYJzZOz0nwxK9A8CWC1HVc&amp;upload_protocol=resumable</t>
  </si>
  <si>
    <t>11/21/2019 12:49:53</t>
  </si>
  <si>
    <t>11/21/2019 12:54:28</t>
  </si>
  <si>
    <t>carlosasr</t>
  </si>
  <si>
    <t>Carlos Alberto Souza Rodrigues</t>
  </si>
  <si>
    <t>Projeção IBI</t>
  </si>
  <si>
    <t>Novembro- 21.11.xlsx</t>
  </si>
  <si>
    <t>11/21/2019 12:55:47</t>
  </si>
  <si>
    <t>11/21/2019 13:00:29</t>
  </si>
  <si>
    <t>mail.google.com/_/upload?authuser=0&amp;dcp=asu-n&amp;upload_id=AEnB2UoEmtrKbQ7krqKEDYt_SusyUPSDhvmF7vuj5HUlXJDLJLJuXpm7p3t0JCSRfjBJ0AmTWilhYRB0R3-qWtVy4xi9z2mPLyM8gmuzPb58sDQtm4u7Gpw&amp;upload_protocol=resumable</t>
  </si>
  <si>
    <t>\\acsfs\DEPTOS\PMO Governança\06 - GOVERNANÇA DO CAPEX\CAPEX LONGO PRAZO\CAPEX LP - REVISÃO_A19_M10\VALIDAÇÃO CAPEX LP 20 a 24 - alteração Nimbus_21_11_vFinanceiro.pptx\</t>
  </si>
  <si>
    <t>11/21/2019 13:29:05</t>
  </si>
  <si>
    <t>11/21/2019 13:33:28</t>
  </si>
  <si>
    <t>/o=exchangelabs/ou=exchange administrative group (fydibohf23spdlt)/cn=recipients/cn=027c2da1ea5a42378a892f895ed29947-andressa tu;/o=exchangelabs/ou=exchange administrative group (fydibohf23spdlt)/cn=recipients/cn=857b2b6b70d84d3b9947cf5422f304c2-leonardo de;/o=exchangelabs/ou=exchange administrative group (fydibohf23spdlt)/cn=recipients/cn=b16974d7de334bfabfe3dee1e8e47e59-sherley cri;/o=exchangelabs/ou=exchange administrative group (fydibohf23spdlt)/cn=recipients/cn=de9f854a14d9435dad27cd6ba8926e87-cinthia mot;/o=exchangelabs/ou=exchange administrative group (fydibohf23spdlt)/cn=recipients/cn=renato bruno ribeiro lopes - 004319;/o=exchangelabs/ou=exchange administrative group (fydibohf23spdlt)/cn=recipients/cn=valeria de mello lima;</t>
  </si>
  <si>
    <t>ENC: NPS - Visitas Comerciais - Chamado ID 285384</t>
  </si>
  <si>
    <t>LISTA DE AASSOCIADOS.CONSULTORES.xlsx</t>
  </si>
  <si>
    <t>/o=exchangelabs/ou=exchange administrative group (fydibohf23spdlt)/cn=recipients/cn=027c2da1ea5a42378a892f895ed29947-andressa tu,/o=exchangelabs/ou=exchange administrative group (fydibohf23spdlt)/cn=recipients/cn=857b2b6b70d84d3b9947cf5422f304c2-leonardo de,/o=exchangelabs/ou=exchange administrative group (fydibohf23spdlt)/cn=recipients/cn=b16974d7de334bfabfe3dee1e8e47e59-sherley cri,/o=exchangelabs/ou=exchange administrative group (fydibohf23spdlt)/cn=recipients/cn=de9f854a14d9435dad27cd6ba8926e87-cinthia mot,/o=exchangelabs/ou=exchange administrative group (fydibohf23spdlt)/cn=recipients/cn=renato bruno ribeiro lopes - 004319,/o=exchangelabs/ou=exchange administrative group (fydibohf23spdlt)/cn=recipients/cn=valeria de mello lima</t>
  </si>
  <si>
    <t>11/21/2019 13:34:10</t>
  </si>
  <si>
    <t>11/21/2019 13:36:29</t>
  </si>
  <si>
    <t>ORÇAMENTOS-EXECUTADOS 10-09-19 A 10-11-19 ALGAR.xlsx</t>
  </si>
  <si>
    <t>11/21/2019 13:35:07</t>
  </si>
  <si>
    <t>11/21/2019 13:38:29</t>
  </si>
  <si>
    <t>11/21/2019 13:44:22</t>
  </si>
  <si>
    <t>11/21/2019 13:47:29</t>
  </si>
  <si>
    <t>/o=exchangelabs/ou=exchange administrative group (fydibohf23spdlt)/cn=recipients/cn=18106b2c2b164f0f859ac301d85fc885-luis carlos;/o=exchangelabs/ou=exchange administrative group (fydibohf23spdlt)/cn=recipients/cn=d05fd9144bc0407496937c19109e2ce7-jefferson r;/o=exchangelabs/ou=exchange administrative group (fydibohf23spdlt)/cn=recipients/cn=f5bb53a4a85c4ce39a65b0374869bdc7-diego vieir;</t>
  </si>
  <si>
    <t>ENC: Validação de horas extras</t>
  </si>
  <si>
    <t>Outubro BASE_HE_028_029_033_OUTUBRO_01A31.10.2019_GESTOR (1).xlsm</t>
  </si>
  <si>
    <t>/o=exchangelabs/ou=exchange administrative group (fydibohf23spdlt)/cn=recipients/cn=18106b2c2b164f0f859ac301d85fc885-luis carlos,/o=exchangelabs/ou=exchange administrative group (fydibohf23spdlt)/cn=recipients/cn=d05fd9144bc0407496937c19109e2ce7-jefferson r,/o=exchangelabs/ou=exchange administrative group (fydibohf23spdlt)/cn=recipients/cn=f5bb53a4a85c4ce39a65b0374869bdc7-diego vieir</t>
  </si>
  <si>
    <t>11/21/2019 13:45:46</t>
  </si>
  <si>
    <t>11/21/2019 13:48:29</t>
  </si>
  <si>
    <t>ENC: NPS - Visitas Comerciais - Chamado ID 285384 - Cancelar</t>
  </si>
  <si>
    <t>Atividades em empresas v2 (1).xlsx</t>
  </si>
  <si>
    <t>11/21/2019 13:48:09</t>
  </si>
  <si>
    <t>11/21/2019 13:49:28</t>
  </si>
  <si>
    <t>11/21/2019 13:50:13</t>
  </si>
  <si>
    <t>11/21/2019 13:52:29</t>
  </si>
  <si>
    <t>/o=exchangelabs/ou=exchange administrative group (fydibohf23spdlt)/cn=recipients/cn=ee443929f1b6407999ee7912624fe54f-sostenes co;</t>
  </si>
  <si>
    <t>ENC: Escala Treinamento Retenção Erros Operacionais</t>
  </si>
  <si>
    <t>Escala de Treinamento Retenção - Erros Operacionais.xlsx</t>
  </si>
  <si>
    <t>/o=exchangelabs/ou=exchange administrative group (fydibohf23spdlt)/cn=recipients/cn=ee443929f1b6407999ee7912624fe54f-sostenes co</t>
  </si>
  <si>
    <t>11/21/2019 13:51:17</t>
  </si>
  <si>
    <t>11/21/2019 13:54:29</t>
  </si>
  <si>
    <t>/o=exchangelabs/ou=exchange administrative group (fydibohf23spdlt)/cn=recipients/cn=1a891a11d41b4f2490d38c4920393403-hernan edua;/o=exchangelabs/ou=exchange administrative group (fydibohf23spdlt)/cn=recipients/cn=31530e847059489c86826d7f6601733b-yuly alejan;/o=exchangelabs/ou=exchange administrative group (fydibohf23spdlt)/cn=recipients/cn=372a4aee70df4061aed129651510b96b-raul montei;/o=exchangelabs/ou=exchange administrative group (fydibohf23spdlt)/cn=recipients/cn=3bdfcd7a3ede48d981b85e898ea82c77-pedro alfon;/o=exchangelabs/ou=exchange administrative group (fydibohf23spdlt)/cn=recipients/cn=88cfe72c15cd402bb9c857655af0f1c2-mauricio mo;/o=exchangelabs/ou=exchange administrative group (fydibohf23spdlt)/cn=recipients/cn=dc2c5efff31d437e832479c059a1cb66-gonzalo art;/o=exchangelabs/ou=exchange administrative group (fydibohf23spdlt)/cn=recipients/cn=f7ce32d4dd56453fa44b9dcb07f56da4-daniela alv;</t>
  </si>
  <si>
    <t>Pipeline Colômbia</t>
  </si>
  <si>
    <t>Pipeline Detalhado Colombia 2019_11_21.xlsx</t>
  </si>
  <si>
    <t>/o=exchangelabs/ou=exchange administrative group (fydibohf23spdlt)/cn=recipients/cn=1a891a11d41b4f2490d38c4920393403-hernan edua,/o=exchangelabs/ou=exchange administrative group (fydibohf23spdlt)/cn=recipients/cn=31530e847059489c86826d7f6601733b-yuly alejan,/o=exchangelabs/ou=exchange administrative group (fydibohf23spdlt)/cn=recipients/cn=372a4aee70df4061aed129651510b96b-raul montei,/o=exchangelabs/ou=exchange administrative group (fydibohf23spdlt)/cn=recipients/cn=3bdfcd7a3ede48d981b85e898ea82c77-pedro alfon,/o=exchangelabs/ou=exchange administrative group (fydibohf23spdlt)/cn=recipients/cn=88cfe72c15cd402bb9c857655af0f1c2-mauricio mo,/o=exchangelabs/ou=exchange administrative group (fydibohf23spdlt)/cn=recipients/cn=dc2c5efff31d437e832479c059a1cb66-gonzalo art,/o=exchangelabs/ou=exchange administrative group (fydibohf23spdlt)/cn=recipients/cn=f7ce32d4dd56453fa44b9dcb07f56da4-daniela alv</t>
  </si>
  <si>
    <t>11/21/2019 13:53:39</t>
  </si>
  <si>
    <t>Pipeline México</t>
  </si>
  <si>
    <t>Pipeline Detalhado Mexico 2019_11_21.xlsx</t>
  </si>
  <si>
    <t>11/21/2019 13:52:38</t>
  </si>
  <si>
    <t>/o=exchangelabs/ou=exchange administrative group (fydibohf23spdlt)/cn=recipients/cn=835c532cfb2546d29b9ec50eab1593d1-carla betan;/o=exchangelabs/ou=exchange administrative group (fydibohf23spdlt)/cn=recipients/cn=c6f5c50e91244036872327464dc6624a-cinthia mar;/o=exchangelabs/ou=exchange administrative group (fydibohf23spdlt)/cn=recipients/cn=ed2578a7fad746b59b0f586e2ee82bbd-heliel de f;</t>
  </si>
  <si>
    <t>Rateio EBIT 2020</t>
  </si>
  <si>
    <t>Rateio Ebit_Cinthia.xls</t>
  </si>
  <si>
    <t>/o=exchangelabs/ou=exchange administrative group (fydibohf23spdlt)/cn=recipients/cn=835c532cfb2546d29b9ec50eab1593d1-carla betan,/o=exchangelabs/ou=exchange administrative group (fydibohf23spdlt)/cn=recipients/cn=c6f5c50e91244036872327464dc6624a-cinthia mar,/o=exchangelabs/ou=exchange administrative group (fydibohf23spdlt)/cn=recipients/cn=ed2578a7fad746b59b0f586e2ee82bbd-heliel de f</t>
  </si>
  <si>
    <t>11/21/2019 13:56:58</t>
  </si>
  <si>
    <t>11/21/2019 13:59:28</t>
  </si>
  <si>
    <t>10.200.57.80</t>
  </si>
  <si>
    <t>ENC: Calculo de horas Extras</t>
  </si>
  <si>
    <t>11/21/2019 13:57:51</t>
  </si>
  <si>
    <t>11/21/2019 14:02:29</t>
  </si>
  <si>
    <t>Status projeto CIMI - 20/11</t>
  </si>
  <si>
    <t>11/21/2019 13:59:38</t>
  </si>
  <si>
    <t>11/21/2019 14:04:29</t>
  </si>
  <si>
    <t>/o=exchangelabs/ou=exchange administrative group (fydibohf23spdlt)/cn=recipients/cn=d2c2c8150e204f7790f9c21d1df1eff0-jorge allan;/o=exchangelabs/ou=exchange administrative group (fydibohf23spdlt)/cn=recipients/cn=ec75236071b94f8daccab087f036e1c7-maria guada;</t>
  </si>
  <si>
    <t>RES: Solicitación de usuário Fusion</t>
  </si>
  <si>
    <t>/o=exchangelabs/ou=exchange administrative group (fydibohf23spdlt)/cn=recipients/cn=d2c2c8150e204f7790f9c21d1df1eff0-jorge allan,/o=exchangelabs/ou=exchange administrative group (fydibohf23spdlt)/cn=recipients/cn=ec75236071b94f8daccab087f036e1c7-maria guada</t>
  </si>
  <si>
    <t>11/21/2019 12:09:52</t>
  </si>
  <si>
    <t>11/21/2019 14:10:29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cynthiaf@tripag.com.br;</t>
  </si>
  <si>
    <t>Fechamento NPS para reconhecimento Out/19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,cynthiaf@tripag.com.br</t>
  </si>
  <si>
    <t>11/21/2019 14:04:57</t>
  </si>
  <si>
    <t>/o=exchangelabs/ou=exchange administrative group (fydibohf23spdlt)/cn=recipients/cn=9c1c9f5d953e4491b2dce916b33a482d-carlos albe;</t>
  </si>
  <si>
    <t>/o=exchangelabs/ou=exchange administrative group (fydibohf23spdlt)/cn=recipients/cn=9c1c9f5d953e4491b2dce916b33a482d-carlos albe</t>
  </si>
  <si>
    <t>11/21/2019 14:07:35</t>
  </si>
  <si>
    <t>/o=exchangelabs/ou=exchange administrative group (fydibohf23spdlt)/cn=recipients/cn=90878932db2a45bb924c0e3aac6d5da2-jonatas lem;/o=exchangelabs/ou=exchange administrative group (fydibohf23spdlt)/cn=recipients/cn=b284454839e94314a90d49e7ec00864f-antonio car;/o=exchangelabs/ou=exchange administrative group (fydibohf23spdlt)/cn=recipients/cn=b67cad4ecfa344baaa94d716e7554f49-bruno camel;/o=exchangelabs/ou=exchange administrative group (fydibohf23spdlt)/cn=recipients/cn=usera699e94b;rafaelabsz@algartech.com.br;wesleymb@algartech.com.br;</t>
  </si>
  <si>
    <t>112019_Apresentação de resultados URR_ALGAR_V6_PB.pptx\</t>
  </si>
  <si>
    <t>/o=exchangelabs/ou=exchange administrative group (fydibohf23spdlt)/cn=recipients/cn=90878932db2a45bb924c0e3aac6d5da2-jonatas lem,/o=exchangelabs/ou=exchange administrative group (fydibohf23spdlt)/cn=recipients/cn=b284454839e94314a90d49e7ec00864f-antonio car,/o=exchangelabs/ou=exchange administrative group (fydibohf23spdlt)/cn=recipients/cn=b67cad4ecfa344baaa94d716e7554f49-bruno camel,/o=exchangelabs/ou=exchange administrative group (fydibohf23spdlt)/cn=recipients/cn=usera699e94b,rafaelabsz@algartech.com.br,wesleymb@algartech.com.br</t>
  </si>
  <si>
    <t>11/21/2019 14:10:23</t>
  </si>
  <si>
    <t>11/21/2019 14:14:29</t>
  </si>
  <si>
    <t>Base de CR's ativos</t>
  </si>
  <si>
    <t>11/21/2019 14:16:50</t>
  </si>
  <si>
    <t>11/21/2019 14:20:29</t>
  </si>
  <si>
    <t>mail.google.com/_/upload?authuser=0&amp;dcp=asu-n&amp;upload_id=AEnB2UpCUSvvWuvHtqJCVJOfQPz61E8jcgKJNMZECICYmJm20YSgsgWmttcGZxnE3lMAYpkHHcNeYTN48Abmpx9ITtXzArTSI321wpaNLLz1nWHh0JV-dlw&amp;upload_protocol=resumable</t>
  </si>
  <si>
    <t>DISABLE_INSTANCIAS_SQL_SAGE (1).xlsx</t>
  </si>
  <si>
    <t>11/21/2019 14:23:15</t>
  </si>
  <si>
    <t>11/21/2019 14:24:30</t>
  </si>
  <si>
    <t>\\acsfs\dsti\cmv - coordenação de mkt e vendas\comercial\documentos diversos\</t>
  </si>
  <si>
    <t>usuários latam.xlsx</t>
  </si>
  <si>
    <t>11/21/2019 14:23:01</t>
  </si>
  <si>
    <t>/o=exchangelabs/ou=exchange administrative group (fydibohf23spdlt)/cn=recipients/cn=4661e55ca89b4e56a85d5bce819cc072-luana cunha;/o=exchangelabs/ou=exchange administrative group (fydibohf23spdlt)/cn=recipients/cn=8da96f497b5c46ee81c2775857a1df84-pedro henri;</t>
  </si>
  <si>
    <t>Base Férias.xlsb</t>
  </si>
  <si>
    <t>/o=exchangelabs/ou=exchange administrative group (fydibohf23spdlt)/cn=recipients/cn=4661e55ca89b4e56a85d5bce819cc072-luana cunha,/o=exchangelabs/ou=exchange administrative group (fydibohf23spdlt)/cn=recipients/cn=8da96f497b5c46ee81c2775857a1df84-pedro henri</t>
  </si>
  <si>
    <t>11/21/2019 14:24:18</t>
  </si>
  <si>
    <t>11/21/2019 14:29:29</t>
  </si>
  <si>
    <t>/o=exchangelabs/ou=exchange administrative group (fydibohf23spdlt)/cn=recipients/cn=7dff0d71d0544384889971c453020acc-egas yuri d;/o=exchangelabs/ou=exchange administrative group (fydibohf23spdlt)/cn=recipients/cn=c5f7cc79fc244984a8f11c21adc3bf10-matheus oli;</t>
  </si>
  <si>
    <t>ENC: BD atualizado</t>
  </si>
  <si>
    <t>8. BD_EAVM OFICIAL.xlsx</t>
  </si>
  <si>
    <t>/o=exchangelabs/ou=exchange administrative group (fydibohf23spdlt)/cn=recipients/cn=7dff0d71d0544384889971c453020acc-egas yuri d,/o=exchangelabs/ou=exchange administrative group (fydibohf23spdlt)/cn=recipients/cn=c5f7cc79fc244984a8f11c21adc3bf10-matheus oli</t>
  </si>
  <si>
    <t>11/21/2019 14:25:33</t>
  </si>
  <si>
    <t>mail.google.com/_/upload?authuser=0&amp;dcp=asu-n&amp;upload_id=AEnB2UpKQ4h2a_ov8OnzomQ34I-jRMMs-KRpnQdChZoouwqwx_nCm13Gmw2QtyCJJwlo5FDhw54it1lxjJlgsXbkMJXoi1-lxw&amp;upload_protocol=resumable</t>
  </si>
  <si>
    <t>Controle de CAPEX e OPEX ISD.xlsx</t>
  </si>
  <si>
    <t>mail.google.com/_/upload?authuser=0&amp;dcp=asu-n&amp;upload_id=AEnB2UqvdrNXOlS6rtnBLKabghhaEMa4ULhvskQdN09vx-tWpdlm5XGx178Zqlorlm0oHISeYI5BjKfVnLNbJL_i9hOhX7sadw&amp;upload_protocol=resumable</t>
  </si>
  <si>
    <t>Controle de CAPEX e OPEX GIAT.xlsx</t>
  </si>
  <si>
    <t>11/21/2019 14:31:43</t>
  </si>
  <si>
    <t>11/21/2019 14:33:29</t>
  </si>
  <si>
    <t>mail.google.com/_/upload?authuser=1&amp;dcp=asu-n&amp;upload_id=AEnB2UoGQDqi89L4YXartghdoqsNZmZNLkP1latAhcObSQOjxZbfaBYnMPJ2uYb-907Xwj02HGdy6403wNlx98zx6paFCEK3Kg&amp;upload_protocol=resumable</t>
  </si>
  <si>
    <t>C:\Users\renataalves\Desktop\SLIDES TECH DAY.pptx\</t>
  </si>
  <si>
    <t>11/21/2019 14:33:17</t>
  </si>
  <si>
    <t>11/21/2019 14:34:29</t>
  </si>
  <si>
    <t>mail.google.com/_/upload?authuser=0&amp;dcp=asu-n&amp;upload_id=AEnB2Ur9hRwSYQkA8VcOTWSelJPLWVTRttKuGyD84XKOcqBEHzTbH3ggtAbmwhqiTtZwcCFAuRBafIznyklyKAt1FA2ainTd9UaIZurBJnwv1xRi4ebZjTg&amp;upload_protocol=resumable</t>
  </si>
  <si>
    <t>Previa Correntista_Novembro - PreClosing.xlsx</t>
  </si>
  <si>
    <t>11/21/2019 14:32:19</t>
  </si>
  <si>
    <t>11/21/2019 14:35:29</t>
  </si>
  <si>
    <t>/o=exchangelabs/ou=exchange administrative group (fydibohf23spdlt)/cn=recipients/cn=5037aa398cdf4d9cae5ff1914ad4e4b1-joao paulo;/o=exchangelabs/ou=exchange administrative group (fydibohf23spdlt)/cn=recipients/cn=56c2af2d07fd48c0aebfc00ddc006494-alessio rod;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/o=exchangelabs/ou=exchange administrative group (fydibohf23spdlt)/cn=recipients/cn=ee384ffbd33e45dba34c337c366ab392-ligia maria;/o=exchangelabs/ou=exchange administrative group (fydibohf23spdlt)/cn=recipients/cn=usere11ed38c;</t>
  </si>
  <si>
    <t>*ERRATA* ENC: Dashboard Tribo Atendimento - Squad FC</t>
  </si>
  <si>
    <t>EBIT Atendimento.xls</t>
  </si>
  <si>
    <t>/o=exchangelabs/ou=exchange administrative group (fydibohf23spdlt)/cn=recipients/cn=5037aa398cdf4d9cae5ff1914ad4e4b1-joao paulo,/o=exchangelabs/ou=exchange administrative group (fydibohf23spdlt)/cn=recipients/cn=56c2af2d07fd48c0aebfc00ddc006494-alessio rod,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,/o=exchangelabs/ou=exchange administrative group (fydibohf23spdlt)/cn=recipients/cn=ee384ffbd33e45dba34c337c366ab392-ligia maria,/o=exchangelabs/ou=exchange administrative group (fydibohf23spdlt)/cn=recipients/cn=usere11ed38c</t>
  </si>
  <si>
    <t>11/21/2019 14:33:33</t>
  </si>
  <si>
    <t>11/21/2019 14:37:29</t>
  </si>
  <si>
    <t>/o=exchangelabs/ou=exchange administrative group (fydibohf23spdlt)/cn=recipients/cn=a72a765de829420582b78941417073ac-karina rodr;julianamp@algartech.com;</t>
  </si>
  <si>
    <t>RES: Levantamento de informações - RH Avon (até 21/11)</t>
  </si>
  <si>
    <t>ATUALIZAÇÃO.xlsx</t>
  </si>
  <si>
    <t>/o=exchangelabs/ou=exchange administrative group (fydibohf23spdlt)/cn=recipients/cn=a72a765de829420582b78941417073ac-karina rodr,julianamp@algartech.com</t>
  </si>
  <si>
    <t>11/21/2019 14:41:58</t>
  </si>
  <si>
    <t>11/21/2019 14:44:29</t>
  </si>
  <si>
    <t>ENC: ALGAR - Forecast Bradescard P2 - Outubro/19</t>
  </si>
  <si>
    <t>ALGAR TA P2_201910.xlsx</t>
  </si>
  <si>
    <t>11/21/2019 14:43:51</t>
  </si>
  <si>
    <t>11/21/2019 14:45:28</t>
  </si>
  <si>
    <t>/o=exchangelabs/ou=exchange administrative group (fydibohf23spdlt)/cn=recipients/cn=1a68fd0c71d242d89abd9f9904b69653-lidianne sa;/o=exchangelabs/ou=exchange administrative group (fydibohf23spdlt)/cn=recipients/cn=3daf2f0b162f40c696c00f9ecbb7d69a-ana laura t;/o=exchangelabs/ou=exchange administrative group (fydibohf23spdlt)/cn=recipients/cn=554d2cdc1361428a8f1cbe37bb559534-caroline fe;/o=exchangelabs/ou=exchange administrative group (fydibohf23spdlt)/cn=recipients/cn=56dc126fba5b4a5f8fb1cd7e4f10477d-thais olive;/o=exchangelabs/ou=exchange administrative group (fydibohf23spdlt)/cn=recipients/cn=60c79fa1bc994449ac17a5e2109f7abd-claudio fer;/o=exchangelabs/ou=exchange administrative group (fydibohf23spdlt)/cn=recipients/cn=b1f7688b183f4d74a7993976c4ad8f5e-diogenes pa;alexandre.m.souza@bradesco.com.br;hadrielly.galvao@bradesco.com.br;juliana.galardo@bradesco.com.br;khadja.sousa@bradesco.com.br;nivia.queiroz@bradesco.com.br;paula.tavares@bradesco.com.br;thais.f.jesus@bradesco.com.br;</t>
  </si>
  <si>
    <t>ENC: [Formalização] Reforecast Dezembro/19 - Forecast Janeiro/20 - Risco</t>
  </si>
  <si>
    <t>12 - Planejamento Controles Internos.xlsx</t>
  </si>
  <si>
    <t>/o=exchangelabs/ou=exchange administrative group (fydibohf23spdlt)/cn=recipients/cn=1a68fd0c71d242d89abd9f9904b69653-lidianne sa,/o=exchangelabs/ou=exchange administrative group (fydibohf23spdlt)/cn=recipients/cn=3daf2f0b162f40c696c00f9ecbb7d69a-ana laura t,/o=exchangelabs/ou=exchange administrative group (fydibohf23spdlt)/cn=recipients/cn=554d2cdc1361428a8f1cbe37bb559534-caroline fe,/o=exchangelabs/ou=exchange administrative group (fydibohf23spdlt)/cn=recipients/cn=56dc126fba5b4a5f8fb1cd7e4f10477d-thais olive,/o=exchangelabs/ou=exchange administrative group (fydibohf23spdlt)/cn=recipients/cn=60c79fa1bc994449ac17a5e2109f7abd-claudio fer,/o=exchangelabs/ou=exchange administrative group (fydibohf23spdlt)/cn=recipients/cn=b1f7688b183f4d74a7993976c4ad8f5e-diogenes pa,alexandre.m.souza@bradesco.com.br,hadrielly.galvao@bradesco.com.br,juliana.galardo@bradesco.com.br,khadja.sousa@bradesco.com.br,nivia.queiroz@bradesco.com.br,paula.tavares@bradesco.com.br,thais.f.jesus@bradesco.com.br</t>
  </si>
  <si>
    <t>11/21/2019 14:44:53</t>
  </si>
  <si>
    <t>C:\Users\vilarinho\OneDrive - Grupo Algar\Algar Tech\Orçamento\Orçamento2019\4Reuger_Preclosing e LP\Reunião Holding 20.11.19\Algar Tech_4a REUGER 2019_Financeiro_19-11_Holding_v2.pptx\</t>
  </si>
  <si>
    <t>11/21/2019 14:44:54</t>
  </si>
  <si>
    <t>11/21/2019 14:44:27</t>
  </si>
  <si>
    <t>11/21/2019 14:47:28</t>
  </si>
  <si>
    <t>Projeto Precificação - Abas da planilha</t>
  </si>
  <si>
    <t>11/21/2019 14:45:27</t>
  </si>
  <si>
    <t>Projeto Precificação - Régua de Risco</t>
  </si>
  <si>
    <t>11/21/2019 14:48:29</t>
  </si>
  <si>
    <t>11/21/2019 14:50:29</t>
  </si>
  <si>
    <t>/o=exchangelabs/ou=exchange administrative group (fydibohf23spdlt)/cn=recipients/cn=3daf2f0b162f40c696c00f9ecbb7d69a-ana laura t;/o=exchangelabs/ou=exchange administrative group (fydibohf23spdlt)/cn=recipients/cn=47bcba0edfbb48d39e9b215eae1400b2-ana paula s;/o=exchangelabs/ou=exchange administrative group (fydibohf23spdlt)/cn=recipients/cn=59e2d42e513e4613a23971f0060032ed-gabriel ale;/o=exchangelabs/ou=exchange administrative group (fydibohf23spdlt)/cn=recipients/cn=b1f7688b183f4d74a7993976c4ad8f5e-diogenes pa;mariajcb@algartech.com.br;</t>
  </si>
  <si>
    <t>RES: Estrutura - Fechada Outubro e Previsão de Novembro Risco</t>
  </si>
  <si>
    <t>12 - REFORECAST - Formalização Volumetria - Controles Internos.xlsx</t>
  </si>
  <si>
    <t>/o=exchangelabs/ou=exchange administrative group (fydibohf23spdlt)/cn=recipients/cn=3daf2f0b162f40c696c00f9ecbb7d69a-ana laura t,/o=exchangelabs/ou=exchange administrative group (fydibohf23spdlt)/cn=recipients/cn=47bcba0edfbb48d39e9b215eae1400b2-ana paula s,/o=exchangelabs/ou=exchange administrative group (fydibohf23spdlt)/cn=recipients/cn=59e2d42e513e4613a23971f0060032ed-gabriel ale,/o=exchangelabs/ou=exchange administrative group (fydibohf23spdlt)/cn=recipients/cn=b1f7688b183f4d74a7993976c4ad8f5e-diogenes pa,mariajcb@algartech.com.br</t>
  </si>
  <si>
    <t>11/21/2019 14:50:40</t>
  </si>
  <si>
    <t>11/21/2019 14:53:28</t>
  </si>
  <si>
    <t>/o=exchangelabs/ou=exchange administrative group (fydibohf23spdlt)/cn=recipients/cn=b1a72fc2d0234efca84c7771ea70c7ee-roberta cri;/o=exchangelabs/ou=exchange administrative group (fydibohf23spdlt)/cn=recipients/cn=d3d28899a5be4c2c8b5b9e55717f7da7-fabio ribei;/o=exchangelabs/ou=exchange administrative group (fydibohf23spdlt)/cn=recipients/cn=f45617401bdf436baf70c45766699413-frederico b;/o=exchangelabs/ou=exchange administrative group (fydibohf23spdlt)/cn=recipients/cn=user7c077f95;</t>
  </si>
  <si>
    <t>RES: Distribuição orçado desmobilização</t>
  </si>
  <si>
    <t>DETALHAMENTO TRANSIÇÃO.xlsx</t>
  </si>
  <si>
    <t>/o=exchangelabs/ou=exchange administrative group (fydibohf23spdlt)/cn=recipients/cn=b1a72fc2d0234efca84c7771ea70c7ee-roberta cri,/o=exchangelabs/ou=exchange administrative group (fydibohf23spdlt)/cn=recipients/cn=d3d28899a5be4c2c8b5b9e55717f7da7-fabio ribei,/o=exchangelabs/ou=exchange administrative group (fydibohf23spdlt)/cn=recipients/cn=f45617401bdf436baf70c45766699413-frederico b,/o=exchangelabs/ou=exchange administrative group (fydibohf23spdlt)/cn=recipients/cn=user7c077f95</t>
  </si>
  <si>
    <t>11/21/2019 14:55:03</t>
  </si>
  <si>
    <t>11/21/2019 14:56:28</t>
  </si>
  <si>
    <t>11/21/2019 14:53:05</t>
  </si>
  <si>
    <t>11/21/2019 14:58:29</t>
  </si>
  <si>
    <t>11/21/2019 14:57:37</t>
  </si>
  <si>
    <t>11/21/2019 14:59:28</t>
  </si>
  <si>
    <t>ENC: Reajuste Bradesco *** Considerar este ***</t>
  </si>
  <si>
    <t>Projeção Reajuste 2020.xlsx</t>
  </si>
  <si>
    <t>11/21/2019 14:59:16</t>
  </si>
  <si>
    <t>11/21/2019 15:01:28</t>
  </si>
  <si>
    <t>/o=exchangelabs/ou=exchange administrative group (fydibohf23spdlt)/cn=recipients/cn=35869a39927a432c8d0daeede3b9e512-joyce virgi;</t>
  </si>
  <si>
    <t>ENC: Acompanhamento AHT - Novatos FV1</t>
  </si>
  <si>
    <t>/o=exchangelabs/ou=exchange administrative group (fydibohf23spdlt)/cn=recipients/cn=35869a39927a432c8d0daeede3b9e512-joyce virgi</t>
  </si>
  <si>
    <t>11/21/2019 14:57:40</t>
  </si>
  <si>
    <t>11/21/2019 15:02:29</t>
  </si>
  <si>
    <t>/o=exchangelabs/ou=exchange administrative group (fydibohf23spdlt)/cn=recipients/cn=56c2af2d07fd48c0aebfc00ddc006494-alessio rod;/o=exchangelabs/ou=exchange administrative group (fydibohf23spdlt)/cn=recipients/cn=c29ec9dae022497281c840087cccddec-patricia ar;/o=exchangelabs/ou=exchange administrative group (fydibohf23spdlt)/cn=recipients/cn=f167860e3f1940cc81730e5f24d2f0bb-alexandre f;</t>
  </si>
  <si>
    <t>RES: Projeções retenção - Electrolux</t>
  </si>
  <si>
    <t>ALAVANCAS ELECTROLUX_21112019.xlsx</t>
  </si>
  <si>
    <t>/o=exchangelabs/ou=exchange administrative group (fydibohf23spdlt)/cn=recipients/cn=56c2af2d07fd48c0aebfc00ddc006494-alessio rod,/o=exchangelabs/ou=exchange administrative group (fydibohf23spdlt)/cn=recipients/cn=c29ec9dae022497281c840087cccddec-patricia ar,/o=exchangelabs/ou=exchange administrative group (fydibohf23spdlt)/cn=recipients/cn=f167860e3f1940cc81730e5f24d2f0bb-alexandre f</t>
  </si>
  <si>
    <t>11/21/2019 14:59:47</t>
  </si>
  <si>
    <t>10.200.61.167</t>
  </si>
  <si>
    <t>R:\OneDrive - Grupo Algar\Advanced Collection\0 - Cliente\8 - Carrefour\</t>
  </si>
  <si>
    <t>Perguntas Algar Tech CARREFOUR CSF COBRANÇA v1.xlsx</t>
  </si>
  <si>
    <t>11/21/2019 15:01:00</t>
  </si>
  <si>
    <t>11/21/2019 15:03:28</t>
  </si>
  <si>
    <t>/o=exchangelabs/ou=exchange administrative group (fydibohf23spdlt)/cn=recipients/cn=518109802f95454588121e2ff09bd792-marcio roge;/o=exchangelabs/ou=exchange administrative group (fydibohf23spdlt)/cn=recipients/cn=55124587bb9148f5887830eedfe99a77-marilia men;</t>
  </si>
  <si>
    <t>ENC: Abastecimento GMG - Parcial (01 a 17/11/2019)</t>
  </si>
  <si>
    <t>CUSTO ABASTECIMENTO GMG NOVEMBRO_2019.xlsx</t>
  </si>
  <si>
    <t>/o=exchangelabs/ou=exchange administrative group (fydibohf23spdlt)/cn=recipients/cn=518109802f95454588121e2ff09bd792-marcio roge,/o=exchangelabs/ou=exchange administrative group (fydibohf23spdlt)/cn=recipients/cn=55124587bb9148f5887830eedfe99a77-marilia men</t>
  </si>
  <si>
    <t>11/21/2019 15:14:05</t>
  </si>
  <si>
    <t>11/21/2019 15:14:28</t>
  </si>
  <si>
    <t>ENC: Relatório de Admitidos e Desligados</t>
  </si>
  <si>
    <t>RelatorioMovimentacoes 1211.xlsx</t>
  </si>
  <si>
    <t>11/21/2019 15:16:56</t>
  </si>
  <si>
    <t>11/21/2019 15:20:29</t>
  </si>
  <si>
    <t>Ajustes_Custos - Copia.xlsx</t>
  </si>
  <si>
    <t>11/21/2019 15:24:09</t>
  </si>
  <si>
    <t>11/21/2019 15:27:29</t>
  </si>
  <si>
    <t>\\acsfs\DEPTOS\Engenharia\2 - Service Desk\2.19 - Help Desk Corporate\2.19.9 - Outros\SUPERVISORES\Lucas Rabboni\001 - Equipes\</t>
  </si>
  <si>
    <t>Relação de associados.xls</t>
  </si>
  <si>
    <t>11/21/2019 15:24:48</t>
  </si>
  <si>
    <t>11/21/2019 15:28:29</t>
  </si>
  <si>
    <t>Acompanhamento Produtividade BKO - Parcial - Nov-2019.xlsx</t>
  </si>
  <si>
    <t>11/21/2019 15:25:14</t>
  </si>
  <si>
    <t>/o=exchangelabs/ou=exchange administrative group (fydibohf23spdlt)/cn=recipients/cn=0ca6cc8d100949a7866a928f62ef5778-rosilene de;/o=exchangelabs/ou=exchange administrative group (fydibohf23spdlt)/cn=recipients/cn=2b2fb8df84f84951b6d53454b4b3e8b3-izadora may;/o=exchangelabs/ou=exchange administrative group (fydibohf23spdlt)/cn=recipients/cn=6189712535ea4b50a3625910837af2c9-larissa bra;hugo_cesar_rodrigues_dos_santos_algar@whirlpool.com;</t>
  </si>
  <si>
    <t>Acompanhamento BO - Nov/2019</t>
  </si>
  <si>
    <t>/o=exchangelabs/ou=exchange administrative group (fydibohf23spdlt)/cn=recipients/cn=0ca6cc8d100949a7866a928f62ef5778-rosilene de,/o=exchangelabs/ou=exchange administrative group (fydibohf23spdlt)/cn=recipients/cn=2b2fb8df84f84951b6d53454b4b3e8b3-izadora may,/o=exchangelabs/ou=exchange administrative group (fydibohf23spdlt)/cn=recipients/cn=6189712535ea4b50a3625910837af2c9-larissa bra,hugo_cesar_rodrigues_dos_santos_algar@whirlpool.com</t>
  </si>
  <si>
    <t>11/21/2019 15:27:11</t>
  </si>
  <si>
    <t>11/21/2019 15:29:29</t>
  </si>
  <si>
    <t>ENC: Controle de Horas Logadas - Novembro</t>
  </si>
  <si>
    <t>Controle de Horas Logadas_LEGADO_NOV.xlsx</t>
  </si>
  <si>
    <t>11/21/2019 15:24:26</t>
  </si>
  <si>
    <t>/o=exchangelabs/ou=exchange administrative group (fydibohf23spdlt)/cn=recipients/cn=c514dbe8b91547adb4618232d1a650ba-afonso domi;/o=exchangelabs/ou=exchange administrative group (fydibohf23spdlt)/cn=recipients/cn=cb5adfd7be5d42f39b6c2497336ba9d7-fernando gu;/o=exchangelabs/ou=exchange administrative group (fydibohf23spdlt)/cn=recipients/cn=f67f0409c7ae4580b53b07ea98cce4c6-talita pele;</t>
  </si>
  <si>
    <t>Arquivo de Metas - Atualizado</t>
  </si>
  <si>
    <t>New_Fernando Guimaraes_v2.xlsx</t>
  </si>
  <si>
    <t>/o=exchangelabs/ou=exchange administrative group (fydibohf23spdlt)/cn=recipients/cn=c514dbe8b91547adb4618232d1a650ba-afonso domi,/o=exchangelabs/ou=exchange administrative group (fydibohf23spdlt)/cn=recipients/cn=cb5adfd7be5d42f39b6c2497336ba9d7-fernando gu,/o=exchangelabs/ou=exchange administrative group (fydibohf23spdlt)/cn=recipients/cn=f67f0409c7ae4580b53b07ea98cce4c6-talita pele</t>
  </si>
  <si>
    <t>11/21/2019 15:25:08</t>
  </si>
  <si>
    <t>/o=exchangelabs/ou=exchange administrative group (fydibohf23spdlt)/cn=recipients/cn=9a65d8734c444cbc8372a614d17d98e1-lucia maalo;/o=exchangelabs/ou=exchange administrative group (fydibohf23spdlt)/cn=recipients/cn=c514dbe8b91547adb4618232d1a650ba-afonso domi;/o=exchangelabs/ou=exchange administrative group (fydibohf23spdlt)/cn=recipients/cn=f67f0409c7ae4580b53b07ea98cce4c6-talita pele;</t>
  </si>
  <si>
    <t>New_Lucia Malta_v2.xlsx</t>
  </si>
  <si>
    <t>/o=exchangelabs/ou=exchange administrative group (fydibohf23spdlt)/cn=recipients/cn=9a65d8734c444cbc8372a614d17d98e1-lucia maalo,/o=exchangelabs/ou=exchange administrative group (fydibohf23spdlt)/cn=recipients/cn=c514dbe8b91547adb4618232d1a650ba-afonso domi,/o=exchangelabs/ou=exchange administrative group (fydibohf23spdlt)/cn=recipients/cn=f67f0409c7ae4580b53b07ea98cce4c6-talita pele</t>
  </si>
  <si>
    <t>11/21/2019 15:25:49</t>
  </si>
  <si>
    <t>/o=exchangelabs/ou=exchange administrative group (fydibohf23spdlt)/cn=recipients/cn=a27fa8e27f784e18b4732301ab7a6457-luciana sil;/o=exchangelabs/ou=exchange administrative group (fydibohf23spdlt)/cn=recipients/cn=c514dbe8b91547adb4618232d1a650ba-afonso domi;/o=exchangelabs/ou=exchange administrative group (fydibohf23spdlt)/cn=recipients/cn=f67f0409c7ae4580b53b07ea98cce4c6-talita pele;</t>
  </si>
  <si>
    <t>New_Luciana Savi_v2.xlsx</t>
  </si>
  <si>
    <t>/o=exchangelabs/ou=exchange administrative group (fydibohf23spdlt)/cn=recipients/cn=a27fa8e27f784e18b4732301ab7a6457-luciana sil,/o=exchangelabs/ou=exchange administrative group (fydibohf23spdlt)/cn=recipients/cn=c514dbe8b91547adb4618232d1a650ba-afonso domi,/o=exchangelabs/ou=exchange administrative group (fydibohf23spdlt)/cn=recipients/cn=f67f0409c7ae4580b53b07ea98cce4c6-talita pele</t>
  </si>
  <si>
    <t>11/21/2019 15:26:14</t>
  </si>
  <si>
    <t>/o=exchangelabs/ou=exchange administrative group (fydibohf23spdlt)/cn=recipients/cn=c514dbe8b91547adb4618232d1a650ba-afonso domi;/o=exchangelabs/ou=exchange administrative group (fydibohf23spdlt)/cn=recipients/cn=c82d742f5f1e4122a86db0495b71e095-nilton j. g;/o=exchangelabs/ou=exchange administrative group (fydibohf23spdlt)/cn=recipients/cn=f67f0409c7ae4580b53b07ea98cce4c6-talita pele;</t>
  </si>
  <si>
    <t>New_Nilton Rossi_v2.xlsx</t>
  </si>
  <si>
    <t>/o=exchangelabs/ou=exchange administrative group (fydibohf23spdlt)/cn=recipients/cn=c514dbe8b91547adb4618232d1a650ba-afonso domi,/o=exchangelabs/ou=exchange administrative group (fydibohf23spdlt)/cn=recipients/cn=c82d742f5f1e4122a86db0495b71e095-nilton j. g,/o=exchangelabs/ou=exchange administrative group (fydibohf23spdlt)/cn=recipients/cn=f67f0409c7ae4580b53b07ea98cce4c6-talita pele</t>
  </si>
  <si>
    <t>11/21/2019 15:26:44</t>
  </si>
  <si>
    <t>/o=exchangelabs/ou=exchange administrative group (fydibohf23spdlt)/cn=recipients/cn=c514dbe8b91547adb4618232d1a650ba-afonso domi;/o=exchangelabs/ou=exchange administrative group (fydibohf23spdlt)/cn=recipients/cn=d376cbd484f64104bc8476daf590c7dc-paulo eduar;/o=exchangelabs/ou=exchange administrative group (fydibohf23spdlt)/cn=recipients/cn=f67f0409c7ae4580b53b07ea98cce4c6-talita pele;</t>
  </si>
  <si>
    <t>New_Paulo Coelho_v2.xlsx</t>
  </si>
  <si>
    <t>/o=exchangelabs/ou=exchange administrative group (fydibohf23spdlt)/cn=recipients/cn=c514dbe8b91547adb4618232d1a650ba-afonso domi,/o=exchangelabs/ou=exchange administrative group (fydibohf23spdlt)/cn=recipients/cn=d376cbd484f64104bc8476daf590c7dc-paulo eduar,/o=exchangelabs/ou=exchange administrative group (fydibohf23spdlt)/cn=recipients/cn=f67f0409c7ae4580b53b07ea98cce4c6-talita pele</t>
  </si>
  <si>
    <t>11/21/2019 15:27:36</t>
  </si>
  <si>
    <t>/o=exchangelabs/ou=exchange administrative group (fydibohf23spdlt)/cn=recipients/cn=c514dbe8b91547adb4618232d1a650ba-afonso domi;/o=exchangelabs/ou=exchange administrative group (fydibohf23spdlt)/cn=recipients/cn=ed4af2f11ff34c02ba04f39acb2813c2-rafael tega;/o=exchangelabs/ou=exchange administrative group (fydibohf23spdlt)/cn=recipients/cn=f67f0409c7ae4580b53b07ea98cce4c6-talita pele;</t>
  </si>
  <si>
    <t>New_Rafael Tegani.xlsx</t>
  </si>
  <si>
    <t>/o=exchangelabs/ou=exchange administrative group (fydibohf23spdlt)/cn=recipients/cn=c514dbe8b91547adb4618232d1a650ba-afonso domi,/o=exchangelabs/ou=exchange administrative group (fydibohf23spdlt)/cn=recipients/cn=ed4af2f11ff34c02ba04f39acb2813c2-rafael tega,/o=exchangelabs/ou=exchange administrative group (fydibohf23spdlt)/cn=recipients/cn=f67f0409c7ae4580b53b07ea98cce4c6-talita pele</t>
  </si>
  <si>
    <t>11/21/2019 15:30:15</t>
  </si>
  <si>
    <t>11/21/2019 15:33:28</t>
  </si>
  <si>
    <t>RES: Iniciativas OBZ 2020</t>
  </si>
  <si>
    <t>Oficial 2020_Pacote Viagens - Viagem interna.xlsb</t>
  </si>
  <si>
    <t>11/21/2019 15:32:33</t>
  </si>
  <si>
    <t>11/21/2019 15:34:29</t>
  </si>
  <si>
    <t>/o=exchangelabs/ou=exchange administrative group (fydibohf23spdlt)/cn=recipients/cn=02b715e2a3c744dbab0f4054efc9d2d2-raquel corr;/o=exchangelabs/ou=exchange administrative group (fydibohf23spdlt)/cn=recipients/cn=49af12246d2746008617ced5a3abafc3-daniel de s;/o=exchangelabs/ou=exchange administrative group (fydibohf23spdlt)/cn=recipients/cn=8c89829ad534498fa4c85b5ac11174f1-suelen more;/o=exchangelabs/ou=exchange administrative group (fydibohf23spdlt)/cn=recipients/cn=cd93dacc38404a95a829585c2e317a9f-dionizio ri;</t>
  </si>
  <si>
    <t>ENC: 217490_Service Desk_- STRATURA ASFALTO Cotação - SUPORTE DE TI E ATENDIMENTO AOS USUÁRIOS DA STRATURA ASFALTOS</t>
  </si>
  <si>
    <t>PPU - Suporte Tecnico TI - Service Desk.xlsx</t>
  </si>
  <si>
    <t>/o=exchangelabs/ou=exchange administrative group (fydibohf23spdlt)/cn=recipients/cn=02b715e2a3c744dbab0f4054efc9d2d2-raquel corr,/o=exchangelabs/ou=exchange administrative group (fydibohf23spdlt)/cn=recipients/cn=49af12246d2746008617ced5a3abafc3-daniel de s,/o=exchangelabs/ou=exchange administrative group (fydibohf23spdlt)/cn=recipients/cn=8c89829ad534498fa4c85b5ac11174f1-suelen more,/o=exchangelabs/ou=exchange administrative group (fydibohf23spdlt)/cn=recipients/cn=cd93dacc38404a95a829585c2e317a9f-dionizio ri</t>
  </si>
  <si>
    <t>11/21/2019 15:32:31</t>
  </si>
  <si>
    <t>11/21/2019 15:35:28</t>
  </si>
  <si>
    <t>https://caey.fa.us2.oraclecloud.com/crmui/faces/fusewelcome?_adf.ctrl-state=fbdluzts1_5</t>
  </si>
  <si>
    <t>C:\Users\denysgds\Documents\Backup Denys\Denys Guidio Backup\Backup\A100\Cyberex\</t>
  </si>
  <si>
    <t>Preco_216376_V1.xlsb</t>
  </si>
  <si>
    <t>11/21/2019 15:44:26</t>
  </si>
  <si>
    <t>11/21/2019 15:45:29</t>
  </si>
  <si>
    <t>ABBOTT - Cálculo de reajuste - Proposta 170225 - Copia.xlsx</t>
  </si>
  <si>
    <t>11/21/2019 15:47:44</t>
  </si>
  <si>
    <t>11/21/2019 15:50:28</t>
  </si>
  <si>
    <t>10.200.59.240</t>
  </si>
  <si>
    <t>C:\Users\alessandroam\OneDrive\OneDrive - Grupo Algar\01 - Historico\02 - Seg Informação\05 - PMO TAP - CAPEX e OPEX\</t>
  </si>
  <si>
    <t>Investimetos SI 2019-2020 21112019.xlsx</t>
  </si>
  <si>
    <t>11/21/2019 15:48:18</t>
  </si>
  <si>
    <t>11/21/2019 15:52:28</t>
  </si>
  <si>
    <t>lista_allUsers-11-2019.csv</t>
  </si>
  <si>
    <t>11/21/2019 15:51:21</t>
  </si>
  <si>
    <t>Projeto Precificação - Eficiência Tributária</t>
  </si>
  <si>
    <t>Lista Cidades Tomador.xlsx</t>
  </si>
  <si>
    <t>11/21/2019 15:50:15</t>
  </si>
  <si>
    <t>/o=exchangelabs/ou=exchange administrative group (fydibohf23spdlt)/cn=recipients/cn=user9ad76612;/o=exchangelabs/ou=exchange administrative group (fydibohf23spdlt)/cn=recipients/cn=userd3ef8196;</t>
  </si>
  <si>
    <t>Planilha Recuperação de Gastos _ Chocotones</t>
  </si>
  <si>
    <t>Planilha Recuperação de Gastos _ Chocotones.xlsb</t>
  </si>
  <si>
    <t>/o=exchangelabs/ou=exchange administrative group (fydibohf23spdlt)/cn=recipients/cn=user9ad76612,/o=exchangelabs/ou=exchange administrative group (fydibohf23spdlt)/cn=recipients/cn=userd3ef8196</t>
  </si>
  <si>
    <t>11/21/2019 15:49:51</t>
  </si>
  <si>
    <t>11/21/2019 15:55:29</t>
  </si>
  <si>
    <t>Base PPE - AS IS.xlsx</t>
  </si>
  <si>
    <t>11/21/2019 15:57:01</t>
  </si>
  <si>
    <t>11/21/2019 15:58:28</t>
  </si>
  <si>
    <t>11/21/2019 15:58:17</t>
  </si>
  <si>
    <t>11/21/2019 16:00:28</t>
  </si>
  <si>
    <t>217431_Preco_V2.xlsb</t>
  </si>
  <si>
    <t>D:\OneDrive\AlgarTech\Pré-Vendas\Cliente\2019\ABBOTT\217431 - GAA – Global Access Administration Latin America Support\217431_Preco_V2.xlsb\</t>
  </si>
  <si>
    <t>11/21/2019 15:57:24</t>
  </si>
  <si>
    <t>11/21/2019 16:01:29</t>
  </si>
  <si>
    <t>ENC: Dados do BI</t>
  </si>
  <si>
    <t>Controle de Encaminhamentos.xlsx</t>
  </si>
  <si>
    <t>11/21/2019 15:59:11</t>
  </si>
  <si>
    <t>11/21/2019 16:02:28</t>
  </si>
  <si>
    <t>daniloasb@algartech.com;leonardofdsa@algartech.com;suporteso@algartech.com;</t>
  </si>
  <si>
    <t>SharedMailbox-21-11-2019.csv</t>
  </si>
  <si>
    <t>daniloasb@algartech.com,leonardofdsa@algartech.com,suporteso@algartech.com</t>
  </si>
  <si>
    <t>11/21/2019 16:05:28</t>
  </si>
  <si>
    <t>11/21/2019 16:06:29</t>
  </si>
  <si>
    <t>RES: Daily Report Contact Center BackOffice</t>
  </si>
  <si>
    <t>CAPACIDADE BACKOFFICE_NOV.19.xlsx</t>
  </si>
  <si>
    <t>11/21/2019 16:02:09</t>
  </si>
  <si>
    <t>11/21/2019 16:04:13</t>
  </si>
  <si>
    <t>11/21/2019 16:07:29</t>
  </si>
  <si>
    <t>C:\Users\lucianabo\Desktop\2019\10 - Outubro\RECEITAMENTO\EVIDÊNCIAS\</t>
  </si>
  <si>
    <t>Evidência Caixa Capitalização - Out.19.xlsx</t>
  </si>
  <si>
    <t>11/21/2019 16:06:13</t>
  </si>
  <si>
    <t>11/21/2019 16:09:29</t>
  </si>
  <si>
    <t>10.250.254.71</t>
  </si>
  <si>
    <t>mail.google.com/_/upload?authuser=0&amp;dcp=asu-n&amp;upload_id=AEnB2Up93HhIN-OBf4QdamUuLima-kzWfbul8QlGvVyDSpQ-NHrTVTFxBZ6ErmbT8N2AYIW3K3gldOg77fsZ7GEGSbQS2BIP-7tIj3CQsL7DOZROYYH31d8&amp;upload_protocol=resumable</t>
  </si>
  <si>
    <t>\\acsfs\deptos\Engenharia\2 - Service Desk\2.4 - Redes e Segurança\DOCUMENTOS PRUDENTIAL\5 - TEMPLATE VPN IPSEC PRUDENTIAL\</t>
  </si>
  <si>
    <t>Template_Formulário_de_VPN_ALGAR_CAS.xlsx</t>
  </si>
  <si>
    <t>11/21/2019 16:07:08</t>
  </si>
  <si>
    <t>11/21/2019 16:10:29</t>
  </si>
  <si>
    <t>/o=exchangelabs/ou=exchange administrative group (fydibohf23spdlt)/cn=recipients/cn=0ca6cc8d100949a7866a928f62ef5778-rosilene de;/o=exchangelabs/ou=exchange administrative group (fydibohf23spdlt)/cn=recipients/cn=a75579a499254c2291e852b70c4d70d1-eunice apar;/o=exchangelabs/ou=exchange administrative group (fydibohf23spdlt)/cn=recipients/cn=d1d015f213f648abbf348b5ccdf8e9d9-senilda per;/o=exchangelabs/ou=exchange administrative group (fydibohf23spdlt)/cn=recipients/cn=e39e329fc16a43329eb2766bae675122-mariana gon;/o=exchangelabs/ou=exchange administrative group (fydibohf23spdlt)/cn=recipients/cn=userd3ef8196;</t>
  </si>
  <si>
    <t>ENC: Resultados Auditoria Online - TOP Performance</t>
  </si>
  <si>
    <t>Karina.xlsx</t>
  </si>
  <si>
    <t>/o=exchangelabs/ou=exchange administrative group (fydibohf23spdlt)/cn=recipients/cn=0ca6cc8d100949a7866a928f62ef5778-rosilene de,/o=exchangelabs/ou=exchange administrative group (fydibohf23spdlt)/cn=recipients/cn=a75579a499254c2291e852b70c4d70d1-eunice apar,/o=exchangelabs/ou=exchange administrative group (fydibohf23spdlt)/cn=recipients/cn=d1d015f213f648abbf348b5ccdf8e9d9-senilda per,/o=exchangelabs/ou=exchange administrative group (fydibohf23spdlt)/cn=recipients/cn=e39e329fc16a43329eb2766bae675122-mariana gon,/o=exchangelabs/ou=exchange administrative group (fydibohf23spdlt)/cn=recipients/cn=userd3ef8196</t>
  </si>
  <si>
    <t>11/21/2019 16:07:28</t>
  </si>
  <si>
    <t>11/21/2019 16:11:28</t>
  </si>
  <si>
    <t>11/21/2019 16:08:33</t>
  </si>
  <si>
    <t>11/21/2019 16:12:29</t>
  </si>
  <si>
    <t>R:\OneDrive - Grupo Algar\Advanced Collection\0 - Cliente\99 - RFP\Agibank\</t>
  </si>
  <si>
    <t>214366 - Ficha da Oportunidade AGIBANK SAC COB TLV.xlsx</t>
  </si>
  <si>
    <t>11/21/2019 16:08:35</t>
  </si>
  <si>
    <t>214366 - BP (TLV) - Staff AlgarTech v1.xlsb</t>
  </si>
  <si>
    <t>R:\OneDrive - Grupo Algar\Advanced Collection\0 - Cliente\99 - RFP\Agibank\214366 - BP (TLV) - Staff AlgarTech v1.xlsb\</t>
  </si>
  <si>
    <t>11/21/2019 16:08:37</t>
  </si>
  <si>
    <t>214366 - BP (SAC) - Staff AlgarTech v1.xlsb</t>
  </si>
  <si>
    <t>R:\OneDrive - Grupo Algar\Advanced Collection\0 - Cliente\99 - RFP\Agibank\214366 - BP (SAC) - Staff AlgarTech v1.xlsb\</t>
  </si>
  <si>
    <t>11/21/2019 16:08:39</t>
  </si>
  <si>
    <t>214366 - BP (COB) - Staff AlgarTech v1.xlsb</t>
  </si>
  <si>
    <t>R:\OneDrive - Grupo Algar\Advanced Collection\0 - Cliente\99 - RFP\Agibank\214366 - BP (COB) - Staff AlgarTech v1.xlsb\</t>
  </si>
  <si>
    <t>11/21/2019 16:10:33</t>
  </si>
  <si>
    <t>11/21/2019 16:13:28</t>
  </si>
  <si>
    <t>/o=exchangelabs/ou=exchange administrative group (fydibohf23spdlt)/cn=recipients/cn=06b756ed7b9b4c61bdbcfb21cdf93e9f-lucas ferna;/o=exchangelabs/ou=exchange administrative group (fydibohf23spdlt)/cn=recipients/cn=136bac3aad104a579e671eb261072338-fabio dos r;/o=exchangelabs/ou=exchange administrative group (fydibohf23spdlt)/cn=recipients/cn=44f0a666541444e787f23979b24aa3bd-reginaldo r;/o=exchangelabs/ou=exchange administrative group (fydibohf23spdlt)/cn=recipients/cn=a4ba92cba10f4fe498074594f937f3b6-leandro lop;/o=exchangelabs/ou=exchange administrative group (fydibohf23spdlt)/cn=recipients/cn=c212eb60f4be444cb64e0cc9b82f6e10-alessandro;/o=exchangelabs/ou=exchange administrative group (fydibohf23spdlt)/cn=recipients/cn=d3d28899a5be4c2c8b5b9e55717f7da7-fabio ribei;/o=exchangelabs/ou=exchange administrative group (fydibohf23spdlt)/cn=recipients/cn=f2208b22da5b4bf3a5f4a7b9dfa2fd06-danilo marq;/o=exchangelabs/ou=exchange administrative group (fydibohf23spdlt)/cn=recipients/cn=f45617401bdf436baf70c45766699413-frede</t>
  </si>
  <si>
    <t>RES: Relatório de máquinas x pacote Office - Domínio BRA</t>
  </si>
  <si>
    <t>Re Relatório de máquinas x pacote Office - Domínio BRA.msg\s1\</t>
  </si>
  <si>
    <t>/o=exchangelabs/ou=exchange administrative group (fydibohf23spdlt)/cn=recipients/cn=06b756ed7b9b4c61bdbcfb21cdf93e9f-lucas ferna,/o=exchangelabs/ou=exchange administrative group (fydibohf23spdlt)/cn=recipients/cn=136bac3aad104a579e671eb261072338-fabio dos r,/o=exchangelabs/ou=exchange administrative group (fydibohf23spdlt)/cn=recipients/cn=44f0a666541444e787f23979b24aa3bd-reginaldo r,/o=exchangelabs/ou=exchange administrative group (fydibohf23spdlt)/cn=recipients/cn=a4ba92cba10f4fe498074594f937f3b6-leandro lop,/o=exchangelabs/ou=exchange administrative group (fydibohf23spdlt)/cn=recipients/cn=c212eb60f4be444cb64e0cc9b82f6e10-alessandro,/o=exchangelabs/ou=exchange administrative group (fydibohf23spdlt)/cn=recipients/cn=d3d28899a5be4c2c8b5b9e55717f7da7-fabio ribei,/o=exchangelabs/ou=exchange administrative group (fydibohf23spdlt)/cn=recipients/cn=f2208b22da5b4bf3a5f4a7b9dfa2fd06-danilo marq,/o=exchangelabs/ou=exchange administrative group (fydibohf23spdlt)/cn=recipients/cn=f45617401bdf436baf70c45766699413-frede</t>
  </si>
  <si>
    <t>11/21/2019 16:09:08</t>
  </si>
  <si>
    <t>C:\Users\simoneesm\OneDrive - Grupo Algar\Controle\ALGAR\TH\Política de Variável\</t>
  </si>
  <si>
    <t>Cópia de Bonificação - PRF.xlsx</t>
  </si>
  <si>
    <t>11/21/2019 16:11:58</t>
  </si>
  <si>
    <t>11/21/2019 16:15:29</t>
  </si>
  <si>
    <t>10.208.14.83</t>
  </si>
  <si>
    <t>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ess,explicitlytrashed,explicitlytrashed�,file(kind,fileextension,fileid,filesize,flaggedforabuse,foldercolor,folderfeatures,hasaugmentedpermissions,haschildfolders,hasthumbnail,hasvisitorpermissions,hidden,id,id),id)�,items(deleted,items(kind,ken,kind,labels(starred,lastmodifyinguser(kind,lastviewedbymedate,mimetype,modifiedbymedate,modifieddate,ontainsunsubscribedchildren,organizationdisplayname,owners(kind,parents(id),passivelysubscribed,permiss,permission,permissionid,picture,picture�,primarydomainname,primarysyncparentid,quo,quotabytesused,recency,recencyreason,restricted,rpermissions,shareable,shared,sharedwithme,sharedwithmedate,shar</t>
  </si>
  <si>
    <t>11/21/2019 16:15:50</t>
  </si>
  <si>
    <t>11/21/2019 16:18:28</t>
  </si>
  <si>
    <t>11/21/2019 16:28:41</t>
  </si>
  <si>
    <t>11/21/2019 16:31:28</t>
  </si>
  <si>
    <t>/o=exchangelabs/ou=exchange administrative group (fydibohf23spdlt)/cn=recipients/cn=6857e7b89b5f46e3b6aed2352ac8d5ac-carlos albe;/o=exchangelabs/ou=exchange administrative group (fydibohf23spdlt)/cn=recipients/cn=a2a95176ec8b4e558f3d0f3c2d9d370b-pablo dos s;</t>
  </si>
  <si>
    <t>Enriquecimento_Chassi_Novembro.xlsx</t>
  </si>
  <si>
    <t>/o=exchangelabs/ou=exchange administrative group (fydibohf23spdlt)/cn=recipients/cn=6857e7b89b5f46e3b6aed2352ac8d5ac-carlos albe,/o=exchangelabs/ou=exchange administrative group (fydibohf23spdlt)/cn=recipients/cn=a2a95176ec8b4e558f3d0f3c2d9d370b-pablo dos s</t>
  </si>
  <si>
    <t>11/21/2019 16:27:33</t>
  </si>
  <si>
    <t>11/21/2019 16:32:28</t>
  </si>
  <si>
    <t>C:\Users\ricardobal\OneDrive - Grupo Algar\Algar Tecnologia\01 - CLIENTES\DOCUMENTOS DE APOIO\FINANCEIRO\</t>
  </si>
  <si>
    <t>Taxas Macroeconomicas 06 set 2019.xlsx</t>
  </si>
  <si>
    <t>11/21/2019 16:34:30</t>
  </si>
  <si>
    <t>11/21/2019 16:36:28</t>
  </si>
  <si>
    <t>/o=exchangelabs/ou=exchange administrative group (fydibohf23spdlt)/cn=recipients/cn=545f738e0fe740ba856f4eb6ef0135e0-vinicius si;/o=exchangelabs/ou=exchange administrative group (fydibohf23spdlt)/cn=recipients/cn=80fb880d4e904fd9990f1ffec561717a-avon - supe;/o=exchangelabs/ou=exchange administrative group (fydibohf23spdlt)/cn=recipients/cn=d1d015f213f648abbf348b5ccdf8e9d9-senilda per;</t>
  </si>
  <si>
    <t>Ranking Out/19</t>
  </si>
  <si>
    <t>Ranking_Out.19.xlsx</t>
  </si>
  <si>
    <t>/o=exchangelabs/ou=exchange administrative group (fydibohf23spdlt)/cn=recipients/cn=545f738e0fe740ba856f4eb6ef0135e0-vinicius si,/o=exchangelabs/ou=exchange administrative group (fydibohf23spdlt)/cn=recipients/cn=80fb880d4e904fd9990f1ffec561717a-avon - supe,/o=exchangelabs/ou=exchange administrative group (fydibohf23spdlt)/cn=recipients/cn=d1d015f213f648abbf348b5ccdf8e9d9-senilda per</t>
  </si>
  <si>
    <t>11/21/2019 16:35:50</t>
  </si>
  <si>
    <t>11/21/2019 16:40:29</t>
  </si>
  <si>
    <t>10.200.60.75</t>
  </si>
  <si>
    <t>mail.google.com/_/upload?authuser=0&amp;dcp=asu-n&amp;upload_id=AEnB2UoKSjCb9UmS8ClBNTu4l8mHhon5Vt3mxbtmCjg1-hJjgVAPT9vvyS0JL4k_g1S5J5owZpqCCH9f5szLxURYmlqi-EM2WRtYjMUBWCEyET6cPwd1Lhc&amp;upload_protocol=resumable</t>
  </si>
  <si>
    <t>C:\Temp13\</t>
  </si>
  <si>
    <t>11/21/2019 16:36:04</t>
  </si>
  <si>
    <t>mail.google.com/_/upload?authuser=0&amp;dcp=asu-n&amp;upload_id=AEnB2UrLHle7V4hcNAYi0shkVQodP8q4xIGMHYduYkcj0YNb92LuZAw2vhtH7qdUCC1H6t2e6tst9QSvVqor1WZtivv90-YVaA&amp;upload_protocol=resumable</t>
  </si>
  <si>
    <t>11/21/2019 16:40:02</t>
  </si>
  <si>
    <t>11/21/2019 16:43:28</t>
  </si>
  <si>
    <t>D:\Apresentação GRUPO GPS - Resumo - Copia.pptx\</t>
  </si>
  <si>
    <t>D:\Apresentação GRUPO GPS - Resumo - Copia.pptx</t>
  </si>
  <si>
    <t>11/21/2019 16:40:43</t>
  </si>
  <si>
    <t>E:\BK_final\Vilarinho\Vilarinho - Trabalho\Segurança - Erica\Apresentação GRUPO GPS - Resumo.pptx</t>
  </si>
  <si>
    <t>11/21/2019 16:40:45</t>
  </si>
  <si>
    <t>D:\2014\Orcamento\</t>
  </si>
  <si>
    <t>COMPOSICAO_RECEITA.xlsx</t>
  </si>
  <si>
    <t>E:\BK_final\Vilarinho\Vilarinho - Trabalho\Segurança - Erica\2014\Orcamento\COMPOSICAO_RECEITA.xlsx</t>
  </si>
  <si>
    <t>11/21/2019 16:40:46</t>
  </si>
  <si>
    <t>D:\2014\Orcamento\CAPEX\1PROJ\</t>
  </si>
  <si>
    <t>CAPEX_2014_ORC_CONSOLIDADO_1PROJ.xlsx</t>
  </si>
  <si>
    <t>E:\BK_final\Vilarinho\Vilarinho - Trabalho\Segurança - Erica\2014\Orcamento\CAPEX\1PROJ\CAPEX_2014_ORC_CONSOLIDADO_1PROJ.xlsx</t>
  </si>
  <si>
    <t>11/21/2019 16:40:51</t>
  </si>
  <si>
    <t>D:\2014\Orcamento\CAPEX\1PROJ\COMERCIAL\</t>
  </si>
  <si>
    <t>CAPEX_2014_ORC_CML_CONSOLIDADO_1PROJ.xlsx</t>
  </si>
  <si>
    <t>E:\BK_final\Vilarinho\Vilarinho - Trabalho\Segurança - Erica\2014\Orcamento\CAPEX\1PROJ\COMERCIAL\CAPEX_2014_ORC_CML_CONSOLIDADO_1PROJ.xlsx</t>
  </si>
  <si>
    <t>11/21/2019 16:40:53</t>
  </si>
  <si>
    <t>D:\2014\Orcamento\CAPEX\1PROJ\COMERCIAL\SEGURANCA DOCUMENTAL\</t>
  </si>
  <si>
    <t>CAPEX_2014_ORC_CML_SEDOC_1PROJ.xlsx</t>
  </si>
  <si>
    <t>E:\BK_final\Vilarinho\Vilarinho - Trabalho\Segurança - Erica\2014\Orcamento\CAPEX\1PROJ\COMERCIAL\SEGURANCA DOCUMENTAL\CAPEX_2014_ORC_CML_SEDOC_1PROJ.xlsx</t>
  </si>
  <si>
    <t>11/21/2019 16:40:54</t>
  </si>
  <si>
    <t>D:\2014\Orcamento\CAPEX\1PROJ\COMERCIAL\SEGURANCA ELETRONICA\</t>
  </si>
  <si>
    <t>CAPEX_2014_ORC_CML_ELE_CONSOLIDADO_1PROJ.xlsx</t>
  </si>
  <si>
    <t>E:\BK_final\Vilarinho\Vilarinho - Trabalho\Segurança - Erica\2014\Orcamento\CAPEX\1PROJ\COMERCIAL\SEGURANCA ELETRONICA\CAPEX_2014_ORC_CML_ELE_CONSOLIDADO_1PROJ.xlsx</t>
  </si>
  <si>
    <t>CAPEX_2014_ORC_CML_ELE_MONITORAMENTO_1PROJ.xlsx</t>
  </si>
  <si>
    <t>E:\BK_final\Vilarinho\Vilarinho - Trabalho\Segurança - Erica\2014\Orcamento\CAPEX\1PROJ\COMERCIAL\SEGURANCA ELETRONICA\CAPEX_2014_ORC_CML_ELE_MONITORAMENTO_1PROJ.xlsx</t>
  </si>
  <si>
    <t>CAPEX_2014_ORC_CML_ELE_PROJETOS_1PROJ.xlsx</t>
  </si>
  <si>
    <t>E:\BK_final\Vilarinho\Vilarinho - Trabalho\Segurança - Erica\2014\Orcamento\CAPEX\1PROJ\COMERCIAL\SEGURANCA ELETRONICA\CAPEX_2014_ORC_CML_ELE_PROJETOS_1PROJ.xlsx</t>
  </si>
  <si>
    <t>11/21/2019 16:40:55</t>
  </si>
  <si>
    <t>D:\2014\Orcamento\CAPEX\1PROJ\COMERCIAL\SEGURANCA PATRIMONIAL\</t>
  </si>
  <si>
    <t>CAPEX_2014_ORC_CML_PAT_CONSOLIDADO_1PROJ.xlsx</t>
  </si>
  <si>
    <t>E:\BK_final\Vilarinho\Vilarinho - Trabalho\Segurança - Erica\2014\Orcamento\CAPEX\1PROJ\COMERCIAL\SEGURANCA PATRIMONIAL\CAPEX_2014_ORC_CML_PAT_CONSOLIDADO_1PROJ.xlsx</t>
  </si>
  <si>
    <t>CAPEX_2014_ORC_CML_PAT_GO_1PROJ.xlsx</t>
  </si>
  <si>
    <t>E:\BK_final\Vilarinho\Vilarinho - Trabalho\Segurança - Erica\2014\Orcamento\CAPEX\1PROJ\COMERCIAL\SEGURANCA PATRIMONIAL\CAPEX_2014_ORC_CML_PAT_GO_1PROJ.xlsx</t>
  </si>
  <si>
    <t>11/21/2019 16:40:56</t>
  </si>
  <si>
    <t>CAPEX_2014_ORC_CML_PAT_MG1_1PROJ.xlsx</t>
  </si>
  <si>
    <t>E:\BK_final\Vilarinho\Vilarinho - Trabalho\Segurança - Erica\2014\Orcamento\CAPEX\1PROJ\COMERCIAL\SEGURANCA PATRIMONIAL\CAPEX_2014_ORC_CML_PAT_MG1_1PROJ.xlsx</t>
  </si>
  <si>
    <t>11/21/2019 16:40:57</t>
  </si>
  <si>
    <t>CAPEX_2014_ORC_CML_PAT_MG2_1PROJ.xlsx</t>
  </si>
  <si>
    <t>E:\BK_final\Vilarinho\Vilarinho - Trabalho\Segurança - Erica\2014\Orcamento\CAPEX\1PROJ\COMERCIAL\SEGURANCA PATRIMONIAL\CAPEX_2014_ORC_CML_PAT_MG2_1PROJ.xlsx</t>
  </si>
  <si>
    <t>11/21/2019 16:40:58</t>
  </si>
  <si>
    <t>CAPEX_2014_ORC_CML_PAT_MS_1PROJ.xlsx</t>
  </si>
  <si>
    <t>E:\BK_final\Vilarinho\Vilarinho - Trabalho\Segurança - Erica\2014\Orcamento\CAPEX\1PROJ\COMERCIAL\SEGURANCA PATRIMONIAL\CAPEX_2014_ORC_CML_PAT_MS_1PROJ.xlsx</t>
  </si>
  <si>
    <t>11/21/2019 16:42:31</t>
  </si>
  <si>
    <t>11/21/2019 16:42:32</t>
  </si>
  <si>
    <t>CAPEX_2014_ORC_CML_PAT_MT_1PROJ.xlsx</t>
  </si>
  <si>
    <t>E:\BK_final\Vilarinho\Vilarinho - Trabalho\Segurança - Erica\2014\Orcamento\CAPEX\1PROJ\COMERCIAL\SEGURANCA PATRIMONIAL\CAPEX_2014_ORC_CML_PAT_MT_1PROJ.xlsx</t>
  </si>
  <si>
    <t>11/21/2019 16:42:33</t>
  </si>
  <si>
    <t>CAPEX_2014_ORC_CML_PAT_PR_1PROJ.xlsx</t>
  </si>
  <si>
    <t>E:\BK_final\Vilarinho\Vilarinho - Trabalho\Segurança - Erica\2014\Orcamento\CAPEX\1PROJ\COMERCIAL\SEGURANCA PATRIMONIAL\CAPEX_2014_ORC_CML_PAT_PR_1PROJ.xlsx</t>
  </si>
  <si>
    <t>11/21/2019 16:42:34</t>
  </si>
  <si>
    <t>CAPEX_2014_ORC_CML_PAT_SP1_1PROJ.xlsx</t>
  </si>
  <si>
    <t>E:\BK_final\Vilarinho\Vilarinho - Trabalho\Segurança - Erica\2014\Orcamento\CAPEX\1PROJ\COMERCIAL\SEGURANCA PATRIMONIAL\CAPEX_2014_ORC_CML_PAT_SP1_1PROJ.xlsx</t>
  </si>
  <si>
    <t>11/21/2019 16:42:35</t>
  </si>
  <si>
    <t>CAPEX_2014_ORC_CML_PAT_SP2_1PROJ.xlsx</t>
  </si>
  <si>
    <t>E:\BK_final\Vilarinho\Vilarinho - Trabalho\Segurança - Erica\2014\Orcamento\CAPEX\1PROJ\COMERCIAL\SEGURANCA PATRIMONIAL\CAPEX_2014_ORC_CML_PAT_SP2_1PROJ.xlsx</t>
  </si>
  <si>
    <t>D:\2014\Orcamento\CAPEX\1PROJ\OPERACAO\</t>
  </si>
  <si>
    <t>CAPEX_2014_ORC_OPE_CONSOLIDADO_1PROJ.xlsx</t>
  </si>
  <si>
    <t>E:\BK_final\Vilarinho\Vilarinho - Trabalho\Segurança - Erica\2014\Orcamento\CAPEX\1PROJ\OPERACAO\CAPEX_2014_ORC_OPE_CONSOLIDADO_1PROJ.xlsx</t>
  </si>
  <si>
    <t>D:\2014\Orcamento\CAPEX\1PROJ\OPERACAO\SEGURANCA DOCUMENTAL\</t>
  </si>
  <si>
    <t>CAPEX_2014_ORC_OPE_SEDOC_CONSOLIDADO_1PROJ.xlsx</t>
  </si>
  <si>
    <t>E:\BK_final\Vilarinho\Vilarinho - Trabalho\Segurança - Erica\2014\Orcamento\CAPEX\1PROJ\OPERACAO\SEGURANCA DOCUMENTAL\CAPEX_2014_ORC_OPE_SEDOC_CONSOLIDADO_1PROJ.xlsx</t>
  </si>
  <si>
    <t>11/21/2019 16:42:36</t>
  </si>
  <si>
    <t>CAPEX_2014_ORC_OPE_SEDOC_MG1_1PROJ.xlsx</t>
  </si>
  <si>
    <t>E:\BK_final\Vilarinho\Vilarinho - Trabalho\Segurança - Erica\2014\Orcamento\CAPEX\1PROJ\OPERACAO\SEGURANCA DOCUMENTAL\CAPEX_2014_ORC_OPE_SEDOC_MG1_1PROJ.xlsx</t>
  </si>
  <si>
    <t>CAPEX_2014_ORC_OPE_SEDOC_SP1_1PROJ.xlsx</t>
  </si>
  <si>
    <t>E:\BK_final\Vilarinho\Vilarinho - Trabalho\Segurança - Erica\2014\Orcamento\CAPEX\1PROJ\OPERACAO\SEGURANCA DOCUMENTAL\CAPEX_2014_ORC_OPE_SEDOC_SP1_1PROJ.xlsx</t>
  </si>
  <si>
    <t>CAPEX_2014_ORC_OPE_SUP_SEDOC_1PROJ.xlsx</t>
  </si>
  <si>
    <t>E:\BK_final\Vilarinho\Vilarinho - Trabalho\Segurança - Erica\2014\Orcamento\CAPEX\1PROJ\OPERACAO\SEGURANCA DOCUMENTAL\CAPEX_2014_ORC_OPE_SUP_SEDOC_1PROJ.xlsx</t>
  </si>
  <si>
    <t>11/21/2019 16:42:37</t>
  </si>
  <si>
    <t>D:\2014\Orcamento\CAPEX\1PROJ\OPERACAO\SEGURANCA ELETRONICA\</t>
  </si>
  <si>
    <t>CAPEX_2014_ORC_OPE_ELE_ATEND_ALARME_1PROJ.xlsx</t>
  </si>
  <si>
    <t>E:\BK_final\Vilarinho\Vilarinho - Trabalho\Segurança - Erica\2014\Orcamento\CAPEX\1PROJ\OPERACAO\SEGURANCA ELETRONICA\CAPEX_2014_ORC_OPE_ELE_ATEND_ALARME_1PROJ.xlsx</t>
  </si>
  <si>
    <t>11/21/2019 16:42:38</t>
  </si>
  <si>
    <t>CAPEX_2014_ORC_OPE_ELE_CONSOLIDADO_1PROJ.xlsx</t>
  </si>
  <si>
    <t>E:\BK_final\Vilarinho\Vilarinho - Trabalho\Segurança - Erica\2014\Orcamento\CAPEX\1PROJ\OPERACAO\SEGURANCA ELETRONICA\CAPEX_2014_ORC_OPE_ELE_CONSOLIDADO_1PROJ.xlsx</t>
  </si>
  <si>
    <t>CAPEX_2014_ORC_OPE_ELE_MONITORAMENTO_1PROJ.xlsx</t>
  </si>
  <si>
    <t>E:\BK_final\Vilarinho\Vilarinho - Trabalho\Segurança - Erica\2014\Orcamento\CAPEX\1PROJ\OPERACAO\SEGURANCA ELETRONICA\CAPEX_2014_ORC_OPE_ELE_MONITORAMENTO_1PROJ.xlsx</t>
  </si>
  <si>
    <t>11/21/2019 16:42:39</t>
  </si>
  <si>
    <t>CAPEX_2014_ORC_OPE_ELE_PROJETOS_1PROJ.xlsx</t>
  </si>
  <si>
    <t>E:\BK_final\Vilarinho\Vilarinho - Trabalho\Segurança - Erica\2014\Orcamento\CAPEX\1PROJ\OPERACAO\SEGURANCA ELETRONICA\CAPEX_2014_ORC_OPE_ELE_PROJETOS_1PROJ.xlsx</t>
  </si>
  <si>
    <t>11/21/2019 16:42:40</t>
  </si>
  <si>
    <t>CAPEX_2014_ORC_OPE_ELE_SAC_1PROJ.xlsx</t>
  </si>
  <si>
    <t>E:\BK_final\Vilarinho\Vilarinho - Trabalho\Segurança - Erica\2014\Orcamento\CAPEX\1PROJ\OPERACAO\SEGURANCA ELETRONICA\CAPEX_2014_ORC_OPE_ELE_SAC_1PROJ.xlsx</t>
  </si>
  <si>
    <t>CAPEX_2014_ORC_OPE_ELE_TECNICA_1PROJ.xlsx</t>
  </si>
  <si>
    <t>E:\BK_final\Vilarinho\Vilarinho - Trabalho\Segurança - Erica\2014\Orcamento\CAPEX\1PROJ\OPERACAO\SEGURANCA ELETRONICA\CAPEX_2014_ORC_OPE_ELE_TECNICA_1PROJ.xlsx</t>
  </si>
  <si>
    <t>11/21/2019 16:42:41</t>
  </si>
  <si>
    <t>CAPEX_2014_ORC_OPE_SUP_ELE_1PROJ.xlsx</t>
  </si>
  <si>
    <t>E:\BK_final\Vilarinho\Vilarinho - Trabalho\Segurança - Erica\2014\Orcamento\CAPEX\1PROJ\OPERACAO\SEGURANCA ELETRONICA\CAPEX_2014_ORC_OPE_SUP_ELE_1PROJ.xlsx</t>
  </si>
  <si>
    <t>D:\2014\Orcamento\CAPEX\1PROJ\OPERACAO\SEGURANCA PATRIMONIAL\</t>
  </si>
  <si>
    <t>CAPEX_2014_ORC_OPE_PAT_CONSOLIDADO_1PROJ.xlsx</t>
  </si>
  <si>
    <t>E:\BK_final\Vilarinho\Vilarinho - Trabalho\Segurança - Erica\2014\Orcamento\CAPEX\1PROJ\OPERACAO\SEGURANCA PATRIMONIAL\CAPEX_2014_ORC_OPE_PAT_CONSOLIDADO_1PROJ.xlsx</t>
  </si>
  <si>
    <t>CAPEX_2014_ORC_OPE_PAT_GO_1PROJ.xlsx</t>
  </si>
  <si>
    <t>E:\BK_final\Vilarinho\Vilarinho - Trabalho\Segurança - Erica\2014\Orcamento\CAPEX\1PROJ\OPERACAO\SEGURANCA PATRIMONIAL\CAPEX_2014_ORC_OPE_PAT_GO_1PROJ.xlsx</t>
  </si>
  <si>
    <t>CAPEX_2014_ORC_OPE_PAT_MG1_1PROJ.xlsx</t>
  </si>
  <si>
    <t>E:\BK_final\Vilarinho\Vilarinho - Trabalho\Segurança - Erica\2014\Orcamento\CAPEX\1PROJ\OPERACAO\SEGURANCA PATRIMONIAL\CAPEX_2014_ORC_OPE_PAT_MG1_1PROJ.xlsx</t>
  </si>
  <si>
    <t>CAPEX_2014_ORC_OPE_PAT_MG2_1PROJ.xlsx</t>
  </si>
  <si>
    <t>E:\BK_final\Vilarinho\Vilarinho - Trabalho\Segurança - Erica\2014\Orcamento\CAPEX\1PROJ\OPERACAO\SEGURANCA PATRIMONIAL\CAPEX_2014_ORC_OPE_PAT_MG2_1PROJ.xlsx</t>
  </si>
  <si>
    <t>11/21/2019 16:42:42</t>
  </si>
  <si>
    <t>CAPEX_2014_ORC_OPE_PAT_MS_1PROJ.xlsx</t>
  </si>
  <si>
    <t>E:\BK_final\Vilarinho\Vilarinho - Trabalho\Segurança - Erica\2014\Orcamento\CAPEX\1PROJ\OPERACAO\SEGURANCA PATRIMONIAL\CAPEX_2014_ORC_OPE_PAT_MS_1PROJ.xlsx</t>
  </si>
  <si>
    <t>CAPEX_2014_ORC_OPE_PAT_MT_1PROJ.xlsx</t>
  </si>
  <si>
    <t>E:\BK_final\Vilarinho\Vilarinho - Trabalho\Segurança - Erica\2014\Orcamento\CAPEX\1PROJ\OPERACAO\SEGURANCA PATRIMONIAL\CAPEX_2014_ORC_OPE_PAT_MT_1PROJ.xlsx</t>
  </si>
  <si>
    <t>CAPEX_2014_ORC_OPE_PAT_PR_1PROJ.xlsx</t>
  </si>
  <si>
    <t>E:\BK_final\Vilarinho\Vilarinho - Trabalho\Segurança - Erica\2014\Orcamento\CAPEX\1PROJ\OPERACAO\SEGURANCA PATRIMONIAL\CAPEX_2014_ORC_OPE_PAT_PR_1PROJ.xlsx</t>
  </si>
  <si>
    <t>11/21/2019 16:42:43</t>
  </si>
  <si>
    <t>CAPEX_2014_ORC_OPE_PAT_SP1_1PROJ.xlsx</t>
  </si>
  <si>
    <t>E:\BK_final\Vilarinho\Vilarinho - Trabalho\Segurança - Erica\2014\Orcamento\CAPEX\1PROJ\OPERACAO\SEGURANCA PATRIMONIAL\CAPEX_2014_ORC_OPE_PAT_SP1_1PROJ.xlsx</t>
  </si>
  <si>
    <t>CAPEX_2014_ORC_OPE_PAT_SP2_1PROJ.xlsx</t>
  </si>
  <si>
    <t>E:\BK_final\Vilarinho\Vilarinho - Trabalho\Segurança - Erica\2014\Orcamento\CAPEX\1PROJ\OPERACAO\SEGURANCA PATRIMONIAL\CAPEX_2014_ORC_OPE_PAT_SP2_1PROJ.xlsx</t>
  </si>
  <si>
    <t>11/21/2019 16:42:45</t>
  </si>
  <si>
    <t>D:\2014\Orcamento\CAPEX\1PROJ\OPERACAO\SEGURANCA PATRIMONIAL\AFASTAMENTO_FERIAS\</t>
  </si>
  <si>
    <t>CAPEX_2014_ORC_SUP_PAT_AFAST_FERIAS_CONSOLIDADO_OFICIAL.xlsx</t>
  </si>
  <si>
    <t>E:\BK_final\Vilarinho\Vilarinho - Trabalho\Segurança - Erica\2014\Orcamento\CAPEX\1PROJ\OPERACAO\SEGURANCA PATRIMONIAL\AFASTAMENTO_FERIAS\CAPEX_2014_ORC_SUP_PAT_AFAST_FERIAS_CONSOLIDADO_OFICIAL.xlsx</t>
  </si>
  <si>
    <t>11/21/2019 16:42:46</t>
  </si>
  <si>
    <t>CAPEX_2014_ORC_SUP_PAT_AFAST_FERIAS_GO_OFICIAL.xlsx</t>
  </si>
  <si>
    <t>E:\BK_final\Vilarinho\Vilarinho - Trabalho\Segurança - Erica\2014\Orcamento\CAPEX\1PROJ\OPERACAO\SEGURANCA PATRIMONIAL\AFASTAMENTO_FERIAS\CAPEX_2014_ORC_SUP_PAT_AFAST_FERIAS_GO_OFICIAL.xlsx</t>
  </si>
  <si>
    <t>CAPEX_2014_ORC_SUP_PAT_AFAST_FERIAS_MG1_OFICIAL.xlsx</t>
  </si>
  <si>
    <t>E:\BK_final\Vilarinho\Vilarinho - Trabalho\Segurança - Erica\2014\Orcamento\CAPEX\1PROJ\OPERACAO\SEGURANCA PATRIMONIAL\AFASTAMENTO_FERIAS\CAPEX_2014_ORC_SUP_PAT_AFAST_FERIAS_MG1_OFICIAL.xlsx</t>
  </si>
  <si>
    <t>CAPEX_2014_ORC_SUP_PAT_AFAST_FERIAS_MG2_OFICIAL.xlsx</t>
  </si>
  <si>
    <t>E:\BK_final\Vilarinho\Vilarinho - Trabalho\Segurança - Erica\2014\Orcamento\CAPEX\1PROJ\OPERACAO\SEGURANCA PATRIMONIAL\AFASTAMENTO_FERIAS\CAPEX_2014_ORC_SUP_PAT_AFAST_FERIAS_MG2_OFICIAL.xlsx</t>
  </si>
  <si>
    <t>11/21/2019 16:42:47</t>
  </si>
  <si>
    <t>CAPEX_2014_ORC_SUP_PAT_AFAST_FERIAS_MS_OFICIAL.xlsx</t>
  </si>
  <si>
    <t>E:\BK_final\Vilarinho\Vilarinho - Trabalho\Segurança - Erica\2014\Orcamento\CAPEX\1PROJ\OPERACAO\SEGURANCA PATRIMONIAL\AFASTAMENTO_FERIAS\CAPEX_2014_ORC_SUP_PAT_AFAST_FERIAS_MS_OFICIAL.xlsx</t>
  </si>
  <si>
    <t>CAPEX_2014_ORC_SUP_PAT_AFAST_FERIAS_MT_OFICIAL.xlsx</t>
  </si>
  <si>
    <t>E:\BK_final\Vilarinho\Vilarinho - Trabalho\Segurança - Erica\2014\Orcamento\CAPEX\1PROJ\OPERACAO\SEGURANCA PATRIMONIAL\AFASTAMENTO_FERIAS\CAPEX_2014_ORC_SUP_PAT_AFAST_FERIAS_MT_OFICIAL.xlsx</t>
  </si>
  <si>
    <t>CAPEX_2014_ORC_SUP_PAT_AFAST_FERIAS_PR_OFICIAL.xlsx</t>
  </si>
  <si>
    <t>E:\BK_final\Vilarinho\Vilarinho - Trabalho\Segurança - Erica\2014\Orcamento\CAPEX\1PROJ\OPERACAO\SEGURANCA PATRIMONIAL\AFASTAMENTO_FERIAS\CAPEX_2014_ORC_SUP_PAT_AFAST_FERIAS_PR_OFICIAL.xlsx</t>
  </si>
  <si>
    <t>CAPEX_2014_ORC_SUP_PAT_AFAST_FERIAS_SP1_OFICIAL.xlsx</t>
  </si>
  <si>
    <t>E:\BK_final\Vilarinho\Vilarinho - Trabalho\Segurança - Erica\2014\Orcamento\CAPEX\1PROJ\OPERACAO\SEGURANCA PATRIMONIAL\AFASTAMENTO_FERIAS\CAPEX_2014_ORC_SUP_PAT_AFAST_FERIAS_SP1_OFICIAL.xlsx</t>
  </si>
  <si>
    <t>CAPEX_2014_ORC_SUP_PAT_AFAST_FERIAS_SP2_OFICIAL.xlsx</t>
  </si>
  <si>
    <t>E:\BK_final\Vilarinho\Vilarinho - Trabalho\Segurança - Erica\2014\Orcamento\CAPEX\1PROJ\OPERACAO\SEGURANCA PATRIMONIAL\AFASTAMENTO_FERIAS\CAPEX_2014_ORC_SUP_PAT_AFAST_FERIAS_SP2_OFICIAL.xlsx</t>
  </si>
  <si>
    <t>11/21/2019 16:42:49</t>
  </si>
  <si>
    <t>D:\2014\Orcamento\CAPEX\1PROJ\OPERACAO\SUPERVISAO PATRIMONIAL\</t>
  </si>
  <si>
    <t>CAPEX_2014_ORC_SUP_PAT_CONSOLIDADO_1PROJ.xlsx</t>
  </si>
  <si>
    <t>E:\BK_final\Vilarinho\Vilarinho - Trabalho\Segurança - Erica\2014\Orcamento\CAPEX\1PROJ\OPERACAO\SUPERVISAO PATRIMONIAL\CAPEX_2014_ORC_SUP_PAT_CONSOLIDADO_1PROJ.xlsx</t>
  </si>
  <si>
    <t>CAPEX_2014_ORC_SUP_PAT_RESUMO_1PROJ.xlsx</t>
  </si>
  <si>
    <t>E:\BK_final\Vilarinho\Vilarinho - Trabalho\Segurança - Erica\2014\Orcamento\CAPEX\1PROJ\OPERACAO\SUPERVISAO PATRIMONIAL\CAPEX_2014_ORC_SUP_PAT_RESUMO_1PROJ.xlsx</t>
  </si>
  <si>
    <t>D:\2014\Orcamento\CAPEX\1PROJ\OPERACAO\SUPERVISAO PATRIMONIAL\ACADEMIA\</t>
  </si>
  <si>
    <t>CAPEX_2014_ORC_SUP_PAT_ACADEMIA_1PROJ.xlsx</t>
  </si>
  <si>
    <t>E:\BK_final\Vilarinho\Vilarinho - Trabalho\Segurança - Erica\2014\Orcamento\CAPEX\1PROJ\OPERACAO\SUPERVISAO PATRIMONIAL\ACADEMIA\CAPEX_2014_ORC_SUP_PAT_ACADEMIA_1PROJ.xlsx</t>
  </si>
  <si>
    <t>D:\2014\Orcamento\CAPEX\1PROJ\OPERACAO\SUPERVISAO PATRIMONIAL\CENTRAL\</t>
  </si>
  <si>
    <t>CAPEX_2014_ORC_SUP_PAT_CENTRAL_CONSOLIDADO_1PROJ.xlsx</t>
  </si>
  <si>
    <t>E:\BK_final\Vilarinho\Vilarinho - Trabalho\Segurança - Erica\2014\Orcamento\CAPEX\1PROJ\OPERACAO\SUPERVISAO PATRIMONIAL\CENTRAL\CAPEX_2014_ORC_SUP_PAT_CENTRAL_CONSOLIDADO_1PROJ.xlsx</t>
  </si>
  <si>
    <t>CAPEX_2014_ORC_SUP_PAT_CENTRAL_GO_1PROJ.xlsx</t>
  </si>
  <si>
    <t>E:\BK_final\Vilarinho\Vilarinho - Trabalho\Segurança - Erica\2014\Orcamento\CAPEX\1PROJ\OPERACAO\SUPERVISAO PATRIMONIAL\CENTRAL\CAPEX_2014_ORC_SUP_PAT_CENTRAL_GO_1PROJ.xlsx</t>
  </si>
  <si>
    <t>11/21/2019 16:42:50</t>
  </si>
  <si>
    <t>CAPEX_2014_ORC_SUP_PAT_CENTRAL_MG1_1PROJ.xlsx</t>
  </si>
  <si>
    <t>E:\BK_final\Vilarinho\Vilarinho - Trabalho\Segurança - Erica\2014\Orcamento\CAPEX\1PROJ\OPERACAO\SUPERVISAO PATRIMONIAL\CENTRAL\CAPEX_2014_ORC_SUP_PAT_CENTRAL_MG1_1PROJ.xlsx</t>
  </si>
  <si>
    <t>CAPEX_2014_ORC_SUP_PAT_CENTRAL_MG2_1PROJ.xlsx</t>
  </si>
  <si>
    <t>E:\BK_final\Vilarinho\Vilarinho - Trabalho\Segurança - Erica\2014\Orcamento\CAPEX\1PROJ\OPERACAO\SUPERVISAO PATRIMONIAL\CENTRAL\CAPEX_2014_ORC_SUP_PAT_CENTRAL_MG2_1PROJ.xlsx</t>
  </si>
  <si>
    <t>CAPEX_2014_ORC_SUP_PAT_CENTRAL_MS_1PROJ.xlsx</t>
  </si>
  <si>
    <t>E:\BK_final\Vilarinho\Vilarinho - Trabalho\Segurança - Erica\2014\Orcamento\CAPEX\1PROJ\OPERACAO\SUPERVISAO PATRIMONIAL\CENTRAL\CAPEX_2014_ORC_SUP_PAT_CENTRAL_MS_1PROJ.xlsx</t>
  </si>
  <si>
    <t>11/21/2019 16:42:51</t>
  </si>
  <si>
    <t>CAPEX_2014_ORC_SUP_PAT_CENTRAL_MT_1PROJ.xlsx</t>
  </si>
  <si>
    <t>E:\BK_final\Vilarinho\Vilarinho - Trabalho\Segurança - Erica\2014\Orcamento\CAPEX\1PROJ\OPERACAO\SUPERVISAO PATRIMONIAL\CENTRAL\CAPEX_2014_ORC_SUP_PAT_CENTRAL_MT_1PROJ.xlsx</t>
  </si>
  <si>
    <t>CAPEX_2014_ORC_SUP_PAT_CENTRAL_PR_1PROJ.xlsx</t>
  </si>
  <si>
    <t>E:\BK_final\Vilarinho\Vilarinho - Trabalho\Segurança - Erica\2014\Orcamento\CAPEX\1PROJ\OPERACAO\SUPERVISAO PATRIMONIAL\CENTRAL\CAPEX_2014_ORC_SUP_PAT_CENTRAL_PR_1PROJ.xlsx</t>
  </si>
  <si>
    <t>11/21/2019 16:42:52</t>
  </si>
  <si>
    <t>CAPEX_2014_ORC_SUP_PAT_CENTRAL_SP1_1PROJ.xlsx</t>
  </si>
  <si>
    <t>E:\BK_final\Vilarinho\Vilarinho - Trabalho\Segurança - Erica\2014\Orcamento\CAPEX\1PROJ\OPERACAO\SUPERVISAO PATRIMONIAL\CENTRAL\CAPEX_2014_ORC_SUP_PAT_CENTRAL_SP1_1PROJ.xlsx</t>
  </si>
  <si>
    <t>11/21/2019 16:42:53</t>
  </si>
  <si>
    <t>CAPEX_2014_ORC_SUP_PAT_CENTRAL_SP2_1PROJ.xlsx</t>
  </si>
  <si>
    <t>E:\BK_final\Vilarinho\Vilarinho - Trabalho\Segurança - Erica\2014\Orcamento\CAPEX\1PROJ\OPERACAO\SUPERVISAO PATRIMONIAL\CENTRAL\CAPEX_2014_ORC_SUP_PAT_CENTRAL_SP2_1PROJ.xlsx</t>
  </si>
  <si>
    <t>11/21/2019 16:42:54</t>
  </si>
  <si>
    <t>D:\2014\Orcamento\CAPEX\1PROJ\OPERACAO\SUPERVISAO PATRIMONIAL\GESTAO ONLINE\</t>
  </si>
  <si>
    <t>CAPEX_2014_ORC_SUP_PAT_GO_1PROJ.xlsx</t>
  </si>
  <si>
    <t>E:\BK_final\Vilarinho\Vilarinho - Trabalho\Segurança - Erica\2014\Orcamento\CAPEX\1PROJ\OPERACAO\SUPERVISAO PATRIMONIAL\GESTAO ONLINE\CAPEX_2014_ORC_SUP_PAT_GO_1PROJ.xlsx</t>
  </si>
  <si>
    <t>11/21/2019 16:42:55</t>
  </si>
  <si>
    <t>D:\2014\Orcamento\CAPEX\1PROJ\OPERACAO\SUPERVISAO PATRIMONIAL\OPERACIONAL\</t>
  </si>
  <si>
    <t>CAPEX_2014_ORC_SUP_PAT_OPERACIONAL_CONSOLIDADO_1PROJ.xlsx</t>
  </si>
  <si>
    <t>E:\BK_final\Vilarinho\Vilarinho - Trabalho\Segurança - Erica\2014\Orcamento\CAPEX\1PROJ\OPERACAO\SUPERVISAO PATRIMONIAL\OPERACIONAL\CAPEX_2014_ORC_SUP_PAT_OPERACIONAL_CONSOLIDADO_1PROJ.xlsx</t>
  </si>
  <si>
    <t>CAPEX_2014_ORC_SUP_PAT_OPERACIONAL_GO_1PROJ.xlsx</t>
  </si>
  <si>
    <t>E:\BK_final\Vilarinho\Vilarinho - Trabalho\Segurança - Erica\2014\Orcamento\CAPEX\1PROJ\OPERACAO\SUPERVISAO PATRIMONIAL\OPERACIONAL\CAPEX_2014_ORC_SUP_PAT_OPERACIONAL_GO_1PROJ.xlsx</t>
  </si>
  <si>
    <t>CAPEX_2014_ORC_SUP_PAT_OPERACIONAL_MG2_1PROJ.xlsx</t>
  </si>
  <si>
    <t>E:\BK_final\Vilarinho\Vilarinho - Trabalho\Segurança - Erica\2014\Orcamento\CAPEX\1PROJ\OPERACAO\SUPERVISAO PATRIMONIAL\OPERACIONAL\CAPEX_2014_ORC_SUP_PAT_OPERACIONAL_MG2_1PROJ.xlsx</t>
  </si>
  <si>
    <t>CAPEX_2014_ORC_SUP_PAT_OPERACIONAL_MG1_1PROJ.xlsx</t>
  </si>
  <si>
    <t>E:\BK_final\Vilarinho\Vilarinho - Trabalho\Segurança - Erica\2014\Orcamento\CAPEX\1PROJ\OPERACAO\SUPERVISAO PATRIMONIAL\OPERACIONAL\CAPEX_2014_ORC_SUP_PAT_OPERACIONAL_MG1_1PROJ.xlsx</t>
  </si>
  <si>
    <t>CAPEX_2014_ORC_SUP_PAT_OPERACIONAL_MS_1PROJ.xlsx</t>
  </si>
  <si>
    <t>E:\BK_final\Vilarinho\Vilarinho - Trabalho\Segurança - Erica\2014\Orcamento\CAPEX\1PROJ\OPERACAO\SUPERVISAO PATRIMONIAL\OPERACIONAL\CAPEX_2014_ORC_SUP_PAT_OPERACIONAL_MS_1PROJ.xlsx</t>
  </si>
  <si>
    <t>11/21/2019 16:42:56</t>
  </si>
  <si>
    <t>CAPEX_2014_ORC_SUP_PAT_OPERACIONAL_MT_1PROJ.xlsx</t>
  </si>
  <si>
    <t>E:\BK_final\Vilarinho\Vilarinho - Trabalho\Segurança - Erica\2014\Orcamento\CAPEX\1PROJ\OPERACAO\SUPERVISAO PATRIMONIAL\OPERACIONAL\CAPEX_2014_ORC_SUP_PAT_OPERACIONAL_MT_1PROJ.xlsx</t>
  </si>
  <si>
    <t>CAPEX_2014_ORC_SUP_PAT_OPERACIONAL_PR_1PROJ.xlsx</t>
  </si>
  <si>
    <t>E:\BK_final\Vilarinho\Vilarinho - Trabalho\Segurança - Erica\2014\Orcamento\CAPEX\1PROJ\OPERACAO\SUPERVISAO PATRIMONIAL\OPERACIONAL\CAPEX_2014_ORC_SUP_PAT_OPERACIONAL_PR_1PROJ.xlsx</t>
  </si>
  <si>
    <t>CAPEX_2014_ORC_SUP_PAT_OPERACIONAL_SP1_1PROJ.xlsx</t>
  </si>
  <si>
    <t>E:\BK_final\Vilarinho\Vilarinho - Trabalho\Segurança - Erica\2014\Orcamento\CAPEX\1PROJ\OPERACAO\SUPERVISAO PATRIMONIAL\OPERACIONAL\CAPEX_2014_ORC_SUP_PAT_OPERACIONAL_SP1_1PROJ.xlsx</t>
  </si>
  <si>
    <t>CAPEX_2014_ORC_SUP_PAT_OPERACIONAL_SP2_1PROJ.xlsx</t>
  </si>
  <si>
    <t>E:\BK_final\Vilarinho\Vilarinho - Trabalho\Segurança - Erica\2014\Orcamento\CAPEX\1PROJ\OPERACAO\SUPERVISAO PATRIMONIAL\OPERACIONAL\CAPEX_2014_ORC_SUP_PAT_OPERACIONAL_SP2_1PROJ.xlsx</t>
  </si>
  <si>
    <t>D:\2014\Orcamento\CAPEX\1PROJ\STAFF\</t>
  </si>
  <si>
    <t>CAPEX_2014_ORC_ADM_AGPI_1PROJ.xlsx</t>
  </si>
  <si>
    <t>E:\BK_final\Vilarinho\Vilarinho - Trabalho\Segurança - Erica\2014\Orcamento\CAPEX\1PROJ\STAFF\CAPEX_2014_ORC_ADM_AGPI_1PROJ.xlsx</t>
  </si>
  <si>
    <t>11/21/2019 16:42:57</t>
  </si>
  <si>
    <t>CAPEX_2014_ORC_ADM_COMITE_INOVACAO_1PROJ.xlsx</t>
  </si>
  <si>
    <t>E:\BK_final\Vilarinho\Vilarinho - Trabalho\Segurança - Erica\2014\Orcamento\CAPEX\1PROJ\STAFF\CAPEX_2014_ORC_ADM_COMITE_INOVACAO_1PROJ.xlsx</t>
  </si>
  <si>
    <t>CAPEX_2014_ORC_ADM_CONSOLIDADO_1PROJ.xlsx</t>
  </si>
  <si>
    <t>E:\BK_final\Vilarinho\Vilarinho - Trabalho\Segurança - Erica\2014\Orcamento\CAPEX\1PROJ\STAFF\CAPEX_2014_ORC_ADM_CONSOLIDADO_1PROJ.xlsx</t>
  </si>
  <si>
    <t>CAPEX_2014_ORC_ADM_CORPORATIVO_1PROJ.xlsx</t>
  </si>
  <si>
    <t>E:\BK_final\Vilarinho\Vilarinho - Trabalho\Segurança - Erica\2014\Orcamento\CAPEX\1PROJ\STAFF\CAPEX_2014_ORC_ADM_CORPORATIVO_1PROJ.xlsx</t>
  </si>
  <si>
    <t>11/21/2019 16:44:00</t>
  </si>
  <si>
    <t>11/21/2019 16:45:28</t>
  </si>
  <si>
    <t>Y:\financeiro_ula\FATURAMENTO\22. Controle TIM\7.Controle PO e FS\</t>
  </si>
  <si>
    <t>11.CONSOLIDADO PLAN TIM -CRIAÇAO FS 2019 OFICIAL1.v2.xlsx</t>
  </si>
  <si>
    <t>11/21/2019 16:48:29</t>
  </si>
  <si>
    <t>CAPEX_2014_ORC_ADM_CSC_1PROJ.xlsx</t>
  </si>
  <si>
    <t>E:\BK_final\Vilarinho\Vilarinho - Trabalho\Segurança - Erica\2014\Orcamento\CAPEX\1PROJ\STAFF\CAPEX_2014_ORC_ADM_CSC_1PROJ.xlsx</t>
  </si>
  <si>
    <t>CAPEX_2014_ORC_ADM_DIRETORIA_1PROJ.xlsx</t>
  </si>
  <si>
    <t>E:\BK_final\Vilarinho\Vilarinho - Trabalho\Segurança - Erica\2014\Orcamento\CAPEX\1PROJ\STAFF\CAPEX_2014_ORC_ADM_DIRETORIA_1PROJ.xlsx</t>
  </si>
  <si>
    <t>11/21/2019 16:42:58</t>
  </si>
  <si>
    <t>CAPEX_2014_ORC_ADM_FINANCEIRO_1PROJ.xlsx</t>
  </si>
  <si>
    <t>E:\BK_final\Vilarinho\Vilarinho - Trabalho\Segurança - Erica\2014\Orcamento\CAPEX\1PROJ\STAFF\CAPEX_2014_ORC_ADM_FINANCEIRO_1PROJ.xlsx</t>
  </si>
  <si>
    <t>CAPEX_2014_ORC_ADM_HOLDING_1PROJ.xlsx</t>
  </si>
  <si>
    <t>E:\BK_final\Vilarinho\Vilarinho - Trabalho\Segurança - Erica\2014\Orcamento\CAPEX\1PROJ\STAFF\CAPEX_2014_ORC_ADM_HOLDING_1PROJ.xlsx</t>
  </si>
  <si>
    <t>CAPEX_2014_ORC_ADM_JURIDICO_1PROJ.xlsx</t>
  </si>
  <si>
    <t>E:\BK_final\Vilarinho\Vilarinho - Trabalho\Segurança - Erica\2014\Orcamento\CAPEX\1PROJ\STAFF\CAPEX_2014_ORC_ADM_JURIDICO_1PROJ.xlsx</t>
  </si>
  <si>
    <t>CAPEX_2014_ORC_ADM_SESMT_1PROJ.xlsx</t>
  </si>
  <si>
    <t>E:\BK_final\Vilarinho\Vilarinho - Trabalho\Segurança - Erica\2014\Orcamento\CAPEX\1PROJ\STAFF\CAPEX_2014_ORC_ADM_SESMT_1PROJ.xlsx</t>
  </si>
  <si>
    <t>CAPEX_2014_ORC_ADM_TH_1PROJ.xlsx</t>
  </si>
  <si>
    <t>E:\BK_final\Vilarinho\Vilarinho - Trabalho\Segurança - Erica\2014\Orcamento\CAPEX\1PROJ\STAFF\CAPEX_2014_ORC_ADM_TH_1PROJ.xlsx</t>
  </si>
  <si>
    <t>11/21/2019 16:42:59</t>
  </si>
  <si>
    <t>CAPEX_2014_ORC_ADM_TI_1PROJ.xlsx</t>
  </si>
  <si>
    <t>E:\BK_final\Vilarinho\Vilarinho - Trabalho\Segurança - Erica\2014\Orcamento\CAPEX\1PROJ\STAFF\CAPEX_2014_ORC_ADM_TI_1PROJ.xlsx</t>
  </si>
  <si>
    <t>11/21/2019 16:43:00</t>
  </si>
  <si>
    <t>D:\2014\Orcamento\CAPEX\2PROJ\</t>
  </si>
  <si>
    <t>CAPEX_2014_ORC_CONSOLIDADO_2PROJ.xlsx</t>
  </si>
  <si>
    <t>E:\BK_final\Vilarinho\Vilarinho - Trabalho\Segurança - Erica\2014\Orcamento\CAPEX\2PROJ\CAPEX_2014_ORC_CONSOLIDADO_2PROJ.xlsx</t>
  </si>
  <si>
    <t>D:\2014\Orcamento\CAPEX\2PROJ\COMERCIAL\</t>
  </si>
  <si>
    <t>CAPEX_2014_ORC_CML_CONSOLIDADO_2PROJ.xlsx</t>
  </si>
  <si>
    <t>E:\BK_final\Vilarinho\Vilarinho - Trabalho\Segurança - Erica\2014\Orcamento\CAPEX\2PROJ\COMERCIAL\CAPEX_2014_ORC_CML_CONSOLIDADO_2PROJ.xlsx</t>
  </si>
  <si>
    <t>D:\2014\Orcamento\CAPEX\2PROJ\COMERCIAL\SEGURANCA DOCUMENTAL\</t>
  </si>
  <si>
    <t>CAPEX_2014_ORC_CML_SEDOC_2PROJ.xlsx</t>
  </si>
  <si>
    <t>E:\BK_final\Vilarinho\Vilarinho - Trabalho\Segurança - Erica\2014\Orcamento\CAPEX\2PROJ\COMERCIAL\SEGURANCA DOCUMENTAL\CAPEX_2014_ORC_CML_SEDOC_2PROJ.xlsx</t>
  </si>
  <si>
    <t>D:\2014\Orcamento\CAPEX\2PROJ\COMERCIAL\SEGURANCA ELETRONICA\</t>
  </si>
  <si>
    <t>CAPEX_2014_ORC_CML_ELE_CONSOLIDADO_2PROJ.xlsx</t>
  </si>
  <si>
    <t>E:\BK_final\Vilarinho\Vilarinho - Trabalho\Segurança - Erica\2014\Orcamento\CAPEX\2PROJ\COMERCIAL\SEGURANCA ELETRONICA\CAPEX_2014_ORC_CML_ELE_CONSOLIDADO_2PROJ.xlsx</t>
  </si>
  <si>
    <t>CAPEX_2014_ORC_CML_ELE_MONITORAMENTO_2PROJ.xlsx</t>
  </si>
  <si>
    <t>E:\BK_final\Vilarinho\Vilarinho - Trabalho\Segurança - Erica\2014\Orcamento\CAPEX\2PROJ\COMERCIAL\SEGURANCA ELETRONICA\CAPEX_2014_ORC_CML_ELE_MONITORAMENTO_2PROJ.xlsx</t>
  </si>
  <si>
    <t>11/21/2019 16:43:01</t>
  </si>
  <si>
    <t>CAPEX_2014_ORC_CML_ELE_PROJETOS_2PROJ.xlsx</t>
  </si>
  <si>
    <t>E:\BK_final\Vilarinho\Vilarinho - Trabalho\Segurança - Erica\2014\Orcamento\CAPEX\2PROJ\COMERCIAL\SEGURANCA ELETRONICA\CAPEX_2014_ORC_CML_ELE_PROJETOS_2PROJ.xlsx</t>
  </si>
  <si>
    <t>D:\2014\Orcamento\CAPEX\2PROJ\COMERCIAL\SEGURANCA PATRIMONIAL\</t>
  </si>
  <si>
    <t>CAPEX_2014_ORC_CML_PAT_CONSOLIDADO_2PROJ.xlsx</t>
  </si>
  <si>
    <t>E:\BK_final\Vilarinho\Vilarinho - Trabalho\Segurança - Erica\2014\Orcamento\CAPEX\2PROJ\COMERCIAL\SEGURANCA PATRIMONIAL\CAPEX_2014_ORC_CML_PAT_CONSOLIDADO_2PROJ.xlsx</t>
  </si>
  <si>
    <t>CAPEX_2014_ORC_CML_PAT_GO_2PROJ.xlsx</t>
  </si>
  <si>
    <t>E:\BK_final\Vilarinho\Vilarinho - Trabalho\Segurança - Erica\2014\Orcamento\CAPEX\2PROJ\COMERCIAL\SEGURANCA PATRIMONIAL\CAPEX_2014_ORC_CML_PAT_GO_2PROJ.xlsx</t>
  </si>
  <si>
    <t>CAPEX_2014_ORC_CML_PAT_MG1_2PROJ.xlsx</t>
  </si>
  <si>
    <t>E:\BK_final\Vilarinho\Vilarinho - Trabalho\Segurança - Erica\2014\Orcamento\CAPEX\2PROJ\COMERCIAL\SEGURANCA PATRIMONIAL\CAPEX_2014_ORC_CML_PAT_MG1_2PROJ.xlsx</t>
  </si>
  <si>
    <t>CAPEX_2014_ORC_CML_PAT_MG2_2PROJ.xlsx</t>
  </si>
  <si>
    <t>E:\BK_final\Vilarinho\Vilarinho - Trabalho\Segurança - Erica\2014\Orcamento\CAPEX\2PROJ\COMERCIAL\SEGURANCA PATRIMONIAL\CAPEX_2014_ORC_CML_PAT_MG2_2PROJ.xlsx</t>
  </si>
  <si>
    <t>11/21/2019 16:43:02</t>
  </si>
  <si>
    <t>CAPEX_2014_ORC_CML_PAT_MS_2PROJ.xlsx</t>
  </si>
  <si>
    <t>E:\BK_final\Vilarinho\Vilarinho - Trabalho\Segurança - Erica\2014\Orcamento\CAPEX\2PROJ\COMERCIAL\SEGURANCA PATRIMONIAL\CAPEX_2014_ORC_CML_PAT_MS_2PROJ.xlsx</t>
  </si>
  <si>
    <t>CAPEX_2014_ORC_CML_PAT_MT_2PROJ.xlsx</t>
  </si>
  <si>
    <t>E:\BK_final\Vilarinho\Vilarinho - Trabalho\Segurança - Erica\2014\Orcamento\CAPEX\2PROJ\COMERCIAL\SEGURANCA PATRIMONIAL\CAPEX_2014_ORC_CML_PAT_MT_2PROJ.xlsx</t>
  </si>
  <si>
    <t>11/21/2019 16:43:03</t>
  </si>
  <si>
    <t>CAPEX_2014_ORC_CML_PAT_PR_2PROJ.xlsx</t>
  </si>
  <si>
    <t>E:\BK_final\Vilarinho\Vilarinho - Trabalho\Segurança - Erica\2014\Orcamento\CAPEX\2PROJ\COMERCIAL\SEGURANCA PATRIMONIAL\CAPEX_2014_ORC_CML_PAT_PR_2PROJ.xlsx</t>
  </si>
  <si>
    <t>CAPEX_2014_ORC_CML_PAT_SP1_2PROJ.xlsx</t>
  </si>
  <si>
    <t>E:\BK_final\Vilarinho\Vilarinho - Trabalho\Segurança - Erica\2014\Orcamento\CAPEX\2PROJ\COMERCIAL\SEGURANCA PATRIMONIAL\CAPEX_2014_ORC_CML_PAT_SP1_2PROJ.xlsx</t>
  </si>
  <si>
    <t>11/21/2019 16:43:04</t>
  </si>
  <si>
    <t>CAPEX_2014_ORC_CML_PAT_SP2_2PROJ.xlsx</t>
  </si>
  <si>
    <t>E:\BK_final\Vilarinho\Vilarinho - Trabalho\Segurança - Erica\2014\Orcamento\CAPEX\2PROJ\COMERCIAL\SEGURANCA PATRIMONIAL\CAPEX_2014_ORC_CML_PAT_SP2_2PROJ.xlsx</t>
  </si>
  <si>
    <t>D:\2014\Orcamento\CAPEX\2PROJ\OPERACAO\</t>
  </si>
  <si>
    <t>CAPEX_2014_ORC_OPE_CONSOLIDADO_2PROJ.xlsx</t>
  </si>
  <si>
    <t>E:\BK_final\Vilarinho\Vilarinho - Trabalho\Segurança - Erica\2014\Orcamento\CAPEX\2PROJ\OPERACAO\CAPEX_2014_ORC_OPE_CONSOLIDADO_2PROJ.xlsx</t>
  </si>
  <si>
    <t>D:\2014\Orcamento\CAPEX\2PROJ\OPERACAO\SEGURANCA DOCUMENTAL\</t>
  </si>
  <si>
    <t>CAPEX_2014_ORC_OPE_SEDOC_CONSOLIDADO_2PROJ.xlsx</t>
  </si>
  <si>
    <t>E:\BK_final\Vilarinho\Vilarinho - Trabalho\Segurança - Erica\2014\Orcamento\CAPEX\2PROJ\OPERACAO\SEGURANCA DOCUMENTAL\CAPEX_2014_ORC_OPE_SEDOC_CONSOLIDADO_2PROJ.xlsx</t>
  </si>
  <si>
    <t>CAPEX_2014_ORC_OPE_SEDOC_MG1_2PROJ.xlsx</t>
  </si>
  <si>
    <t>E:\BK_final\Vilarinho\Vilarinho - Trabalho\Segurança - Erica\2014\Orcamento\CAPEX\2PROJ\OPERACAO\SEGURANCA DOCUMENTAL\CAPEX_2014_ORC_OPE_SEDOC_MG1_2PROJ.xlsx</t>
  </si>
  <si>
    <t>11/21/2019 16:43:05</t>
  </si>
  <si>
    <t>CAPEX_2014_ORC_OPE_SEDOC_SP1_2PROJ.xlsx</t>
  </si>
  <si>
    <t>E:\BK_final\Vilarinho\Vilarinho - Trabalho\Segurança - Erica\2014\Orcamento\CAPEX\2PROJ\OPERACAO\SEGURANCA DOCUMENTAL\CAPEX_2014_ORC_OPE_SEDOC_SP1_2PROJ.xlsx</t>
  </si>
  <si>
    <t>D:\2014\Orcamento\CAPEX\2PROJ\OPERACAO\SEGURANCA ELETRONICA\</t>
  </si>
  <si>
    <t>CAPEX_2014_ORC_OPE_ELE_ATEND_ALARME_2PROJ.xlsx</t>
  </si>
  <si>
    <t>E:\BK_final\Vilarinho\Vilarinho - Trabalho\Segurança - Erica\2014\Orcamento\CAPEX\2PROJ\OPERACAO\SEGURANCA ELETRONICA\CAPEX_2014_ORC_OPE_ELE_ATEND_ALARME_2PROJ.xlsx</t>
  </si>
  <si>
    <t>CAPEX_2014_ORC_OPE_SUP_SEDOC_2PROJ.xlsx</t>
  </si>
  <si>
    <t>E:\BK_final\Vilarinho\Vilarinho - Trabalho\Segurança - Erica\2014\Orcamento\CAPEX\2PROJ\OPERACAO\SEGURANCA DOCUMENTAL\CAPEX_2014_ORC_OPE_SUP_SEDOC_2PROJ.xlsx</t>
  </si>
  <si>
    <t>CAPEX_2014_ORC_OPE_ELE_CONSOLIDADO_2PROJ.xlsx</t>
  </si>
  <si>
    <t>E:\BK_final\Vilarinho\Vilarinho - Trabalho\Segurança - Erica\2014\Orcamento\CAPEX\2PROJ\OPERACAO\SEGURANCA ELETRONICA\CAPEX_2014_ORC_OPE_ELE_CONSOLIDADO_2PROJ.xlsx</t>
  </si>
  <si>
    <t>11/21/2019 16:43:06</t>
  </si>
  <si>
    <t>CAPEX_2014_ORC_OPE_ELE_MONITORAMENTO_2PROJ.xlsx</t>
  </si>
  <si>
    <t>E:\BK_final\Vilarinho\Vilarinho - Trabalho\Segurança - Erica\2014\Orcamento\CAPEX\2PROJ\OPERACAO\SEGURANCA ELETRONICA\CAPEX_2014_ORC_OPE_ELE_MONITORAMENTO_2PROJ.xlsx</t>
  </si>
  <si>
    <t>CAPEX_2014_ORC_OPE_ELE_PROJETOS_2PROJ.xlsx</t>
  </si>
  <si>
    <t>E:\BK_final\Vilarinho\Vilarinho - Trabalho\Segurança - Erica\2014\Orcamento\CAPEX\2PROJ\OPERACAO\SEGURANCA ELETRONICA\CAPEX_2014_ORC_OPE_ELE_PROJETOS_2PROJ.xlsx</t>
  </si>
  <si>
    <t>CAPEX_2014_ORC_OPE_ELE_SAC_2PROJ.xlsx</t>
  </si>
  <si>
    <t>E:\BK_final\Vilarinho\Vilarinho - Trabalho\Segurança - Erica\2014\Orcamento\CAPEX\2PROJ\OPERACAO\SEGURANCA ELETRONICA\CAPEX_2014_ORC_OPE_ELE_SAC_2PROJ.xlsx</t>
  </si>
  <si>
    <t>CAPEX_2014_ORC_OPE_ELE_TECNICA_2PROJ.xlsx</t>
  </si>
  <si>
    <t>E:\BK_final\Vilarinho\Vilarinho - Trabalho\Segurança - Erica\2014\Orcamento\CAPEX\2PROJ\OPERACAO\SEGURANCA ELETRONICA\CAPEX_2014_ORC_OPE_ELE_TECNICA_2PROJ.xlsx</t>
  </si>
  <si>
    <t>CAPEX_2014_ORC_OPE_SUP_ELE_2PROJ.xlsx</t>
  </si>
  <si>
    <t>E:\BK_final\Vilarinho\Vilarinho - Trabalho\Segurança - Erica\2014\Orcamento\CAPEX\2PROJ\OPERACAO\SEGURANCA ELETRONICA\CAPEX_2014_ORC_OPE_SUP_ELE_2PROJ.xlsx</t>
  </si>
  <si>
    <t>11/21/2019 16:43:07</t>
  </si>
  <si>
    <t>D:\2014\Orcamento\CAPEX\2PROJ\OPERACAO\SEGURANCA PATRIMONIAL\</t>
  </si>
  <si>
    <t>CAPEX_2014_ORC_OPE_PAT_CONSOLIDADO_2PROJ.xlsx</t>
  </si>
  <si>
    <t>E:\BK_final\Vilarinho\Vilarinho - Trabalho\Segurança - Erica\2014\Orcamento\CAPEX\2PROJ\OPERACAO\SEGURANCA PATRIMONIAL\CAPEX_2014_ORC_OPE_PAT_CONSOLIDADO_2PROJ.xlsx</t>
  </si>
  <si>
    <t>CAPEX_2014_ORC_OPE_PAT_GO_2PROJ.xlsx</t>
  </si>
  <si>
    <t>E:\BK_final\Vilarinho\Vilarinho - Trabalho\Segurança - Erica\2014\Orcamento\CAPEX\2PROJ\OPERACAO\SEGURANCA PATRIMONIAL\CAPEX_2014_ORC_OPE_PAT_GO_2PROJ.xlsx</t>
  </si>
  <si>
    <t>CAPEX_2014_ORC_OPE_PAT_MG1_2PROJ.xlsx</t>
  </si>
  <si>
    <t>E:\BK_final\Vilarinho\Vilarinho - Trabalho\Segurança - Erica\2014\Orcamento\CAPEX\2PROJ\OPERACAO\SEGURANCA PATRIMONIAL\CAPEX_2014_ORC_OPE_PAT_MG1_2PROJ.xlsx</t>
  </si>
  <si>
    <t>CAPEX_2014_ORC_OPE_PAT_MG2_2PROJ.xlsx</t>
  </si>
  <si>
    <t>E:\BK_final\Vilarinho\Vilarinho - Trabalho\Segurança - Erica\2014\Orcamento\CAPEX\2PROJ\OPERACAO\SEGURANCA PATRIMONIAL\CAPEX_2014_ORC_OPE_PAT_MG2_2PROJ.xlsx</t>
  </si>
  <si>
    <t>CAPEX_2014_ORC_OPE_PAT_MS_2PROJ.xlsx</t>
  </si>
  <si>
    <t>E:\BK_final\Vilarinho\Vilarinho - Trabalho\Segurança - Erica\2014\Orcamento\CAPEX\2PROJ\OPERACAO\SEGURANCA PATRIMONIAL\CAPEX_2014_ORC_OPE_PAT_MS_2PROJ.xlsx</t>
  </si>
  <si>
    <t>CAPEX_2014_ORC_OPE_PAT_MT_2PROJ.xlsx</t>
  </si>
  <si>
    <t>E:\BK_final\Vilarinho\Vilarinho - Trabalho\Segurança - Erica\2014\Orcamento\CAPEX\2PROJ\OPERACAO\SEGURANCA PATRIMONIAL\CAPEX_2014_ORC_OPE_PAT_MT_2PROJ.xlsx</t>
  </si>
  <si>
    <t>11/21/2019 16:43:08</t>
  </si>
  <si>
    <t>CAPEX_2014_ORC_OPE_PAT_PR_2PROJ.xlsx</t>
  </si>
  <si>
    <t>E:\BK_final\Vilarinho\Vilarinho - Trabalho\Segurança - Erica\2014\Orcamento\CAPEX\2PROJ\OPERACAO\SEGURANCA PATRIMONIAL\CAPEX_2014_ORC_OPE_PAT_PR_2PROJ.xlsx</t>
  </si>
  <si>
    <t>CAPEX_2014_ORC_OPE_PAT_SP1_2PROJ.xlsx</t>
  </si>
  <si>
    <t>E:\BK_final\Vilarinho\Vilarinho - Trabalho\Segurança - Erica\2014\Orcamento\CAPEX\2PROJ\OPERACAO\SEGURANCA PATRIMONIAL\CAPEX_2014_ORC_OPE_PAT_SP1_2PROJ.xlsx</t>
  </si>
  <si>
    <t>CAPEX_2014_ORC_OPE_PAT_SP2_2PROJ.xlsx</t>
  </si>
  <si>
    <t>E:\BK_final\Vilarinho\Vilarinho - Trabalho\Segurança - Erica\2014\Orcamento\CAPEX\2PROJ\OPERACAO\SEGURANCA PATRIMONIAL\CAPEX_2014_ORC_OPE_PAT_SP2_2PROJ.xlsx</t>
  </si>
  <si>
    <t>D:\2014\Orcamento\CAPEX\2PROJ\OPERACAO\SEGURANCA PATRIMONIAL\AFASTAMENTO_FERIAS\</t>
  </si>
  <si>
    <t>E:\BK_final\Vilarinho\Vilarinho - Trabalho\Segurança - Erica\2014\Orcamento\CAPEX\2PROJ\OPERACAO\SEGURANCA PATRIMONIAL\AFASTAMENTO_FERIAS\CAPEX_2014_ORC_SUP_PAT_AFAST_FERIAS_CONSOLIDADO_OFICIAL.xlsx</t>
  </si>
  <si>
    <t>11/21/2019 16:43:09</t>
  </si>
  <si>
    <t>E:\BK_final\Vilarinho\Vilarinho - Trabalho\Segurança - Erica\2014\Orcamento\CAPEX\2PROJ\OPERACAO\SEGURANCA PATRIMONIAL\AFASTAMENTO_FERIAS\CAPEX_2014_ORC_SUP_PAT_AFAST_FERIAS_GO_OFICIAL.xlsx</t>
  </si>
  <si>
    <t>E:\BK_final\Vilarinho\Vilarinho - Trabalho\Segurança - Erica\2014\Orcamento\CAPEX\2PROJ\OPERACAO\SEGURANCA PATRIMONIAL\AFASTAMENTO_FERIAS\CAPEX_2014_ORC_SUP_PAT_AFAST_FERIAS_MG1_OFICIAL.xlsx</t>
  </si>
  <si>
    <t>E:\BK_final\Vilarinho\Vilarinho - Trabalho\Segurança - Erica\2014\Orcamento\CAPEX\2PROJ\OPERACAO\SEGURANCA PATRIMONIAL\AFASTAMENTO_FERIAS\CAPEX_2014_ORC_SUP_PAT_AFAST_FERIAS_MG2_OFICIAL.xlsx</t>
  </si>
  <si>
    <t>E:\BK_final\Vilarinho\Vilarinho - Trabalho\Segurança - Erica\2014\Orcamento\CAPEX\2PROJ\OPERACAO\SEGURANCA PATRIMONIAL\AFASTAMENTO_FERIAS\CAPEX_2014_ORC_SUP_PAT_AFAST_FERIAS_MS_OFICIAL.xlsx</t>
  </si>
  <si>
    <t>E:\BK_final\Vilarinho\Vilarinho - Trabalho\Segurança - Erica\2014\Orcamento\CAPEX\2PROJ\OPERACAO\SEGURANCA PATRIMONIAL\AFASTAMENTO_FERIAS\CAPEX_2014_ORC_SUP_PAT_AFAST_FERIAS_MT_OFICIAL.xlsx</t>
  </si>
  <si>
    <t>E:\BK_final\Vilarinho\Vilarinho - Trabalho\Segurança - Erica\2014\Orcamento\CAPEX\2PROJ\OPERACAO\SEGURANCA PATRIMONIAL\AFASTAMENTO_FERIAS\CAPEX_2014_ORC_SUP_PAT_AFAST_FERIAS_PR_OFICIAL.xlsx</t>
  </si>
  <si>
    <t>11/21/2019 16:43:10</t>
  </si>
  <si>
    <t>E:\BK_final\Vilarinho\Vilarinho - Trabalho\Segurança - Erica\2014\Orcamento\CAPEX\2PROJ\OPERACAO\SEGURANCA PATRIMONIAL\AFASTAMENTO_FERIAS\CAPEX_2014_ORC_SUP_PAT_AFAST_FERIAS_SP1_OFICIAL.xlsx</t>
  </si>
  <si>
    <t>E:\BK_final\Vilarinho\Vilarinho - Trabalho\Segurança - Erica\2014\Orcamento\CAPEX\2PROJ\OPERACAO\SEGURANCA PATRIMONIAL\AFASTAMENTO_FERIAS\CAPEX_2014_ORC_SUP_PAT_AFAST_FERIAS_SP2_OFICIAL.xlsx</t>
  </si>
  <si>
    <t>11/21/2019 16:43:11</t>
  </si>
  <si>
    <t>D:\2014\Orcamento\CAPEX\2PROJ\OPERACAO\SUPERVISAO PATRIMONIAL\</t>
  </si>
  <si>
    <t>CAPEX_2014_ORC_SUP_PAT_CONSOLIDADO_2PROJ.xlsx</t>
  </si>
  <si>
    <t>E:\BK_final\Vilarinho\Vilarinho - Trabalho\Segurança - Erica\2014\Orcamento\CAPEX\2PROJ\OPERACAO\SUPERVISAO PATRIMONIAL\CAPEX_2014_ORC_SUP_PAT_CONSOLIDADO_2PROJ.xlsx</t>
  </si>
  <si>
    <t>11/21/2019 16:43:12</t>
  </si>
  <si>
    <t>CAPEX_2014_ORC_SUP_PAT_RESUMO_2PROJ.xlsx</t>
  </si>
  <si>
    <t>E:\BK_final\Vilarinho\Vilarinho - Trabalho\Segurança - Erica\2014\Orcamento\CAPEX\2PROJ\OPERACAO\SUPERVISAO PATRIMONIAL\CAPEX_2014_ORC_SUP_PAT_RESUMO_2PROJ.xlsx</t>
  </si>
  <si>
    <t>D:\2014\Orcamento\CAPEX\2PROJ\OPERACAO\SUPERVISAO PATRIMONIAL\ACADEMIA\</t>
  </si>
  <si>
    <t>CAPEX_2014_ORC_SUP_PAT_ACADEMIA_2PROJ.xlsx</t>
  </si>
  <si>
    <t>E:\BK_final\Vilarinho\Vilarinho - Trabalho\Segurança - Erica\2014\Orcamento\CAPEX\2PROJ\OPERACAO\SUPERVISAO PATRIMONIAL\ACADEMIA\CAPEX_2014_ORC_SUP_PAT_ACADEMIA_2PROJ.xlsx</t>
  </si>
  <si>
    <t>D:\2014\Orcamento\CAPEX\2PROJ\OPERACAO\SUPERVISAO PATRIMONIAL\CENTRAL\</t>
  </si>
  <si>
    <t>CAPEX_2014_ORC_SUP_PAT_CENTRAL_CONSOLIDADO_2PROJ.xlsx</t>
  </si>
  <si>
    <t>E:\BK_final\Vilarinho\Vilarinho - Trabalho\Segurança - Erica\2014\Orcamento\CAPEX\2PROJ\OPERACAO\SUPERVISAO PATRIMONIAL\CENTRAL\CAPEX_2014_ORC_SUP_PAT_CENTRAL_CONSOLIDADO_2PROJ.xlsx</t>
  </si>
  <si>
    <t>11/21/2019 16:43:13</t>
  </si>
  <si>
    <t>CAPEX_2014_ORC_SUP_PAT_CENTRAL_GO_2PROJ.xlsx</t>
  </si>
  <si>
    <t>E:\BK_final\Vilarinho\Vilarinho - Trabalho\Segurança - Erica\2014\Orcamento\CAPEX\2PROJ\OPERACAO\SUPERVISAO PATRIMONIAL\CENTRAL\CAPEX_2014_ORC_SUP_PAT_CENTRAL_GO_2PROJ.xlsx</t>
  </si>
  <si>
    <t>CAPEX_2014_ORC_SUP_PAT_CENTRAL_MG1_2PROJ.xlsx</t>
  </si>
  <si>
    <t>E:\BK_final\Vilarinho\Vilarinho - Trabalho\Segurança - Erica\2014\Orcamento\CAPEX\2PROJ\OPERACAO\SUPERVISAO PATRIMONIAL\CENTRAL\CAPEX_2014_ORC_SUP_PAT_CENTRAL_MG1_2PROJ.xlsx</t>
  </si>
  <si>
    <t>CAPEX_2014_ORC_SUP_PAT_CENTRAL_MG2_2PROJ.xlsx</t>
  </si>
  <si>
    <t>E:\BK_final\Vilarinho\Vilarinho - Trabalho\Segurança - Erica\2014\Orcamento\CAPEX\2PROJ\OPERACAO\SUPERVISAO PATRIMONIAL\CENTRAL\CAPEX_2014_ORC_SUP_PAT_CENTRAL_MG2_2PROJ.xlsx</t>
  </si>
  <si>
    <t>CAPEX_2014_ORC_SUP_PAT_CENTRAL_MS_2PROJ.xlsx</t>
  </si>
  <si>
    <t>E:\BK_final\Vilarinho\Vilarinho - Trabalho\Segurança - Erica\2014\Orcamento\CAPEX\2PROJ\OPERACAO\SUPERVISAO PATRIMONIAL\CENTRAL\CAPEX_2014_ORC_SUP_PAT_CENTRAL_MS_2PROJ.xlsx</t>
  </si>
  <si>
    <t>CAPEX_2014_ORC_SUP_PAT_CENTRAL_MT_2PROJ.xlsx</t>
  </si>
  <si>
    <t>E:\BK_final\Vilarinho\Vilarinho - Trabalho\Segurança - Erica\2014\Orcamento\CAPEX\2PROJ\OPERACAO\SUPERVISAO PATRIMONIAL\CENTRAL\CAPEX_2014_ORC_SUP_PAT_CENTRAL_MT_2PROJ.xlsx</t>
  </si>
  <si>
    <t>11/21/2019 16:43:14</t>
  </si>
  <si>
    <t>CAPEX_2014_ORC_SUP_PAT_CENTRAL_PR_2PROJ.xlsx</t>
  </si>
  <si>
    <t>E:\BK_final\Vilarinho\Vilarinho - Trabalho\Segurança - Erica\2014\Orcamento\CAPEX\2PROJ\OPERACAO\SUPERVISAO PATRIMONIAL\CENTRAL\CAPEX_2014_ORC_SUP_PAT_CENTRAL_PR_2PROJ.xlsx</t>
  </si>
  <si>
    <t>11/21/2019 16:43:15</t>
  </si>
  <si>
    <t>CAPEX_2014_ORC_SUP_PAT_CENTRAL_SP1_2PROJ.xlsx</t>
  </si>
  <si>
    <t>E:\BK_final\Vilarinho\Vilarinho - Trabalho\Segurança - Erica\2014\Orcamento\CAPEX\2PROJ\OPERACAO\SUPERVISAO PATRIMONIAL\CENTRAL\CAPEX_2014_ORC_SUP_PAT_CENTRAL_SP1_2PROJ.xlsx</t>
  </si>
  <si>
    <t>CAPEX_2014_ORC_SUP_PAT_CENTRAL_SP2_2PROJ.xlsx</t>
  </si>
  <si>
    <t>E:\BK_final\Vilarinho\Vilarinho - Trabalho\Segurança - Erica\2014\Orcamento\CAPEX\2PROJ\OPERACAO\SUPERVISAO PATRIMONIAL\CENTRAL\CAPEX_2014_ORC_SUP_PAT_CENTRAL_SP2_2PROJ.xlsx</t>
  </si>
  <si>
    <t>D:\2014\Orcamento\CAPEX\2PROJ\OPERACAO\SUPERVISAO PATRIMONIAL\GESTAO ONLINE\</t>
  </si>
  <si>
    <t>CAPEX_2014_ORC_SUP_PAT_GO_2PROJ.xlsx</t>
  </si>
  <si>
    <t>E:\BK_final\Vilarinho\Vilarinho - Trabalho\Segurança - Erica\2014\Orcamento\CAPEX\2PROJ\OPERACAO\SUPERVISAO PATRIMONIAL\GESTAO ONLINE\CAPEX_2014_ORC_SUP_PAT_GO_2PROJ.xlsx</t>
  </si>
  <si>
    <t>11/21/2019 16:43:16</t>
  </si>
  <si>
    <t>D:\2014\Orcamento\CAPEX\2PROJ\OPERACAO\SUPERVISAO PATRIMONIAL\OPERACIONAL\</t>
  </si>
  <si>
    <t>CAPEX_2014_ORC_SUP_PAT_OPERACIONAL_CONSOLIDADO_2PROJ.xlsx</t>
  </si>
  <si>
    <t>E:\BK_final\Vilarinho\Vilarinho - Trabalho\Segurança - Erica\2014\Orcamento\CAPEX\2PROJ\OPERACAO\SUPERVISAO PATRIMONIAL\OPERACIONAL\CAPEX_2014_ORC_SUP_PAT_OPERACIONAL_CONSOLIDADO_2PROJ.xlsx</t>
  </si>
  <si>
    <t>CAPEX_2014_ORC_SUP_PAT_OPERACIONAL_GO_2PROJ.xlsx</t>
  </si>
  <si>
    <t>E:\BK_final\Vilarinho\Vilarinho - Trabalho\Segurança - Erica\2014\Orcamento\CAPEX\2PROJ\OPERACAO\SUPERVISAO PATRIMONIAL\OPERACIONAL\CAPEX_2014_ORC_SUP_PAT_OPERACIONAL_GO_2PROJ.xlsx</t>
  </si>
  <si>
    <t>CAPEX_2014_ORC_SUP_PAT_OPERACIONAL_MG1_2PROJ.xlsx</t>
  </si>
  <si>
    <t>E:\BK_final\Vilarinho\Vilarinho - Trabalho\Segurança - Erica\2014\Orcamento\CAPEX\2PROJ\OPERACAO\SUPERVISAO PATRIMONIAL\OPERACIONAL\CAPEX_2014_ORC_SUP_PAT_OPERACIONAL_MG1_2PROJ.xlsx</t>
  </si>
  <si>
    <t>CAPEX_2014_ORC_SUP_PAT_OPERACIONAL_MG2_2PROJ.xlsx</t>
  </si>
  <si>
    <t>E:\BK_final\Vilarinho\Vilarinho - Trabalho\Segurança - Erica\2014\Orcamento\CAPEX\2PROJ\OPERACAO\SUPERVISAO PATRIMONIAL\OPERACIONAL\CAPEX_2014_ORC_SUP_PAT_OPERACIONAL_MG2_2PROJ.xlsx</t>
  </si>
  <si>
    <t>CAPEX_2014_ORC_SUP_PAT_OPERACIONAL_MS_2PROJ.xlsx</t>
  </si>
  <si>
    <t>E:\BK_final\Vilarinho\Vilarinho - Trabalho\Segurança - Erica\2014\Orcamento\CAPEX\2PROJ\OPERACAO\SUPERVISAO PATRIMONIAL\OPERACIONAL\CAPEX_2014_ORC_SUP_PAT_OPERACIONAL_MS_2PROJ.xlsx</t>
  </si>
  <si>
    <t>11/21/2019 16:43:17</t>
  </si>
  <si>
    <t>CAPEX_2014_ORC_SUP_PAT_OPERACIONAL_MT_2PROJ.xlsx</t>
  </si>
  <si>
    <t>E:\BK_final\Vilarinho\Vilarinho - Trabalho\Segurança - Erica\2014\Orcamento\CAPEX\2PROJ\OPERACAO\SUPERVISAO PATRIMONIAL\OPERACIONAL\CAPEX_2014_ORC_SUP_PAT_OPERACIONAL_MT_2PROJ.xlsx</t>
  </si>
  <si>
    <t>CAPEX_2014_ORC_SUP_PAT_OPERACIONAL_PR_2PROJ.xlsx</t>
  </si>
  <si>
    <t>E:\BK_final\Vilarinho\Vilarinho - Trabalho\Segurança - Erica\2014\Orcamento\CAPEX\2PROJ\OPERACAO\SUPERVISAO PATRIMONIAL\OPERACIONAL\CAPEX_2014_ORC_SUP_PAT_OPERACIONAL_PR_2PROJ.xlsx</t>
  </si>
  <si>
    <t>CAPEX_2014_ORC_SUP_PAT_OPERACIONAL_SP1_2PROJ.xlsx</t>
  </si>
  <si>
    <t>E:\BK_final\Vilarinho\Vilarinho - Trabalho\Segurança - Erica\2014\Orcamento\CAPEX\2PROJ\OPERACAO\SUPERVISAO PATRIMONIAL\OPERACIONAL\CAPEX_2014_ORC_SUP_PAT_OPERACIONAL_SP1_2PROJ.xlsx</t>
  </si>
  <si>
    <t>CAPEX_2014_ORC_SUP_PAT_OPERACIONAL_SP2_2PROJ.xlsx</t>
  </si>
  <si>
    <t>E:\BK_final\Vilarinho\Vilarinho - Trabalho\Segurança - Erica\2014\Orcamento\CAPEX\2PROJ\OPERACAO\SUPERVISAO PATRIMONIAL\OPERACIONAL\CAPEX_2014_ORC_SUP_PAT_OPERACIONAL_SP2_2PROJ.xlsx</t>
  </si>
  <si>
    <t>11/21/2019 16:43:18</t>
  </si>
  <si>
    <t>D:\2014\Orcamento\CAPEX\2PROJ\STAFF\</t>
  </si>
  <si>
    <t>CAPEX_2014_ORC_ADM_AGPI_2PROJ.xlsx</t>
  </si>
  <si>
    <t>E:\BK_final\Vilarinho\Vilarinho - Trabalho\Segurança - Erica\2014\Orcamento\CAPEX\2PROJ\STAFF\CAPEX_2014_ORC_ADM_AGPI_2PROJ.xlsx</t>
  </si>
  <si>
    <t>CAPEX_2014_ORC_ADM_COMITE_INOVACAO_2PROJ.xlsx</t>
  </si>
  <si>
    <t>E:\BK_final\Vilarinho\Vilarinho - Trabalho\Segurança - Erica\2014\Orcamento\CAPEX\2PROJ\STAFF\CAPEX_2014_ORC_ADM_COMITE_INOVACAO_2PROJ.xlsx</t>
  </si>
  <si>
    <t>CAPEX_2014_ORC_ADM_CONSOLIDADO_2PROJ.xlsx</t>
  </si>
  <si>
    <t>E:\BK_final\Vilarinho\Vilarinho - Trabalho\Segurança - Erica\2014\Orcamento\CAPEX\2PROJ\STAFF\CAPEX_2014_ORC_ADM_CONSOLIDADO_2PROJ.xlsx</t>
  </si>
  <si>
    <t>CAPEX_2014_ORC_ADM_CORPORATIVO_2PROJ.xlsx</t>
  </si>
  <si>
    <t>E:\BK_final\Vilarinho\Vilarinho - Trabalho\Segurança - Erica\2014\Orcamento\CAPEX\2PROJ\STAFF\CAPEX_2014_ORC_ADM_CORPORATIVO_2PROJ.xlsx</t>
  </si>
  <si>
    <t>CAPEX_2014_ORC_ADM_CSC_2PROJ.xlsx</t>
  </si>
  <si>
    <t>E:\BK_final\Vilarinho\Vilarinho - Trabalho\Segurança - Erica\2014\Orcamento\CAPEX\2PROJ\STAFF\CAPEX_2014_ORC_ADM_CSC_2PROJ.xlsx</t>
  </si>
  <si>
    <t>11/21/2019 16:43:19</t>
  </si>
  <si>
    <t>CAPEX_2014_ORC_ADM_DIRETORIA_2PROJ.xlsx</t>
  </si>
  <si>
    <t>E:\BK_final\Vilarinho\Vilarinho - Trabalho\Segurança - Erica\2014\Orcamento\CAPEX\2PROJ\STAFF\CAPEX_2014_ORC_ADM_DIRETORIA_2PROJ.xlsx</t>
  </si>
  <si>
    <t>11/21/2019 16:43:20</t>
  </si>
  <si>
    <t>CAPEX_2014_ORC_ADM_FINANCEIRO_2PROJ.xlsx</t>
  </si>
  <si>
    <t>E:\BK_final\Vilarinho\Vilarinho - Trabalho\Segurança - Erica\2014\Orcamento\CAPEX\2PROJ\STAFF\CAPEX_2014_ORC_ADM_FINANCEIRO_2PROJ.xlsx</t>
  </si>
  <si>
    <t>CAPEX_2014_ORC_ADM_HOLDING_2PROJ.xlsx</t>
  </si>
  <si>
    <t>E:\BK_final\Vilarinho\Vilarinho - Trabalho\Segurança - Erica\2014\Orcamento\CAPEX\2PROJ\STAFF\CAPEX_2014_ORC_ADM_HOLDING_2PROJ.xlsx</t>
  </si>
  <si>
    <t>CAPEX_2014_ORC_ADM_JURIDICO_2PROJ.xlsx</t>
  </si>
  <si>
    <t>E:\BK_final\Vilarinho\Vilarinho - Trabalho\Segurança - Erica\2014\Orcamento\CAPEX\2PROJ\STAFF\CAPEX_2014_ORC_ADM_JURIDICO_2PROJ.xlsx</t>
  </si>
  <si>
    <t>11/21/2019 16:43:21</t>
  </si>
  <si>
    <t>CAPEX_2014_ORC_ADM_SESMT_2PROJ.xlsx</t>
  </si>
  <si>
    <t>E:\BK_final\Vilarinho\Vilarinho - Trabalho\Segurança - Erica\2014\Orcamento\CAPEX\2PROJ\STAFF\CAPEX_2014_ORC_ADM_SESMT_2PROJ.xlsx</t>
  </si>
  <si>
    <t>CAPEX_2014_ORC_ADM_TH_2PROJ.xlsx</t>
  </si>
  <si>
    <t>E:\BK_final\Vilarinho\Vilarinho - Trabalho\Segurança - Erica\2014\Orcamento\CAPEX\2PROJ\STAFF\CAPEX_2014_ORC_ADM_TH_2PROJ.xlsx</t>
  </si>
  <si>
    <t>CAPEX_2014_ORC_ADM_TI_2PROJ.xlsx</t>
  </si>
  <si>
    <t>E:\BK_final\Vilarinho\Vilarinho - Trabalho\Segurança - Erica\2014\Orcamento\CAPEX\2PROJ\STAFF\CAPEX_2014_ORC_ADM_TI_2PROJ.xlsx</t>
  </si>
  <si>
    <t>D:\2014\Orcamento\CAPEX\ARQUIVOS PREPARATORIOS\</t>
  </si>
  <si>
    <t>Cópia de Cópia de Planejamento de Vendas - 2013 a 2017.xlsx</t>
  </si>
  <si>
    <t>E:\BK_final\Vilarinho\Vilarinho - Trabalho\Segurança - Erica\2014\Orcamento\CAPEX\ARQUIVOS PREPARATORIOS\Cópia de Cópia de Planejamento de Vendas - 2013 a 2017.xlsx</t>
  </si>
  <si>
    <t>11/21/2019 16:43:22</t>
  </si>
  <si>
    <t>PLANILHA_COTACAO_VEICULOS.xlsx</t>
  </si>
  <si>
    <t>E:\BK_final\Vilarinho\Vilarinho - Trabalho\Segurança - Erica\2014\Orcamento\CAPEX\ARQUIVOS PREPARATORIOS\PLANILHA_COTACAO_VEICULOS.xlsx</t>
  </si>
  <si>
    <t>PLANILHA_ORCAMENTO_VEICULOS.xlsx</t>
  </si>
  <si>
    <t>E:\BK_final\Vilarinho\Vilarinho - Trabalho\Segurança - Erica\2014\Orcamento\CAPEX\ARQUIVOS PREPARATORIOS\PLANILHA_ORCAMENTO_VEICULOS.xlsx</t>
  </si>
  <si>
    <t>11/21/2019 16:43:23</t>
  </si>
  <si>
    <t>D:\2014\Orcamento\CAPEX\ARQUIVOS PREPARATORIOS\Estrutura Orcamentaria\</t>
  </si>
  <si>
    <t>CAPEX_2014_ORC_CONSOLIDADO_OFICIAL.xlsx</t>
  </si>
  <si>
    <t>E:\BK_final\Vilarinho\Vilarinho - Trabalho\Segurança - Erica\2014\Orcamento\CAPEX\ARQUIVOS PREPARATORIOS\Estrutura Orcamentaria\CAPEX_2014_ORC_CONSOLIDADO_OFICIAL.xlsx</t>
  </si>
  <si>
    <t>D:\2014\Orcamento\CAPEX\ARQUIVOS PREPARATORIOS\Estrutura Orcamentaria\COMERCIAL\</t>
  </si>
  <si>
    <t>CAPEX_2014_ORC_CML_CONSOLIDADO_OFICIAL.xlsx</t>
  </si>
  <si>
    <t>E:\BK_final\Vilarinho\Vilarinho - Trabalho\Segurança - Erica\2014\Orcamento\CAPEX\ARQUIVOS PREPARATORIOS\Estrutura Orcamentaria\COMERCIAL\CAPEX_2014_ORC_CML_CONSOLIDADO_OFICIAL.xlsx</t>
  </si>
  <si>
    <t>D:\2014\Orcamento\CAPEX\ARQUIVOS PREPARATORIOS\Estrutura Orcamentaria\COMERCIAL\SEGURANCA DOCUMENTAL\</t>
  </si>
  <si>
    <t>CAPEX_2014_ORC_CML_SEDOC_OFICIAL.xlsx</t>
  </si>
  <si>
    <t>E:\BK_final\Vilarinho\Vilarinho - Trabalho\Segurança - Erica\2014\Orcamento\CAPEX\ARQUIVOS PREPARATORIOS\Estrutura Orcamentaria\COMERCIAL\SEGURANCA DOCUMENTAL\CAPEX_2014_ORC_CML_SEDOC_OFICIAL.xlsx</t>
  </si>
  <si>
    <t>11/21/2019 16:43:24</t>
  </si>
  <si>
    <t>D:\2014\Orcamento\CAPEX\ARQUIVOS PREPARATORIOS\Estrutura Orcamentaria\COMERCIAL\SEGURANCA ELETRONICA\</t>
  </si>
  <si>
    <t>CAPEX_2014_ORC_CML_ELE_CONSOLIDADO_OFICIAL.xlsx</t>
  </si>
  <si>
    <t>E:\BK_final\Vilarinho\Vilarinho - Trabalho\Segurança - Erica\2014\Orcamento\CAPEX\ARQUIVOS PREPARATORIOS\Estrutura Orcamentaria\COMERCIAL\SEGURANCA ELETRONICA\CAPEX_2014_ORC_CML_ELE_CONSOLIDADO_OFICIAL.xlsx</t>
  </si>
  <si>
    <t>CAPEX_2014_ORC_CML_ELE_MONITORAMENTO_OFICIAL.xlsx</t>
  </si>
  <si>
    <t>E:\BK_final\Vilarinho\Vilarinho - Trabalho\Segurança - Erica\2014\Orcamento\CAPEX\ARQUIVOS PREPARATORIOS\Estrutura Orcamentaria\COMERCIAL\SEGURANCA ELETRONICA\CAPEX_2014_ORC_CML_ELE_MONITORAMENTO_OFICIAL.xlsx</t>
  </si>
  <si>
    <t>CAPEX_2014_ORC_CML_ELE_PROJETOS_OFICIAL.xlsx</t>
  </si>
  <si>
    <t>E:\BK_final\Vilarinho\Vilarinho - Trabalho\Segurança - Erica\2014\Orcamento\CAPEX\ARQUIVOS PREPARATORIOS\Estrutura Orcamentaria\COMERCIAL\SEGURANCA ELETRONICA\CAPEX_2014_ORC_CML_ELE_PROJETOS_OFICIAL.xlsx</t>
  </si>
  <si>
    <t>D:\2014\Orcamento\CAPEX\ARQUIVOS PREPARATORIOS\Estrutura Orcamentaria\COMERCIAL\SEGURANCA PATRIMONIAL\</t>
  </si>
  <si>
    <t>CAPEX_2014_ORC_CML_PAT_CONSOLIDADO_OFICIAL.xlsx</t>
  </si>
  <si>
    <t>E:\BK_final\Vilarinho\Vilarinho - Trabalho\Segurança - Erica\2014\Orcamento\CAPEX\ARQUIVOS PREPARATORIOS\Estrutura Orcamentaria\COMERCIAL\SEGURANCA PATRIMONIAL\CAPEX_2014_ORC_CML_PAT_CONSOLIDADO_OFICIAL.xlsx</t>
  </si>
  <si>
    <t>11/21/2019 16:43:25</t>
  </si>
  <si>
    <t>CAPEX_2014_ORC_CML_PAT_GO_OFICIAL.xlsx</t>
  </si>
  <si>
    <t>E:\BK_final\Vilarinho\Vilarinho - Trabalho\Segurança - Erica\2014\Orcamento\CAPEX\ARQUIVOS PREPARATORIOS\Estrutura Orcamentaria\COMERCIAL\SEGURANCA PATRIMONIAL\CAPEX_2014_ORC_CML_PAT_GO_OFICIAL.xlsx</t>
  </si>
  <si>
    <t>CAPEX_2014_ORC_CML_PAT_MG1_OFICIAL.xlsx</t>
  </si>
  <si>
    <t>E:\BK_final\Vilarinho\Vilarinho - Trabalho\Segurança - Erica\2014\Orcamento\CAPEX\ARQUIVOS PREPARATORIOS\Estrutura Orcamentaria\COMERCIAL\SEGURANCA PATRIMONIAL\CAPEX_2014_ORC_CML_PAT_MG1_OFICIAL.xlsx</t>
  </si>
  <si>
    <t>11/21/2019 16:43:26</t>
  </si>
  <si>
    <t>CAPEX_2014_ORC_CML_PAT_MG2_OFICIAL.xlsx</t>
  </si>
  <si>
    <t>E:\BK_final\Vilarinho\Vilarinho - Trabalho\Segurança - Erica\2014\Orcamento\CAPEX\ARQUIVOS PREPARATORIOS\Estrutura Orcamentaria\COMERCIAL\SEGURANCA PATRIMONIAL\CAPEX_2014_ORC_CML_PAT_MG2_OFICIAL.xlsx</t>
  </si>
  <si>
    <t>CAPEX_2014_ORC_CML_PAT_MS_OFICIAL.xlsx</t>
  </si>
  <si>
    <t>E:\BK_final\Vilarinho\Vilarinho - Trabalho\Segurança - Erica\2014\Orcamento\CAPEX\ARQUIVOS PREPARATORIOS\Estrutura Orcamentaria\COMERCIAL\SEGURANCA PATRIMONIAL\CAPEX_2014_ORC_CML_PAT_MS_OFICIAL.xlsx</t>
  </si>
  <si>
    <t>CAPEX_2014_ORC_CML_PAT_MT_OFICIAL.xlsx</t>
  </si>
  <si>
    <t>E:\BK_final\Vilarinho\Vilarinho - Trabalho\Segurança - Erica\2014\Orcamento\CAPEX\ARQUIVOS PREPARATORIOS\Estrutura Orcamentaria\COMERCIAL\SEGURANCA PATRIMONIAL\CAPEX_2014_ORC_CML_PAT_MT_OFICIAL.xlsx</t>
  </si>
  <si>
    <t>11/21/2019 16:43:27</t>
  </si>
  <si>
    <t>CAPEX_2014_ORC_CML_PAT_PR_OFICIAL.xlsx</t>
  </si>
  <si>
    <t>E:\BK_final\Vilarinho\Vilarinho - Trabalho\Segurança - Erica\2014\Orcamento\CAPEX\ARQUIVOS PREPARATORIOS\Estrutura Orcamentaria\COMERCIAL\SEGURANCA PATRIMONIAL\CAPEX_2014_ORC_CML_PAT_PR_OFICIAL.xlsx</t>
  </si>
  <si>
    <t>CAPEX_2014_ORC_CML_PAT_RJ_OFICIAL.xlsx</t>
  </si>
  <si>
    <t>E:\BK_final\Vilarinho\Vilarinho - Trabalho\Segurança - Erica\2014\Orcamento\CAPEX\ARQUIVOS PREPARATORIOS\Estrutura Orcamentaria\COMERCIAL\SEGURANCA PATRIMONIAL\CAPEX_2014_ORC_CML_PAT_RJ_OFICIAL.xlsx</t>
  </si>
  <si>
    <t>CAPEX_2014_ORC_CML_PAT_SP1_OFICIAL.xlsx</t>
  </si>
  <si>
    <t>E:\BK_final\Vilarinho\Vilarinho - Trabalho\Segurança - Erica\2014\Orcamento\CAPEX\ARQUIVOS PREPARATORIOS\Estrutura Orcamentaria\COMERCIAL\SEGURANCA PATRIMONIAL\CAPEX_2014_ORC_CML_PAT_SP1_OFICIAL.xlsx</t>
  </si>
  <si>
    <t>CAPEX_2014_ORC_CML_PAT_SP2_OFICIAL.xlsx</t>
  </si>
  <si>
    <t>E:\BK_final\Vilarinho\Vilarinho - Trabalho\Segurança - Erica\2014\Orcamento\CAPEX\ARQUIVOS PREPARATORIOS\Estrutura Orcamentaria\COMERCIAL\SEGURANCA PATRIMONIAL\CAPEX_2014_ORC_CML_PAT_SP2_OFICIAL.xlsx</t>
  </si>
  <si>
    <t>D:\2014\Orcamento\CAPEX\ARQUIVOS PREPARATORIOS\Estrutura Orcamentaria\OPERACAO\</t>
  </si>
  <si>
    <t>CAPEX_2014_ORC_OPE_CONSOLIDADO_OFICIAL.xlsx</t>
  </si>
  <si>
    <t>E:\BK_final\Vilarinho\Vilarinho - Trabalho\Segurança - Erica\2014\Orcamento\CAPEX\ARQUIVOS PREPARATORIOS\Estrutura Orcamentaria\OPERACAO\CAPEX_2014_ORC_OPE_CONSOLIDADO_OFICIAL.xlsx</t>
  </si>
  <si>
    <t>D:\2014\Orcamento\CAPEX\ARQUIVOS PREPARATORIOS\Estrutura Orcamentaria\OPERACAO\SEGURANCA DOCUMENTAL\</t>
  </si>
  <si>
    <t>CAPEX_2014_ORC_OPE_SEDOC_CONSOLIDADO_OFICIAL.xlsx</t>
  </si>
  <si>
    <t>E:\BK_final\Vilarinho\Vilarinho - Trabalho\Segurança - Erica\2014\Orcamento\CAPEX\ARQUIVOS PREPARATORIOS\Estrutura Orcamentaria\OPERACAO\SEGURANCA DOCUMENTAL\CAPEX_2014_ORC_OPE_SEDOC_CONSOLIDADO_OFICIAL.xlsx</t>
  </si>
  <si>
    <t>CAPEX_2014_ORC_OPE_SEDOC_MG1_OFICIAL.xlsx</t>
  </si>
  <si>
    <t>E:\BK_final\Vilarinho\Vilarinho - Trabalho\Segurança - Erica\2014\Orcamento\CAPEX\ARQUIVOS PREPARATORIOS\Estrutura Orcamentaria\OPERACAO\SEGURANCA DOCUMENTAL\CAPEX_2014_ORC_OPE_SEDOC_MG1_OFICIAL.xlsx</t>
  </si>
  <si>
    <t>CAPEX_2014_ORC_OPE_SEDOC_MG2_OFICIAL.xlsx</t>
  </si>
  <si>
    <t>E:\BK_final\Vilarinho\Vilarinho - Trabalho\Segurança - Erica\2014\Orcamento\CAPEX\ARQUIVOS PREPARATORIOS\Estrutura Orcamentaria\OPERACAO\SEGURANCA DOCUMENTAL\CAPEX_2014_ORC_OPE_SEDOC_MG2_OFICIAL.xlsx</t>
  </si>
  <si>
    <t>CAPEX_2014_ORC_OPE_SEDOC_SP1_OFICIAL.xlsx</t>
  </si>
  <si>
    <t>E:\BK_final\Vilarinho\Vilarinho - Trabalho\Segurança - Erica\2014\Orcamento\CAPEX\ARQUIVOS PREPARATORIOS\Estrutura Orcamentaria\OPERACAO\SEGURANCA DOCUMENTAL\CAPEX_2014_ORC_OPE_SEDOC_SP1_OFICIAL.xlsx</t>
  </si>
  <si>
    <t>CAPEX_2014_ORC_OPE_SEDOC_SP2_OFICIAL.xlsx</t>
  </si>
  <si>
    <t>E:\BK_final\Vilarinho\Vilarinho - Trabalho\Segurança - Erica\2014\Orcamento\CAPEX\ARQUIVOS PREPARATORIOS\Estrutura Orcamentaria\OPERACAO\SEGURANCA DOCUMENTAL\CAPEX_2014_ORC_OPE_SEDOC_SP2_OFICIAL.xlsx</t>
  </si>
  <si>
    <t>CAPEX_2014_ORC_SUP_SEDOC_OFICIAL.xlsx</t>
  </si>
  <si>
    <t>E:\BK_final\Vilarinho\Vilarinho - Trabalho\Segurança - Erica\2014\Orcamento\CAPEX\ARQUIVOS PREPARATORIOS\Estrutura Orcamentaria\OPERACAO\SEGURANCA DOCUMENTAL\CAPEX_2014_ORC_SUP_SEDOC_OFICIAL.xlsx</t>
  </si>
  <si>
    <t>11/21/2019 16:43:29</t>
  </si>
  <si>
    <t>D:\2014\Orcamento\CAPEX\ARQUIVOS PREPARATORIOS\Estrutura Orcamentaria\OPERACAO\SEGURANCA ELETRONICA\</t>
  </si>
  <si>
    <t>CAPEX_2014_ORC_OPE_ELE_ATEND_ALARME_OFICIAL.xlsx</t>
  </si>
  <si>
    <t>E:\BK_final\Vilarinho\Vilarinho - Trabalho\Segurança - Erica\2014\Orcamento\CAPEX\ARQUIVOS PREPARATORIOS\Estrutura Orcamentaria\OPERACAO\SEGURANCA ELETRONICA\CAPEX_2014_ORC_OPE_ELE_ATEND_ALARME_OFICIAL.xlsx</t>
  </si>
  <si>
    <t>CAPEX_2014_ORC_OPE_ELE_CONSOLIDADO_OFICIAL.xlsx</t>
  </si>
  <si>
    <t>E:\BK_final\Vilarinho\Vilarinho - Trabalho\Segurança - Erica\2014\Orcamento\CAPEX\ARQUIVOS PREPARATORIOS\Estrutura Orcamentaria\OPERACAO\SEGURANCA ELETRONICA\CAPEX_2014_ORC_OPE_ELE_CONSOLIDADO_OFICIAL.xlsx</t>
  </si>
  <si>
    <t>CAPEX_2014_ORC_OPE_ELE_MONITORAMENTO_OFICIAL.xlsx</t>
  </si>
  <si>
    <t>E:\BK_final\Vilarinho\Vilarinho - Trabalho\Segurança - Erica\2014\Orcamento\CAPEX\ARQUIVOS PREPARATORIOS\Estrutura Orcamentaria\OPERACAO\SEGURANCA ELETRONICA\CAPEX_2014_ORC_OPE_ELE_MONITORAMENTO_OFICIAL.xlsx</t>
  </si>
  <si>
    <t>11/21/2019 16:43:30</t>
  </si>
  <si>
    <t>CAPEX_2014_ORC_OPE_ELE_PROJETOS_OFICIAL.xlsx</t>
  </si>
  <si>
    <t>E:\BK_final\Vilarinho\Vilarinho - Trabalho\Segurança - Erica\2014\Orcamento\CAPEX\ARQUIVOS PREPARATORIOS\Estrutura Orcamentaria\OPERACAO\SEGURANCA ELETRONICA\CAPEX_2014_ORC_OPE_ELE_PROJETOS_OFICIAL.xlsx</t>
  </si>
  <si>
    <t>CAPEX_2014_ORC_OPE_ELE_SAC_OFICIAL.xlsx</t>
  </si>
  <si>
    <t>E:\BK_final\Vilarinho\Vilarinho - Trabalho\Segurança - Erica\2014\Orcamento\CAPEX\ARQUIVOS PREPARATORIOS\Estrutura Orcamentaria\OPERACAO\SEGURANCA ELETRONICA\CAPEX_2014_ORC_OPE_ELE_SAC_OFICIAL.xlsx</t>
  </si>
  <si>
    <t>11/21/2019 16:43:31</t>
  </si>
  <si>
    <t>CAPEX_2014_ORC_OPE_ELE_TECNICA_OFICIAL.xlsx</t>
  </si>
  <si>
    <t>E:\BK_final\Vilarinho\Vilarinho - Trabalho\Segurança - Erica\2014\Orcamento\CAPEX\ARQUIVOS PREPARATORIOS\Estrutura Orcamentaria\OPERACAO\SEGURANCA ELETRONICA\CAPEX_2014_ORC_OPE_ELE_TECNICA_OFICIAL.xlsx</t>
  </si>
  <si>
    <t>CAPEX_2014_ORC_SUP_ELE_OFICIAL.xlsx</t>
  </si>
  <si>
    <t>E:\BK_final\Vilarinho\Vilarinho - Trabalho\Segurança - Erica\2014\Orcamento\CAPEX\ARQUIVOS PREPARATORIOS\Estrutura Orcamentaria\OPERACAO\SEGURANCA ELETRONICA\CAPEX_2014_ORC_SUP_ELE_OFICIAL.xlsx</t>
  </si>
  <si>
    <t>D:\2014\Orcamento\CAPEX\ARQUIVOS PREPARATORIOS\Estrutura Orcamentaria\OPERACAO\SEGURANCA PATRIMONIAL\</t>
  </si>
  <si>
    <t>CAPEX_2014_ORC_OPE_PAT_CONSOLIDADO_OFICIAL.xlsx</t>
  </si>
  <si>
    <t>E:\BK_final\Vilarinho\Vilarinho - Trabalho\Segurança - Erica\2014\Orcamento\CAPEX\ARQUIVOS PREPARATORIOS\Estrutura Orcamentaria\OPERACAO\SEGURANCA PATRIMONIAL\CAPEX_2014_ORC_OPE_PAT_CONSOLIDADO_OFICIAL.xlsx</t>
  </si>
  <si>
    <t>11/21/2019 16:43:32</t>
  </si>
  <si>
    <t>CAPEX_2014_ORC_OPE_PAT_GO_OFICIAL.xlsx</t>
  </si>
  <si>
    <t>E:\BK_final\Vilarinho\Vilarinho - Trabalho\Segurança - Erica\2014\Orcamento\CAPEX\ARQUIVOS PREPARATORIOS\Estrutura Orcamentaria\OPERACAO\SEGURANCA PATRIMONIAL\CAPEX_2014_ORC_OPE_PAT_GO_OFICIAL.xlsx</t>
  </si>
  <si>
    <t>CAPEX_2014_ORC_OPE_PAT_MG1_OFICIAL.xlsx</t>
  </si>
  <si>
    <t>E:\BK_final\Vilarinho\Vilarinho - Trabalho\Segurança - Erica\2014\Orcamento\CAPEX\ARQUIVOS PREPARATORIOS\Estrutura Orcamentaria\OPERACAO\SEGURANCA PATRIMONIAL\CAPEX_2014_ORC_OPE_PAT_MG1_OFICIAL.xlsx</t>
  </si>
  <si>
    <t>CAPEX_2014_ORC_OPE_PAT_MG2_OFICIAL.xlsx</t>
  </si>
  <si>
    <t>E:\BK_final\Vilarinho\Vilarinho - Trabalho\Segurança - Erica\2014\Orcamento\CAPEX\ARQUIVOS PREPARATORIOS\Estrutura Orcamentaria\OPERACAO\SEGURANCA PATRIMONIAL\CAPEX_2014_ORC_OPE_PAT_MG2_OFICIAL.xlsx</t>
  </si>
  <si>
    <t>CAPEX_2014_ORC_OPE_PAT_MS_OFICIAL.xlsx</t>
  </si>
  <si>
    <t>E:\BK_final\Vilarinho\Vilarinho - Trabalho\Segurança - Erica\2014\Orcamento\CAPEX\ARQUIVOS PREPARATORIOS\Estrutura Orcamentaria\OPERACAO\SEGURANCA PATRIMONIAL\CAPEX_2014_ORC_OPE_PAT_MS_OFICIAL.xlsx</t>
  </si>
  <si>
    <t>CAPEX_2014_ORC_OPE_PAT_MT_OFICIAL.xlsx</t>
  </si>
  <si>
    <t>E:\BK_final\Vilarinho\Vilarinho - Trabalho\Segurança - Erica\2014\Orcamento\CAPEX\ARQUIVOS PREPARATORIOS\Estrutura Orcamentaria\OPERACAO\SEGURANCA PATRIMONIAL\CAPEX_2014_ORC_OPE_PAT_MT_OFICIAL.xlsx</t>
  </si>
  <si>
    <t>11/21/2019 16:43:33</t>
  </si>
  <si>
    <t>CAPEX_2014_ORC_OPE_PAT_PR_OFICIAL.xlsx</t>
  </si>
  <si>
    <t>E:\BK_final\Vilarinho\Vilarinho - Trabalho\Segurança - Erica\2014\Orcamento\CAPEX\ARQUIVOS PREPARATORIOS\Estrutura Orcamentaria\OPERACAO\SEGURANCA PATRIMONIAL\CAPEX_2014_ORC_OPE_PAT_PR_OFICIAL.xlsx</t>
  </si>
  <si>
    <t>CAPEX_2014_ORC_OPE_PAT_RJ_OFICIAL.xlsx</t>
  </si>
  <si>
    <t>E:\BK_final\Vilarinho\Vilarinho - Trabalho\Segurança - Erica\2014\Orcamento\CAPEX\ARQUIVOS PREPARATORIOS\Estrutura Orcamentaria\OPERACAO\SEGURANCA PATRIMONIAL\CAPEX_2014_ORC_OPE_PAT_RJ_OFICIAL.xlsx</t>
  </si>
  <si>
    <t>CAPEX_2014_ORC_OPE_PAT_SP1_OFICIAL.xlsx</t>
  </si>
  <si>
    <t>E:\BK_final\Vilarinho\Vilarinho - Trabalho\Segurança - Erica\2014\Orcamento\CAPEX\ARQUIVOS PREPARATORIOS\Estrutura Orcamentaria\OPERACAO\SEGURANCA PATRIMONIAL\CAPEX_2014_ORC_OPE_PAT_SP1_OFICIAL.xlsx</t>
  </si>
  <si>
    <t>CAPEX_2014_ORC_OPE_PAT_SP2_OFICIAL.xlsx</t>
  </si>
  <si>
    <t>E:\BK_final\Vilarinho\Vilarinho - Trabalho\Segurança - Erica\2014\Orcamento\CAPEX\ARQUIVOS PREPARATORIOS\Estrutura Orcamentaria\OPERACAO\SEGURANCA PATRIMONIAL\CAPEX_2014_ORC_OPE_PAT_SP2_OFICIAL.xlsx</t>
  </si>
  <si>
    <t>D:\2014\Orcamento\CAPEX\ARQUIVOS PREPARATORIOS\Estrutura Orcamentaria\OPERACAO\SUPERVISAO PATRIMONIAL\</t>
  </si>
  <si>
    <t>CAPEX_2014_ORC_SUP_PAT_CONSOLIDADO_OFICIAL.xlsx</t>
  </si>
  <si>
    <t>E:\BK_final\Vilarinho\Vilarinho - Trabalho\Segurança - Erica\2014\Orcamento\CAPEX\ARQUIVOS PREPARATORIOS\Estrutura Orcamentaria\OPERACAO\SUPERVISAO PATRIMONIAL\CAPEX_2014_ORC_SUP_PAT_CONSOLIDADO_OFICIAL.xlsx</t>
  </si>
  <si>
    <t>D:\2014\Orcamento\CAPEX\ARQUIVOS PREPARATORIOS\Estrutura Orcamentaria\OPERACAO\SUPERVISAO PATRIMONIAL\AFASTAMENTO_FERIAS\</t>
  </si>
  <si>
    <t>E:\BK_final\Vilarinho\Vilarinho - Trabalho\Segurança - Erica\2014\Orcamento\CAPEX\ARQUIVOS PREPARATORIOS\Estrutura Orcamentaria\OPERACAO\SUPERVISAO PATRIMONIAL\AFASTAMENTO_FERIAS\CAPEX_2014_ORC_SUP_PAT_AFAST_FERIAS_CONSOLIDADO_OFICIAL.xlsx</t>
  </si>
  <si>
    <t>E:\BK_final\Vilarinho\Vilarinho - Trabalho\Segurança - Erica\2014\Orcamento\CAPEX\ARQUIVOS PREPARATORIOS\Estrutura Orcamentaria\OPERACAO\SUPERVISAO PATRIMONIAL\AFASTAMENTO_FERIAS\CAPEX_2014_ORC_SUP_PAT_AFAST_FERIAS_GO_OFICIAL.xlsx</t>
  </si>
  <si>
    <t>11/21/2019 16:43:34</t>
  </si>
  <si>
    <t>E:\BK_final\Vilarinho\Vilarinho - Trabalho\Segurança - Erica\2014\Orcamento\CAPEX\ARQUIVOS PREPARATORIOS\Estrutura Orcamentaria\OPERACAO\SUPERVISAO PATRIMONIAL\AFASTAMENTO_FERIAS\CAPEX_2014_ORC_SUP_PAT_AFAST_FERIAS_MG1_OFICIAL.xlsx</t>
  </si>
  <si>
    <t>E:\BK_final\Vilarinho\Vilarinho - Trabalho\Segurança - Erica\2014\Orcamento\CAPEX\ARQUIVOS PREPARATORIOS\Estrutura Orcamentaria\OPERACAO\SUPERVISAO PATRIMONIAL\AFASTAMENTO_FERIAS\CAPEX_2014_ORC_SUP_PAT_AFAST_FERIAS_MG2_OFICIAL.xlsx</t>
  </si>
  <si>
    <t>E:\BK_final\Vilarinho\Vilarinho - Trabalho\Segurança - Erica\2014\Orcamento\CAPEX\ARQUIVOS PREPARATORIOS\Estrutura Orcamentaria\OPERACAO\SUPERVISAO PATRIMONIAL\AFASTAMENTO_FERIAS\CAPEX_2014_ORC_SUP_PAT_AFAST_FERIAS_MS_OFICIAL.xlsx</t>
  </si>
  <si>
    <t>11/21/2019 16:43:35</t>
  </si>
  <si>
    <t>E:\BK_final\Vilarinho\Vilarinho - Trabalho\Segurança - Erica\2014\Orcamento\CAPEX\ARQUIVOS PREPARATORIOS\Estrutura Orcamentaria\OPERACAO\SUPERVISAO PATRIMONIAL\AFASTAMENTO_FERIAS\CAPEX_2014_ORC_SUP_PAT_AFAST_FERIAS_MT_OFICIAL.xlsx</t>
  </si>
  <si>
    <t>11/21/2019 16:43:36</t>
  </si>
  <si>
    <t>E:\BK_final\Vilarinho\Vilarinho - Trabalho\Segurança - Erica\2014\Orcamento\CAPEX\ARQUIVOS PREPARATORIOS\Estrutura Orcamentaria\OPERACAO\SUPERVISAO PATRIMONIAL\AFASTAMENTO_FERIAS\CAPEX_2014_ORC_SUP_PAT_AFAST_FERIAS_PR_OFICIAL.xlsx</t>
  </si>
  <si>
    <t>E:\BK_final\Vilarinho\Vilarinho - Trabalho\Segurança - Erica\2014\Orcamento\CAPEX\ARQUIVOS PREPARATORIOS\Estrutura Orcamentaria\OPERACAO\SUPERVISAO PATRIMONIAL\AFASTAMENTO_FERIAS\CAPEX_2014_ORC_SUP_PAT_AFAST_FERIAS_SP1_OFICIAL.xlsx</t>
  </si>
  <si>
    <t>E:\BK_final\Vilarinho\Vilarinho - Trabalho\Segurança - Erica\2014\Orcamento\CAPEX\ARQUIVOS PREPARATORIOS\Estrutura Orcamentaria\OPERACAO\SUPERVISAO PATRIMONIAL\AFASTAMENTO_FERIAS\CAPEX_2014_ORC_SUP_PAT_AFAST_FERIAS_SP2_OFICIAL.xlsx</t>
  </si>
  <si>
    <t>11/21/2019 16:43:37</t>
  </si>
  <si>
    <t>D:\2014\Orcamento\CAPEX\ARQUIVOS PREPARATORIOS\Estrutura Orcamentaria\OPERACAO\SUPERVISAO PATRIMONIAL\CENTRAL\</t>
  </si>
  <si>
    <t>CAPEX_2014_ORC_SUP_PAT_CENTRAL_CONSOLIDADO_OFICIAL.xlsx</t>
  </si>
  <si>
    <t>E:\BK_final\Vilarinho\Vilarinho - Trabalho\Segurança - Erica\2014\Orcamento\CAPEX\ARQUIVOS PREPARATORIOS\Estrutura Orcamentaria\OPERACAO\SUPERVISAO PATRIMONIAL\CENTRAL\CAPEX_2014_ORC_SUP_PAT_CENTRAL_CONSOLIDADO_OFICIAL.xlsx</t>
  </si>
  <si>
    <t>11/21/2019 16:43:38</t>
  </si>
  <si>
    <t>CAPEX_2014_ORC_SUP_PAT_CENTRAL_GO_OFICIAL.xlsx</t>
  </si>
  <si>
    <t>E:\BK_final\Vilarinho\Vilarinho - Trabalho\Segurança - Erica\2014\Orcamento\CAPEX\ARQUIVOS PREPARATORIOS\Estrutura Orcamentaria\OPERACAO\SUPERVISAO PATRIMONIAL\CENTRAL\CAPEX_2014_ORC_SUP_PAT_CENTRAL_GO_OFICIAL.xlsx</t>
  </si>
  <si>
    <t>CAPEX_2014_ORC_SUP_PAT_CENTRAL_MG1_OFICIAL.xlsx</t>
  </si>
  <si>
    <t>E:\BK_final\Vilarinho\Vilarinho - Trabalho\Segurança - Erica\2014\Orcamento\CAPEX\ARQUIVOS PREPARATORIOS\Estrutura Orcamentaria\OPERACAO\SUPERVISAO PATRIMONIAL\CENTRAL\CAPEX_2014_ORC_SUP_PAT_CENTRAL_MG1_OFICIAL.xlsx</t>
  </si>
  <si>
    <t>11/21/2019 16:43:39</t>
  </si>
  <si>
    <t>CAPEX_2014_ORC_SUP_PAT_CENTRAL_MG2_OFICIAL.xlsx</t>
  </si>
  <si>
    <t>E:\BK_final\Vilarinho\Vilarinho - Trabalho\Segurança - Erica\2014\Orcamento\CAPEX\ARQUIVOS PREPARATORIOS\Estrutura Orcamentaria\OPERACAO\SUPERVISAO PATRIMONIAL\CENTRAL\CAPEX_2014_ORC_SUP_PAT_CENTRAL_MG2_OFICIAL.xlsx</t>
  </si>
  <si>
    <t>CAPEX_2014_ORC_SUP_PAT_CENTRAL_MS_OFICIAL.xlsx</t>
  </si>
  <si>
    <t>E:\BK_final\Vilarinho\Vilarinho - Trabalho\Segurança - Erica\2014\Orcamento\CAPEX\ARQUIVOS PREPARATORIOS\Estrutura Orcamentaria\OPERACAO\SUPERVISAO PATRIMONIAL\CENTRAL\CAPEX_2014_ORC_SUP_PAT_CENTRAL_MS_OFICIAL.xlsx</t>
  </si>
  <si>
    <t>CAPEX_2014_ORC_SUP_PAT_CENTRAL_MT_OFICIAL.xlsx</t>
  </si>
  <si>
    <t>E:\BK_final\Vilarinho\Vilarinho - Trabalho\Segurança - Erica\2014\Orcamento\CAPEX\ARQUIVOS PREPARATORIOS\Estrutura Orcamentaria\OPERACAO\SUPERVISAO PATRIMONIAL\CENTRAL\CAPEX_2014_ORC_SUP_PAT_CENTRAL_MT_OFICIAL.xlsx</t>
  </si>
  <si>
    <t>11/21/2019 16:43:40</t>
  </si>
  <si>
    <t>CAPEX_2014_ORC_SUP_PAT_CENTRAL_PR_OFICIAL.xlsx</t>
  </si>
  <si>
    <t>E:\BK_final\Vilarinho\Vilarinho - Trabalho\Segurança - Erica\2014\Orcamento\CAPEX\ARQUIVOS PREPARATORIOS\Estrutura Orcamentaria\OPERACAO\SUPERVISAO PATRIMONIAL\CENTRAL\CAPEX_2014_ORC_SUP_PAT_CENTRAL_PR_OFICIAL.xlsx</t>
  </si>
  <si>
    <t>CAPEX_2014_ORC_SUP_PAT_CENTRAL_RJ_OFICIAL.xlsx</t>
  </si>
  <si>
    <t>E:\BK_final\Vilarinho\Vilarinho - Trabalho\Segurança - Erica\2014\Orcamento\CAPEX\ARQUIVOS PREPARATORIOS\Estrutura Orcamentaria\OPERACAO\SUPERVISAO PATRIMONIAL\CENTRAL\CAPEX_2014_ORC_SUP_PAT_CENTRAL_RJ_OFICIAL.xlsx</t>
  </si>
  <si>
    <t>11/21/2019 16:43:41</t>
  </si>
  <si>
    <t>CAPEX_2014_ORC_SUP_PAT_CENTRAL_SP1_OFICIAL.xlsx</t>
  </si>
  <si>
    <t>E:\BK_final\Vilarinho\Vilarinho - Trabalho\Segurança - Erica\2014\Orcamento\CAPEX\ARQUIVOS PREPARATORIOS\Estrutura Orcamentaria\OPERACAO\SUPERVISAO PATRIMONIAL\CENTRAL\CAPEX_2014_ORC_SUP_PAT_CENTRAL_SP1_OFICIAL.xlsx</t>
  </si>
  <si>
    <t>CAPEX_2014_ORC_SUP_PAT_CENTRAL_SP2_OFICIAL.xlsx</t>
  </si>
  <si>
    <t>E:\BK_final\Vilarinho\Vilarinho - Trabalho\Segurança - Erica\2014\Orcamento\CAPEX\ARQUIVOS PREPARATORIOS\Estrutura Orcamentaria\OPERACAO\SUPERVISAO PATRIMONIAL\CENTRAL\CAPEX_2014_ORC_SUP_PAT_CENTRAL_SP2_OFICIAL.xlsx</t>
  </si>
  <si>
    <t>D:\2014\Orcamento\CAPEX\ARQUIVOS PREPARATORIOS\Estrutura Orcamentaria\OPERACAO\SUPERVISAO PATRIMONIAL\GESTAO ONLINE\</t>
  </si>
  <si>
    <t>CAPEX_2014_ORC_SUP_PAT_GO_OFICIAL.xlsx</t>
  </si>
  <si>
    <t>E:\BK_final\Vilarinho\Vilarinho - Trabalho\Segurança - Erica\2014\Orcamento\CAPEX\ARQUIVOS PREPARATORIOS\Estrutura Orcamentaria\OPERACAO\SUPERVISAO PATRIMONIAL\GESTAO ONLINE\CAPEX_2014_ORC_SUP_PAT_GO_OFICIAL.xlsx</t>
  </si>
  <si>
    <t>D:\2014\Orcamento\CAPEX\ARQUIVOS PREPARATORIOS\Estrutura Orcamentaria\OPERACAO\SUPERVISAO PATRIMONIAL\OPERACIONAL\</t>
  </si>
  <si>
    <t>CAPEX_2014_ORC_SUP_PAT_OPERACIONAL_CONSOLIDADO_OFICIAL.xlsx</t>
  </si>
  <si>
    <t>E:\BK_final\Vilarinho\Vilarinho - Trabalho\Segurança - Erica\2014\Orcamento\CAPEX\ARQUIVOS PREPARATORIOS\Estrutura Orcamentaria\OPERACAO\SUPERVISAO PATRIMONIAL\OPERACIONAL\CAPEX_2014_ORC_SUP_PAT_OPERACIONAL_CONSOLIDADO_OFICIAL.xlsx</t>
  </si>
  <si>
    <t>11/21/2019 16:43:42</t>
  </si>
  <si>
    <t>CAPEX_2014_ORC_SUP_PAT_OPERACIONAL_GO_OFICIAL.xlsx</t>
  </si>
  <si>
    <t>E:\BK_final\Vilarinho\Vilarinho - Trabalho\Segurança - Erica\2014\Orcamento\CAPEX\ARQUIVOS PREPARATORIOS\Estrutura Orcamentaria\OPERACAO\SUPERVISAO PATRIMONIAL\OPERACIONAL\CAPEX_2014_ORC_SUP_PAT_OPERACIONAL_GO_OFICIAL.xlsx</t>
  </si>
  <si>
    <t>CAPEX_2014_ORC_SUP_PAT_OPERACIONAL_MG1_OFICIAL.xlsx</t>
  </si>
  <si>
    <t>E:\BK_final\Vilarinho\Vilarinho - Trabalho\Segurança - Erica\2014\Orcamento\CAPEX\ARQUIVOS PREPARATORIOS\Estrutura Orcamentaria\OPERACAO\SUPERVISAO PATRIMONIAL\OPERACIONAL\CAPEX_2014_ORC_SUP_PAT_OPERACIONAL_MG1_OFICIAL.xlsx</t>
  </si>
  <si>
    <t>CAPEX_2014_ORC_SUP_PAT_OPERACIONAL_MG2_OFICIAL.xlsx</t>
  </si>
  <si>
    <t>E:\BK_final\Vilarinho\Vilarinho - Trabalho\Segurança - Erica\2014\Orcamento\CAPEX\ARQUIVOS PREPARATORIOS\Estrutura Orcamentaria\OPERACAO\SUPERVISAO PATRIMONIAL\OPERACIONAL\CAPEX_2014_ORC_SUP_PAT_OPERACIONAL_MG2_OFICIAL.xlsx</t>
  </si>
  <si>
    <t>CAPEX_2014_ORC_SUP_PAT_OPERACIONAL_MS_OFICIAL.xlsx</t>
  </si>
  <si>
    <t>E:\BK_final\Vilarinho\Vilarinho - Trabalho\Segurança - Erica\2014\Orcamento\CAPEX\ARQUIVOS PREPARATORIOS\Estrutura Orcamentaria\OPERACAO\SUPERVISAO PATRIMONIAL\OPERACIONAL\CAPEX_2014_ORC_SUP_PAT_OPERACIONAL_MS_OFICIAL.xlsx</t>
  </si>
  <si>
    <t>CAPEX_2014_ORC_SUP_PAT_OPERACIONAL_MT_OFICIAL.xlsx</t>
  </si>
  <si>
    <t>E:\BK_final\Vilarinho\Vilarinho - Trabalho\Segurança - Erica\2014\Orcamento\CAPEX\ARQUIVOS PREPARATORIOS\Estrutura Orcamentaria\OPERACAO\SUPERVISAO PATRIMONIAL\OPERACIONAL\CAPEX_2014_ORC_SUP_PAT_OPERACIONAL_MT_OFICIAL.xlsx</t>
  </si>
  <si>
    <t>11/21/2019 16:43:43</t>
  </si>
  <si>
    <t>CAPEX_2014_ORC_SUP_PAT_OPERACIONAL_PR_OFICIAL.xlsx</t>
  </si>
  <si>
    <t>E:\BK_final\Vilarinho\Vilarinho - Trabalho\Segurança - Erica\2014\Orcamento\CAPEX\ARQUIVOS PREPARATORIOS\Estrutura Orcamentaria\OPERACAO\SUPERVISAO PATRIMONIAL\OPERACIONAL\CAPEX_2014_ORC_SUP_PAT_OPERACIONAL_PR_OFICIAL.xlsx</t>
  </si>
  <si>
    <t>11/21/2019 16:43:44</t>
  </si>
  <si>
    <t>CAPEX_2014_ORC_SUP_PAT_OPERACIONAL_RJ_OFICIAL.xlsx</t>
  </si>
  <si>
    <t>E:\BK_final\Vilarinho\Vilarinho - Trabalho\Segurança - Erica\2014\Orcamento\CAPEX\ARQUIVOS PREPARATORIOS\Estrutura Orcamentaria\OPERACAO\SUPERVISAO PATRIMONIAL\OPERACIONAL\CAPEX_2014_ORC_SUP_PAT_OPERACIONAL_RJ_OFICIAL.xlsx</t>
  </si>
  <si>
    <t>CAPEX_2014_ORC_SUP_PAT_OPERACIONAL_SP1_OFICIAL.xlsx</t>
  </si>
  <si>
    <t>E:\BK_final\Vilarinho\Vilarinho - Trabalho\Segurança - Erica\2014\Orcamento\CAPEX\ARQUIVOS PREPARATORIOS\Estrutura Orcamentaria\OPERACAO\SUPERVISAO PATRIMONIAL\OPERACIONAL\CAPEX_2014_ORC_SUP_PAT_OPERACIONAL_SP1_OFICIAL.xlsx</t>
  </si>
  <si>
    <t>11/21/2019 16:43:45</t>
  </si>
  <si>
    <t>CAPEX_2014_ORC_SUP_PAT_OPERACIONAL_SP2_OFICIAL.xlsx</t>
  </si>
  <si>
    <t>E:\BK_final\Vilarinho\Vilarinho - Trabalho\Segurança - Erica\2014\Orcamento\CAPEX\ARQUIVOS PREPARATORIOS\Estrutura Orcamentaria\OPERACAO\SUPERVISAO PATRIMONIAL\OPERACIONAL\CAPEX_2014_ORC_SUP_PAT_OPERACIONAL_SP2_OFICIAL.xlsx</t>
  </si>
  <si>
    <t>D:\2014\Orcamento\CAPEX\ARQUIVOS PREPARATORIOS\Estrutura Orcamentaria\STAFF\</t>
  </si>
  <si>
    <t>CAPEX_2014_ORC_ADM_AGPI_OFICIAL.xlsx</t>
  </si>
  <si>
    <t>E:\BK_final\Vilarinho\Vilarinho - Trabalho\Segurança - Erica\2014\Orcamento\CAPEX\ARQUIVOS PREPARATORIOS\Estrutura Orcamentaria\STAFF\CAPEX_2014_ORC_ADM_AGPI_OFICIAL.xlsx</t>
  </si>
  <si>
    <t>CAPEX_2014_ORC_ADM_COMITE_INOVACAO_OFICIAL.xlsx</t>
  </si>
  <si>
    <t>E:\BK_final\Vilarinho\Vilarinho - Trabalho\Segurança - Erica\2014\Orcamento\CAPEX\ARQUIVOS PREPARATORIOS\Estrutura Orcamentaria\STAFF\CAPEX_2014_ORC_ADM_COMITE_INOVACAO_OFICIAL.xlsx</t>
  </si>
  <si>
    <t>CAPEX_2014_ORC_ADM_CONSOLIDADO_OFICIAL.xlsx</t>
  </si>
  <si>
    <t>E:\BK_final\Vilarinho\Vilarinho - Trabalho\Segurança - Erica\2014\Orcamento\CAPEX\ARQUIVOS PREPARATORIOS\Estrutura Orcamentaria\STAFF\CAPEX_2014_ORC_ADM_CONSOLIDADO_OFICIAL.xlsx</t>
  </si>
  <si>
    <t>CAPEX_2014_ORC_ADM_CORPORATIVO_OFICIAL.xlsx</t>
  </si>
  <si>
    <t>E:\BK_final\Vilarinho\Vilarinho - Trabalho\Segurança - Erica\2014\Orcamento\CAPEX\ARQUIVOS PREPARATORIOS\Estrutura Orcamentaria\STAFF\CAPEX_2014_ORC_ADM_CORPORATIVO_OFICIAL.xlsx</t>
  </si>
  <si>
    <t>11/21/2019 16:43:46</t>
  </si>
  <si>
    <t>CAPEX_2014_ORC_ADM_CSC_OFICIAL.xlsx</t>
  </si>
  <si>
    <t>E:\BK_final\Vilarinho\Vilarinho - Trabalho\Segurança - Erica\2014\Orcamento\CAPEX\ARQUIVOS PREPARATORIOS\Estrutura Orcamentaria\STAFF\CAPEX_2014_ORC_ADM_CSC_OFICIAL.xlsx</t>
  </si>
  <si>
    <t>CAPEX_2014_ORC_ADM_DIRETORIA_OFICIAL.xlsx</t>
  </si>
  <si>
    <t>E:\BK_final\Vilarinho\Vilarinho - Trabalho\Segurança - Erica\2014\Orcamento\CAPEX\ARQUIVOS PREPARATORIOS\Estrutura Orcamentaria\STAFF\CAPEX_2014_ORC_ADM_DIRETORIA_OFICIAL.xlsx</t>
  </si>
  <si>
    <t>CAPEX_2014_ORC_ADM_FINANCEIRO_OFICIAL.xlsx</t>
  </si>
  <si>
    <t>E:\BK_final\Vilarinho\Vilarinho - Trabalho\Segurança - Erica\2014\Orcamento\CAPEX\ARQUIVOS PREPARATORIOS\Estrutura Orcamentaria\STAFF\CAPEX_2014_ORC_ADM_FINANCEIRO_OFICIAL.xlsx</t>
  </si>
  <si>
    <t>CAPEX_2014_ORC_ADM_JURIDICO_OFICIAL.xlsx</t>
  </si>
  <si>
    <t>E:\BK_final\Vilarinho\Vilarinho - Trabalho\Segurança - Erica\2014\Orcamento\CAPEX\ARQUIVOS PREPARATORIOS\Estrutura Orcamentaria\STAFF\CAPEX_2014_ORC_ADM_JURIDICO_OFICIAL.xlsx</t>
  </si>
  <si>
    <t>CAPEX_2014_ORC_ADM_SESMT_OFICIAL.xlsx</t>
  </si>
  <si>
    <t>E:\BK_final\Vilarinho\Vilarinho - Trabalho\Segurança - Erica\2014\Orcamento\CAPEX\ARQUIVOS PREPARATORIOS\Estrutura Orcamentaria\STAFF\CAPEX_2014_ORC_ADM_SESMT_OFICIAL.xlsx</t>
  </si>
  <si>
    <t>11/21/2019 16:43:47</t>
  </si>
  <si>
    <t>CAPEX_2014_ORC_ADM_TH_OFICIAL.xlsx</t>
  </si>
  <si>
    <t>E:\BK_final\Vilarinho\Vilarinho - Trabalho\Segurança - Erica\2014\Orcamento\CAPEX\ARQUIVOS PREPARATORIOS\Estrutura Orcamentaria\STAFF\CAPEX_2014_ORC_ADM_TH_OFICIAL.xlsx</t>
  </si>
  <si>
    <t>CAPEX_2014_ORC_ADM_TI_OFICIAL.xlsx</t>
  </si>
  <si>
    <t>E:\BK_final\Vilarinho\Vilarinho - Trabalho\Segurança - Erica\2014\Orcamento\CAPEX\ARQUIVOS PREPARATORIOS\Estrutura Orcamentaria\STAFF\CAPEX_2014_ORC_ADM_TI_OFICIAL.xlsx</t>
  </si>
  <si>
    <t>D:\2014\Orcamento\CAPEX\OFICIAL\</t>
  </si>
  <si>
    <t>E:\BK_final\Vilarinho\Vilarinho - Trabalho\Segurança - Erica\2014\Orcamento\CAPEX\OFICIAL\CAPEX_2014_ORC_CONSOLIDADO_OFICIAL.xlsx</t>
  </si>
  <si>
    <t>D:\2014\Orcamento\CAPEX\OFICIAL\COMERCIAL\</t>
  </si>
  <si>
    <t>E:\BK_final\Vilarinho\Vilarinho - Trabalho\Segurança - Erica\2014\Orcamento\CAPEX\OFICIAL\COMERCIAL\CAPEX_2014_ORC_CML_CONSOLIDADO_OFICIAL.xlsx</t>
  </si>
  <si>
    <t>D:\2014\Orcamento\CAPEX\OFICIAL\COMERCIAL\SEGURANCA DOCUMENTAL\</t>
  </si>
  <si>
    <t>E:\BK_final\Vilarinho\Vilarinho - Trabalho\Segurança - Erica\2014\Orcamento\CAPEX\OFICIAL\COMERCIAL\SEGURANCA DOCUMENTAL\CAPEX_2014_ORC_CML_SEDOC_OFICIAL.xlsx</t>
  </si>
  <si>
    <t>D:\2014\Orcamento\CAPEX\OFICIAL\COMERCIAL\SEGURANCA ELETRONICA\</t>
  </si>
  <si>
    <t>E:\BK_final\Vilarinho\Vilarinho - Trabalho\Segurança - Erica\2014\Orcamento\CAPEX\OFICIAL\COMERCIAL\SEGURANCA ELETRONICA\CAPEX_2014_ORC_CML_ELE_CONSOLIDADO_OFICIAL.xlsx</t>
  </si>
  <si>
    <t>11/21/2019 16:43:48</t>
  </si>
  <si>
    <t>E:\BK_final\Vilarinho\Vilarinho - Trabalho\Segurança - Erica\2014\Orcamento\CAPEX\OFICIAL\COMERCIAL\SEGURANCA ELETRONICA\CAPEX_2014_ORC_CML_ELE_MONITORAMENTO_OFICIAL.xlsx</t>
  </si>
  <si>
    <t>E:\BK_final\Vilarinho\Vilarinho - Trabalho\Segurança - Erica\2014\Orcamento\CAPEX\OFICIAL\COMERCIAL\SEGURANCA ELETRONICA\CAPEX_2014_ORC_CML_ELE_PROJETOS_OFICIAL.xlsx</t>
  </si>
  <si>
    <t>D:\2014\Orcamento\CAPEX\OFICIAL\COMERCIAL\SEGURANCA PATRIMONIAL\</t>
  </si>
  <si>
    <t>E:\BK_final\Vilarinho\Vilarinho - Trabalho\Segurança - Erica\2014\Orcamento\CAPEX\OFICIAL\COMERCIAL\SEGURANCA PATRIMONIAL\CAPEX_2014_ORC_CML_PAT_CONSOLIDADO_OFICIAL.xlsx</t>
  </si>
  <si>
    <t>E:\BK_final\Vilarinho\Vilarinho - Trabalho\Segurança - Erica\2014\Orcamento\CAPEX\OFICIAL\COMERCIAL\SEGURANCA PATRIMONIAL\CAPEX_2014_ORC_CML_PAT_GO_OFICIAL.xlsx</t>
  </si>
  <si>
    <t>E:\BK_final\Vilarinho\Vilarinho - Trabalho\Segurança - Erica\2014\Orcamento\CAPEX\OFICIAL\COMERCIAL\SEGURANCA PATRIMONIAL\CAPEX_2014_ORC_CML_PAT_MG1_OFICIAL.xlsx</t>
  </si>
  <si>
    <t>E:\BK_final\Vilarinho\Vilarinho - Trabalho\Segurança - Erica\2014\Orcamento\CAPEX\OFICIAL\COMERCIAL\SEGURANCA PATRIMONIAL\CAPEX_2014_ORC_CML_PAT_MG2_OFICIAL.xlsx</t>
  </si>
  <si>
    <t>11/21/2019 16:43:49</t>
  </si>
  <si>
    <t>E:\BK_final\Vilarinho\Vilarinho - Trabalho\Segurança - Erica\2014\Orcamento\CAPEX\OFICIAL\COMERCIAL\SEGURANCA PATRIMONIAL\CAPEX_2014_ORC_CML_PAT_MS_OFICIAL.xlsx</t>
  </si>
  <si>
    <t>11/21/2019 16:43:50</t>
  </si>
  <si>
    <t>E:\BK_final\Vilarinho\Vilarinho - Trabalho\Segurança - Erica\2014\Orcamento\CAPEX\OFICIAL\COMERCIAL\SEGURANCA PATRIMONIAL\CAPEX_2014_ORC_CML_PAT_MT_OFICIAL.xlsx</t>
  </si>
  <si>
    <t>E:\BK_final\Vilarinho\Vilarinho - Trabalho\Segurança - Erica\2014\Orcamento\CAPEX\OFICIAL\COMERCIAL\SEGURANCA PATRIMONIAL\CAPEX_2014_ORC_CML_PAT_PR_OFICIAL.xlsx</t>
  </si>
  <si>
    <t>11/21/2019 16:43:51</t>
  </si>
  <si>
    <t>E:\BK_final\Vilarinho\Vilarinho - Trabalho\Segurança - Erica\2014\Orcamento\CAPEX\OFICIAL\COMERCIAL\SEGURANCA PATRIMONIAL\CAPEX_2014_ORC_CML_PAT_SP1_OFICIAL.xlsx</t>
  </si>
  <si>
    <t>E:\BK_final\Vilarinho\Vilarinho - Trabalho\Segurança - Erica\2014\Orcamento\CAPEX\OFICIAL\COMERCIAL\SEGURANCA PATRIMONIAL\CAPEX_2014_ORC_CML_PAT_SP2_OFICIAL.xlsx</t>
  </si>
  <si>
    <t>11/21/2019 16:43:53</t>
  </si>
  <si>
    <t>D:\2014\Orcamento\CAPEX\OFICIAL\OPERACAO\</t>
  </si>
  <si>
    <t>E:\BK_final\Vilarinho\Vilarinho - Trabalho\Segurança - Erica\2014\Orcamento\CAPEX\OFICIAL\OPERACAO\CAPEX_2014_ORC_OPE_CONSOLIDADO_OFICIAL.xlsx</t>
  </si>
  <si>
    <t>D:\2014\Orcamento\CAPEX\OFICIAL\OPERACAO\SEGURANCA DOCUMENTAL\</t>
  </si>
  <si>
    <t>E:\BK_final\Vilarinho\Vilarinho - Trabalho\Segurança - Erica\2014\Orcamento\CAPEX\OFICIAL\OPERACAO\SEGURANCA DOCUMENTAL\CAPEX_2014_ORC_OPE_SEDOC_CONSOLIDADO_OFICIAL.xlsx</t>
  </si>
  <si>
    <t>E:\BK_final\Vilarinho\Vilarinho - Trabalho\Segurança - Erica\2014\Orcamento\CAPEX\OFICIAL\OPERACAO\SEGURANCA DOCUMENTAL\CAPEX_2014_ORC_OPE_SEDOC_MG1_OFICIAL.xlsx</t>
  </si>
  <si>
    <t>E:\BK_final\Vilarinho\Vilarinho - Trabalho\Segurança - Erica\2014\Orcamento\CAPEX\OFICIAL\OPERACAO\SEGURANCA DOCUMENTAL\CAPEX_2014_ORC_OPE_SEDOC_SP1_OFICIAL.xlsx</t>
  </si>
  <si>
    <t>CAPEX_2014_ORC_OPE_SUP_SEDOC_OFICIAL.xlsx</t>
  </si>
  <si>
    <t>E:\BK_final\Vilarinho\Vilarinho - Trabalho\Segurança - Erica\2014\Orcamento\CAPEX\OFICIAL\OPERACAO\SEGURANCA DOCUMENTAL\CAPEX_2014_ORC_OPE_SUP_SEDOC_OFICIAL.xlsx</t>
  </si>
  <si>
    <t>11/21/2019 16:43:54</t>
  </si>
  <si>
    <t>D:\2014\Orcamento\CAPEX\OFICIAL\OPERACAO\SEGURANCA ELETRONICA\</t>
  </si>
  <si>
    <t>E:\BK_final\Vilarinho\Vilarinho - Trabalho\Segurança - Erica\2014\Orcamento\CAPEX\OFICIAL\OPERACAO\SEGURANCA ELETRONICA\CAPEX_2014_ORC_OPE_ELE_ATEND_ALARME_OFICIAL.xlsx</t>
  </si>
  <si>
    <t>E:\BK_final\Vilarinho\Vilarinho - Trabalho\Segurança - Erica\2014\Orcamento\CAPEX\OFICIAL\OPERACAO\SEGURANCA ELETRONICA\CAPEX_2014_ORC_OPE_ELE_CONSOLIDADO_OFICIAL.xlsx</t>
  </si>
  <si>
    <t>E:\BK_final\Vilarinho\Vilarinho - Trabalho\Segurança - Erica\2014\Orcamento\CAPEX\OFICIAL\OPERACAO\SEGURANCA ELETRONICA\CAPEX_2014_ORC_OPE_ELE_MONITORAMENTO_OFICIAL.xlsx</t>
  </si>
  <si>
    <t>E:\BK_final\Vilarinho\Vilarinho - Trabalho\Segurança - Erica\2014\Orcamento\CAPEX\OFICIAL\OPERACAO\SEGURANCA ELETRONICA\CAPEX_2014_ORC_OPE_ELE_PROJETOS_OFICIAL.xlsx</t>
  </si>
  <si>
    <t>E:\BK_final\Vilarinho\Vilarinho - Trabalho\Segurança - Erica\2014\Orcamento\CAPEX\OFICIAL\OPERACAO\SEGURANCA ELETRONICA\CAPEX_2014_ORC_OPE_ELE_SAC_OFICIAL.xlsx</t>
  </si>
  <si>
    <t>E:\BK_final\Vilarinho\Vilarinho - Trabalho\Segurança - Erica\2014\Orcamento\CAPEX\OFICIAL\OPERACAO\SEGURANCA ELETRONICA\CAPEX_2014_ORC_OPE_ELE_TECNICA_OFICIAL.xlsx</t>
  </si>
  <si>
    <t>11/21/2019 16:43:55</t>
  </si>
  <si>
    <t>E:\BK_final\Vilarinho\Vilarinho - Trabalho\Segurança - Erica\2014\Orcamento\CAPEX\OFICIAL\OPERACAO\SEGURANCA ELETRONICA\</t>
  </si>
  <si>
    <t>CAPEX_2014_ORC_OPE_SUP_ELE_OFICIAL.xlsx</t>
  </si>
  <si>
    <t>E:\BK_final\Vilarinho\Vilarinho - Trabalho\Segurança - Erica\2014\Orcamento\CAPEX\OFICIAL\OPERACAO\SEGURANCA ELETRONICA\CAPEX_2014_ORC_OPE_SUP_ELE_OFICIAL.xlsx</t>
  </si>
  <si>
    <t>D:\2014\Orcamento\CAPEX\OFICIAL\OPERACAO\SEGURANCA PATRIMONIAL\</t>
  </si>
  <si>
    <t>E:\BK_final\Vilarinho\Vilarinho - Trabalho\Segurança - Erica\2014\Orcamento\CAPEX\OFICIAL\OPERACAO\SEGURANCA PATRIMONIAL\CAPEX_2014_ORC_OPE_PAT_CONSOLIDADO_OFICIAL.xlsx</t>
  </si>
  <si>
    <t>E:\BK_final\Vilarinho\Vilarinho - Trabalho\Segurança - Erica\2014\Orcamento\CAPEX\OFICIAL\OPERACAO\SEGURANCA PATRIMONIAL\CAPEX_2014_ORC_OPE_PAT_GO_OFICIAL.xlsx</t>
  </si>
  <si>
    <t>E:\BK_final\Vilarinho\Vilarinho - Trabalho\Segurança - Erica\2014\Orcamento\CAPEX\OFICIAL\OPERACAO\SEGURANCA PATRIMONIAL\CAPEX_2014_ORC_OPE_PAT_MG1_OFICIAL.xlsx</t>
  </si>
  <si>
    <t>E:\BK_final\Vilarinho\Vilarinho - Trabalho\Segurança - Erica\2014\Orcamento\CAPEX\OFICIAL\OPERACAO\SEGURANCA PATRIMONIAL\CAPEX_2014_ORC_OPE_PAT_MG2_OFICIAL.xlsx</t>
  </si>
  <si>
    <t>11/21/2019 16:43:56</t>
  </si>
  <si>
    <t>E:\BK_final\Vilarinho\Vilarinho - Trabalho\Segurança - Erica\2014\Orcamento\CAPEX\OFICIAL\OPERACAO\SEGURANCA PATRIMONIAL\CAPEX_2014_ORC_OPE_PAT_MS_OFICIAL.xlsx</t>
  </si>
  <si>
    <t>E:\BK_final\Vilarinho\Vilarinho - Trabalho\Segurança - Erica\2014\Orcamento\CAPEX\OFICIAL\OPERACAO\SEGURANCA PATRIMONIAL\CAPEX_2014_ORC_OPE_PAT_MT_OFICIAL.xlsx</t>
  </si>
  <si>
    <t>E:\BK_final\Vilarinho\Vilarinho - Trabalho\Segurança - Erica\2014\Orcamento\CAPEX\OFICIAL\OPERACAO\SEGURANCA PATRIMONIAL\CAPEX_2014_ORC_OPE_PAT_PR_OFICIAL.xlsx</t>
  </si>
  <si>
    <t>E:\BK_final\Vilarinho\Vilarinho - Trabalho\Segurança - Erica\2014\Orcamento\CAPEX\OFICIAL\OPERACAO\SEGURANCA PATRIMONIAL\CAPEX_2014_ORC_OPE_PAT_SP1_OFICIAL.xlsx</t>
  </si>
  <si>
    <t>E:\BK_final\Vilarinho\Vilarinho - Trabalho\Segurança - Erica\2014\Orcamento\CAPEX\OFICIAL\OPERACAO\SEGURANCA PATRIMONIAL\CAPEX_2014_ORC_OPE_PAT_SP2_OFICIAL.xlsx</t>
  </si>
  <si>
    <t>11/21/2019 16:43:57</t>
  </si>
  <si>
    <t>D:\2014\Orcamento\CAPEX\OFICIAL\OPERACAO\SEGURANCA PATRIMONIAL\AFASTAMENTO_FERIAS\</t>
  </si>
  <si>
    <t>E:\BK_final\Vilarinho\Vilarinho - Trabalho\Segurança - Erica\2014\Orcamento\CAPEX\OFICIAL\OPERACAO\SEGURANCA PATRIMONIAL\AFASTAMENTO_FERIAS\CAPEX_2014_ORC_SUP_PAT_AFAST_FERIAS_CONSOLIDADO_OFICIAL.xlsx</t>
  </si>
  <si>
    <t>E:\BK_final\Vilarinho\Vilarinho - Trabalho\Segurança - Erica\2014\Orcamento\CAPEX\OFICIAL\OPERACAO\SEGURANCA PATRIMONIAL\AFASTAMENTO_FERIAS\CAPEX_2014_ORC_SUP_PAT_AFAST_FERIAS_GO_OFICIAL.xlsx</t>
  </si>
  <si>
    <t>E:\BK_final\Vilarinho\Vilarinho - Trabalho\Segurança - Erica\2014\Orcamento\CAPEX\OFICIAL\OPERACAO\SEGURANCA PATRIMONIAL\AFASTAMENTO_FERIAS\CAPEX_2014_ORC_SUP_PAT_AFAST_FERIAS_MG1_OFICIAL.xlsx</t>
  </si>
  <si>
    <t>E:\BK_final\Vilarinho\Vilarinho - Trabalho\Segurança - Erica\2014\Orcamento\CAPEX\OFICIAL\OPERACAO\SEGURANCA PATRIMONIAL\AFASTAMENTO_FERIAS\CAPEX_2014_ORC_SUP_PAT_AFAST_FERIAS_MG2_OFICIAL.xlsx</t>
  </si>
  <si>
    <t>E:\BK_final\Vilarinho\Vilarinho - Trabalho\Segurança - Erica\2014\Orcamento\CAPEX\OFICIAL\OPERACAO\SEGURANCA PATRIMONIAL\AFASTAMENTO_FERIAS\CAPEX_2014_ORC_SUP_PAT_AFAST_FERIAS_MS_OFICIAL.xlsx</t>
  </si>
  <si>
    <t>E:\BK_final\Vilarinho\Vilarinho - Trabalho\Segurança - Erica\2014\Orcamento\CAPEX\OFICIAL\OPERACAO\SEGURANCA PATRIMONIAL\AFASTAMENTO_FERIAS\CAPEX_2014_ORC_SUP_PAT_AFAST_FERIAS_MT_OFICIAL.xlsx</t>
  </si>
  <si>
    <t>11/21/2019 16:43:58</t>
  </si>
  <si>
    <t>E:\BK_final\Vilarinho\Vilarinho - Trabalho\Segurança - Erica\2014\Orcamento\CAPEX\OFICIAL\OPERACAO\SEGURANCA PATRIMONIAL\AFASTAMENTO_FERIAS\CAPEX_2014_ORC_SUP_PAT_AFAST_FERIAS_PR_OFICIAL.xlsx</t>
  </si>
  <si>
    <t>E:\BK_final\Vilarinho\Vilarinho - Trabalho\Segurança - Erica\2014\Orcamento\CAPEX\OFICIAL\OPERACAO\SEGURANCA PATRIMONIAL\AFASTAMENTO_FERIAS\CAPEX_2014_ORC_SUP_PAT_AFAST_FERIAS_SP1_OFICIAL.xlsx</t>
  </si>
  <si>
    <t>E:\BK_final\Vilarinho\Vilarinho - Trabalho\Segurança - Erica\2014\Orcamento\CAPEX\OFICIAL\OPERACAO\SEGURANCA PATRIMONIAL\AFASTAMENTO_FERIAS\CAPEX_2014_ORC_SUP_PAT_AFAST_FERIAS_SP2_OFICIAL.xlsx</t>
  </si>
  <si>
    <t>D:\2014\Orcamento\CAPEX\OFICIAL\OPERACAO\SUPERVISAO PATRIMONIAL\</t>
  </si>
  <si>
    <t>E:\BK_final\Vilarinho\Vilarinho - Trabalho\Segurança - Erica\2014\Orcamento\CAPEX\OFICIAL\OPERACAO\SUPERVISAO PATRIMONIAL\CAPEX_2014_ORC_SUP_PAT_CONSOLIDADO_OFICIAL.xlsx</t>
  </si>
  <si>
    <t>CAPEX_2014_ORC_SUP_PAT_RESUMO_OFICIAL.xlsx</t>
  </si>
  <si>
    <t>E:\BK_final\Vilarinho\Vilarinho - Trabalho\Segurança - Erica\2014\Orcamento\CAPEX\OFICIAL\OPERACAO\SUPERVISAO PATRIMONIAL\CAPEX_2014_ORC_SUP_PAT_RESUMO_OFICIAL.xlsx</t>
  </si>
  <si>
    <t>11/21/2019 16:43:59</t>
  </si>
  <si>
    <t>D:\2014\Orcamento\CAPEX\OFICIAL\OPERACAO\SUPERVISAO PATRIMONIAL\ACADEMIA\</t>
  </si>
  <si>
    <t>CAPEX_2014_ORC_SUP_PAT_ACADEMIA_OFICIAL.xlsx</t>
  </si>
  <si>
    <t>E:\BK_final\Vilarinho\Vilarinho - Trabalho\Segurança - Erica\2014\Orcamento\CAPEX\OFICIAL\OPERACAO\SUPERVISAO PATRIMONIAL\ACADEMIA\CAPEX_2014_ORC_SUP_PAT_ACADEMIA_OFICIAL.xlsx</t>
  </si>
  <si>
    <t>D:\2014\Orcamento\CAPEX\OFICIAL\OPERACAO\SUPERVISAO PATRIMONIAL\CENTRAL\</t>
  </si>
  <si>
    <t>E:\BK_final\Vilarinho\Vilarinho - Trabalho\Segurança - Erica\2014\Orcamento\CAPEX\OFICIAL\OPERACAO\SUPERVISAO PATRIMONIAL\CENTRAL\CAPEX_2014_ORC_SUP_PAT_CENTRAL_CONSOLIDADO_OFICIAL.xlsx</t>
  </si>
  <si>
    <t>E:\BK_final\Vilarinho\Vilarinho - Trabalho\Segurança - Erica\2014\Orcamento\CAPEX\OFICIAL\OPERACAO\SUPERVISAO PATRIMONIAL\CENTRAL\CAPEX_2014_ORC_SUP_PAT_CENTRAL_GO_OFICIAL.xlsx</t>
  </si>
  <si>
    <t>E:\BK_final\Vilarinho\Vilarinho - Trabalho\Segurança - Erica\2014\Orcamento\CAPEX\OFICIAL\OPERACAO\SUPERVISAO PATRIMONIAL\CENTRAL\CAPEX_2014_ORC_SUP_PAT_CENTRAL_MG1_OFICIAL.xlsx</t>
  </si>
  <si>
    <t>E:\BK_final\Vilarinho\Vilarinho - Trabalho\Segurança - Erica\2014\Orcamento\CAPEX\OFICIAL\OPERACAO\SUPERVISAO PATRIMONIAL\CENTRAL\CAPEX_2014_ORC_SUP_PAT_CENTRAL_MG2_OFICIAL.xlsx</t>
  </si>
  <si>
    <t>E:\BK_final\Vilarinho\Vilarinho - Trabalho\Segurança - Erica\2014\Orcamento\CAPEX\OFICIAL\OPERACAO\SUPERVISAO PATRIMONIAL\CENTRAL\CAPEX_2014_ORC_SUP_PAT_CENTRAL_MS_OFICIAL.xlsx</t>
  </si>
  <si>
    <t>11/21/2019 16:44:01</t>
  </si>
  <si>
    <t>E:\BK_final\Vilarinho\Vilarinho - Trabalho\Segurança - Erica\2014\Orcamento\CAPEX\OFICIAL\OPERACAO\SUPERVISAO PATRIMONIAL\CENTRAL\CAPEX_2014_ORC_SUP_PAT_CENTRAL_MT_OFICIAL.xlsx</t>
  </si>
  <si>
    <t>E:\BK_final\Vilarinho\Vilarinho - Trabalho\Segurança - Erica\2014\Orcamento\CAPEX\OFICIAL\OPERACAO\SUPERVISAO PATRIMONIAL\CENTRAL\CAPEX_2014_ORC_SUP_PAT_CENTRAL_PR_OFICIAL.xlsx</t>
  </si>
  <si>
    <t>11/21/2019 16:44:02</t>
  </si>
  <si>
    <t>E:\BK_final\Vilarinho\Vilarinho - Trabalho\Segurança - Erica\2014\Orcamento\CAPEX\OFICIAL\OPERACAO\SUPERVISAO PATRIMONIAL\CENTRAL\CAPEX_2014_ORC_SUP_PAT_CENTRAL_SP1_OFICIAL.xlsx</t>
  </si>
  <si>
    <t>E:\BK_final\Vilarinho\Vilarinho - Trabalho\Segurança - Erica\2014\Orcamento\CAPEX\OFICIAL\OPERACAO\SUPERVISAO PATRIMONIAL\CENTRAL\CAPEX_2014_ORC_SUP_PAT_CENTRAL_SP2_OFICIAL.xlsx</t>
  </si>
  <si>
    <t>11/21/2019 16:44:04</t>
  </si>
  <si>
    <t>D:\2014\Orcamento\CAPEX\OFICIAL\OPERACAO\SUPERVISAO PATRIMONIAL\GESTAO ONLINE\</t>
  </si>
  <si>
    <t>E:\BK_final\Vilarinho\Vilarinho - Trabalho\Segurança - Erica\2014\Orcamento\CAPEX\OFICIAL\OPERACAO\SUPERVISAO PATRIMONIAL\GESTAO ONLINE\CAPEX_2014_ORC_SUP_PAT_GO_OFICIAL.xlsx</t>
  </si>
  <si>
    <t>D:\2014\Orcamento\CAPEX\OFICIAL\OPERACAO\SUPERVISAO PATRIMONIAL\OPERACIONAL\</t>
  </si>
  <si>
    <t>E:\BK_final\Vilarinho\Vilarinho - Trabalho\Segurança - Erica\2014\Orcamento\CAPEX\OFICIAL\OPERACAO\SUPERVISAO PATRIMONIAL\OPERACIONAL\CAPEX_2014_ORC_SUP_PAT_OPERACIONAL_CONSOLIDADO_OFICIAL.xlsx</t>
  </si>
  <si>
    <t>E:\BK_final\Vilarinho\Vilarinho - Trabalho\Segurança - Erica\2014\Orcamento\CAPEX\OFICIAL\OPERACAO\SUPERVISAO PATRIMONIAL\OPERACIONAL\CAPEX_2014_ORC_SUP_PAT_OPERACIONAL_GO_OFICIAL.xlsx</t>
  </si>
  <si>
    <t>11/21/2019 16:44:05</t>
  </si>
  <si>
    <t>E:\BK_final\Vilarinho\Vilarinho - Trabalho\Segurança - Erica\2014\Orcamento\CAPEX\OFICIAL\OPERACAO\SUPERVISAO PATRIMONIAL\OPERACIONAL\CAPEX_2014_ORC_SUP_PAT_OPERACIONAL_MG1_OFICIAL.xlsx</t>
  </si>
  <si>
    <t>E:\BK_final\Vilarinho\Vilarinho - Trabalho\Segurança - Erica\2014\Orcamento\CAPEX\OFICIAL\OPERACAO\SUPERVISAO PATRIMONIAL\OPERACIONAL\CAPEX_2014_ORC_SUP_PAT_OPERACIONAL_MG2_OFICIAL.xlsx</t>
  </si>
  <si>
    <t>E:\BK_final\Vilarinho\Vilarinho - Trabalho\Segurança - Erica\2014\Orcamento\CAPEX\OFICIAL\OPERACAO\SUPERVISAO PATRIMONIAL\OPERACIONAL\CAPEX_2014_ORC_SUP_PAT_OPERACIONAL_MS_OFICIAL.xlsx</t>
  </si>
  <si>
    <t>E:\BK_final\Vilarinho\Vilarinho - Trabalho\Segurança - Erica\2014\Orcamento\CAPEX\OFICIAL\OPERACAO\SUPERVISAO PATRIMONIAL\OPERACIONAL\CAPEX_2014_ORC_SUP_PAT_OPERACIONAL_MT_OFICIAL.xlsx</t>
  </si>
  <si>
    <t>11/21/2019 16:44:06</t>
  </si>
  <si>
    <t>E:\BK_final\Vilarinho\Vilarinho - Trabalho\Segurança - Erica\2014\Orcamento\CAPEX\OFICIAL\OPERACAO\SUPERVISAO PATRIMONIAL\OPERACIONAL\CAPEX_2014_ORC_SUP_PAT_OPERACIONAL_PR_OFICIAL.xlsx</t>
  </si>
  <si>
    <t>E:\BK_final\Vilarinho\Vilarinho - Trabalho\Segurança - Erica\2014\Orcamento\CAPEX\OFICIAL\OPERACAO\SUPERVISAO PATRIMONIAL\OPERACIONAL\CAPEX_2014_ORC_SUP_PAT_OPERACIONAL_SP1_OFICIAL.xlsx</t>
  </si>
  <si>
    <t>E:\BK_final\Vilarinho\Vilarinho - Trabalho\Segurança - Erica\2014\Orcamento\CAPEX\OFICIAL\OPERACAO\SUPERVISAO PATRIMONIAL\OPERACIONAL\CAPEX_2014_ORC_SUP_PAT_OPERACIONAL_SP2_OFICIAL.xlsx</t>
  </si>
  <si>
    <t>11/21/2019 16:44:07</t>
  </si>
  <si>
    <t>D:\2014\Orcamento\CAPEX\OFICIAL\STAFF\</t>
  </si>
  <si>
    <t>E:\BK_final\Vilarinho\Vilarinho - Trabalho\Segurança - Erica\2014\Orcamento\CAPEX\OFICIAL\STAFF\CAPEX_2014_ORC_ADM_AGPI_OFICIAL.xlsx</t>
  </si>
  <si>
    <t>11/21/2019 16:44:08</t>
  </si>
  <si>
    <t>E:\BK_final\Vilarinho\Vilarinho - Trabalho\Segurança - Erica\2014\Orcamento\CAPEX\OFICIAL\STAFF\CAPEX_2014_ORC_ADM_COMITE_INOVACAO_OFICIAL.xlsx</t>
  </si>
  <si>
    <t>E:\BK_final\Vilarinho\Vilarinho - Trabalho\Segurança - Erica\2014\Orcamento\CAPEX\OFICIAL\STAFF\CAPEX_2014_ORC_ADM_CONSOLIDADO_OFICIAL.xlsx</t>
  </si>
  <si>
    <t>E:\BK_final\Vilarinho\Vilarinho - Trabalho\Segurança - Erica\2014\Orcamento\CAPEX\OFICIAL\STAFF\CAPEX_2014_ORC_ADM_CORPORATIVO_OFICIAL.xlsx</t>
  </si>
  <si>
    <t>11/21/2019 16:44:09</t>
  </si>
  <si>
    <t>E:\BK_final\Vilarinho\Vilarinho - Trabalho\Segurança - Erica\2014\Orcamento\CAPEX\OFICIAL\STAFF\CAPEX_2014_ORC_ADM_CSC_OFICIAL.xlsx</t>
  </si>
  <si>
    <t>E:\BK_final\Vilarinho\Vilarinho - Trabalho\Segurança - Erica\2014\Orcamento\CAPEX\OFICIAL\STAFF\CAPEX_2014_ORC_ADM_DIRETORIA_OFICIAL.xlsx</t>
  </si>
  <si>
    <t>E:\BK_final\Vilarinho\Vilarinho - Trabalho\Segurança - Erica\2014\Orcamento\CAPEX\OFICIAL\STAFF\CAPEX_2014_ORC_ADM_FINANCEIRO_OFICIAL.xlsx</t>
  </si>
  <si>
    <t>CAPEX_2014_ORC_ADM_HOLDING_OFICIAL.xlsx</t>
  </si>
  <si>
    <t>E:\BK_final\Vilarinho\Vilarinho - Trabalho\Segurança - Erica\2014\Orcamento\CAPEX\OFICIAL\STAFF\CAPEX_2014_ORC_ADM_HOLDING_OFICIAL.xlsx</t>
  </si>
  <si>
    <t>E:\BK_final\Vilarinho\Vilarinho - Trabalho\Segurança - Erica\2014\Orcamento\CAPEX\OFICIAL\STAFF\CAPEX_2014_ORC_ADM_JURIDICO_OFICIAL.xlsx</t>
  </si>
  <si>
    <t>E:\BK_final\Vilarinho\Vilarinho - Trabalho\Segurança - Erica\2014\Orcamento\CAPEX\OFICIAL\STAFF\CAPEX_2014_ORC_ADM_SESMT_OFICIAL.xlsx</t>
  </si>
  <si>
    <t>11/21/2019 16:44:10</t>
  </si>
  <si>
    <t>E:\BK_final\Vilarinho\Vilarinho - Trabalho\Segurança - Erica\2014\Orcamento\CAPEX\OFICIAL\STAFF\CAPEX_2014_ORC_ADM_TH_OFICIAL.xlsx</t>
  </si>
  <si>
    <t>E:\BK_final\Vilarinho\Vilarinho - Trabalho\Segurança - Erica\2014\Orcamento\CAPEX\OFICIAL\STAFF\CAPEX_2014_ORC_ADM_TI_OFICIAL.xlsx</t>
  </si>
  <si>
    <t>D:\2014\Orcamento\CAPEX\PRECLOS\</t>
  </si>
  <si>
    <t>CAPEX_2014_ORC_CONSOLIDADO_PRECLOS.xlsx</t>
  </si>
  <si>
    <t>E:\BK_final\Vilarinho\Vilarinho - Trabalho\Segurança - Erica\2014\Orcamento\CAPEX\PRECLOS\CAPEX_2014_ORC_CONSOLIDADO_PRECLOS.xlsx</t>
  </si>
  <si>
    <t>D:\2014\Orcamento\CAPEX\PRECLOS\COMERCIAL\</t>
  </si>
  <si>
    <t>CAPEX_2014_ORC_CML_CONSOLIDADO_PRECLOS.xlsx</t>
  </si>
  <si>
    <t>E:\BK_final\Vilarinho\Vilarinho - Trabalho\Segurança - Erica\2014\Orcamento\CAPEX\PRECLOS\COMERCIAL\CAPEX_2014_ORC_CML_CONSOLIDADO_PRECLOS.xlsx</t>
  </si>
  <si>
    <t>D:\2014\Orcamento\CAPEX\PRECLOS\COMERCIAL\SEGURANCA DOCUMENTAL\</t>
  </si>
  <si>
    <t>CAPEX_2014_ORC_CML_SEDOC_PRECLOS.xlsx</t>
  </si>
  <si>
    <t>E:\BK_final\Vilarinho\Vilarinho - Trabalho\Segurança - Erica\2014\Orcamento\CAPEX\PRECLOS\COMERCIAL\SEGURANCA DOCUMENTAL\CAPEX_2014_ORC_CML_SEDOC_PRECLOS.xlsx</t>
  </si>
  <si>
    <t>D:\2014\Orcamento\CAPEX\PRECLOS\COMERCIAL\SEGURANCA ELETRONICA\</t>
  </si>
  <si>
    <t>CAPEX_2014_ORC_CML_ELE_CONSOLIDADO_PRECLOS.xlsx</t>
  </si>
  <si>
    <t>E:\BK_final\Vilarinho\Vilarinho - Trabalho\Segurança - Erica\2014\Orcamento\CAPEX\PRECLOS\COMERCIAL\SEGURANCA ELETRONICA\CAPEX_2014_ORC_CML_ELE_CONSOLIDADO_PRECLOS.xlsx</t>
  </si>
  <si>
    <t>11/21/2019 16:44:11</t>
  </si>
  <si>
    <t>CAPEX_2014_ORC_CML_ELE_MONITORAMENTO_PRECLOS.xlsx</t>
  </si>
  <si>
    <t>E:\BK_final\Vilarinho\Vilarinho - Trabalho\Segurança - Erica\2014\Orcamento\CAPEX\PRECLOS\COMERCIAL\SEGURANCA ELETRONICA\CAPEX_2014_ORC_CML_ELE_MONITORAMENTO_PRECLOS.xlsx</t>
  </si>
  <si>
    <t>CAPEX_2014_ORC_CML_ELE_PROJETOS_PRECLOS.xlsx</t>
  </si>
  <si>
    <t>E:\BK_final\Vilarinho\Vilarinho - Trabalho\Segurança - Erica\2014\Orcamento\CAPEX\PRECLOS\COMERCIAL\SEGURANCA ELETRONICA\CAPEX_2014_ORC_CML_ELE_PROJETOS_PRECLOS.xlsx</t>
  </si>
  <si>
    <t>D:\2014\Orcamento\CAPEX\PRECLOS\COMERCIAL\SEGURANCA PATRIMONIAL\</t>
  </si>
  <si>
    <t>CAPEX_2014_ORC_CML_PAT_CONSOLIDADO_PRECLOS.xlsx</t>
  </si>
  <si>
    <t>E:\BK_final\Vilarinho\Vilarinho - Trabalho\Segurança - Erica\2014\Orcamento\CAPEX\PRECLOS\COMERCIAL\SEGURANCA PATRIMONIAL\CAPEX_2014_ORC_CML_PAT_CONSOLIDADO_PRECLOS.xlsx</t>
  </si>
  <si>
    <t>CAPEX_2014_ORC_CML_PAT_GO_PRECLOS.xlsx</t>
  </si>
  <si>
    <t>E:\BK_final\Vilarinho\Vilarinho - Trabalho\Segurança - Erica\2014\Orcamento\CAPEX\PRECLOS\COMERCIAL\SEGURANCA PATRIMONIAL\CAPEX_2014_ORC_CML_PAT_GO_PRECLOS.xlsx</t>
  </si>
  <si>
    <t>CAPEX_2014_ORC_CML_PAT_MG1_PRECLOS.xlsx</t>
  </si>
  <si>
    <t>E:\BK_final\Vilarinho\Vilarinho - Trabalho\Segurança - Erica\2014\Orcamento\CAPEX\PRECLOS\COMERCIAL\SEGURANCA PATRIMONIAL\CAPEX_2014_ORC_CML_PAT_MG1_PRECLOS.xlsx</t>
  </si>
  <si>
    <t>11/21/2019 16:44:12</t>
  </si>
  <si>
    <t>CAPEX_2014_ORC_CML_PAT_MG2_PRECLOS.xlsx</t>
  </si>
  <si>
    <t>E:\BK_final\Vilarinho\Vilarinho - Trabalho\Segurança - Erica\2014\Orcamento\CAPEX\PRECLOS\COMERCIAL\SEGURANCA PATRIMONIAL\CAPEX_2014_ORC_CML_PAT_MG2_PRECLOS.xlsx</t>
  </si>
  <si>
    <t>CAPEX_2014_ORC_CML_PAT_MS_PRECLOS.xlsx</t>
  </si>
  <si>
    <t>E:\BK_final\Vilarinho\Vilarinho - Trabalho\Segurança - Erica\2014\Orcamento\CAPEX\PRECLOS\COMERCIAL\SEGURANCA PATRIMONIAL\CAPEX_2014_ORC_CML_PAT_MS_PRECLOS.xlsx</t>
  </si>
  <si>
    <t>11/21/2019 16:44:13</t>
  </si>
  <si>
    <t>CAPEX_2014_ORC_CML_PAT_MT_PRECLOS.xlsx</t>
  </si>
  <si>
    <t>E:\BK_final\Vilarinho\Vilarinho - Trabalho\Segurança - Erica\2014\Orcamento\CAPEX\PRECLOS\COMERCIAL\SEGURANCA PATRIMONIAL\CAPEX_2014_ORC_CML_PAT_MT_PRECLOS.xlsx</t>
  </si>
  <si>
    <t>CAPEX_2014_ORC_CML_PAT_PR_PRECLOS.xlsx</t>
  </si>
  <si>
    <t>E:\BK_final\Vilarinho\Vilarinho - Trabalho\Segurança - Erica\2014\Orcamento\CAPEX\PRECLOS\COMERCIAL\SEGURANCA PATRIMONIAL\CAPEX_2014_ORC_CML_PAT_PR_PRECLOS.xlsx</t>
  </si>
  <si>
    <t>CAPEX_2014_ORC_CML_PAT_SP1_PRECLOS.xlsx</t>
  </si>
  <si>
    <t>E:\BK_final\Vilarinho\Vilarinho - Trabalho\Segurança - Erica\2014\Orcamento\CAPEX\PRECLOS\COMERCIAL\SEGURANCA PATRIMONIAL\CAPEX_2014_ORC_CML_PAT_SP1_PRECLOS.xlsx</t>
  </si>
  <si>
    <t>CAPEX_2014_ORC_CML_PAT_SP2_PRECLOS.xlsx</t>
  </si>
  <si>
    <t>E:\BK_final\Vilarinho\Vilarinho - Trabalho\Segurança - Erica\2014\Orcamento\CAPEX\PRECLOS\COMERCIAL\SEGURANCA PATRIMONIAL\CAPEX_2014_ORC_CML_PAT_SP2_PRECLOS.xlsx</t>
  </si>
  <si>
    <t>11/21/2019 16:44:14</t>
  </si>
  <si>
    <t>D:\2014\Orcamento\CAPEX\PRECLOS\OPERACAO\</t>
  </si>
  <si>
    <t>CAPEX_2014_ORC_OPE_CONSOLIDADO_PRECLOS.xlsx</t>
  </si>
  <si>
    <t>E:\BK_final\Vilarinho\Vilarinho - Trabalho\Segurança - Erica\2014\Orcamento\CAPEX\PRECLOS\OPERACAO\CAPEX_2014_ORC_OPE_CONSOLIDADO_PRECLOS.xlsx</t>
  </si>
  <si>
    <t>D:\2014\Orcamento\CAPEX\PRECLOS\OPERACAO\SEGURANCA DOCUMENTAL\</t>
  </si>
  <si>
    <t>CAPEX_2014_ORC_OPE_SEDOC_CONSOLIDADO_PRECLOS.xlsx</t>
  </si>
  <si>
    <t>E:\BK_final\Vilarinho\Vilarinho - Trabalho\Segurança - Erica\2014\Orcamento\CAPEX\PRECLOS\OPERACAO\SEGURANCA DOCUMENTAL\CAPEX_2014_ORC_OPE_SEDOC_CONSOLIDADO_PRECLOS.xlsx</t>
  </si>
  <si>
    <t>CAPEX_2014_ORC_OPE_SEDOC_MG1_PRECLOS.xlsx</t>
  </si>
  <si>
    <t>E:\BK_final\Vilarinho\Vilarinho - Trabalho\Segurança - Erica\2014\Orcamento\CAPEX\PRECLOS\OPERACAO\SEGURANCA DOCUMENTAL\CAPEX_2014_ORC_OPE_SEDOC_MG1_PRECLOS.xlsx</t>
  </si>
  <si>
    <t>CAPEX_2014_ORC_OPE_SEDOC_SP1_PRECLOS.xlsx</t>
  </si>
  <si>
    <t>E:\BK_final\Vilarinho\Vilarinho - Trabalho\Segurança - Erica\2014\Orcamento\CAPEX\PRECLOS\OPERACAO\SEGURANCA DOCUMENTAL\CAPEX_2014_ORC_OPE_SEDOC_SP1_PRECLOS.xlsx</t>
  </si>
  <si>
    <t>CAPEX_2014_ORC_OPE_SUP_SEDOC_PRECLOS.xlsx</t>
  </si>
  <si>
    <t>E:\BK_final\Vilarinho\Vilarinho - Trabalho\Segurança - Erica\2014\Orcamento\CAPEX\PRECLOS\OPERACAO\SEGURANCA DOCUMENTAL\CAPEX_2014_ORC_OPE_SUP_SEDOC_PRECLOS.xlsx</t>
  </si>
  <si>
    <t>11/21/2019 16:44:16</t>
  </si>
  <si>
    <t>D:\2014\Orcamento\CAPEX\PRECLOS\OPERACAO\SEGURANCA ELETRONICA\</t>
  </si>
  <si>
    <t>CAPEX_2014_ORC_OPE_ELE_ATEND_ALARME_PRECLOS.xlsx</t>
  </si>
  <si>
    <t>E:\BK_final\Vilarinho\Vilarinho - Trabalho\Segurança - Erica\2014\Orcamento\CAPEX\PRECLOS\OPERACAO\SEGURANCA ELETRONICA\CAPEX_2014_ORC_OPE_ELE_ATEND_ALARME_PRECLOS.xlsx</t>
  </si>
  <si>
    <t>CAPEX_2014_ORC_OPE_ELE_CONSOLIDADO_PRECLOS.xlsx</t>
  </si>
  <si>
    <t>E:\BK_final\Vilarinho\Vilarinho - Trabalho\Segurança - Erica\2014\Orcamento\CAPEX\PRECLOS\OPERACAO\SEGURANCA ELETRONICA\CAPEX_2014_ORC_OPE_ELE_CONSOLIDADO_PRECLOS.xlsx</t>
  </si>
  <si>
    <t>CAPEX_2014_ORC_OPE_ELE_MONITORAMENTO_PRECLOS.xlsx</t>
  </si>
  <si>
    <t>E:\BK_final\Vilarinho\Vilarinho - Trabalho\Segurança - Erica\2014\Orcamento\CAPEX\PRECLOS\OPERACAO\SEGURANCA ELETRONICA\CAPEX_2014_ORC_OPE_ELE_MONITORAMENTO_PRECLOS.xlsx</t>
  </si>
  <si>
    <t>CAPEX_2014_ORC_OPE_ELE_PROJETOS_PRECLOS.xlsx</t>
  </si>
  <si>
    <t>E:\BK_final\Vilarinho\Vilarinho - Trabalho\Segurança - Erica\2014\Orcamento\CAPEX\PRECLOS\OPERACAO\SEGURANCA ELETRONICA\CAPEX_2014_ORC_OPE_ELE_PROJETOS_PRECLOS.xlsx</t>
  </si>
  <si>
    <t>11/21/2019 16:44:17</t>
  </si>
  <si>
    <t>CAPEX_2014_ORC_OPE_ELE_SAC_PRECLOS.xlsx</t>
  </si>
  <si>
    <t>E:\BK_final\Vilarinho\Vilarinho - Trabalho\Segurança - Erica\2014\Orcamento\CAPEX\PRECLOS\OPERACAO\SEGURANCA ELETRONICA\CAPEX_2014_ORC_OPE_ELE_SAC_PRECLOS.xlsx</t>
  </si>
  <si>
    <t>CAPEX_2014_ORC_OPE_ELE_TECNICA_PRECLOS.xlsx</t>
  </si>
  <si>
    <t>E:\BK_final\Vilarinho\Vilarinho - Trabalho\Segurança - Erica\2014\Orcamento\CAPEX\PRECLOS\OPERACAO\SEGURANCA ELETRONICA\CAPEX_2014_ORC_OPE_ELE_TECNICA_PRECLOS.xlsx</t>
  </si>
  <si>
    <t>11/21/2019 16:44:18</t>
  </si>
  <si>
    <t>CAPEX_2014_ORC_OPE_SUP_ELE_PRECLOS.xlsx</t>
  </si>
  <si>
    <t>E:\BK_final\Vilarinho\Vilarinho - Trabalho\Segurança - Erica\2014\Orcamento\CAPEX\PRECLOS\OPERACAO\SEGURANCA ELETRONICA\CAPEX_2014_ORC_OPE_SUP_ELE_PRECLOS.xlsx</t>
  </si>
  <si>
    <t>D:\2014\Orcamento\CAPEX\PRECLOS\OPERACAO\SEGURANCA PATRIMONIAL\</t>
  </si>
  <si>
    <t>CAPEX_2014_ORC_OPE_PAT_CONSOLIDADO_PRECLOS.xlsx</t>
  </si>
  <si>
    <t>E:\BK_final\Vilarinho\Vilarinho - Trabalho\Segurança - Erica\2014\Orcamento\CAPEX\PRECLOS\OPERACAO\SEGURANCA PATRIMONIAL\CAPEX_2014_ORC_OPE_PAT_CONSOLIDADO_PRECLOS.xlsx</t>
  </si>
  <si>
    <t>CAPEX_2014_ORC_OPE_PAT_GO_PRECLOS.xlsx</t>
  </si>
  <si>
    <t>E:\BK_final\Vilarinho\Vilarinho - Trabalho\Segurança - Erica\2014\Orcamento\CAPEX\PRECLOS\OPERACAO\SEGURANCA PATRIMONIAL\CAPEX_2014_ORC_OPE_PAT_GO_PRECLOS.xlsx</t>
  </si>
  <si>
    <t>CAPEX_2014_ORC_OPE_PAT_MG1_PRECLOS.xlsx</t>
  </si>
  <si>
    <t>E:\BK_final\Vilarinho\Vilarinho - Trabalho\Segurança - Erica\2014\Orcamento\CAPEX\PRECLOS\OPERACAO\SEGURANCA PATRIMONIAL\CAPEX_2014_ORC_OPE_PAT_MG1_PRECLOS.xlsx</t>
  </si>
  <si>
    <t>11/21/2019 16:44:19</t>
  </si>
  <si>
    <t>CAPEX_2014_ORC_OPE_PAT_MG2_PRECLOS.xlsx</t>
  </si>
  <si>
    <t>E:\BK_final\Vilarinho\Vilarinho - Trabalho\Segurança - Erica\2014\Orcamento\CAPEX\PRECLOS\OPERACAO\SEGURANCA PATRIMONIAL\CAPEX_2014_ORC_OPE_PAT_MG2_PRECLOS.xlsx</t>
  </si>
  <si>
    <t>CAPEX_2014_ORC_OPE_PAT_MS_PRECLOS.xlsx</t>
  </si>
  <si>
    <t>E:\BK_final\Vilarinho\Vilarinho - Trabalho\Segurança - Erica\2014\Orcamento\CAPEX\PRECLOS\OPERACAO\SEGURANCA PATRIMONIAL\CAPEX_2014_ORC_OPE_PAT_MS_PRECLOS.xlsx</t>
  </si>
  <si>
    <t>CAPEX_2014_ORC_OPE_PAT_MT_PRECLOS.xlsx</t>
  </si>
  <si>
    <t>E:\BK_final\Vilarinho\Vilarinho - Trabalho\Segurança - Erica\2014\Orcamento\CAPEX\PRECLOS\OPERACAO\SEGURANCA PATRIMONIAL\CAPEX_2014_ORC_OPE_PAT_MT_PRECLOS.xlsx</t>
  </si>
  <si>
    <t>CAPEX_2014_ORC_OPE_PAT_PR_PRECLOS.xlsx</t>
  </si>
  <si>
    <t>E:\BK_final\Vilarinho\Vilarinho - Trabalho\Segurança - Erica\2014\Orcamento\CAPEX\PRECLOS\OPERACAO\SEGURANCA PATRIMONIAL\CAPEX_2014_ORC_OPE_PAT_PR_PRECLOS.xlsx</t>
  </si>
  <si>
    <t>CAPEX_2014_ORC_OPE_PAT_SP1_PRECLOS.xlsx</t>
  </si>
  <si>
    <t>E:\BK_final\Vilarinho\Vilarinho - Trabalho\Segurança - Erica\2014\Orcamento\CAPEX\PRECLOS\OPERACAO\SEGURANCA PATRIMONIAL\CAPEX_2014_ORC_OPE_PAT_SP1_PRECLOS.xlsx</t>
  </si>
  <si>
    <t>11/21/2019 16:44:20</t>
  </si>
  <si>
    <t>CAPEX_2014_ORC_OPE_PAT_SP2_PRECLOS.xlsx</t>
  </si>
  <si>
    <t>E:\BK_final\Vilarinho\Vilarinho - Trabalho\Segurança - Erica\2014\Orcamento\CAPEX\PRECLOS\OPERACAO\SEGURANCA PATRIMONIAL\CAPEX_2014_ORC_OPE_PAT_SP2_PRECLOS.xlsx</t>
  </si>
  <si>
    <t>D:\2014\Orcamento\CAPEX\PRECLOS\OPERACAO\SEGURANCA PATRIMONIAL\AFASTAMENTO_FERIAS\</t>
  </si>
  <si>
    <t>E:\BK_final\Vilarinho\Vilarinho - Trabalho\Segurança - Erica\2014\Orcamento\CAPEX\PRECLOS\OPERACAO\SEGURANCA PATRIMONIAL\AFASTAMENTO_FERIAS\CAPEX_2014_ORC_SUP_PAT_AFAST_FERIAS_CONSOLIDADO_OFICIAL.xlsx</t>
  </si>
  <si>
    <t>E:\BK_final\Vilarinho\Vilarinho - Trabalho\Segurança - Erica\2014\Orcamento\CAPEX\PRECLOS\OPERACAO\SEGURANCA PATRIMONIAL\AFASTAMENTO_FERIAS\CAPEX_2014_ORC_SUP_PAT_AFAST_FERIAS_GO_OFICIAL.xlsx</t>
  </si>
  <si>
    <t>E:\BK_final\Vilarinho\Vilarinho - Trabalho\Segurança - Erica\2014\Orcamento\CAPEX\PRECLOS\OPERACAO\SEGURANCA PATRIMONIAL\AFASTAMENTO_FERIAS\CAPEX_2014_ORC_SUP_PAT_AFAST_FERIAS_MG1_OFICIAL.xlsx</t>
  </si>
  <si>
    <t>E:\BK_final\Vilarinho\Vilarinho - Trabalho\Segurança - Erica\2014\Orcamento\CAPEX\PRECLOS\OPERACAO\SEGURANCA PATRIMONIAL\AFASTAMENTO_FERIAS\CAPEX_2014_ORC_SUP_PAT_AFAST_FERIAS_MG2_OFICIAL.xlsx</t>
  </si>
  <si>
    <t>E:\BK_final\Vilarinho\Vilarinho - Trabalho\Segurança - Erica\2014\Orcamento\CAPEX\PRECLOS\OPERACAO\SEGURANCA PATRIMONIAL\AFASTAMENTO_FERIAS\CAPEX_2014_ORC_SUP_PAT_AFAST_FERIAS_MS_OFICIAL.xlsx</t>
  </si>
  <si>
    <t>11/21/2019 16:44:21</t>
  </si>
  <si>
    <t>E:\BK_final\Vilarinho\Vilarinho - Trabalho\Segurança - Erica\2014\Orcamento\CAPEX\PRECLOS\OPERACAO\SEGURANCA PATRIMONIAL\AFASTAMENTO_FERIAS\CAPEX_2014_ORC_SUP_PAT_AFAST_FERIAS_MT_OFICIAL.xlsx</t>
  </si>
  <si>
    <t>E:\BK_final\Vilarinho\Vilarinho - Trabalho\Segurança - Erica\2014\Orcamento\CAPEX\PRECLOS\OPERACAO\SEGURANCA PATRIMONIAL\AFASTAMENTO_FERIAS\CAPEX_2014_ORC_SUP_PAT_AFAST_FERIAS_PR_OFICIAL.xlsx</t>
  </si>
  <si>
    <t>E:\BK_final\Vilarinho\Vilarinho - Trabalho\Segurança - Erica\2014\Orcamento\CAPEX\PRECLOS\OPERACAO\SEGURANCA PATRIMONIAL\AFASTAMENTO_FERIAS\CAPEX_2014_ORC_SUP_PAT_AFAST_FERIAS_SP1_OFICIAL.xlsx</t>
  </si>
  <si>
    <t>E:\BK_final\Vilarinho\Vilarinho - Trabalho\Segurança - Erica\2014\Orcamento\CAPEX\PRECLOS\OPERACAO\SEGURANCA PATRIMONIAL\AFASTAMENTO_FERIAS\CAPEX_2014_ORC_SUP_PAT_AFAST_FERIAS_SP2_OFICIAL.xlsx</t>
  </si>
  <si>
    <t>11/21/2019 16:44:22</t>
  </si>
  <si>
    <t>D:\2014\Orcamento\CAPEX\PRECLOS\OPERACAO\SUPERVISAO PATRIMONIAL\</t>
  </si>
  <si>
    <t>CAPEX_2014_ORC_SUP_PAT_CONSOLIDADO_PRECLOS.xlsx</t>
  </si>
  <si>
    <t>E:\BK_final\Vilarinho\Vilarinho - Trabalho\Segurança - Erica\2014\Orcamento\CAPEX\PRECLOS\OPERACAO\SUPERVISAO PATRIMONIAL\CAPEX_2014_ORC_SUP_PAT_CONSOLIDADO_PRECLOS.xlsx</t>
  </si>
  <si>
    <t>CAPEX_2014_ORC_SUP_PAT_RESUMO_PRECLOS.xlsx</t>
  </si>
  <si>
    <t>E:\BK_final\Vilarinho\Vilarinho - Trabalho\Segurança - Erica\2014\Orcamento\CAPEX\PRECLOS\OPERACAO\SUPERVISAO PATRIMONIAL\CAPEX_2014_ORC_SUP_PAT_RESUMO_PRECLOS.xlsx</t>
  </si>
  <si>
    <t>D:\2014\Orcamento\CAPEX\PRECLOS\OPERACAO\SUPERVISAO PATRIMONIAL\ACADEMIA\</t>
  </si>
  <si>
    <t>CAPEX_2014_ORC_SUP_PAT_ACADEMIA_PRECLOS.xlsx</t>
  </si>
  <si>
    <t>E:\BK_final\Vilarinho\Vilarinho - Trabalho\Segurança - Erica\2014\Orcamento\CAPEX\PRECLOS\OPERACAO\SUPERVISAO PATRIMONIAL\ACADEMIA\CAPEX_2014_ORC_SUP_PAT_ACADEMIA_PRECLOS.xlsx</t>
  </si>
  <si>
    <t>11/21/2019 16:44:23</t>
  </si>
  <si>
    <t>D:\2014\Orcamento\CAPEX\PRECLOS\OPERACAO\SUPERVISAO PATRIMONIAL\CENTRAL\</t>
  </si>
  <si>
    <t>CAPEX_2014_ORC_SUP_PAT_CENTRAL_CONSOLIDADO_PRECLOS.xlsx</t>
  </si>
  <si>
    <t>E:\BK_final\Vilarinho\Vilarinho - Trabalho\Segurança - Erica\2014\Orcamento\CAPEX\PRECLOS\OPERACAO\SUPERVISAO PATRIMONIAL\CENTRAL\CAPEX_2014_ORC_SUP_PAT_CENTRAL_CONSOLIDADO_PRECLOS.xlsx</t>
  </si>
  <si>
    <t>CAPEX_2014_ORC_SUP_PAT_CENTRAL_GO_PRECLOS.xlsx</t>
  </si>
  <si>
    <t>E:\BK_final\Vilarinho\Vilarinho - Trabalho\Segurança - Erica\2014\Orcamento\CAPEX\PRECLOS\OPERACAO\SUPERVISAO PATRIMONIAL\CENTRAL\CAPEX_2014_ORC_SUP_PAT_CENTRAL_GO_PRECLOS.xlsx</t>
  </si>
  <si>
    <t>CAPEX_2014_ORC_SUP_PAT_CENTRAL_MG1_PRECLOS.xlsx</t>
  </si>
  <si>
    <t>E:\BK_final\Vilarinho\Vilarinho - Trabalho\Segurança - Erica\2014\Orcamento\CAPEX\PRECLOS\OPERACAO\SUPERVISAO PATRIMONIAL\CENTRAL\CAPEX_2014_ORC_SUP_PAT_CENTRAL_MG1_PRECLOS.xlsx</t>
  </si>
  <si>
    <t>CAPEX_2014_ORC_SUP_PAT_CENTRAL_MG2_PRECLOS.xlsx</t>
  </si>
  <si>
    <t>E:\BK_final\Vilarinho\Vilarinho - Trabalho\Segurança - Erica\2014\Orcamento\CAPEX\PRECLOS\OPERACAO\SUPERVISAO PATRIMONIAL\CENTRAL\CAPEX_2014_ORC_SUP_PAT_CENTRAL_MG2_PRECLOS.xlsx</t>
  </si>
  <si>
    <t>11/21/2019 16:44:24</t>
  </si>
  <si>
    <t>CAPEX_2014_ORC_SUP_PAT_CENTRAL_MS_PRECLOS.xlsx</t>
  </si>
  <si>
    <t>E:\BK_final\Vilarinho\Vilarinho - Trabalho\Segurança - Erica\2014\Orcamento\CAPEX\PRECLOS\OPERACAO\SUPERVISAO PATRIMONIAL\CENTRAL\CAPEX_2014_ORC_SUP_PAT_CENTRAL_MS_PRECLOS.xlsx</t>
  </si>
  <si>
    <t>CAPEX_2014_ORC_SUP_PAT_CENTRAL_MT_PRECLOS.xlsx</t>
  </si>
  <si>
    <t>E:\BK_final\Vilarinho\Vilarinho - Trabalho\Segurança - Erica\2014\Orcamento\CAPEX\PRECLOS\OPERACAO\SUPERVISAO PATRIMONIAL\CENTRAL\CAPEX_2014_ORC_SUP_PAT_CENTRAL_MT_PRECLOS.xlsx</t>
  </si>
  <si>
    <t>CAPEX_2014_ORC_SUP_PAT_CENTRAL_PR_PRECLOS.xlsx</t>
  </si>
  <si>
    <t>E:\BK_final\Vilarinho\Vilarinho - Trabalho\Segurança - Erica\2014\Orcamento\CAPEX\PRECLOS\OPERACAO\SUPERVISAO PATRIMONIAL\CENTRAL\CAPEX_2014_ORC_SUP_PAT_CENTRAL_PR_PRECLOS.xlsx</t>
  </si>
  <si>
    <t>CAPEX_2014_ORC_SUP_PAT_CENTRAL_SP1_PRECLOS.xlsx</t>
  </si>
  <si>
    <t>E:\BK_final\Vilarinho\Vilarinho - Trabalho\Segurança - Erica\2014\Orcamento\CAPEX\PRECLOS\OPERACAO\SUPERVISAO PATRIMONIAL\CENTRAL\CAPEX_2014_ORC_SUP_PAT_CENTRAL_SP1_PRECLOS.xlsx</t>
  </si>
  <si>
    <t>CAPEX_2014_ORC_SUP_PAT_CENTRAL_SP2_PRECLOS.xlsx</t>
  </si>
  <si>
    <t>E:\BK_final\Vilarinho\Vilarinho - Trabalho\Segurança - Erica\2014\Orcamento\CAPEX\PRECLOS\OPERACAO\SUPERVISAO PATRIMONIAL\CENTRAL\CAPEX_2014_ORC_SUP_PAT_CENTRAL_SP2_PRECLOS.xlsx</t>
  </si>
  <si>
    <t>11/21/2019 16:44:25</t>
  </si>
  <si>
    <t>D:\2014\Orcamento\CAPEX\PRECLOS\OPERACAO\SUPERVISAO PATRIMONIAL\GESTAO ONLINE\</t>
  </si>
  <si>
    <t>CAPEX_2014_ORC_SUP_PAT_GO_PRECLOS.xlsx</t>
  </si>
  <si>
    <t>E:\BK_final\Vilarinho\Vilarinho - Trabalho\Segurança - Erica\2014\Orcamento\CAPEX\PRECLOS\OPERACAO\SUPERVISAO PATRIMONIAL\GESTAO ONLINE\CAPEX_2014_ORC_SUP_PAT_GO_PRECLOS.xlsx</t>
  </si>
  <si>
    <t>11/21/2019 16:44:26</t>
  </si>
  <si>
    <t>D:\2014\Orcamento\CAPEX\PRECLOS\OPERACAO\SUPERVISAO PATRIMONIAL\OPERACIONAL\</t>
  </si>
  <si>
    <t>CAPEX_2014_ORC_SUP_PAT_OPERACIONAL_CONSOLIDADO_PRECLOS.xlsx</t>
  </si>
  <si>
    <t>E:\BK_final\Vilarinho\Vilarinho - Trabalho\Segurança - Erica\2014\Orcamento\CAPEX\PRECLOS\OPERACAO\SUPERVISAO PATRIMONIAL\OPERACIONAL\CAPEX_2014_ORC_SUP_PAT_OPERACIONAL_CONSOLIDADO_PRECLOS.xlsx</t>
  </si>
  <si>
    <t>11/21/2019 16:44:27</t>
  </si>
  <si>
    <t>CAPEX_2014_ORC_SUP_PAT_OPERACIONAL_GO_PRECLOS.xlsx</t>
  </si>
  <si>
    <t>E:\BK_final\Vilarinho\Vilarinho - Trabalho\Segurança - Erica\2014\Orcamento\CAPEX\PRECLOS\OPERACAO\SUPERVISAO PATRIMONIAL\OPERACIONAL\CAPEX_2014_ORC_SUP_PAT_OPERACIONAL_GO_PRECLOS.xlsx</t>
  </si>
  <si>
    <t>CAPEX_2014_ORC_SUP_PAT_OPERACIONAL_MG1_PRECLOS.xlsx</t>
  </si>
  <si>
    <t>E:\BK_final\Vilarinho\Vilarinho - Trabalho\Segurança - Erica\2014\Orcamento\CAPEX\PRECLOS\OPERACAO\SUPERVISAO PATRIMONIAL\OPERACIONAL\CAPEX_2014_ORC_SUP_PAT_OPERACIONAL_MG1_PRECLOS.xlsx</t>
  </si>
  <si>
    <t>CAPEX_2014_ORC_SUP_PAT_OPERACIONAL_MG2_PRECLOS.xlsx</t>
  </si>
  <si>
    <t>E:\BK_final\Vilarinho\Vilarinho - Trabalho\Segurança - Erica\2014\Orcamento\CAPEX\PRECLOS\OPERACAO\SUPERVISAO PATRIMONIAL\OPERACIONAL\CAPEX_2014_ORC_SUP_PAT_OPERACIONAL_MG2_PRECLOS.xlsx</t>
  </si>
  <si>
    <t>CAPEX_2014_ORC_SUP_PAT_OPERACIONAL_MS_PRECLOS.xlsx</t>
  </si>
  <si>
    <t>E:\BK_final\Vilarinho\Vilarinho - Trabalho\Segurança - Erica\2014\Orcamento\CAPEX\PRECLOS\OPERACAO\SUPERVISAO PATRIMONIAL\OPERACIONAL\CAPEX_2014_ORC_SUP_PAT_OPERACIONAL_MS_PRECLOS.xlsx</t>
  </si>
  <si>
    <t>11/21/2019 16:44:28</t>
  </si>
  <si>
    <t>CAPEX_2014_ORC_SUP_PAT_OPERACIONAL_MT_PRECLOS.xlsx</t>
  </si>
  <si>
    <t>E:\BK_final\Vilarinho\Vilarinho - Trabalho\Segurança - Erica\2014\Orcamento\CAPEX\PRECLOS\OPERACAO\SUPERVISAO PATRIMONIAL\OPERACIONAL\CAPEX_2014_ORC_SUP_PAT_OPERACIONAL_MT_PRECLOS.xlsx</t>
  </si>
  <si>
    <t>CAPEX_2014_ORC_SUP_PAT_OPERACIONAL_PR_PRECLOS.xlsx</t>
  </si>
  <si>
    <t>E:\BK_final\Vilarinho\Vilarinho - Trabalho\Segurança - Erica\2014\Orcamento\CAPEX\PRECLOS\OPERACAO\SUPERVISAO PATRIMONIAL\OPERACIONAL\CAPEX_2014_ORC_SUP_PAT_OPERACIONAL_PR_PRECLOS.xlsx</t>
  </si>
  <si>
    <t>CAPEX_2014_ORC_SUP_PAT_OPERACIONAL_SP1_PRECLOS.xlsx</t>
  </si>
  <si>
    <t>E:\BK_final\Vilarinho\Vilarinho - Trabalho\Segurança - Erica\2014\Orcamento\CAPEX\PRECLOS\OPERACAO\SUPERVISAO PATRIMONIAL\OPERACIONAL\CAPEX_2014_ORC_SUP_PAT_OPERACIONAL_SP1_PRECLOS.xlsx</t>
  </si>
  <si>
    <t>CAPEX_2014_ORC_SUP_PAT_OPERACIONAL_SP2_PRECLOS.xlsx</t>
  </si>
  <si>
    <t>E:\BK_final\Vilarinho\Vilarinho - Trabalho\Segurança - Erica\2014\Orcamento\CAPEX\PRECLOS\OPERACAO\SUPERVISAO PATRIMONIAL\OPERACIONAL\CAPEX_2014_ORC_SUP_PAT_OPERACIONAL_SP2_PRECLOS.xlsx</t>
  </si>
  <si>
    <t>11/21/2019 16:44:30</t>
  </si>
  <si>
    <t>D:\2014\Orcamento\CAPEX\PRECLOS\STAFF\</t>
  </si>
  <si>
    <t>CAPEX_2014_ORC_ADM_AGPI_PRECLOS.xlsx</t>
  </si>
  <si>
    <t>E:\BK_final\Vilarinho\Vilarinho - Trabalho\Segurança - Erica\2014\Orcamento\CAPEX\PRECLOS\STAFF\CAPEX_2014_ORC_ADM_AGPI_PRECLOS.xlsx</t>
  </si>
  <si>
    <t>CAPEX_2014_ORC_ADM_COMITE_INOVACAO_PRECLOS.xlsx</t>
  </si>
  <si>
    <t>E:\BK_final\Vilarinho\Vilarinho - Trabalho\Segurança - Erica\2014\Orcamento\CAPEX\PRECLOS\STAFF\CAPEX_2014_ORC_ADM_COMITE_INOVACAO_PRECLOS.xlsx</t>
  </si>
  <si>
    <t>CAPEX_2014_ORC_ADM_CONSOLIDADO_PRECLOS.xlsx</t>
  </si>
  <si>
    <t>E:\BK_final\Vilarinho\Vilarinho - Trabalho\Segurança - Erica\2014\Orcamento\CAPEX\PRECLOS\STAFF\CAPEX_2014_ORC_ADM_CONSOLIDADO_PRECLOS.xlsx</t>
  </si>
  <si>
    <t>CAPEX_2014_ORC_ADM_CORPORATIVO_PRECLOS.xlsx</t>
  </si>
  <si>
    <t>E:\BK_final\Vilarinho\Vilarinho - Trabalho\Segurança - Erica\2014\Orcamento\CAPEX\PRECLOS\STAFF\CAPEX_2014_ORC_ADM_CORPORATIVO_PRECLOS.xlsx</t>
  </si>
  <si>
    <t>CAPEX_2014_ORC_ADM_CSC_PRECLOS.xlsx</t>
  </si>
  <si>
    <t>E:\BK_final\Vilarinho\Vilarinho - Trabalho\Segurança - Erica\2014\Orcamento\CAPEX\PRECLOS\STAFF\CAPEX_2014_ORC_ADM_CSC_PRECLOS.xlsx</t>
  </si>
  <si>
    <t>CAPEX_2014_ORC_ADM_DIRETORIA_PRECLOS.xlsx</t>
  </si>
  <si>
    <t>E:\BK_final\Vilarinho\Vilarinho - Trabalho\Segurança - Erica\2014\Orcamento\CAPEX\PRECLOS\STAFF\CAPEX_2014_ORC_ADM_DIRETORIA_PRECLOS.xlsx</t>
  </si>
  <si>
    <t>11/21/2019 16:44:31</t>
  </si>
  <si>
    <t>CAPEX_2014_ORC_ADM_FINANCEIRO_PRECLOS.xlsx</t>
  </si>
  <si>
    <t>E:\BK_final\Vilarinho\Vilarinho - Trabalho\Segurança - Erica\2014\Orcamento\CAPEX\PRECLOS\STAFF\CAPEX_2014_ORC_ADM_FINANCEIRO_PRECLOS.xlsx</t>
  </si>
  <si>
    <t>CAPEX_2014_ORC_ADM_HOLDING_PRECLOS.xlsx</t>
  </si>
  <si>
    <t>E:\BK_final\Vilarinho\Vilarinho - Trabalho\Segurança - Erica\2014\Orcamento\CAPEX\PRECLOS\STAFF\CAPEX_2014_ORC_ADM_HOLDING_PRECLOS.xlsx</t>
  </si>
  <si>
    <t>CAPEX_2014_ORC_ADM_JURIDICO_PRECLOS.xlsx</t>
  </si>
  <si>
    <t>E:\BK_final\Vilarinho\Vilarinho - Trabalho\Segurança - Erica\2014\Orcamento\CAPEX\PRECLOS\STAFF\CAPEX_2014_ORC_ADM_JURIDICO_PRECLOS.xlsx</t>
  </si>
  <si>
    <t>CAPEX_2014_ORC_ADM_SESMT_PRECLOS.xlsx</t>
  </si>
  <si>
    <t>E:\BK_final\Vilarinho\Vilarinho - Trabalho\Segurança - Erica\2014\Orcamento\CAPEX\PRECLOS\STAFF\CAPEX_2014_ORC_ADM_SESMT_PRECLOS.xlsx</t>
  </si>
  <si>
    <t>CAPEX_2014_ORC_ADM_TH_PRECLOS.xlsx</t>
  </si>
  <si>
    <t>E:\BK_final\Vilarinho\Vilarinho - Trabalho\Segurança - Erica\2014\Orcamento\CAPEX\PRECLOS\STAFF\CAPEX_2014_ORC_ADM_TH_PRECLOS.xlsx</t>
  </si>
  <si>
    <t>CAPEX_2014_ORC_ADM_TI_PRECLOS.xlsx</t>
  </si>
  <si>
    <t>E:\BK_final\Vilarinho\Vilarinho - Trabalho\Segurança - Erica\2014\Orcamento\CAPEX\PRECLOS\STAFF\CAPEX_2014_ORC_ADM_TI_PRECLOS.xlsx</t>
  </si>
  <si>
    <t>11/21/2019 16:44:32</t>
  </si>
  <si>
    <t>D:\2014\Orcamento\LONGO PRAZO\LONGO PRAZO REVISAO_2013_2017\</t>
  </si>
  <si>
    <t>Administrativas - Longo Prazo - 2013 a 2017.xlsx</t>
  </si>
  <si>
    <t>E:\BK_final\Vilarinho\Vilarinho - Trabalho\Segurança - Erica\2014\Orcamento\LONGO PRAZO\LONGO PRAZO REVISAO_2013_2017\Administrativas - Longo Prazo - 2013 a 2017.xlsx</t>
  </si>
  <si>
    <t>Comparativo LP anterior x LP atual.xlsx</t>
  </si>
  <si>
    <t>E:\BK_final\Vilarinho\Vilarinho - Trabalho\Segurança - Erica\2014\Orcamento\LONGO PRAZO\LONGO PRAZO REVISAO_2013_2017\Comparativo LP anterior x LP atual.xlsx</t>
  </si>
  <si>
    <t>DRE Oficial Longo Prazo - 2013 a 2017.xlsx</t>
  </si>
  <si>
    <t>E:\BK_final\Vilarinho\Vilarinho - Trabalho\Segurança - Erica\2014\Orcamento\LONGO PRAZO\LONGO PRAZO REVISAO_2013_2017\DRE Oficial Longo Prazo - 2013 a 2017.xlsx</t>
  </si>
  <si>
    <t>Quadro de associados - Longo Prazo - 2013 a 2017.xlsx</t>
  </si>
  <si>
    <t>E:\BK_final\Vilarinho\Vilarinho - Trabalho\Segurança - Erica\2014\Orcamento\LONGO PRAZO\LONGO PRAZO REVISAO_2013_2017\Quadro de associados - Longo Prazo - 2013 a 2017.xlsx</t>
  </si>
  <si>
    <t>Receita 2013 e Longo Prazo - visao por negocio.xlsx</t>
  </si>
  <si>
    <t>E:\BK_final\Vilarinho\Vilarinho - Trabalho\Segurança - Erica\2014\Orcamento\LONGO PRAZO\LONGO PRAZO REVISAO_2013_2017\Receita 2013 e Longo Prazo - visao por negocio.xlsx</t>
  </si>
  <si>
    <t>Seg. Patrimonial - Longo Prazo - 2013 a 2017.xlsx</t>
  </si>
  <si>
    <t>E:\BK_final\Vilarinho\Vilarinho - Trabalho\Segurança - Erica\2014\Orcamento\LONGO PRAZO\LONGO PRAZO REVISAO_2013_2017\Seg. Patrimonial - Longo Prazo - 2013 a 2017.xlsx</t>
  </si>
  <si>
    <t>Tecnologia - Longo Prazo - 2013 a 2017.xlsx</t>
  </si>
  <si>
    <t>E:\BK_final\Vilarinho\Vilarinho - Trabalho\Segurança - Erica\2014\Orcamento\LONGO PRAZO\LONGO PRAZO REVISAO_2013_2017\Tecnologia - Longo Prazo - 2013 a 2017.xlsx</t>
  </si>
  <si>
    <t>D:\2014\Orcamento\LONGO PRAZO\LONGO PRAZO REVISAO_2013_2017\Cenário Alternativo\</t>
  </si>
  <si>
    <t>Administrativas - Longo Prazo - 2013 a 2017 - alternativo.xlsx</t>
  </si>
  <si>
    <t>E:\BK_final\Vilarinho\Vilarinho - Trabalho\Segurança - Erica\2014\Orcamento\LONGO PRAZO\LONGO PRAZO REVISAO_2013_2017\Cenário Alternativo\Administrativas - Longo Prazo - 2013 a 2017 - alternativo.xlsx</t>
  </si>
  <si>
    <t>11/21/2019 16:44:33</t>
  </si>
  <si>
    <t>DRE Oficial Longo Prazo - 2013 a 2017 - alternativo.xlsx</t>
  </si>
  <si>
    <t>E:\BK_final\Vilarinho\Vilarinho - Trabalho\Segurança - Erica\2014\Orcamento\LONGO PRAZO\LONGO PRAZO REVISAO_2013_2017\Cenário Alternativo\DRE Oficial Longo Prazo - 2013 a 2017 - alternativo.xlsx</t>
  </si>
  <si>
    <t>Quadro de associados - Longo Prazo - 2013 a 2017 - alternativo.xlsx</t>
  </si>
  <si>
    <t>E:\BK_final\Vilarinho\Vilarinho - Trabalho\Segurança - Erica\2014\Orcamento\LONGO PRAZO\LONGO PRAZO REVISAO_2013_2017\Cenário Alternativo\Quadro de associados - Longo Prazo - 2013 a 2017 - alternativo.xlsx</t>
  </si>
  <si>
    <t>Receita 2013 e Longo Prazo - visao por negocio - alternativo.xlsx</t>
  </si>
  <si>
    <t>E:\BK_final\Vilarinho\Vilarinho - Trabalho\Segurança - Erica\2014\Orcamento\LONGO PRAZO\LONGO PRAZO REVISAO_2013_2017\Cenário Alternativo\Receita 2013 e Longo Prazo - visao por negocio - alternativo.xlsx</t>
  </si>
  <si>
    <t>Seg. Patrimonial - Longo Prazo - 2013 a 2017 - alternativo.xlsx</t>
  </si>
  <si>
    <t>E:\BK_final\Vilarinho\Vilarinho - Trabalho\Segurança - Erica\2014\Orcamento\LONGO PRAZO\LONGO PRAZO REVISAO_2013_2017\Cenário Alternativo\Seg. Patrimonial - Longo Prazo - 2013 a 2017 - alternativo.xlsx</t>
  </si>
  <si>
    <t>11/21/2019 16:44:34</t>
  </si>
  <si>
    <t>Tecnologia - Longo Prazo - 2013 a 2017 - alternativo.xlsx</t>
  </si>
  <si>
    <t>E:\BK_final\Vilarinho\Vilarinho - Trabalho\Segurança - Erica\2014\Orcamento\LONGO PRAZO\LONGO PRAZO REVISAO_2013_2017\Cenário Alternativo\Tecnologia - Longo Prazo - 2013 a 2017 - alternativo.xlsx</t>
  </si>
  <si>
    <t>D:\2014\Orcamento\LONGO PRAZO\LONGO PRAZO REVISAO_2014_2018\</t>
  </si>
  <si>
    <t>Administrativas_LP 2014 a 2018.xlsx</t>
  </si>
  <si>
    <t>E:\BK_final\Vilarinho\Vilarinho - Trabalho\Segurança - Erica\2014\Orcamento\LONGO PRAZO\LONGO PRAZO REVISAO_2014_2018\Administrativas_LP 2014 a 2018.xlsx</t>
  </si>
  <si>
    <t>Captacoes_LP_2015a2018.xlsx</t>
  </si>
  <si>
    <t>E:\BK_final\Vilarinho\Vilarinho - Trabalho\Segurança - Erica\2014\Orcamento\LONGO PRAZO\LONGO PRAZO REVISAO_2014_2018\Captacoes_LP_2015a2018.xlsx</t>
  </si>
  <si>
    <t>DRE Oficial_LP 2014 a 2018.xlsx</t>
  </si>
  <si>
    <t>E:\BK_final\Vilarinho\Vilarinho - Trabalho\Segurança - Erica\2014\Orcamento\LONGO PRAZO\LONGO PRAZO REVISAO_2014_2018\DRE Oficial_LP 2014 a 2018.xlsx</t>
  </si>
  <si>
    <t>Quadro_de_Associados_2014_a_2018.xlsx</t>
  </si>
  <si>
    <t>E:\BK_final\Vilarinho\Vilarinho - Trabalho\Segurança - Erica\2014\Orcamento\LONGO PRAZO\LONGO PRAZO REVISAO_2014_2018\Quadro_de_Associados_2014_a_2018.xlsx</t>
  </si>
  <si>
    <t>11/21/2019 16:44:35</t>
  </si>
  <si>
    <t>Seg. Documental_LP 2014 a 2018.xlsx</t>
  </si>
  <si>
    <t>E:\BK_final\Vilarinho\Vilarinho - Trabalho\Segurança - Erica\2014\Orcamento\LONGO PRAZO\LONGO PRAZO REVISAO_2014_2018\Seg. Documental_LP 2014 a 2018.xlsx</t>
  </si>
  <si>
    <t>Seg. Eletronica_Monitoramento_LP 2014 a 2018.xlsx</t>
  </si>
  <si>
    <t>E:\BK_final\Vilarinho\Vilarinho - Trabalho\Segurança - Erica\2014\Orcamento\LONGO PRAZO\LONGO PRAZO REVISAO_2014_2018\Seg. Eletronica_Monitoramento_LP 2014 a 2018.xlsx</t>
  </si>
  <si>
    <t>Seg. Eletronica_Projetos_LP 2014 a 2018.xlsx</t>
  </si>
  <si>
    <t>E:\BK_final\Vilarinho\Vilarinho - Trabalho\Segurança - Erica\2014\Orcamento\LONGO PRAZO\LONGO PRAZO REVISAO_2014_2018\Seg. Eletronica_Projetos_LP 2014 a 2018.xlsx</t>
  </si>
  <si>
    <t>Seg. Patrimonial_LP 2014 a 2018.xlsx</t>
  </si>
  <si>
    <t>E:\BK_final\Vilarinho\Vilarinho - Trabalho\Segurança - Erica\2014\Orcamento\LONGO PRAZO\LONGO PRAZO REVISAO_2014_2018\Seg. Patrimonial_LP 2014 a 2018.xlsx</t>
  </si>
  <si>
    <t>D:\2014\Orcamento\LONGO PRAZO\LONGO PRAZO REVISAO_2014_2018\Análises\</t>
  </si>
  <si>
    <t>E:\BK_final\Vilarinho\Vilarinho - Trabalho\Segurança - Erica\2014\Orcamento\LONGO PRAZO\LONGO PRAZO REVISAO_2014_2018\Análises\Comparativo LP anterior x LP atual.xlsx</t>
  </si>
  <si>
    <t>E:\BK_final\Vilarinho\Vilarinho - Trabalho\Segurança - Erica\2014\Orcamento\LONGO PRAZO\LONGO PRAZO REVISAO_2014_2018\Análises\Quadro de associados - Longo Prazo - 2013 a 2017.xlsx</t>
  </si>
  <si>
    <t>11/21/2019 16:44:36</t>
  </si>
  <si>
    <t>E:\BK_final\Vilarinho\Vilarinho - Trabalho\Segurança - Erica\2014\Orcamento\LONGO PRAZO\LONGO PRAZO REVISAO_2014_2018\Análises\Receita 2013 e Longo Prazo - visao por negocio.xlsx</t>
  </si>
  <si>
    <t>D:\2014\Orcamento\LONGO PRAZO\LONGO PRAZO REVISAO_2014_2018\Cenário Alternativo\</t>
  </si>
  <si>
    <t>Administrativas_LP 2014 a 2018_alternativo.xlsx</t>
  </si>
  <si>
    <t>E:\BK_final\Vilarinho\Vilarinho - Trabalho\Segurança - Erica\2014\Orcamento\LONGO PRAZO\LONGO PRAZO REVISAO_2014_2018\Cenário Alternativo\Administrativas_LP 2014 a 2018_alternativo.xlsx</t>
  </si>
  <si>
    <t>Captacoes_LP_2015a2018_alternativo.xlsx</t>
  </si>
  <si>
    <t>E:\BK_final\Vilarinho\Vilarinho - Trabalho\Segurança - Erica\2014\Orcamento\LONGO PRAZO\LONGO PRAZO REVISAO_2014_2018\Cenário Alternativo\Captacoes_LP_2015a2018_alternativo.xlsx</t>
  </si>
  <si>
    <t>DRE Oficial_LP 2014 a 2018_alternativo.xlsx</t>
  </si>
  <si>
    <t>E:\BK_final\Vilarinho\Vilarinho - Trabalho\Segurança - Erica\2014\Orcamento\LONGO PRAZO\LONGO PRAZO REVISAO_2014_2018\Cenário Alternativo\DRE Oficial_LP 2014 a 2018_alternativo.xlsx</t>
  </si>
  <si>
    <t>Quadro_de_Associados_2014_a_2018_alternativo.xlsx</t>
  </si>
  <si>
    <t>E:\BK_final\Vilarinho\Vilarinho - Trabalho\Segurança - Erica\2014\Orcamento\LONGO PRAZO\LONGO PRAZO REVISAO_2014_2018\Cenário Alternativo\Quadro_de_Associados_2014_a_2018_alternativo.xlsx</t>
  </si>
  <si>
    <t>Seg. Documental_LP 2014 a 2018_alternativo.xlsx</t>
  </si>
  <si>
    <t>E:\BK_final\Vilarinho\Vilarinho - Trabalho\Segurança - Erica\2014\Orcamento\LONGO PRAZO\LONGO PRAZO REVISAO_2014_2018\Cenário Alternativo\Seg. Documental_LP 2014 a 2018_alternativo.xlsx</t>
  </si>
  <si>
    <t>11/21/2019 16:44:37</t>
  </si>
  <si>
    <t>Seg. Eletronica_Monitoramento_LP 2014 a 2018_alternativo.xlsx</t>
  </si>
  <si>
    <t>E:\BK_final\Vilarinho\Vilarinho - Trabalho\Segurança - Erica\2014\Orcamento\LONGO PRAZO\LONGO PRAZO REVISAO_2014_2018\Cenário Alternativo\Seg. Eletronica_Monitoramento_LP 2014 a 2018_alternativo.xlsx</t>
  </si>
  <si>
    <t>Seg. Eletronica_Projetos_LP 2014 a 2018_alternativo.xlsx</t>
  </si>
  <si>
    <t>E:\BK_final\Vilarinho\Vilarinho - Trabalho\Segurança - Erica\2014\Orcamento\LONGO PRAZO\LONGO PRAZO REVISAO_2014_2018\Cenário Alternativo\Seg. Eletronica_Projetos_LP 2014 a 2018_alternativo.xlsx</t>
  </si>
  <si>
    <t>Seg. Patrimonial_LP 2014 a 2018_alternativo.xlsx</t>
  </si>
  <si>
    <t>E:\BK_final\Vilarinho\Vilarinho - Trabalho\Segurança - Erica\2014\Orcamento\LONGO PRAZO\LONGO PRAZO REVISAO_2014_2018\Cenário Alternativo\Seg. Patrimonial_LP 2014 a 2018_alternativo.xlsx</t>
  </si>
  <si>
    <t>E:\BK_final\Vilarinho\Vilarinho - Trabalho\Segurança - Erica\2014\Orcamento\LONGO PRAZO\LONGO PRAZO REVISAO_2014_2018 - Revisão após Gerencial\Administrativas_LP 2014 a 2018.xlsx</t>
  </si>
  <si>
    <t>D:\2014\Orcamento\LONGO PRAZO\LONGO PRAZO REVISAO_2014_2018 - Revisão após Gerencial\</t>
  </si>
  <si>
    <t>Analise Over Head.xlsx</t>
  </si>
  <si>
    <t>E:\BK_final\Vilarinho\Vilarinho - Trabalho\Segurança - Erica\2014\Orcamento\LONGO PRAZO\LONGO PRAZO REVISAO_2014_2018 - Revisão após Gerencial\Analise Over Head.xlsx</t>
  </si>
  <si>
    <t>Capex LP - por negócio.xlsx</t>
  </si>
  <si>
    <t>E:\BK_final\Vilarinho\Vilarinho - Trabalho\Segurança - Erica\2014\Orcamento\LONGO PRAZO\LONGO PRAZO REVISAO_2014_2018 - Revisão após Gerencial\Capex LP - por negócio.xlsx</t>
  </si>
  <si>
    <t>E:\BK_final\Vilarinho\Vilarinho - Trabalho\Segurança - Erica\2014\Orcamento\LONGO PRAZO\LONGO PRAZO REVISAO_2014_2018 - Revisão após Gerencial\Captacoes_LP_2015a2018.xlsx</t>
  </si>
  <si>
    <t>E:\BK_final\Vilarinho\Vilarinho - Trabalho\Segurança - Erica\2014\Orcamento\LONGO PRAZO\LONGO PRAZO REVISAO_2014_2018 - Revisão após Gerencial\DRE Oficial_LP 2014 a 2018.xlsx</t>
  </si>
  <si>
    <t>E:\BK_final\Vilarinho\Vilarinho - Trabalho\Segurança - Erica\2014\Orcamento\LONGO PRAZO\LONGO PRAZO REVISAO_2014_2018 - Revisão após Gerencial\Quadro_de_Associados_2014_a_2018.xlsx</t>
  </si>
  <si>
    <t>E:\BK_final\Vilarinho\Vilarinho - Trabalho\Segurança - Erica\2014\Orcamento\LONGO PRAZO\LONGO PRAZO REVISAO_2014_2018 - Revisão após Gerencial\Seg. Documental_LP 2014 a 2018.xlsx</t>
  </si>
  <si>
    <t>11/21/2019 16:44:38</t>
  </si>
  <si>
    <t>E:\BK_final\Vilarinho\Vilarinho - Trabalho\Segurança - Erica\2014\Orcamento\LONGO PRAZO\LONGO PRAZO REVISAO_2014_2018 - Revisão após Gerencial\Seg. Eletronica_Monitoramento_LP 2014 a 2018.xlsx</t>
  </si>
  <si>
    <t>E:\BK_final\Vilarinho\Vilarinho - Trabalho\Segurança - Erica\2014\Orcamento\LONGO PRAZO\LONGO PRAZO REVISAO_2014_2018 - Revisão após Gerencial\Seg. Eletronica_Projetos_LP 2014 a 2018.xlsx</t>
  </si>
  <si>
    <t>E:\BK_final\Vilarinho\Vilarinho - Trabalho\Segurança - Erica\2014\Orcamento\LONGO PRAZO\LONGO PRAZO REVISAO_2014_2018 - Revisão após Gerencial\Seg. Patrimonial_LP 2014 a 2018.xlsx</t>
  </si>
  <si>
    <t>E:\BK_final\Vilarinho\Vilarinho - Trabalho\Segurança - Erica\2014\Orcamento\LONGO PRAZO\LONGO PRAZO REVISAO_2014_2018 - Revisão após Gerencial\Análises\Comparativo LP anterior x LP atual.xlsx</t>
  </si>
  <si>
    <t>E:\BK_final\Vilarinho\Vilarinho - Trabalho\Segurança - Erica\2014\Orcamento\LONGO PRAZO\LONGO PRAZO REVISAO_2014_2018 - Revisão após Gerencial\Análises\Quadro de associados - Longo Prazo - 2013 a 2017.xlsx</t>
  </si>
  <si>
    <t>E:\BK_final\Vilarinho\Vilarinho - Trabalho\Segurança - Erica\2014\Orcamento\LONGO PRAZO\LONGO PRAZO REVISAO_2014_2018 - Revisão após Gerencial\Análises\Receita 2013 e Longo Prazo - visao por negocio.xlsx</t>
  </si>
  <si>
    <t>E:\BK_final\Vilarinho\Vilarinho - Trabalho\Segurança - Erica\2014\Orcamento\LONGO PRAZO\LONGO PRAZO REVISAO_2014_2018 - Revisão após Gerencial\Cenário Alternativo\Administrativas_LP 2014 a 2018_alternativo.xlsx</t>
  </si>
  <si>
    <t>E:\BK_final\Vilarinho\Vilarinho - Trabalho\Segurança - Erica\2014\Orcamento\LONGO PRAZO\LONGO PRAZO REVISAO_2014_2018 - Revisão após Gerencial\Cenário Alternativo\Captacoes_LP_2015a2018_alternativo.xlsx</t>
  </si>
  <si>
    <t>E:\BK_final\Vilarinho\Vilarinho - Trabalho\Segurança - Erica\2014\Orcamento\LONGO PRAZO\LONGO PRAZO REVISAO_2014_2018 - Revisão após Gerencial\Cenário Alternativo\DRE Oficial_LP 2014 a 2018_alternativo.xlsx</t>
  </si>
  <si>
    <t>11/21/2019 16:44:39</t>
  </si>
  <si>
    <t>E:\BK_final\Vilarinho\Vilarinho - Trabalho\Segurança - Erica\2014\Orcamento\LONGO PRAZO\LONGO PRAZO REVISAO_2014_2018 - Revisão após Gerencial\Cenário Alternativo\Quadro_de_Associados_2014_a_2018_alternativo.xlsx</t>
  </si>
  <si>
    <t>E:\BK_final\Vilarinho\Vilarinho - Trabalho\Segurança - Erica\2014\Orcamento\LONGO PRAZO\LONGO PRAZO REVISAO_2014_2018 - Revisão após Gerencial\Cenário Alternativo\Seg. Documental_LP 2014 a 2018_alternativo.xlsx</t>
  </si>
  <si>
    <t>E:\BK_final\Vilarinho\Vilarinho - Trabalho\Segurança - Erica\2014\Orcamento\LONGO PRAZO\LONGO PRAZO REVISAO_2014_2018 - Revisão após Gerencial\Cenário Alternativo\Seg. Eletronica_Monitoramento_LP 2014 a 2018_alternativo.xlsx</t>
  </si>
  <si>
    <t>E:\BK_final\Vilarinho\Vilarinho - Trabalho\Segurança - Erica\2014\Orcamento\LONGO PRAZO\LONGO PRAZO REVISAO_2014_2018 - Revisão após Gerencial\Cenário Alternativo\Seg. Eletronica_Projetos_LP 2014 a 2018_alternativo.xlsx</t>
  </si>
  <si>
    <t>E:\BK_final\Vilarinho\Vilarinho - Trabalho\Segurança - Erica\2014\Orcamento\LONGO PRAZO\LONGO PRAZO REVISAO_2014_2018 - Revisão após Gerencial\Cenário Alternativo\Seg. Patrimonial_LP 2014 a 2018_alternativo.xlsx</t>
  </si>
  <si>
    <t>D:\2014\Orcamento\RESULTADO\1PROJ\</t>
  </si>
  <si>
    <t>ORC_2014_CONSOLIDADO_1PROJ.xlsx</t>
  </si>
  <si>
    <t>E:\BK_final\Vilarinho\Vilarinho - Trabalho\Segurança - Erica\2014\Orcamento\RESULTADO\1PROJ\ORC_2014_CONSOLIDADO_1PROJ.xlsx</t>
  </si>
  <si>
    <t>D:\2014\Orcamento\RESULTADO\1PROJ\COMERCIAL\</t>
  </si>
  <si>
    <t>ORC_2014_CML_CONSOLIDADO_1PROJ.xlsx</t>
  </si>
  <si>
    <t>E:\BK_final\Vilarinho\Vilarinho - Trabalho\Segurança - Erica\2014\Orcamento\RESULTADO\1PROJ\COMERCIAL\ORC_2014_CML_CONSOLIDADO_1PROJ.xlsx</t>
  </si>
  <si>
    <t>11/21/2019 16:44:40</t>
  </si>
  <si>
    <t>D:\2014\Orcamento\RESULTADO\1PROJ\COMERCIAL\SEGURANCA DOCUMENTAL\</t>
  </si>
  <si>
    <t>ORC_2014_CML_SEDOC_1PROJ.xlsx</t>
  </si>
  <si>
    <t>E:\BK_final\Vilarinho\Vilarinho - Trabalho\Segurança - Erica\2014\Orcamento\RESULTADO\1PROJ\COMERCIAL\SEGURANCA DOCUMENTAL\ORC_2014_CML_SEDOC_1PROJ.xlsx</t>
  </si>
  <si>
    <t>D:\2014\Orcamento\RESULTADO\1PROJ\COMERCIAL\SEGURANCA ELETRONICA\</t>
  </si>
  <si>
    <t>ORC_2014_CML_ELE_CONSOLIDADO_1PROJ.xlsx</t>
  </si>
  <si>
    <t>E:\BK_final\Vilarinho\Vilarinho - Trabalho\Segurança - Erica\2014\Orcamento\RESULTADO\1PROJ\COMERCIAL\SEGURANCA ELETRONICA\ORC_2014_CML_ELE_CONSOLIDADO_1PROJ.xlsx</t>
  </si>
  <si>
    <t>ORC_2014_CML_ELE_MONITORAMENTO_1PROJ.xlsx</t>
  </si>
  <si>
    <t>E:\BK_final\Vilarinho\Vilarinho - Trabalho\Segurança - Erica\2014\Orcamento\RESULTADO\1PROJ\COMERCIAL\SEGURANCA ELETRONICA\ORC_2014_CML_ELE_MONITORAMENTO_1PROJ.xlsx</t>
  </si>
  <si>
    <t>11/21/2019 16:44:41</t>
  </si>
  <si>
    <t>ORC_2014_CML_ELE_PROJETOS_1PROJ.xlsx</t>
  </si>
  <si>
    <t>E:\BK_final\Vilarinho\Vilarinho - Trabalho\Segurança - Erica\2014\Orcamento\RESULTADO\1PROJ\COMERCIAL\SEGURANCA ELETRONICA\ORC_2014_CML_ELE_PROJETOS_1PROJ.xlsx</t>
  </si>
  <si>
    <t>D:\2014\Orcamento\RESULTADO\1PROJ\COMERCIAL\SEGURANCA PATRIMONIAL\</t>
  </si>
  <si>
    <t>ORC_2014_CML_PAT_CONSOLIDADO_1PROJ.xlsx</t>
  </si>
  <si>
    <t>E:\BK_final\Vilarinho\Vilarinho - Trabalho\Segurança - Erica\2014\Orcamento\RESULTADO\1PROJ\COMERCIAL\SEGURANCA PATRIMONIAL\ORC_2014_CML_PAT_CONSOLIDADO_1PROJ.xlsx</t>
  </si>
  <si>
    <t>ORC_2014_CML_PAT_GO_1PROJ.xlsx</t>
  </si>
  <si>
    <t>E:\BK_final\Vilarinho\Vilarinho - Trabalho\Segurança - Erica\2014\Orcamento\RESULTADO\1PROJ\COMERCIAL\SEGURANCA PATRIMONIAL\ORC_2014_CML_PAT_GO_1PROJ.xlsx</t>
  </si>
  <si>
    <t>11/21/2019 16:44:42</t>
  </si>
  <si>
    <t>ORC_2014_CML_PAT_MG1_1PROJ.xlsx</t>
  </si>
  <si>
    <t>E:\BK_final\Vilarinho\Vilarinho - Trabalho\Segurança - Erica\2014\Orcamento\RESULTADO\1PROJ\COMERCIAL\SEGURANCA PATRIMONIAL\ORC_2014_CML_PAT_MG1_1PROJ.xlsx</t>
  </si>
  <si>
    <t>ORC_2014_CML_PAT_MG2_1PROJ.xlsx</t>
  </si>
  <si>
    <t>E:\BK_final\Vilarinho\Vilarinho - Trabalho\Segurança - Erica\2014\Orcamento\RESULTADO\1PROJ\COMERCIAL\SEGURANCA PATRIMONIAL\ORC_2014_CML_PAT_MG2_1PROJ.xlsx</t>
  </si>
  <si>
    <t>ORC_2014_CML_PAT_MS_1PROJ.xlsx</t>
  </si>
  <si>
    <t>E:\BK_final\Vilarinho\Vilarinho - Trabalho\Segurança - Erica\2014\Orcamento\RESULTADO\1PROJ\COMERCIAL\SEGURANCA PATRIMONIAL\ORC_2014_CML_PAT_MS_1PROJ.xlsx</t>
  </si>
  <si>
    <t>ORC_2014_CML_PAT_MT_1PROJ.xlsx</t>
  </si>
  <si>
    <t>E:\BK_final\Vilarinho\Vilarinho - Trabalho\Segurança - Erica\2014\Orcamento\RESULTADO\1PROJ\COMERCIAL\SEGURANCA PATRIMONIAL\ORC_2014_CML_PAT_MT_1PROJ.xlsx</t>
  </si>
  <si>
    <t>11/21/2019 16:44:43</t>
  </si>
  <si>
    <t>ORC_2014_CML_PAT_PR_1PROJ.xlsx</t>
  </si>
  <si>
    <t>E:\BK_final\Vilarinho\Vilarinho - Trabalho\Segurança - Erica\2014\Orcamento\RESULTADO\1PROJ\COMERCIAL\SEGURANCA PATRIMONIAL\ORC_2014_CML_PAT_PR_1PROJ.xlsx</t>
  </si>
  <si>
    <t>ORC_2014_CML_PAT_SP1_1PROJ.xlsx</t>
  </si>
  <si>
    <t>E:\BK_final\Vilarinho\Vilarinho - Trabalho\Segurança - Erica\2014\Orcamento\RESULTADO\1PROJ\COMERCIAL\SEGURANCA PATRIMONIAL\ORC_2014_CML_PAT_SP1_1PROJ.xlsx</t>
  </si>
  <si>
    <t>ORC_2014_CML_PAT_SP2_1PROJ.xlsx</t>
  </si>
  <si>
    <t>E:\BK_final\Vilarinho\Vilarinho - Trabalho\Segurança - Erica\2014\Orcamento\RESULTADO\1PROJ\COMERCIAL\SEGURANCA PATRIMONIAL\ORC_2014_CML_PAT_SP2_1PROJ.xlsx</t>
  </si>
  <si>
    <t>11/21/2019 16:44:44</t>
  </si>
  <si>
    <t>D:\2014\Orcamento\RESULTADO\1PROJ\OPERACAO\</t>
  </si>
  <si>
    <t>ORC_2014_OPE_CONSOLIDADO_1PROJ.xlsx</t>
  </si>
  <si>
    <t>E:\BK_final\Vilarinho\Vilarinho - Trabalho\Segurança - Erica\2014\Orcamento\RESULTADO\1PROJ\OPERACAO\ORC_2014_OPE_CONSOLIDADO_1PROJ.xlsx</t>
  </si>
  <si>
    <t>D:\2014\Orcamento\RESULTADO\1PROJ\OPERACAO\SEGURANCA DOCUMENTAL\</t>
  </si>
  <si>
    <t>ORC_2014_OPE_SEDOC_CONSOLIDADO_1PROJ.xlsx</t>
  </si>
  <si>
    <t>E:\BK_final\Vilarinho\Vilarinho - Trabalho\Segurança - Erica\2014\Orcamento\RESULTADO\1PROJ\OPERACAO\SEGURANCA DOCUMENTAL\ORC_2014_OPE_SEDOC_CONSOLIDADO_1PROJ.xlsx</t>
  </si>
  <si>
    <t>11/21/2019 16:44:46</t>
  </si>
  <si>
    <t>ORC_2014_OPE_SEDOC_MG1_1PROJ.xlsx</t>
  </si>
  <si>
    <t>E:\BK_final\Vilarinho\Vilarinho - Trabalho\Segurança - Erica\2014\Orcamento\RESULTADO\1PROJ\OPERACAO\SEGURANCA DOCUMENTAL\ORC_2014_OPE_SEDOC_MG1_1PROJ.xlsx</t>
  </si>
  <si>
    <t>ORC_2014_OPE_SEDOC_SP1_1PROJ.xlsx</t>
  </si>
  <si>
    <t>E:\BK_final\Vilarinho\Vilarinho - Trabalho\Segurança - Erica\2014\Orcamento\RESULTADO\1PROJ\OPERACAO\SEGURANCA DOCUMENTAL\ORC_2014_OPE_SEDOC_SP1_1PROJ.xlsx</t>
  </si>
  <si>
    <t>ORC_2014_OPE_SUP_SEDOC_1PROJ.xlsx</t>
  </si>
  <si>
    <t>E:\BK_final\Vilarinho\Vilarinho - Trabalho\Segurança - Erica\2014\Orcamento\RESULTADO\1PROJ\OPERACAO\SEGURANCA DOCUMENTAL\ORC_2014_OPE_SUP_SEDOC_1PROJ.xlsx</t>
  </si>
  <si>
    <t>11/21/2019 16:44:48</t>
  </si>
  <si>
    <t>D:\2014\Orcamento\RESULTADO\1PROJ\OPERACAO\SEGURANCA ELETRONICA\</t>
  </si>
  <si>
    <t>ORC_2014_DRE_ELE_CONSOLIDADO_1PROJ.xlsx</t>
  </si>
  <si>
    <t>E:\BK_final\Vilarinho\Vilarinho - Trabalho\Segurança - Erica\2014\Orcamento\RESULTADO\1PROJ\OPERACAO\SEGURANCA ELETRONICA\ORC_2014_DRE_ELE_CONSOLIDADO_1PROJ.xlsx</t>
  </si>
  <si>
    <t>ORC_2014_OPE_ELE_ATEND_ALARME_1PROJ.xlsx</t>
  </si>
  <si>
    <t>E:\BK_final\Vilarinho\Vilarinho - Trabalho\Segurança - Erica\2014\Orcamento\RESULTADO\1PROJ\OPERACAO\SEGURANCA ELETRONICA\ORC_2014_OPE_ELE_ATEND_ALARME_1PROJ.xlsx</t>
  </si>
  <si>
    <t>ORC_2014_OPE_ELE_CONSOLIDADO_1PROJ.xlsx</t>
  </si>
  <si>
    <t>E:\BK_final\Vilarinho\Vilarinho - Trabalho\Segurança - Erica\2014\Orcamento\RESULTADO\1PROJ\OPERACAO\SEGURANCA ELETRONICA\ORC_2014_OPE_ELE_CONSOLIDADO_1PROJ.xlsx</t>
  </si>
  <si>
    <t>11/21/2019 16:44:49</t>
  </si>
  <si>
    <t>ORC_2014_OPE_ELE_MONITORAMENTO_1PROJ.xlsx</t>
  </si>
  <si>
    <t>E:\BK_final\Vilarinho\Vilarinho - Trabalho\Segurança - Erica\2014\Orcamento\RESULTADO\1PROJ\OPERACAO\SEGURANCA ELETRONICA\ORC_2014_OPE_ELE_MONITORAMENTO_1PROJ.xlsx</t>
  </si>
  <si>
    <t>ORC_2014_OPE_ELE_PROJETOS_1PROJ.xlsx</t>
  </si>
  <si>
    <t>E:\BK_final\Vilarinho\Vilarinho - Trabalho\Segurança - Erica\2014\Orcamento\RESULTADO\1PROJ\OPERACAO\SEGURANCA ELETRONICA\ORC_2014_OPE_ELE_PROJETOS_1PROJ.xlsx</t>
  </si>
  <si>
    <t>ORC_2014_OPE_ELE_SAC_1PROJ.xlsx</t>
  </si>
  <si>
    <t>E:\BK_final\Vilarinho\Vilarinho - Trabalho\Segurança - Erica\2014\Orcamento\RESULTADO\1PROJ\OPERACAO\SEGURANCA ELETRONICA\ORC_2014_OPE_ELE_SAC_1PROJ.xlsx</t>
  </si>
  <si>
    <t>11/21/2019 16:44:50</t>
  </si>
  <si>
    <t>ORC_2014_OPE_ELE_TECNICA_1PROJ.xlsx</t>
  </si>
  <si>
    <t>E:\BK_final\Vilarinho\Vilarinho - Trabalho\Segurança - Erica\2014\Orcamento\RESULTADO\1PROJ\OPERACAO\SEGURANCA ELETRONICA\ORC_2014_OPE_ELE_TECNICA_1PROJ.xlsx</t>
  </si>
  <si>
    <t>ORC_2014_OPE_SUP_ELE_1PROJ.xlsx</t>
  </si>
  <si>
    <t>E:\BK_final\Vilarinho\Vilarinho - Trabalho\Segurança - Erica\2014\Orcamento\RESULTADO\1PROJ\OPERACAO\SEGURANCA ELETRONICA\ORC_2014_OPE_SUP_ELE_1PROJ.xlsx</t>
  </si>
  <si>
    <t>11/21/2019 16:44:51</t>
  </si>
  <si>
    <t>D:\2014\Orcamento\RESULTADO\1PROJ\OPERACAO\SEGURANCA PATRIMONIAL\</t>
  </si>
  <si>
    <t>ORC_2014_OPE_PAT_CONSOLIDADO_1PROJ.xlsx</t>
  </si>
  <si>
    <t>E:\BK_final\Vilarinho\Vilarinho - Trabalho\Segurança - Erica\2014\Orcamento\RESULTADO\1PROJ\OPERACAO\SEGURANCA PATRIMONIAL\ORC_2014_OPE_PAT_CONSOLIDADO_1PROJ.xlsx</t>
  </si>
  <si>
    <t>ORC_2014_OPE_PAT_GO_1PROJ.xlsx</t>
  </si>
  <si>
    <t>E:\BK_final\Vilarinho\Vilarinho - Trabalho\Segurança - Erica\2014\Orcamento\RESULTADO\1PROJ\OPERACAO\SEGURANCA PATRIMONIAL\ORC_2014_OPE_PAT_GO_1PROJ.xlsx</t>
  </si>
  <si>
    <t>ORC_2014_OPE_PAT_MG1_1PROJ.xlsx</t>
  </si>
  <si>
    <t>E:\BK_final\Vilarinho\Vilarinho - Trabalho\Segurança - Erica\2014\Orcamento\RESULTADO\1PROJ\OPERACAO\SEGURANCA PATRIMONIAL\ORC_2014_OPE_PAT_MG1_1PROJ.xlsx</t>
  </si>
  <si>
    <t>11/21/2019 16:44:52</t>
  </si>
  <si>
    <t>ORC_2014_OPE_PAT_MG2_1PROJ.xlsx</t>
  </si>
  <si>
    <t>E:\BK_final\Vilarinho\Vilarinho - Trabalho\Segurança - Erica\2014\Orcamento\RESULTADO\1PROJ\OPERACAO\SEGURANCA PATRIMONIAL\ORC_2014_OPE_PAT_MG2_1PROJ.xlsx</t>
  </si>
  <si>
    <t>ORC_2014_OPE_PAT_MS_1PROJ.xlsx</t>
  </si>
  <si>
    <t>E:\BK_final\Vilarinho\Vilarinho - Trabalho\Segurança - Erica\2014\Orcamento\RESULTADO\1PROJ\OPERACAO\SEGURANCA PATRIMONIAL\ORC_2014_OPE_PAT_MS_1PROJ.xlsx</t>
  </si>
  <si>
    <t>11/21/2019 16:44:53</t>
  </si>
  <si>
    <t>ORC_2014_OPE_PAT_MT_1PROJ.xlsx</t>
  </si>
  <si>
    <t>E:\BK_final\Vilarinho\Vilarinho - Trabalho\Segurança - Erica\2014\Orcamento\RESULTADO\1PROJ\OPERACAO\SEGURANCA PATRIMONIAL\ORC_2014_OPE_PAT_MT_1PROJ.xlsx</t>
  </si>
  <si>
    <t>ORC_2014_OPE_PAT_PR_1PROJ.xlsx</t>
  </si>
  <si>
    <t>E:\BK_final\Vilarinho\Vilarinho - Trabalho\Segurança - Erica\2014\Orcamento\RESULTADO\1PROJ\OPERACAO\SEGURANCA PATRIMONIAL\ORC_2014_OPE_PAT_PR_1PROJ.xlsx</t>
  </si>
  <si>
    <t>ORC_2014_OPE_PAT_SP1_1PROJ.xlsx</t>
  </si>
  <si>
    <t>E:\BK_final\Vilarinho\Vilarinho - Trabalho\Segurança - Erica\2014\Orcamento\RESULTADO\1PROJ\OPERACAO\SEGURANCA PATRIMONIAL\ORC_2014_OPE_PAT_SP1_1PROJ.xlsx</t>
  </si>
  <si>
    <t>11/21/2019 16:44:54</t>
  </si>
  <si>
    <t>ORC_2014_OPE_PAT_SP2_1PROJ.xlsx</t>
  </si>
  <si>
    <t>E:\BK_final\Vilarinho\Vilarinho - Trabalho\Segurança - Erica\2014\Orcamento\RESULTADO\1PROJ\OPERACAO\SEGURANCA PATRIMONIAL\ORC_2014_OPE_PAT_SP2_1PROJ.xlsx</t>
  </si>
  <si>
    <t>D:\2014\Orcamento\RESULTADO\1PROJ\OPERACAO\SEGURANCA PATRIMONIAL\AFASTAMENTO_FERIAS\</t>
  </si>
  <si>
    <t>ORC_2014_OPE_PAT_AFAST_FERIAS_CONSOLIDADO_OFICIAL.xlsx</t>
  </si>
  <si>
    <t>E:\BK_final\Vilarinho\Vilarinho - Trabalho\Segurança - Erica\2014\Orcamento\RESULTADO\1PROJ\OPERACAO\SEGURANCA PATRIMONIAL\AFASTAMENTO_FERIAS\ORC_2014_OPE_PAT_AFAST_FERIAS_CONSOLIDADO_OFICIAL.xlsx</t>
  </si>
  <si>
    <t>11/21/2019 16:44:55</t>
  </si>
  <si>
    <t>ORC_2014_OPE_PAT_AFAST_FERIAS_GO_OFICIAL.xlsx</t>
  </si>
  <si>
    <t>E:\BK_final\Vilarinho\Vilarinho - Trabalho\Segurança - Erica\2014\Orcamento\RESULTADO\1PROJ\OPERACAO\SEGURANCA PATRIMONIAL\AFASTAMENTO_FERIAS\ORC_2014_OPE_PAT_AFAST_FERIAS_GO_OFICIAL.xlsx</t>
  </si>
  <si>
    <t>ORC_2014_OPE_PAT_AFAST_FERIAS_MG1_OFICIAL.xlsx</t>
  </si>
  <si>
    <t>E:\BK_final\Vilarinho\Vilarinho - Trabalho\Segurança - Erica\2014\Orcamento\RESULTADO\1PROJ\OPERACAO\SEGURANCA PATRIMONIAL\AFASTAMENTO_FERIAS\ORC_2014_OPE_PAT_AFAST_FERIAS_MG1_OFICIAL.xlsx</t>
  </si>
  <si>
    <t>11/21/2019 16:44:56</t>
  </si>
  <si>
    <t>ORC_2014_OPE_PAT_AFAST_FERIAS_MG2_OFICIAL.xlsx</t>
  </si>
  <si>
    <t>E:\BK_final\Vilarinho\Vilarinho - Trabalho\Segurança - Erica\2014\Orcamento\RESULTADO\1PROJ\OPERACAO\SEGURANCA PATRIMONIAL\AFASTAMENTO_FERIAS\ORC_2014_OPE_PAT_AFAST_FERIAS_MG2_OFICIAL.xlsx</t>
  </si>
  <si>
    <t>ORC_2014_OPE_PAT_AFAST_FERIAS_MS_OFICIAL.xlsx</t>
  </si>
  <si>
    <t>E:\BK_final\Vilarinho\Vilarinho - Trabalho\Segurança - Erica\2014\Orcamento\RESULTADO\1PROJ\OPERACAO\SEGURANCA PATRIMONIAL\AFASTAMENTO_FERIAS\ORC_2014_OPE_PAT_AFAST_FERIAS_MS_OFICIAL.xlsx</t>
  </si>
  <si>
    <t>ORC_2014_OPE_PAT_AFAST_FERIAS_MT_OFICIAL.xlsx</t>
  </si>
  <si>
    <t>E:\BK_final\Vilarinho\Vilarinho - Trabalho\Segurança - Erica\2014\Orcamento\RESULTADO\1PROJ\OPERACAO\SEGURANCA PATRIMONIAL\AFASTAMENTO_FERIAS\ORC_2014_OPE_PAT_AFAST_FERIAS_MT_OFICIAL.xlsx</t>
  </si>
  <si>
    <t>11/21/2019 16:44:57</t>
  </si>
  <si>
    <t>ORC_2014_OPE_PAT_AFAST_FERIAS_PR_OFICIAL.xlsx</t>
  </si>
  <si>
    <t>E:\BK_final\Vilarinho\Vilarinho - Trabalho\Segurança - Erica\2014\Orcamento\RESULTADO\1PROJ\OPERACAO\SEGURANCA PATRIMONIAL\AFASTAMENTO_FERIAS\ORC_2014_OPE_PAT_AFAST_FERIAS_PR_OFICIAL.xlsx</t>
  </si>
  <si>
    <t>ORC_2014_OPE_PAT_AFAST_FERIAS_SP1_OFICIAL.xlsx</t>
  </si>
  <si>
    <t>E:\BK_final\Vilarinho\Vilarinho - Trabalho\Segurança - Erica\2014\Orcamento\RESULTADO\1PROJ\OPERACAO\SEGURANCA PATRIMONIAL\AFASTAMENTO_FERIAS\ORC_2014_OPE_PAT_AFAST_FERIAS_SP1_OFICIAL.xlsx</t>
  </si>
  <si>
    <t>11/21/2019 16:44:58</t>
  </si>
  <si>
    <t>ORC_2014_OPE_PAT_AFAST_FERIAS_SP2_OFICIAL.xlsx</t>
  </si>
  <si>
    <t>E:\BK_final\Vilarinho\Vilarinho - Trabalho\Segurança - Erica\2014\Orcamento\RESULTADO\1PROJ\OPERACAO\SEGURANCA PATRIMONIAL\AFASTAMENTO_FERIAS\ORC_2014_OPE_PAT_AFAST_FERIAS_SP2_OFICIAL.xlsx</t>
  </si>
  <si>
    <t>11/21/2019 16:45:00</t>
  </si>
  <si>
    <t>D:\2014\Orcamento\RESULTADO\1PROJ\OPERACAO\SUPERVISAO PATRIMONIAL\</t>
  </si>
  <si>
    <t>ORC_2014_SUP_PAT_CONSOLIDADO_1PROJ.xlsx</t>
  </si>
  <si>
    <t>E:\BK_final\Vilarinho\Vilarinho - Trabalho\Segurança - Erica\2014\Orcamento\RESULTADO\1PROJ\OPERACAO\SUPERVISAO PATRIMONIAL\ORC_2014_SUP_PAT_CONSOLIDADO_1PROJ.xlsx</t>
  </si>
  <si>
    <t>ORC_2014_SUP_PAT_RESUMO_1PROJ.xlsx</t>
  </si>
  <si>
    <t>E:\BK_final\Vilarinho\Vilarinho - Trabalho\Segurança - Erica\2014\Orcamento\RESULTADO\1PROJ\OPERACAO\SUPERVISAO PATRIMONIAL\ORC_2014_SUP_PAT_RESUMO_1PROJ.xlsx</t>
  </si>
  <si>
    <t>11/21/2019 16:45:01</t>
  </si>
  <si>
    <t>D:\2014\Orcamento\RESULTADO\1PROJ\OPERACAO\SUPERVISAO PATRIMONIAL\ACADEMIA\</t>
  </si>
  <si>
    <t>ORC_2014_SUP_PAT_ACADEMIA_1PROJ.xlsx</t>
  </si>
  <si>
    <t>E:\BK_final\Vilarinho\Vilarinho - Trabalho\Segurança - Erica\2014\Orcamento\RESULTADO\1PROJ\OPERACAO\SUPERVISAO PATRIMONIAL\ACADEMIA\ORC_2014_SUP_PAT_ACADEMIA_1PROJ.xlsx</t>
  </si>
  <si>
    <t>D:\2014\Orcamento\RESULTADO\1PROJ\OPERACAO\SUPERVISAO PATRIMONIAL\CENTRAL\</t>
  </si>
  <si>
    <t>ORC_2014_SUP_PAT_CENTRAL_CONSOLIDADO_1PROJ.xlsx</t>
  </si>
  <si>
    <t>E:\BK_final\Vilarinho\Vilarinho - Trabalho\Segurança - Erica\2014\Orcamento\RESULTADO\1PROJ\OPERACAO\SUPERVISAO PATRIMONIAL\CENTRAL\ORC_2014_SUP_PAT_CENTRAL_CONSOLIDADO_1PROJ.xlsx</t>
  </si>
  <si>
    <t>11/21/2019 16:45:02</t>
  </si>
  <si>
    <t>ORC_2014_SUP_PAT_CENTRAL_GO_1PROJ.xlsx</t>
  </si>
  <si>
    <t>E:\BK_final\Vilarinho\Vilarinho - Trabalho\Segurança - Erica\2014\Orcamento\RESULTADO\1PROJ\OPERACAO\SUPERVISAO PATRIMONIAL\CENTRAL\ORC_2014_SUP_PAT_CENTRAL_GO_1PROJ.xlsx</t>
  </si>
  <si>
    <t>ORC_2014_SUP_PAT_CENTRAL_MG1_1PROJ.xlsx</t>
  </si>
  <si>
    <t>E:\BK_final\Vilarinho\Vilarinho - Trabalho\Segurança - Erica\2014\Orcamento\RESULTADO\1PROJ\OPERACAO\SUPERVISAO PATRIMONIAL\CENTRAL\ORC_2014_SUP_PAT_CENTRAL_MG1_1PROJ.xlsx</t>
  </si>
  <si>
    <t>ORC_2014_SUP_PAT_CENTRAL_MG2_1PROJ.xlsx</t>
  </si>
  <si>
    <t>E:\BK_final\Vilarinho\Vilarinho - Trabalho\Segurança - Erica\2014\Orcamento\RESULTADO\1PROJ\OPERACAO\SUPERVISAO PATRIMONIAL\CENTRAL\ORC_2014_SUP_PAT_CENTRAL_MG2_1PROJ.xlsx</t>
  </si>
  <si>
    <t>11/21/2019 16:45:03</t>
  </si>
  <si>
    <t>ORC_2014_SUP_PAT_CENTRAL_MS_1PROJ.xlsx</t>
  </si>
  <si>
    <t>E:\BK_final\Vilarinho\Vilarinho - Trabalho\Segurança - Erica\2014\Orcamento\RESULTADO\1PROJ\OPERACAO\SUPERVISAO PATRIMONIAL\CENTRAL\ORC_2014_SUP_PAT_CENTRAL_MS_1PROJ.xlsx</t>
  </si>
  <si>
    <t>ORC_2014_SUP_PAT_CENTRAL_MT_1PROJ.xlsx</t>
  </si>
  <si>
    <t>E:\BK_final\Vilarinho\Vilarinho - Trabalho\Segurança - Erica\2014\Orcamento\RESULTADO\1PROJ\OPERACAO\SUPERVISAO PATRIMONIAL\CENTRAL\ORC_2014_SUP_PAT_CENTRAL_MT_1PROJ.xlsx</t>
  </si>
  <si>
    <t>ORC_2014_SUP_PAT_CENTRAL_PR_1PROJ.xlsx</t>
  </si>
  <si>
    <t>E:\BK_final\Vilarinho\Vilarinho - Trabalho\Segurança - Erica\2014\Orcamento\RESULTADO\1PROJ\OPERACAO\SUPERVISAO PATRIMONIAL\CENTRAL\ORC_2014_SUP_PAT_CENTRAL_PR_1PROJ.xlsx</t>
  </si>
  <si>
    <t>11/21/2019 16:45:04</t>
  </si>
  <si>
    <t>ORC_2014_SUP_PAT_CENTRAL_SP1_1PROJ.xlsx</t>
  </si>
  <si>
    <t>E:\BK_final\Vilarinho\Vilarinho - Trabalho\Segurança - Erica\2014\Orcamento\RESULTADO\1PROJ\OPERACAO\SUPERVISAO PATRIMONIAL\CENTRAL\ORC_2014_SUP_PAT_CENTRAL_SP1_1PROJ.xlsx</t>
  </si>
  <si>
    <t>ORC_2014_SUP_PAT_CENTRAL_SP2_1PROJ.xlsx</t>
  </si>
  <si>
    <t>E:\BK_final\Vilarinho\Vilarinho - Trabalho\Segurança - Erica\2014\Orcamento\RESULTADO\1PROJ\OPERACAO\SUPERVISAO PATRIMONIAL\CENTRAL\ORC_2014_SUP_PAT_CENTRAL_SP2_1PROJ.xlsx</t>
  </si>
  <si>
    <t>D:\2014\Orcamento\RESULTADO\1PROJ\OPERACAO\SUPERVISAO PATRIMONIAL\GESTAO ONLINE\</t>
  </si>
  <si>
    <t>ORC_2014_SUP_PAT_GO_1PROJ.xlsx</t>
  </si>
  <si>
    <t>E:\BK_final\Vilarinho\Vilarinho - Trabalho\Segurança - Erica\2014\Orcamento\RESULTADO\1PROJ\OPERACAO\SUPERVISAO PATRIMONIAL\GESTAO ONLINE\ORC_2014_SUP_PAT_GO_1PROJ.xlsx</t>
  </si>
  <si>
    <t>11/21/2019 16:45:05</t>
  </si>
  <si>
    <t>D:\2014\Orcamento\RESULTADO\1PROJ\OPERACAO\SUPERVISAO PATRIMONIAL\OPERACIONAL\</t>
  </si>
  <si>
    <t>ORC_2014_SUP_PAT_OPERACIONAL_CONSOLIDADO_1PROJ.xlsx</t>
  </si>
  <si>
    <t>E:\BK_final\Vilarinho\Vilarinho - Trabalho\Segurança - Erica\2014\Orcamento\RESULTADO\1PROJ\OPERACAO\SUPERVISAO PATRIMONIAL\OPERACIONAL\ORC_2014_SUP_PAT_OPERACIONAL_CONSOLIDADO_1PROJ.xlsx</t>
  </si>
  <si>
    <t>11/21/2019 16:45:06</t>
  </si>
  <si>
    <t>ORC_2014_SUP_PAT_OPERACIONAL_GO_1PROJ.xlsx</t>
  </si>
  <si>
    <t>E:\BK_final\Vilarinho\Vilarinho - Trabalho\Segurança - Erica\2014\Orcamento\RESULTADO\1PROJ\OPERACAO\SUPERVISAO PATRIMONIAL\OPERACIONAL\ORC_2014_SUP_PAT_OPERACIONAL_GO_1PROJ.xlsx</t>
  </si>
  <si>
    <t>ORC_2014_SUP_PAT_OPERACIONAL_MG1_1PROJ.xlsx</t>
  </si>
  <si>
    <t>E:\BK_final\Vilarinho\Vilarinho - Trabalho\Segurança - Erica\2014\Orcamento\RESULTADO\1PROJ\OPERACAO\SUPERVISAO PATRIMONIAL\OPERACIONAL\ORC_2014_SUP_PAT_OPERACIONAL_MG1_1PROJ.xlsx</t>
  </si>
  <si>
    <t>ORC_2014_SUP_PAT_OPERACIONAL_MG2_1PROJ.xlsx</t>
  </si>
  <si>
    <t>E:\BK_final\Vilarinho\Vilarinho - Trabalho\Segurança - Erica\2014\Orcamento\RESULTADO\1PROJ\OPERACAO\SUPERVISAO PATRIMONIAL\OPERACIONAL\ORC_2014_SUP_PAT_OPERACIONAL_MG2_1PROJ.xlsx</t>
  </si>
  <si>
    <t>11/21/2019 16:45:07</t>
  </si>
  <si>
    <t>ORC_2014_SUP_PAT_OPERACIONAL_MS_1PROJ.xlsx</t>
  </si>
  <si>
    <t>E:\BK_final\Vilarinho\Vilarinho - Trabalho\Segurança - Erica\2014\Orcamento\RESULTADO\1PROJ\OPERACAO\SUPERVISAO PATRIMONIAL\OPERACIONAL\ORC_2014_SUP_PAT_OPERACIONAL_MS_1PROJ.xlsx</t>
  </si>
  <si>
    <t>ORC_2014_SUP_PAT_OPERACIONAL_MT_1PROJ.xlsx</t>
  </si>
  <si>
    <t>E:\BK_final\Vilarinho\Vilarinho - Trabalho\Segurança - Erica\2014\Orcamento\RESULTADO\1PROJ\OPERACAO\SUPERVISAO PATRIMONIAL\OPERACIONAL\ORC_2014_SUP_PAT_OPERACIONAL_MT_1PROJ.xlsx</t>
  </si>
  <si>
    <t>ORC_2014_SUP_PAT_OPERACIONAL_PR_1PROJ.xlsx</t>
  </si>
  <si>
    <t>E:\BK_final\Vilarinho\Vilarinho - Trabalho\Segurança - Erica\2014\Orcamento\RESULTADO\1PROJ\OPERACAO\SUPERVISAO PATRIMONIAL\OPERACIONAL\ORC_2014_SUP_PAT_OPERACIONAL_PR_1PROJ.xlsx</t>
  </si>
  <si>
    <t>11/21/2019 16:45:08</t>
  </si>
  <si>
    <t>ORC_2014_SUP_PAT_OPERACIONAL_SP1_1PROJ.xlsx</t>
  </si>
  <si>
    <t>E:\BK_final\Vilarinho\Vilarinho - Trabalho\Segurança - Erica\2014\Orcamento\RESULTADO\1PROJ\OPERACAO\SUPERVISAO PATRIMONIAL\OPERACIONAL\ORC_2014_SUP_PAT_OPERACIONAL_SP1_1PROJ.xlsx</t>
  </si>
  <si>
    <t>ORC_2014_SUP_PAT_OPERACIONAL_SP2_1PROJ.xlsx</t>
  </si>
  <si>
    <t>E:\BK_final\Vilarinho\Vilarinho - Trabalho\Segurança - Erica\2014\Orcamento\RESULTADO\1PROJ\OPERACAO\SUPERVISAO PATRIMONIAL\OPERACIONAL\ORC_2014_SUP_PAT_OPERACIONAL_SP2_1PROJ.xlsx</t>
  </si>
  <si>
    <t>11/21/2019 16:45:10</t>
  </si>
  <si>
    <t>D:\2014\Orcamento\RESULTADO\1PROJ\STAFF\</t>
  </si>
  <si>
    <t>ORC_2014_ADM_AGPI_1PROJ.xlsx</t>
  </si>
  <si>
    <t>E:\BK_final\Vilarinho\Vilarinho - Trabalho\Segurança - Erica\2014\Orcamento\RESULTADO\1PROJ\STAFF\ORC_2014_ADM_AGPI_1PROJ.xlsx</t>
  </si>
  <si>
    <t>ORC_2014_ADM_COMITE_INOVACAO_1PROJ.xlsx</t>
  </si>
  <si>
    <t>E:\BK_final\Vilarinho\Vilarinho - Trabalho\Segurança - Erica\2014\Orcamento\RESULTADO\1PROJ\STAFF\ORC_2014_ADM_COMITE_INOVACAO_1PROJ.xlsx</t>
  </si>
  <si>
    <t>11/21/2019 16:45:11</t>
  </si>
  <si>
    <t>ORC_2014_ADM_CONSOLIDADO_1PROJ.xlsx</t>
  </si>
  <si>
    <t>E:\BK_final\Vilarinho\Vilarinho - Trabalho\Segurança - Erica\2014\Orcamento\RESULTADO\1PROJ\STAFF\ORC_2014_ADM_CONSOLIDADO_1PROJ.xlsx</t>
  </si>
  <si>
    <t>ORC_2014_ADM_CORPORATIVO_1PROJ.xlsx</t>
  </si>
  <si>
    <t>E:\BK_final\Vilarinho\Vilarinho - Trabalho\Segurança - Erica\2014\Orcamento\RESULTADO\1PROJ\STAFF\ORC_2014_ADM_CORPORATIVO_1PROJ.xlsx</t>
  </si>
  <si>
    <t>11/21/2019 16:45:12</t>
  </si>
  <si>
    <t>ORC_2014_ADM_CSC_1PROJ.xlsx</t>
  </si>
  <si>
    <t>E:\BK_final\Vilarinho\Vilarinho - Trabalho\Segurança - Erica\2014\Orcamento\RESULTADO\1PROJ\STAFF\ORC_2014_ADM_CSC_1PROJ.xlsx</t>
  </si>
  <si>
    <t>ORC_2014_ADM_DIRETORIA_1PROJ.xlsx</t>
  </si>
  <si>
    <t>E:\BK_final\Vilarinho\Vilarinho - Trabalho\Segurança - Erica\2014\Orcamento\RESULTADO\1PROJ\STAFF\ORC_2014_ADM_DIRETORIA_1PROJ.xlsx</t>
  </si>
  <si>
    <t>ORC_2014_ADM_FINANCEIRO_1PROJ.xlsx</t>
  </si>
  <si>
    <t>E:\BK_final\Vilarinho\Vilarinho - Trabalho\Segurança - Erica\2014\Orcamento\RESULTADO\1PROJ\STAFF\ORC_2014_ADM_FINANCEIRO_1PROJ.xlsx</t>
  </si>
  <si>
    <t>11/21/2019 16:45:13</t>
  </si>
  <si>
    <t>ORC_2014_ADM_HOLDING_1PROJ.xlsx</t>
  </si>
  <si>
    <t>E:\BK_final\Vilarinho\Vilarinho - Trabalho\Segurança - Erica\2014\Orcamento\RESULTADO\1PROJ\STAFF\ORC_2014_ADM_HOLDING_1PROJ.xlsx</t>
  </si>
  <si>
    <t>ORC_2014_ADM_JURIDICO_1PROJ.xlsx</t>
  </si>
  <si>
    <t>E:\BK_final\Vilarinho\Vilarinho - Trabalho\Segurança - Erica\2014\Orcamento\RESULTADO\1PROJ\STAFF\ORC_2014_ADM_JURIDICO_1PROJ.xlsx</t>
  </si>
  <si>
    <t>ORC_2014_ADM_SESMT_1PROJ.xlsx</t>
  </si>
  <si>
    <t>E:\BK_final\Vilarinho\Vilarinho - Trabalho\Segurança - Erica\2014\Orcamento\RESULTADO\1PROJ\STAFF\ORC_2014_ADM_SESMT_1PROJ.xlsx</t>
  </si>
  <si>
    <t>11/21/2019 16:45:14</t>
  </si>
  <si>
    <t>ORC_2014_ADM_TH_1PROJ.xlsx</t>
  </si>
  <si>
    <t>E:\BK_final\Vilarinho\Vilarinho - Trabalho\Segurança - Erica\2014\Orcamento\RESULTADO\1PROJ\STAFF\ORC_2014_ADM_TH_1PROJ.xlsx</t>
  </si>
  <si>
    <t>ORC_2014_ADM_TI_1PROJ.xlsx</t>
  </si>
  <si>
    <t>E:\BK_final\Vilarinho\Vilarinho - Trabalho\Segurança - Erica\2014\Orcamento\RESULTADO\1PROJ\STAFF\ORC_2014_ADM_TI_1PROJ.xlsx</t>
  </si>
  <si>
    <t>D:\2014\Orcamento\RESULTADO\2PROJ\</t>
  </si>
  <si>
    <t>ORC_2014_CONSOLIDADO_2PROJ.xlsx</t>
  </si>
  <si>
    <t>E:\BK_final\Vilarinho\Vilarinho - Trabalho\Segurança - Erica\2014\Orcamento\RESULTADO\2PROJ\ORC_2014_CONSOLIDADO_2PROJ.xlsx</t>
  </si>
  <si>
    <t>D:\2014\Orcamento\RESULTADO\2PROJ\COMERCIAL\</t>
  </si>
  <si>
    <t>ORC_2014_CML_CONSOLIDADO_2PROJ.xlsx</t>
  </si>
  <si>
    <t>E:\BK_final\Vilarinho\Vilarinho - Trabalho\Segurança - Erica\2014\Orcamento\RESULTADO\2PROJ\COMERCIAL\ORC_2014_CML_CONSOLIDADO_2PROJ.xlsx</t>
  </si>
  <si>
    <t>11/21/2019 16:45:15</t>
  </si>
  <si>
    <t>D:\2014\Orcamento\RESULTADO\2PROJ\COMERCIAL\SEGURANCA DOCUMENTAL\</t>
  </si>
  <si>
    <t>ORC_2014_CML_SEDOC_2PROJ.xlsx</t>
  </si>
  <si>
    <t>E:\BK_final\Vilarinho\Vilarinho - Trabalho\Segurança - Erica\2014\Orcamento\RESULTADO\2PROJ\COMERCIAL\SEGURANCA DOCUMENTAL\ORC_2014_CML_SEDOC_2PROJ.xlsx</t>
  </si>
  <si>
    <t>D:\2014\Orcamento\RESULTADO\2PROJ\COMERCIAL\SEGURANCA ELETRONICA\</t>
  </si>
  <si>
    <t>ORC_2014_CML_ELE_CONSOLIDADO_2PROJ.xlsx</t>
  </si>
  <si>
    <t>E:\BK_final\Vilarinho\Vilarinho - Trabalho\Segurança - Erica\2014\Orcamento\RESULTADO\2PROJ\COMERCIAL\SEGURANCA ELETRONICA\ORC_2014_CML_ELE_CONSOLIDADO_2PROJ.xlsx</t>
  </si>
  <si>
    <t>ORC_2014_CML_ELE_MONITORAMENTO_2PROJ.xlsx</t>
  </si>
  <si>
    <t>E:\BK_final\Vilarinho\Vilarinho - Trabalho\Segurança - Erica\2014\Orcamento\RESULTADO\2PROJ\COMERCIAL\SEGURANCA ELETRONICA\ORC_2014_CML_ELE_MONITORAMENTO_2PROJ.xlsx</t>
  </si>
  <si>
    <t>11/21/2019 16:45:16</t>
  </si>
  <si>
    <t>ORC_2014_CML_ELE_PROJETOS_2PROJ.xlsx</t>
  </si>
  <si>
    <t>E:\BK_final\Vilarinho\Vilarinho - Trabalho\Segurança - Erica\2014\Orcamento\RESULTADO\2PROJ\COMERCIAL\SEGURANCA ELETRONICA\ORC_2014_CML_ELE_PROJETOS_2PROJ.xlsx</t>
  </si>
  <si>
    <t>11/21/2019 16:45:17</t>
  </si>
  <si>
    <t>D:\2014\Orcamento\RESULTADO\2PROJ\COMERCIAL\SEGURANCA PATRIMONIAL\</t>
  </si>
  <si>
    <t>ORC_2014_CML_PAT_CONSOLIDADO_2PROJ.xlsx</t>
  </si>
  <si>
    <t>E:\BK_final\Vilarinho\Vilarinho - Trabalho\Segurança - Erica\2014\Orcamento\RESULTADO\2PROJ\COMERCIAL\SEGURANCA PATRIMONIAL\ORC_2014_CML_PAT_CONSOLIDADO_2PROJ.xlsx</t>
  </si>
  <si>
    <t>11/21/2019 16:45:18</t>
  </si>
  <si>
    <t>ORC_2014_CML_PAT_GO_2PROJ.xlsx</t>
  </si>
  <si>
    <t>E:\BK_final\Vilarinho\Vilarinho - Trabalho\Segurança - Erica\2014\Orcamento\RESULTADO\2PROJ\COMERCIAL\SEGURANCA PATRIMONIAL\ORC_2014_CML_PAT_GO_2PROJ.xlsx</t>
  </si>
  <si>
    <t>ORC_2014_CML_PAT_MG1_2PROJ.xlsx</t>
  </si>
  <si>
    <t>E:\BK_final\Vilarinho\Vilarinho - Trabalho\Segurança - Erica\2014\Orcamento\RESULTADO\2PROJ\COMERCIAL\SEGURANCA PATRIMONIAL\ORC_2014_CML_PAT_MG1_2PROJ.xlsx</t>
  </si>
  <si>
    <t>ORC_2014_CML_PAT_MG2_2PROJ.xlsx</t>
  </si>
  <si>
    <t>E:\BK_final\Vilarinho\Vilarinho - Trabalho\Segurança - Erica\2014\Orcamento\RESULTADO\2PROJ\COMERCIAL\SEGURANCA PATRIMONIAL\ORC_2014_CML_PAT_MG2_2PROJ.xlsx</t>
  </si>
  <si>
    <t>ORC_2014_CML_PAT_MS_2PROJ.xlsx</t>
  </si>
  <si>
    <t>E:\BK_final\Vilarinho\Vilarinho - Trabalho\Segurança - Erica\2014\Orcamento\RESULTADO\2PROJ\COMERCIAL\SEGURANCA PATRIMONIAL\ORC_2014_CML_PAT_MS_2PROJ.xlsx</t>
  </si>
  <si>
    <t>11/21/2019 16:45:19</t>
  </si>
  <si>
    <t>ORC_2014_CML_PAT_MT_2PROJ.xlsx</t>
  </si>
  <si>
    <t>E:\BK_final\Vilarinho\Vilarinho - Trabalho\Segurança - Erica\2014\Orcamento\RESULTADO\2PROJ\COMERCIAL\SEGURANCA PATRIMONIAL\ORC_2014_CML_PAT_MT_2PROJ.xlsx</t>
  </si>
  <si>
    <t>ORC_2014_CML_PAT_PR_2PROJ.xlsx</t>
  </si>
  <si>
    <t>E:\BK_final\Vilarinho\Vilarinho - Trabalho\Segurança - Erica\2014\Orcamento\RESULTADO\2PROJ\COMERCIAL\SEGURANCA PATRIMONIAL\ORC_2014_CML_PAT_PR_2PROJ.xlsx</t>
  </si>
  <si>
    <t>ORC_2014_CML_PAT_SP1_2PROJ.xlsx</t>
  </si>
  <si>
    <t>E:\BK_final\Vilarinho\Vilarinho - Trabalho\Segurança - Erica\2014\Orcamento\RESULTADO\2PROJ\COMERCIAL\SEGURANCA PATRIMONIAL\ORC_2014_CML_PAT_SP1_2PROJ.xlsx</t>
  </si>
  <si>
    <t>11/21/2019 16:45:20</t>
  </si>
  <si>
    <t>ORC_2014_CML_PAT_SP2_2PROJ.xlsx</t>
  </si>
  <si>
    <t>E:\BK_final\Vilarinho\Vilarinho - Trabalho\Segurança - Erica\2014\Orcamento\RESULTADO\2PROJ\COMERCIAL\SEGURANCA PATRIMONIAL\ORC_2014_CML_PAT_SP2_2PROJ.xlsx</t>
  </si>
  <si>
    <t>D:\2014\Orcamento\RESULTADO\2PROJ\OPERACAO\</t>
  </si>
  <si>
    <t>ORC_2014_OPE_CONSOLIDADO_2PROJ.xlsx</t>
  </si>
  <si>
    <t>E:\BK_final\Vilarinho\Vilarinho - Trabalho\Segurança - Erica\2014\Orcamento\RESULTADO\2PROJ\OPERACAO\ORC_2014_OPE_CONSOLIDADO_2PROJ.xlsx</t>
  </si>
  <si>
    <t>11/21/2019 16:45:21</t>
  </si>
  <si>
    <t>D:\2014\Orcamento\RESULTADO\2PROJ\OPERACAO\SEGURANCA DOCUMENTAL\</t>
  </si>
  <si>
    <t>ORC_2014_OPE_SEDOC_CONSOLIDADO_2PROJ.xlsx</t>
  </si>
  <si>
    <t>E:\BK_final\Vilarinho\Vilarinho - Trabalho\Segurança - Erica\2014\Orcamento\RESULTADO\2PROJ\OPERACAO\SEGURANCA DOCUMENTAL\ORC_2014_OPE_SEDOC_CONSOLIDADO_2PROJ.xlsx</t>
  </si>
  <si>
    <t>ORC_2014_OPE_SEDOC_MG1_2PROJ.xlsx</t>
  </si>
  <si>
    <t>E:\BK_final\Vilarinho\Vilarinho - Trabalho\Segurança - Erica\2014\Orcamento\RESULTADO\2PROJ\OPERACAO\SEGURANCA DOCUMENTAL\ORC_2014_OPE_SEDOC_MG1_2PROJ.xlsx</t>
  </si>
  <si>
    <t>ORC_2014_OPE_SEDOC_SP1_2PROJ.xlsx</t>
  </si>
  <si>
    <t>E:\BK_final\Vilarinho\Vilarinho - Trabalho\Segurança - Erica\2014\Orcamento\RESULTADO\2PROJ\OPERACAO\SEGURANCA DOCUMENTAL\ORC_2014_OPE_SEDOC_SP1_2PROJ.xlsx</t>
  </si>
  <si>
    <t>11/21/2019 16:45:22</t>
  </si>
  <si>
    <t>ORC_2014_OPE_SUP_SEDOC_2PROJ.xlsx</t>
  </si>
  <si>
    <t>E:\BK_final\Vilarinho\Vilarinho - Trabalho\Segurança - Erica\2014\Orcamento\RESULTADO\2PROJ\OPERACAO\SEGURANCA DOCUMENTAL\ORC_2014_OPE_SUP_SEDOC_2PROJ.xlsx</t>
  </si>
  <si>
    <t>D:\2014\Orcamento\RESULTADO\2PROJ\OPERACAO\SEGURANCA ELETRONICA\</t>
  </si>
  <si>
    <t>ORC_2014_DRE_ELE_CONSOLIDADO_2PROJ.xlsx</t>
  </si>
  <si>
    <t>E:\BK_final\Vilarinho\Vilarinho - Trabalho\Segurança - Erica\2014\Orcamento\RESULTADO\2PROJ\OPERACAO\SEGURANCA ELETRONICA\ORC_2014_DRE_ELE_CONSOLIDADO_2PROJ.xlsx</t>
  </si>
  <si>
    <t>ORC_2014_OPE_ELE_ATEND_ALARME_2PROJ.xlsx</t>
  </si>
  <si>
    <t>E:\BK_final\Vilarinho\Vilarinho - Trabalho\Segurança - Erica\2014\Orcamento\RESULTADO\2PROJ\OPERACAO\SEGURANCA ELETRONICA\ORC_2014_OPE_ELE_ATEND_ALARME_2PROJ.xlsx</t>
  </si>
  <si>
    <t>11/21/2019 16:45:23</t>
  </si>
  <si>
    <t>ORC_2014_OPE_ELE_CONSOLIDADO_2PROJ.xlsx</t>
  </si>
  <si>
    <t>E:\BK_final\Vilarinho\Vilarinho - Trabalho\Segurança - Erica\2014\Orcamento\RESULTADO\2PROJ\OPERACAO\SEGURANCA ELETRONICA\ORC_2014_OPE_ELE_CONSOLIDADO_2PROJ.xlsx</t>
  </si>
  <si>
    <t>ORC_2014_OPE_ELE_MONITORAMENTO_2PROJ.xlsx</t>
  </si>
  <si>
    <t>E:\BK_final\Vilarinho\Vilarinho - Trabalho\Segurança - Erica\2014\Orcamento\RESULTADO\2PROJ\OPERACAO\SEGURANCA ELETRONICA\ORC_2014_OPE_ELE_MONITORAMENTO_2PROJ.xlsx</t>
  </si>
  <si>
    <t>11/21/2019 16:45:24</t>
  </si>
  <si>
    <t>ORC_2014_OPE_ELE_PROJETOS_2PROJ.xlsx</t>
  </si>
  <si>
    <t>E:\BK_final\Vilarinho\Vilarinho - Trabalho\Segurança - Erica\2014\Orcamento\RESULTADO\2PROJ\OPERACAO\SEGURANCA ELETRONICA\ORC_2014_OPE_ELE_PROJETOS_2PROJ.xlsx</t>
  </si>
  <si>
    <t>ORC_2014_OPE_ELE_SAC_2PROJ.xlsx</t>
  </si>
  <si>
    <t>E:\BK_final\Vilarinho\Vilarinho - Trabalho\Segurança - Erica\2014\Orcamento\RESULTADO\2PROJ\OPERACAO\SEGURANCA ELETRONICA\ORC_2014_OPE_ELE_SAC_2PROJ.xlsx</t>
  </si>
  <si>
    <t>ORC_2014_OPE_ELE_TECNICA_2PROJ.xlsx</t>
  </si>
  <si>
    <t>E:\BK_final\Vilarinho\Vilarinho - Trabalho\Segurança - Erica\2014\Orcamento\RESULTADO\2PROJ\OPERACAO\SEGURANCA ELETRONICA\ORC_2014_OPE_ELE_TECNICA_2PROJ.xlsx</t>
  </si>
  <si>
    <t>11/21/2019 16:45:25</t>
  </si>
  <si>
    <t>ORC_2014_OPE_SUP_ELE_2PROJ.xlsx</t>
  </si>
  <si>
    <t>E:\BK_final\Vilarinho\Vilarinho - Trabalho\Segurança - Erica\2014\Orcamento\RESULTADO\2PROJ\OPERACAO\SEGURANCA ELETRONICA\ORC_2014_OPE_SUP_ELE_2PROJ.xlsx</t>
  </si>
  <si>
    <t>11/21/2019 16:45:27</t>
  </si>
  <si>
    <t>D:\2014\Orcamento\RESULTADO\2PROJ\OPERACAO\SEGURANCA PATRIMONIAL\</t>
  </si>
  <si>
    <t>ORC_2014_OPE_PAT_CONSOLIDADO_2PROJ.xlsx</t>
  </si>
  <si>
    <t>E:\BK_final\Vilarinho\Vilarinho - Trabalho\Segurança - Erica\2014\Orcamento\RESULTADO\2PROJ\OPERACAO\SEGURANCA PATRIMONIAL\ORC_2014_OPE_PAT_CONSOLIDADO_2PROJ.xlsx</t>
  </si>
  <si>
    <t>ORC_2014_OPE_PAT_GO_2PROJ.xlsx</t>
  </si>
  <si>
    <t>E:\BK_final\Vilarinho\Vilarinho - Trabalho\Segurança - Erica\2014\Orcamento\RESULTADO\2PROJ\OPERACAO\SEGURANCA PATRIMONIAL\ORC_2014_OPE_PAT_GO_2PROJ.xlsx</t>
  </si>
  <si>
    <t>ORC_2014_OPE_PAT_MG1_2PROJ.xlsx</t>
  </si>
  <si>
    <t>E:\BK_final\Vilarinho\Vilarinho - Trabalho\Segurança - Erica\2014\Orcamento\RESULTADO\2PROJ\OPERACAO\SEGURANCA PATRIMONIAL\ORC_2014_OPE_PAT_MG1_2PROJ.xlsx</t>
  </si>
  <si>
    <t>ORC_2014_OPE_PAT_MG2_2PROJ.xlsx</t>
  </si>
  <si>
    <t>E:\BK_final\Vilarinho\Vilarinho - Trabalho\Segurança - Erica\2014\Orcamento\RESULTADO\2PROJ\OPERACAO\SEGURANCA PATRIMONIAL\ORC_2014_OPE_PAT_MG2_2PROJ.xlsx</t>
  </si>
  <si>
    <t>ORC_2014_OPE_PAT_MS_2PROJ.xlsx</t>
  </si>
  <si>
    <t>E:\BK_final\Vilarinho\Vilarinho - Trabalho\Segurança - Erica\2014\Orcamento\RESULTADO\2PROJ\OPERACAO\SEGURANCA PATRIMONIAL\ORC_2014_OPE_PAT_MS_2PROJ.xlsx</t>
  </si>
  <si>
    <t>ORC_2014_OPE_PAT_MT_2PROJ.xlsx</t>
  </si>
  <si>
    <t>E:\BK_final\Vilarinho\Vilarinho - Trabalho\Segurança - Erica\2014\Orcamento\RESULTADO\2PROJ\OPERACAO\SEGURANCA PATRIMONIAL\ORC_2014_OPE_PAT_MT_2PROJ.xlsx</t>
  </si>
  <si>
    <t>11/21/2019 16:45:29</t>
  </si>
  <si>
    <t>ORC_2014_OPE_PAT_PR_2PROJ.xlsx</t>
  </si>
  <si>
    <t>E:\BK_final\Vilarinho\Vilarinho - Trabalho\Segurança - Erica\2014\Orcamento\RESULTADO\2PROJ\OPERACAO\SEGURANCA PATRIMONIAL\ORC_2014_OPE_PAT_PR_2PROJ.xlsx</t>
  </si>
  <si>
    <t>ORC_2014_OPE_PAT_SP1_2PROJ.xlsx</t>
  </si>
  <si>
    <t>E:\BK_final\Vilarinho\Vilarinho - Trabalho\Segurança - Erica\2014\Orcamento\RESULTADO\2PROJ\OPERACAO\SEGURANCA PATRIMONIAL\ORC_2014_OPE_PAT_SP1_2PROJ.xlsx</t>
  </si>
  <si>
    <t>ORC_2014_OPE_PAT_SP2_2PROJ.xlsx</t>
  </si>
  <si>
    <t>E:\BK_final\Vilarinho\Vilarinho - Trabalho\Segurança - Erica\2014\Orcamento\RESULTADO\2PROJ\OPERACAO\SEGURANCA PATRIMONIAL\ORC_2014_OPE_PAT_SP2_2PROJ.xlsx</t>
  </si>
  <si>
    <t>11/21/2019 16:45:30</t>
  </si>
  <si>
    <t>D:\2014\Orcamento\RESULTADO\2PROJ\OPERACAO\SEGURANCA PATRIMONIAL\AFASTAMENTO_FERIAS\</t>
  </si>
  <si>
    <t>E:\BK_final\Vilarinho\Vilarinho - Trabalho\Segurança - Erica\2014\Orcamento\RESULTADO\2PROJ\OPERACAO\SEGURANCA PATRIMONIAL\AFASTAMENTO_FERIAS\ORC_2014_OPE_PAT_AFAST_FERIAS_CONSOLIDADO_OFICIAL.xlsx</t>
  </si>
  <si>
    <t>E:\BK_final\Vilarinho\Vilarinho - Trabalho\Segurança - Erica\2014\Orcamento\RESULTADO\2PROJ\OPERACAO\SEGURANCA PATRIMONIAL\AFASTAMENTO_FERIAS\ORC_2014_OPE_PAT_AFAST_FERIAS_GO_OFICIAL.xlsx</t>
  </si>
  <si>
    <t>E:\BK_final\Vilarinho\Vilarinho - Trabalho\Segurança - Erica\2014\Orcamento\RESULTADO\2PROJ\OPERACAO\SEGURANCA PATRIMONIAL\AFASTAMENTO_FERIAS\ORC_2014_OPE_PAT_AFAST_FERIAS_MG1_OFICIAL.xlsx</t>
  </si>
  <si>
    <t>11/21/2019 16:45:31</t>
  </si>
  <si>
    <t>E:\BK_final\Vilarinho\Vilarinho - Trabalho\Segurança - Erica\2014\Orcamento\RESULTADO\2PROJ\OPERACAO\SEGURANCA PATRIMONIAL\AFASTAMENTO_FERIAS\ORC_2014_OPE_PAT_AFAST_FERIAS_MS_OFICIAL.xlsx</t>
  </si>
  <si>
    <t>E:\BK_final\Vilarinho\Vilarinho - Trabalho\Segurança - Erica\2014\Orcamento\RESULTADO\2PROJ\OPERACAO\SEGURANCA PATRIMONIAL\AFASTAMENTO_FERIAS\ORC_2014_OPE_PAT_AFAST_FERIAS_MT_OFICIAL.xlsx</t>
  </si>
  <si>
    <t>E:\BK_final\Vilarinho\Vilarinho - Trabalho\Segurança - Erica\2014\Orcamento\RESULTADO\2PROJ\OPERACAO\SEGURANCA PATRIMONIAL\AFASTAMENTO_FERIAS\ORC_2014_OPE_PAT_AFAST_FERIAS_PR_OFICIAL.xlsx</t>
  </si>
  <si>
    <t>E:\BK_final\Vilarinho\Vilarinho - Trabalho\Segurança - Erica\2014\Orcamento\RESULTADO\2PROJ\OPERACAO\SEGURANCA PATRIMONIAL\AFASTAMENTO_FERIAS\ORC_2014_OPE_PAT_AFAST_FERIAS_MG2_OFICIAL.xlsx</t>
  </si>
  <si>
    <t>11/21/2019 16:45:32</t>
  </si>
  <si>
    <t>E:\BK_final\Vilarinho\Vilarinho - Trabalho\Segurança - Erica\2014\Orcamento\RESULTADO\2PROJ\OPERACAO\SEGURANCA PATRIMONIAL\AFASTAMENTO_FERIAS\ORC_2014_OPE_PAT_AFAST_FERIAS_SP1_OFICIAL.xlsx</t>
  </si>
  <si>
    <t>E:\BK_final\Vilarinho\Vilarinho - Trabalho\Segurança - Erica\2014\Orcamento\RESULTADO\2PROJ\OPERACAO\SEGURANCA PATRIMONIAL\AFASTAMENTO_FERIAS\ORC_2014_OPE_PAT_AFAST_FERIAS_SP2_OFICIAL.xlsx</t>
  </si>
  <si>
    <t>11/21/2019 16:45:33</t>
  </si>
  <si>
    <t>D:\2014\Orcamento\RESULTADO\2PROJ\OPERACAO\SUPERVISAO PATRIMONIAL\</t>
  </si>
  <si>
    <t>ORC_2014_SUP_PAT_CONSOLIDADO_2PROJ.xlsx</t>
  </si>
  <si>
    <t>E:\BK_final\Vilarinho\Vilarinho - Trabalho\Segurança - Erica\2014\Orcamento\RESULTADO\2PROJ\OPERACAO\SUPERVISAO PATRIMONIAL\ORC_2014_SUP_PAT_CONSOLIDADO_2PROJ.xlsx</t>
  </si>
  <si>
    <t>ORC_2014_SUP_PAT_RESUMO_2PROJ.xlsx</t>
  </si>
  <si>
    <t>E:\BK_final\Vilarinho\Vilarinho - Trabalho\Segurança - Erica\2014\Orcamento\RESULTADO\2PROJ\OPERACAO\SUPERVISAO PATRIMONIAL\ORC_2014_SUP_PAT_RESUMO_2PROJ.xlsx</t>
  </si>
  <si>
    <t>11/21/2019 16:45:35</t>
  </si>
  <si>
    <t>D:\2014\Orcamento\RESULTADO\2PROJ\OPERACAO\SUPERVISAO PATRIMONIAL\ACADEMIA\</t>
  </si>
  <si>
    <t>ORC_2014_SUP_PAT_ACADEMIA_2PROJ.xlsx</t>
  </si>
  <si>
    <t>E:\BK_final\Vilarinho\Vilarinho - Trabalho\Segurança - Erica\2014\Orcamento\RESULTADO\2PROJ\OPERACAO\SUPERVISAO PATRIMONIAL\ACADEMIA\ORC_2014_SUP_PAT_ACADEMIA_2PROJ.xlsx</t>
  </si>
  <si>
    <t>11/21/2019 16:45:36</t>
  </si>
  <si>
    <t>D:\2014\Orcamento\RESULTADO\2PROJ\OPERACAO\SUPERVISAO PATRIMONIAL\CENTRAL\</t>
  </si>
  <si>
    <t>ORC_2014_SUP_PAT_CENTRAL_CONSOLIDADO_2PROJ.xlsx</t>
  </si>
  <si>
    <t>E:\BK_final\Vilarinho\Vilarinho - Trabalho\Segurança - Erica\2014\Orcamento\RESULTADO\2PROJ\OPERACAO\SUPERVISAO PATRIMONIAL\CENTRAL\ORC_2014_SUP_PAT_CENTRAL_CONSOLIDADO_2PROJ.xlsx</t>
  </si>
  <si>
    <t>ORC_2014_SUP_PAT_CENTRAL_GO_2PROJ.xlsx</t>
  </si>
  <si>
    <t>E:\BK_final\Vilarinho\Vilarinho - Trabalho\Segurança - Erica\2014\Orcamento\RESULTADO\2PROJ\OPERACAO\SUPERVISAO PATRIMONIAL\CENTRAL\ORC_2014_SUP_PAT_CENTRAL_GO_2PROJ.xlsx</t>
  </si>
  <si>
    <t>11/21/2019 16:45:37</t>
  </si>
  <si>
    <t>ORC_2014_SUP_PAT_CENTRAL_MG1_2PROJ.xlsx</t>
  </si>
  <si>
    <t>E:\BK_final\Vilarinho\Vilarinho - Trabalho\Segurança - Erica\2014\Orcamento\RESULTADO\2PROJ\OPERACAO\SUPERVISAO PATRIMONIAL\CENTRAL\ORC_2014_SUP_PAT_CENTRAL_MG1_2PROJ.xlsx</t>
  </si>
  <si>
    <t>ORC_2014_SUP_PAT_CENTRAL_MG2_2PROJ.xlsx</t>
  </si>
  <si>
    <t>E:\BK_final\Vilarinho\Vilarinho - Trabalho\Segurança - Erica\2014\Orcamento\RESULTADO\2PROJ\OPERACAO\SUPERVISAO PATRIMONIAL\CENTRAL\ORC_2014_SUP_PAT_CENTRAL_MG2_2PROJ.xlsx</t>
  </si>
  <si>
    <t>ORC_2014_SUP_PAT_CENTRAL_MS_2PROJ.xlsx</t>
  </si>
  <si>
    <t>E:\BK_final\Vilarinho\Vilarinho - Trabalho\Segurança - Erica\2014\Orcamento\RESULTADO\2PROJ\OPERACAO\SUPERVISAO PATRIMONIAL\CENTRAL\ORC_2014_SUP_PAT_CENTRAL_MS_2PROJ.xlsx</t>
  </si>
  <si>
    <t>11/21/2019 16:45:38</t>
  </si>
  <si>
    <t>ORC_2014_SUP_PAT_CENTRAL_MT_2PROJ.xlsx</t>
  </si>
  <si>
    <t>E:\BK_final\Vilarinho\Vilarinho - Trabalho\Segurança - Erica\2014\Orcamento\RESULTADO\2PROJ\OPERACAO\SUPERVISAO PATRIMONIAL\CENTRAL\ORC_2014_SUP_PAT_CENTRAL_MT_2PROJ.xlsx</t>
  </si>
  <si>
    <t>ORC_2014_SUP_PAT_CENTRAL_PR_2PROJ.xlsx</t>
  </si>
  <si>
    <t>E:\BK_final\Vilarinho\Vilarinho - Trabalho\Segurança - Erica\2014\Orcamento\RESULTADO\2PROJ\OPERACAO\SUPERVISAO PATRIMONIAL\CENTRAL\ORC_2014_SUP_PAT_CENTRAL_PR_2PROJ.xlsx</t>
  </si>
  <si>
    <t>ORC_2014_SUP_PAT_CENTRAL_SP1_2PROJ.xlsx</t>
  </si>
  <si>
    <t>E:\BK_final\Vilarinho\Vilarinho - Trabalho\Segurança - Erica\2014\Orcamento\RESULTADO\2PROJ\OPERACAO\SUPERVISAO PATRIMONIAL\CENTRAL\ORC_2014_SUP_PAT_CENTRAL_SP1_2PROJ.xlsx</t>
  </si>
  <si>
    <t>11/21/2019 16:45:39</t>
  </si>
  <si>
    <t>ORC_2014_SUP_PAT_CENTRAL_SP2_2PROJ.xlsx</t>
  </si>
  <si>
    <t>E:\BK_final\Vilarinho\Vilarinho - Trabalho\Segurança - Erica\2014\Orcamento\RESULTADO\2PROJ\OPERACAO\SUPERVISAO PATRIMONIAL\CENTRAL\ORC_2014_SUP_PAT_CENTRAL_SP2_2PROJ.xlsx</t>
  </si>
  <si>
    <t>D:\2014\Orcamento\RESULTADO\2PROJ\OPERACAO\SUPERVISAO PATRIMONIAL\GESTAO ONLINE\</t>
  </si>
  <si>
    <t>ORC_2014_SUP_PAT_GO_2PROJ.xlsx</t>
  </si>
  <si>
    <t>E:\BK_final\Vilarinho\Vilarinho - Trabalho\Segurança - Erica\2014\Orcamento\RESULTADO\2PROJ\OPERACAO\SUPERVISAO PATRIMONIAL\GESTAO ONLINE\ORC_2014_SUP_PAT_GO_2PROJ.xlsx</t>
  </si>
  <si>
    <t>11/21/2019 16:45:40</t>
  </si>
  <si>
    <t>D:\2014\Orcamento\RESULTADO\2PROJ\OPERACAO\SUPERVISAO PATRIMONIAL\OPERACIONAL\</t>
  </si>
  <si>
    <t>ORC_2014_SUP_PAT_OPERACIONAL_CONSOLIDADO_2PROJ.xlsx</t>
  </si>
  <si>
    <t>E:\BK_final\Vilarinho\Vilarinho - Trabalho\Segurança - Erica\2014\Orcamento\RESULTADO\2PROJ\OPERACAO\SUPERVISAO PATRIMONIAL\OPERACIONAL\ORC_2014_SUP_PAT_OPERACIONAL_CONSOLIDADO_2PROJ.xlsx</t>
  </si>
  <si>
    <t>ORC_2014_SUP_PAT_OPERACIONAL_GO_2PROJ.xlsx</t>
  </si>
  <si>
    <t>E:\BK_final\Vilarinho\Vilarinho - Trabalho\Segurança - Erica\2014\Orcamento\RESULTADO\2PROJ\OPERACAO\SUPERVISAO PATRIMONIAL\OPERACIONAL\ORC_2014_SUP_PAT_OPERACIONAL_GO_2PROJ.xlsx</t>
  </si>
  <si>
    <t>ORC_2014_SUP_PAT_OPERACIONAL_MG1_2PROJ.xlsx</t>
  </si>
  <si>
    <t>E:\BK_final\Vilarinho\Vilarinho - Trabalho\Segurança - Erica\2014\Orcamento\RESULTADO\2PROJ\OPERACAO\SUPERVISAO PATRIMONIAL\OPERACIONAL\ORC_2014_SUP_PAT_OPERACIONAL_MG1_2PROJ.xlsx</t>
  </si>
  <si>
    <t>11/21/2019 16:45:41</t>
  </si>
  <si>
    <t>ORC_2014_SUP_PAT_OPERACIONAL_MG2_2PROJ.xlsx</t>
  </si>
  <si>
    <t>E:\BK_final\Vilarinho\Vilarinho - Trabalho\Segurança - Erica\2014\Orcamento\RESULTADO\2PROJ\OPERACAO\SUPERVISAO PATRIMONIAL\OPERACIONAL\ORC_2014_SUP_PAT_OPERACIONAL_MG2_2PROJ.xlsx</t>
  </si>
  <si>
    <t>ORC_2014_SUP_PAT_OPERACIONAL_MS_2PROJ.xlsx</t>
  </si>
  <si>
    <t>E:\BK_final\Vilarinho\Vilarinho - Trabalho\Segurança - Erica\2014\Orcamento\RESULTADO\2PROJ\OPERACAO\SUPERVISAO PATRIMONIAL\OPERACIONAL\ORC_2014_SUP_PAT_OPERACIONAL_MS_2PROJ.xlsx</t>
  </si>
  <si>
    <t>ORC_2014_SUP_PAT_OPERACIONAL_MT_2PROJ.xlsx</t>
  </si>
  <si>
    <t>E:\BK_final\Vilarinho\Vilarinho - Trabalho\Segurança - Erica\2014\Orcamento\RESULTADO\2PROJ\OPERACAO\SUPERVISAO PATRIMONIAL\OPERACIONAL\ORC_2014_SUP_PAT_OPERACIONAL_MT_2PROJ.xlsx</t>
  </si>
  <si>
    <t>11/21/2019 16:45:42</t>
  </si>
  <si>
    <t>ORC_2014_SUP_PAT_OPERACIONAL_PR_2PROJ.xlsx</t>
  </si>
  <si>
    <t>E:\BK_final\Vilarinho\Vilarinho - Trabalho\Segurança - Erica\2014\Orcamento\RESULTADO\2PROJ\OPERACAO\SUPERVISAO PATRIMONIAL\OPERACIONAL\ORC_2014_SUP_PAT_OPERACIONAL_PR_2PROJ.xlsx</t>
  </si>
  <si>
    <t>ORC_2014_SUP_PAT_OPERACIONAL_SP1_2PROJ.xlsx</t>
  </si>
  <si>
    <t>E:\BK_final\Vilarinho\Vilarinho - Trabalho\Segurança - Erica\2014\Orcamento\RESULTADO\2PROJ\OPERACAO\SUPERVISAO PATRIMONIAL\OPERACIONAL\ORC_2014_SUP_PAT_OPERACIONAL_SP1_2PROJ.xlsx</t>
  </si>
  <si>
    <t>ORC_2014_SUP_PAT_OPERACIONAL_SP2_2PROJ.xlsx</t>
  </si>
  <si>
    <t>E:\BK_final\Vilarinho\Vilarinho - Trabalho\Segurança - Erica\2014\Orcamento\RESULTADO\2PROJ\OPERACAO\SUPERVISAO PATRIMONIAL\OPERACIONAL\ORC_2014_SUP_PAT_OPERACIONAL_SP2_2PROJ.xlsx</t>
  </si>
  <si>
    <t>11/21/2019 16:45:43</t>
  </si>
  <si>
    <t>D:\2014\Orcamento\RESULTADO\2PROJ\STAFF\</t>
  </si>
  <si>
    <t>ORC_2014_ADM_AGPI_2PROJ.xlsx</t>
  </si>
  <si>
    <t>E:\BK_final\Vilarinho\Vilarinho - Trabalho\Segurança - Erica\2014\Orcamento\RESULTADO\2PROJ\STAFF\ORC_2014_ADM_AGPI_2PROJ.xlsx</t>
  </si>
  <si>
    <t>ORC_2014_ADM_COMITE_INOVACAO_2PROJ.xlsx</t>
  </si>
  <si>
    <t>E:\BK_final\Vilarinho\Vilarinho - Trabalho\Segurança - Erica\2014\Orcamento\RESULTADO\2PROJ\STAFF\ORC_2014_ADM_COMITE_INOVACAO_2PROJ.xlsx</t>
  </si>
  <si>
    <t>11/21/2019 16:45:44</t>
  </si>
  <si>
    <t>ORC_2014_ADM_CONSOLIDADO_2PROJ.xlsx</t>
  </si>
  <si>
    <t>E:\BK_final\Vilarinho\Vilarinho - Trabalho\Segurança - Erica\2014\Orcamento\RESULTADO\2PROJ\STAFF\ORC_2014_ADM_CONSOLIDADO_2PROJ.xlsx</t>
  </si>
  <si>
    <t>ORC_2014_ADM_CORPORATIVO_2PROJ.xlsx</t>
  </si>
  <si>
    <t>E:\BK_final\Vilarinho\Vilarinho - Trabalho\Segurança - Erica\2014\Orcamento\RESULTADO\2PROJ\STAFF\ORC_2014_ADM_CORPORATIVO_2PROJ.xlsx</t>
  </si>
  <si>
    <t>ORC_2014_ADM_CSC_2PROJ.xlsx</t>
  </si>
  <si>
    <t>E:\BK_final\Vilarinho\Vilarinho - Trabalho\Segurança - Erica\2014\Orcamento\RESULTADO\2PROJ\STAFF\ORC_2014_ADM_CSC_2PROJ.xlsx</t>
  </si>
  <si>
    <t>11/21/2019 16:45:45</t>
  </si>
  <si>
    <t>ORC_2014_ADM_DIRETORIA_2PROJ.xlsx</t>
  </si>
  <si>
    <t>E:\BK_final\Vilarinho\Vilarinho - Trabalho\Segurança - Erica\2014\Orcamento\RESULTADO\2PROJ\STAFF\ORC_2014_ADM_DIRETORIA_2PROJ.xlsx</t>
  </si>
  <si>
    <t>ORC_2014_ADM_FINANCEIRO_2PROJ.xlsx</t>
  </si>
  <si>
    <t>E:\BK_final\Vilarinho\Vilarinho - Trabalho\Segurança - Erica\2014\Orcamento\RESULTADO\2PROJ\STAFF\ORC_2014_ADM_FINANCEIRO_2PROJ.xlsx</t>
  </si>
  <si>
    <t>ORC_2014_ADM_HOLDING_2PROJ.xlsx</t>
  </si>
  <si>
    <t>E:\BK_final\Vilarinho\Vilarinho - Trabalho\Segurança - Erica\2014\Orcamento\RESULTADO\2PROJ\STAFF\ORC_2014_ADM_HOLDING_2PROJ.xlsx</t>
  </si>
  <si>
    <t>11/21/2019 16:45:46</t>
  </si>
  <si>
    <t>ORC_2014_ADM_JURIDICO_2PROJ.xlsx</t>
  </si>
  <si>
    <t>E:\BK_final\Vilarinho\Vilarinho - Trabalho\Segurança - Erica\2014\Orcamento\RESULTADO\2PROJ\STAFF\ORC_2014_ADM_JURIDICO_2PROJ.xlsx</t>
  </si>
  <si>
    <t>ORC_2014_ADM_SESMT_2PROJ.xlsx</t>
  </si>
  <si>
    <t>E:\BK_final\Vilarinho\Vilarinho - Trabalho\Segurança - Erica\2014\Orcamento\RESULTADO\2PROJ\STAFF\ORC_2014_ADM_SESMT_2PROJ.xlsx</t>
  </si>
  <si>
    <t>ORC_2014_ADM_TH_2PROJ.xlsx</t>
  </si>
  <si>
    <t>E:\BK_final\Vilarinho\Vilarinho - Trabalho\Segurança - Erica\2014\Orcamento\RESULTADO\2PROJ\STAFF\ORC_2014_ADM_TH_2PROJ.xlsx</t>
  </si>
  <si>
    <t>11/21/2019 16:45:47</t>
  </si>
  <si>
    <t>ORC_2014_ADM_TI_2PROJ.xlsx</t>
  </si>
  <si>
    <t>E:\BK_final\Vilarinho\Vilarinho - Trabalho\Segurança - Erica\2014\Orcamento\RESULTADO\2PROJ\STAFF\ORC_2014_ADM_TI_2PROJ.xlsx</t>
  </si>
  <si>
    <t>11/21/2019 16:45:49</t>
  </si>
  <si>
    <t>D:\2014\Orcamento\RESULTADO\ARQUIVOS PREPARATORIOS\</t>
  </si>
  <si>
    <t>AJUSTE PROVISAO PLR PRV 122013.xlsx</t>
  </si>
  <si>
    <t>E:\BK_final\Vilarinho\Vilarinho - Trabalho\Segurança - Erica\2014\Orcamento\RESULTADO\ARQUIVOS PREPARATORIOS\AJUSTE PROVISAO PLR PRV 122013.xlsx</t>
  </si>
  <si>
    <t>Comparativo 2014 - RESULTADO - 2PROJ (V2).xlsx</t>
  </si>
  <si>
    <t>E:\BK_final\Vilarinho\Vilarinho - Trabalho\Segurança - Erica\2014\Orcamento\RESULTADO\ARQUIVOS PREPARATORIOS\Comparativo 2014 - RESULTADO - 2PROJ (V2).xlsx</t>
  </si>
  <si>
    <t>11/21/2019 16:45:50</t>
  </si>
  <si>
    <t>Comparativo 2014 - RESULTADO - 2PROJ (V3).xlsx</t>
  </si>
  <si>
    <t>E:\BK_final\Vilarinho\Vilarinho - Trabalho\Segurança - Erica\2014\Orcamento\RESULTADO\ARQUIVOS PREPARATORIOS\Comparativo 2014 - RESULTADO - 2PROJ (V3).xlsx</t>
  </si>
  <si>
    <t>Comparativo 2014 - RESULTADO - 2PROJ (V4).xlsx</t>
  </si>
  <si>
    <t>E:\BK_final\Vilarinho\Vilarinho - Trabalho\Segurança - Erica\2014\Orcamento\RESULTADO\ARQUIVOS PREPARATORIOS\Comparativo 2014 - RESULTADO - 2PROJ (V4).xlsx</t>
  </si>
  <si>
    <t>Comparativo 2014 - RESULTADO - 2PROJ.xlsx</t>
  </si>
  <si>
    <t>E:\BK_final\Vilarinho\Vilarinho - Trabalho\Segurança - Erica\2014\Orcamento\RESULTADO\ARQUIVOS PREPARATORIOS\Comparativo 2014 - RESULTADO - 2PROJ.xlsx</t>
  </si>
  <si>
    <t>11/21/2019 16:45:51</t>
  </si>
  <si>
    <t>Comparativo 2014 - RESULTADO - PRECLOSING (V2).xlsx</t>
  </si>
  <si>
    <t>E:\BK_final\Vilarinho\Vilarinho - Trabalho\Segurança - Erica\2014\Orcamento\RESULTADO\ARQUIVOS PREPARATORIOS\Comparativo 2014 - RESULTADO - PRECLOSING (V2).xlsx</t>
  </si>
  <si>
    <t>11/21/2019 16:45:53</t>
  </si>
  <si>
    <t>Comparativo 2014 - RESULTADO - PRECLOSING (V3).xlsx</t>
  </si>
  <si>
    <t>E:\BK_final\Vilarinho\Vilarinho - Trabalho\Segurança - Erica\2014\Orcamento\RESULTADO\ARQUIVOS PREPARATORIOS\Comparativo 2014 - RESULTADO - PRECLOSING (V3).xlsx</t>
  </si>
  <si>
    <t>Comparativo 2014 - RESULTADO - PRECLOSING.xlsx</t>
  </si>
  <si>
    <t>E:\BK_final\Vilarinho\Vilarinho - Trabalho\Segurança - Erica\2014\Orcamento\RESULTADO\ARQUIVOS PREPARATORIOS\Comparativo 2014 - RESULTADO - PRECLOSING.xlsx</t>
  </si>
  <si>
    <t>Cópia de Cronograma Preclosing Orçamento 2014 e LP.xlsx</t>
  </si>
  <si>
    <t>E:\BK_final\Vilarinho\Vilarinho - Trabalho\Segurança - Erica\2014\Orcamento\RESULTADO\ARQUIVOS PREPARATORIOS\Cópia de Cronograma Preclosing Orçamento 2014 e LP.xlsx</t>
  </si>
  <si>
    <t>DRE - Supervisao_MRS.xlsx</t>
  </si>
  <si>
    <t>E:\BK_final\Vilarinho\Vilarinho - Trabalho\Segurança - Erica\2014\Orcamento\RESULTADO\ARQUIVOS PREPARATORIOS\DRE - Supervisao_MRS.xlsx</t>
  </si>
  <si>
    <t>DRE CONSISTENCIA_CONTAS CONTABEIS.xlsx</t>
  </si>
  <si>
    <t>E:\BK_final\Vilarinho\Vilarinho - Trabalho\Segurança - Erica\2014\Orcamento\RESULTADO\ARQUIVOS PREPARATORIOS\DRE CONSISTENCIA_CONTAS CONTABEIS.xlsx</t>
  </si>
  <si>
    <t>ESTUDO COMPARATIVO CUSTOS PATRIMONIAL.xlsx</t>
  </si>
  <si>
    <t>E:\BK_final\Vilarinho\Vilarinho - Trabalho\Segurança - Erica\2014\Orcamento\RESULTADO\ARQUIVOS PREPARATORIOS\ESTUDO COMPARATIVO CUSTOS PATRIMONIAL.xlsx</t>
  </si>
  <si>
    <t>ORC_2014_ADM_TH_OFICIAL.xlsx</t>
  </si>
  <si>
    <t>E:\BK_final\Vilarinho\Vilarinho - Trabalho\Segurança - Erica\2014\Orcamento\RESULTADO\ARQUIVOS PREPARATORIOS\ORC_2014_ADM_TH_OFICIAL.xlsx</t>
  </si>
  <si>
    <t>11/21/2019 16:45:54</t>
  </si>
  <si>
    <t>Perdas e lucros1.xlsx</t>
  </si>
  <si>
    <t>E:\BK_final\Vilarinho\Vilarinho - Trabalho\Segurança - Erica\2014\Orcamento\RESULTADO\ARQUIVOS PREPARATORIOS\Perdas e lucros1.xlsx</t>
  </si>
  <si>
    <t>Pré closing - 2013 (3).xlsx</t>
  </si>
  <si>
    <t>E:\BK_final\Vilarinho\Vilarinho - Trabalho\Segurança - Erica\2014\Orcamento\RESULTADO\ARQUIVOS PREPARATORIOS\Pré closing - 2013 (3).xlsx</t>
  </si>
  <si>
    <t>Receita de Clientes - Reajuste em Andamento (Tec) - 062014.xlsx</t>
  </si>
  <si>
    <t>E:\BK_final\Vilarinho\Vilarinho - Trabalho\Segurança - Erica\2014\Orcamento\RESULTADO\ARQUIVOS PREPARATORIOS\Receita de Clientes - Reajuste em Andamento (Tec) - 062014.xlsx</t>
  </si>
  <si>
    <t>Receita de Clientes - Reajuste em Andamento (Vig) - 062014.xlsx</t>
  </si>
  <si>
    <t>E:\BK_final\Vilarinho\Vilarinho - Trabalho\Segurança - Erica\2014\Orcamento\RESULTADO\ARQUIVOS PREPARATORIOS\Receita de Clientes - Reajuste em Andamento (Vig) - 062014.xlsx</t>
  </si>
  <si>
    <t>Resumo Ajustes - Preclosing 2014.xlsx</t>
  </si>
  <si>
    <t>E:\BK_final\Vilarinho\Vilarinho - Trabalho\Segurança - Erica\2014\Orcamento\RESULTADO\ARQUIVOS PREPARATORIOS\Resumo Ajustes - Preclosing 2014.xlsx</t>
  </si>
  <si>
    <t>11/21/2019 16:45:56</t>
  </si>
  <si>
    <t>D:\2014\Orcamento\RESULTADO\ARQUIVOS PREPARATORIOS\Arquivos base\Planilhas_Patrimonial\</t>
  </si>
  <si>
    <t>072014_Portaria_MG1_Nova.xlsm</t>
  </si>
  <si>
    <t>E:\BK_final\Vilarinho\Vilarinho - Trabalho\Segurança - Erica\2014\Orcamento\RESULTADO\ARQUIVOS PREPARATORIOS\Arquivos base\Planilhas_Patrimonial\072014_Portaria_MG1_Nova.xlsm</t>
  </si>
  <si>
    <t>072014_Portaria_MG2_Nova.xlsm</t>
  </si>
  <si>
    <t>E:\BK_final\Vilarinho\Vilarinho - Trabalho\Segurança - Erica\2014\Orcamento\RESULTADO\ARQUIVOS PREPARATORIOS\Arquivos base\Planilhas_Patrimonial\072014_Portaria_MG2_Nova.xlsm</t>
  </si>
  <si>
    <t>11/21/2019 16:45:57</t>
  </si>
  <si>
    <t>072014_Portaria_SP1_Nova.xlsm</t>
  </si>
  <si>
    <t>E:\BK_final\Vilarinho\Vilarinho - Trabalho\Segurança - Erica\2014\Orcamento\RESULTADO\ARQUIVOS PREPARATORIOS\Arquivos base\Planilhas_Patrimonial\072014_Portaria_SP1_Nova.xlsm</t>
  </si>
  <si>
    <t>072014_Portaria_SP2_Nova.xlsm</t>
  </si>
  <si>
    <t>E:\BK_final\Vilarinho\Vilarinho - Trabalho\Segurança - Erica\2014\Orcamento\RESULTADO\ARQUIVOS PREPARATORIOS\Arquivos base\Planilhas_Patrimonial\072014_Portaria_SP2_Nova.xlsm</t>
  </si>
  <si>
    <t>072014_Vigilancia_GO_Nova.xlsm</t>
  </si>
  <si>
    <t>E:\BK_final\Vilarinho\Vilarinho - Trabalho\Segurança - Erica\2014\Orcamento\RESULTADO\ARQUIVOS PREPARATORIOS\Arquivos base\Planilhas_Patrimonial\072014_Vigilancia_GO_Nova.xlsm</t>
  </si>
  <si>
    <t>072014_Vigilancia_MG1_Nova.xlsm</t>
  </si>
  <si>
    <t>E:\BK_final\Vilarinho\Vilarinho - Trabalho\Segurança - Erica\2014\Orcamento\RESULTADO\ARQUIVOS PREPARATORIOS\Arquivos base\Planilhas_Patrimonial\072014_Vigilancia_MG1_Nova.xlsm</t>
  </si>
  <si>
    <t>072014_Vigilancia_MG2_Nova.xlsm</t>
  </si>
  <si>
    <t>E:\BK_final\Vilarinho\Vilarinho - Trabalho\Segurança - Erica\2014\Orcamento\RESULTADO\ARQUIVOS PREPARATORIOS\Arquivos base\Planilhas_Patrimonial\072014_Vigilancia_MG2_Nova.xlsm</t>
  </si>
  <si>
    <t>11/21/2019 16:45:58</t>
  </si>
  <si>
    <t>072014_Vigilancia_MS_Nova.xlsm</t>
  </si>
  <si>
    <t>E:\BK_final\Vilarinho\Vilarinho - Trabalho\Segurança - Erica\2014\Orcamento\RESULTADO\ARQUIVOS PREPARATORIOS\Arquivos base\Planilhas_Patrimonial\072014_Vigilancia_MS_Nova.xlsm</t>
  </si>
  <si>
    <t>072014_Vigilancia_MT_Nova.xlsm</t>
  </si>
  <si>
    <t>E:\BK_final\Vilarinho\Vilarinho - Trabalho\Segurança - Erica\2014\Orcamento\RESULTADO\ARQUIVOS PREPARATORIOS\Arquivos base\Planilhas_Patrimonial\072014_Vigilancia_MT_Nova.xlsm</t>
  </si>
  <si>
    <t>072014_Vigilancia_PR_Nova.xlsm</t>
  </si>
  <si>
    <t>E:\BK_final\Vilarinho\Vilarinho - Trabalho\Segurança - Erica\2014\Orcamento\RESULTADO\ARQUIVOS PREPARATORIOS\Arquivos base\Planilhas_Patrimonial\072014_Vigilancia_PR_Nova.xlsm</t>
  </si>
  <si>
    <t>11/21/2019 16:45:59</t>
  </si>
  <si>
    <t>072014_Vigilancia_SP1_Nova.xlsm</t>
  </si>
  <si>
    <t>E:\BK_final\Vilarinho\Vilarinho - Trabalho\Segurança - Erica\2014\Orcamento\RESULTADO\ARQUIVOS PREPARATORIOS\Arquivos base\Planilhas_Patrimonial\072014_Vigilancia_SP1_Nova.xlsm</t>
  </si>
  <si>
    <t>072014_Vigilancia_SP2_Nova.xlsm</t>
  </si>
  <si>
    <t>E:\BK_final\Vilarinho\Vilarinho - Trabalho\Segurança - Erica\2014\Orcamento\RESULTADO\ARQUIVOS PREPARATORIOS\Arquivos base\Planilhas_Patrimonial\072014_Vigilancia_SP2_Nova.xlsm</t>
  </si>
  <si>
    <t>11/21/2019 16:46:01</t>
  </si>
  <si>
    <t>D:\2014\Orcamento\RESULTADO\ARQUIVOS PREPARATORIOS\Arquivos base\Planilhas_Patrimonial Preclosing\</t>
  </si>
  <si>
    <t>DRE - Base vendida Consolidada - Agosto 14.xlsx.xlsm</t>
  </si>
  <si>
    <t>E:\BK_final\Vilarinho\Vilarinho - Trabalho\Segurança - Erica\2014\Orcamento\RESULTADO\ARQUIVOS PREPARATORIOS\Arquivos base\Planilhas_Patrimonial Preclosing\DRE - Base vendida Consolidada - Agosto 14.xlsx.xlsm</t>
  </si>
  <si>
    <t>D:\2014\Orcamento\RESULTADO\ARQUIVOS PREPARATORIOS\Base Contratada\</t>
  </si>
  <si>
    <t>Consolidado Tec e Vig.xlsx</t>
  </si>
  <si>
    <t>E:\BK_final\Vilarinho\Vilarinho - Trabalho\Segurança - Erica\2014\Orcamento\RESULTADO\ARQUIVOS PREPARATORIOS\Base Contratada\Consolidado Tec e Vig.xlsx</t>
  </si>
  <si>
    <t>11/21/2019 16:46:02</t>
  </si>
  <si>
    <t>D:\2014\Orcamento\RESULTADO\ARQUIVOS PREPARATORIOS\Base Contratada\Portaria\</t>
  </si>
  <si>
    <t>Eletronica Consolidado.xlsx</t>
  </si>
  <si>
    <t>E:\BK_final\Vilarinho\Vilarinho - Trabalho\Segurança - Erica\2014\Orcamento\RESULTADO\ARQUIVOS PREPARATORIOS\Base Contratada\Portaria\Eletronica Consolidado.xlsx</t>
  </si>
  <si>
    <t>Eletronica GO.xlsx</t>
  </si>
  <si>
    <t>E:\BK_final\Vilarinho\Vilarinho - Trabalho\Segurança - Erica\2014\Orcamento\RESULTADO\ARQUIVOS PREPARATORIOS\Base Contratada\Portaria\Eletronica GO.xlsx</t>
  </si>
  <si>
    <t>Eletronica MG1.xlsx</t>
  </si>
  <si>
    <t>E:\BK_final\Vilarinho\Vilarinho - Trabalho\Segurança - Erica\2014\Orcamento\RESULTADO\ARQUIVOS PREPARATORIOS\Base Contratada\Portaria\Eletronica MG1.xlsx</t>
  </si>
  <si>
    <t>Eletronica MG2.xlsx</t>
  </si>
  <si>
    <t>E:\BK_final\Vilarinho\Vilarinho - Trabalho\Segurança - Erica\2014\Orcamento\RESULTADO\ARQUIVOS PREPARATORIOS\Base Contratada\Portaria\Eletronica MG2.xlsx</t>
  </si>
  <si>
    <t>Eletronica MS.xlsx</t>
  </si>
  <si>
    <t>E:\BK_final\Vilarinho\Vilarinho - Trabalho\Segurança - Erica\2014\Orcamento\RESULTADO\ARQUIVOS PREPARATORIOS\Base Contratada\Portaria\Eletronica MS.xlsx</t>
  </si>
  <si>
    <t>Eletronica MT.xlsx</t>
  </si>
  <si>
    <t>E:\BK_final\Vilarinho\Vilarinho - Trabalho\Segurança - Erica\2014\Orcamento\RESULTADO\ARQUIVOS PREPARATORIOS\Base Contratada\Portaria\Eletronica MT.xlsx</t>
  </si>
  <si>
    <t>Eletronica PR.xlsx</t>
  </si>
  <si>
    <t>E:\BK_final\Vilarinho\Vilarinho - Trabalho\Segurança - Erica\2014\Orcamento\RESULTADO\ARQUIVOS PREPARATORIOS\Base Contratada\Portaria\Eletronica PR.xlsx</t>
  </si>
  <si>
    <t>11/21/2019 16:46:03</t>
  </si>
  <si>
    <t>Eletronica SP1.xlsx</t>
  </si>
  <si>
    <t>E:\BK_final\Vilarinho\Vilarinho - Trabalho\Segurança - Erica\2014\Orcamento\RESULTADO\ARQUIVOS PREPARATORIOS\Base Contratada\Portaria\Eletronica SP1.xlsx</t>
  </si>
  <si>
    <t>Eletronica SP2.xlsx</t>
  </si>
  <si>
    <t>E:\BK_final\Vilarinho\Vilarinho - Trabalho\Segurança - Erica\2014\Orcamento\RESULTADO\ARQUIVOS PREPARATORIOS\Base Contratada\Portaria\Eletronica SP2.xlsx</t>
  </si>
  <si>
    <t>D:\2014\Orcamento\RESULTADO\ARQUIVOS PREPARATORIOS\Base Contratada\Vigilancia\</t>
  </si>
  <si>
    <t>Vigilancia Consolidado.xlsx</t>
  </si>
  <si>
    <t>E:\BK_final\Vilarinho\Vilarinho - Trabalho\Segurança - Erica\2014\Orcamento\RESULTADO\ARQUIVOS PREPARATORIOS\Base Contratada\Vigilancia\Vigilancia Consolidado.xlsx</t>
  </si>
  <si>
    <t>Vigilancia GO.xlsx</t>
  </si>
  <si>
    <t>E:\BK_final\Vilarinho\Vilarinho - Trabalho\Segurança - Erica\2014\Orcamento\RESULTADO\ARQUIVOS PREPARATORIOS\Base Contratada\Vigilancia\Vigilancia GO.xlsx</t>
  </si>
  <si>
    <t>Vigilancia MG1.xlsx</t>
  </si>
  <si>
    <t>E:\BK_final\Vilarinho\Vilarinho - Trabalho\Segurança - Erica\2014\Orcamento\RESULTADO\ARQUIVOS PREPARATORIOS\Base Contratada\Vigilancia\Vigilancia MG1.xlsx</t>
  </si>
  <si>
    <t>Vigilancia MG2.xlsx</t>
  </si>
  <si>
    <t>E:\BK_final\Vilarinho\Vilarinho - Trabalho\Segurança - Erica\2014\Orcamento\RESULTADO\ARQUIVOS PREPARATORIOS\Base Contratada\Vigilancia\Vigilancia MG2.xlsx</t>
  </si>
  <si>
    <t>Vigilancia MS.xlsx</t>
  </si>
  <si>
    <t>E:\BK_final\Vilarinho\Vilarinho - Trabalho\Segurança - Erica\2014\Orcamento\RESULTADO\ARQUIVOS PREPARATORIOS\Base Contratada\Vigilancia\Vigilancia MS.xlsx</t>
  </si>
  <si>
    <t>11/21/2019 16:46:04</t>
  </si>
  <si>
    <t>11/21/2019 16:48:30</t>
  </si>
  <si>
    <t>Vigilancia MT.xlsx</t>
  </si>
  <si>
    <t>E:\BK_final\Vilarinho\Vilarinho - Trabalho\Segurança - Erica\2014\Orcamento\RESULTADO\ARQUIVOS PREPARATORIOS\Base Contratada\Vigilancia\Vigilancia MT.xlsx</t>
  </si>
  <si>
    <t>Vigilancia PR.xlsx</t>
  </si>
  <si>
    <t>E:\BK_final\Vilarinho\Vilarinho - Trabalho\Segurança - Erica\2014\Orcamento\RESULTADO\ARQUIVOS PREPARATORIOS\Base Contratada\Vigilancia\Vigilancia PR.xlsx</t>
  </si>
  <si>
    <t>Vigilancia SP1.xlsx</t>
  </si>
  <si>
    <t>E:\BK_final\Vilarinho\Vilarinho - Trabalho\Segurança - Erica\2014\Orcamento\RESULTADO\ARQUIVOS PREPARATORIOS\Base Contratada\Vigilancia\Vigilancia SP1.xlsx</t>
  </si>
  <si>
    <t>Vigilancia SP2.xlsx</t>
  </si>
  <si>
    <t>E:\BK_final\Vilarinho\Vilarinho - Trabalho\Segurança - Erica\2014\Orcamento\RESULTADO\ARQUIVOS PREPARATORIOS\Base Contratada\Vigilancia\Vigilancia SP2.xlsx</t>
  </si>
  <si>
    <t>D:\2014\Orcamento\RESULTADO\ARQUIVOS PREPARATORIOS\Base Contratada_2PROJ\</t>
  </si>
  <si>
    <t>E:\BK_final\Vilarinho\Vilarinho - Trabalho\Segurança - Erica\2014\Orcamento\RESULTADO\ARQUIVOS PREPARATORIOS\Base Contratada_2PROJ\Consolidado Tec e Vig.xlsx</t>
  </si>
  <si>
    <t>D:\2014\Orcamento\RESULTADO\ARQUIVOS PREPARATORIOS\Base Contratada_2PROJ\Planilhas\</t>
  </si>
  <si>
    <t>DRE - Base vendida CONSOL - 18062014.xlsx</t>
  </si>
  <si>
    <t>E:\BK_final\Vilarinho\Vilarinho - Trabalho\Segurança - Erica\2014\Orcamento\RESULTADO\ARQUIVOS PREPARATORIOS\Base Contratada_2PROJ\Planilhas\DRE - Base vendida CONSOL - 18062014.xlsx</t>
  </si>
  <si>
    <t>DRE - Base vendida TEC - 18062014.xlsx</t>
  </si>
  <si>
    <t>E:\BK_final\Vilarinho\Vilarinho - Trabalho\Segurança - Erica\2014\Orcamento\RESULTADO\ARQUIVOS PREPARATORIOS\Base Contratada_2PROJ\Planilhas\DRE - Base vendida TEC - 18062014.xlsx</t>
  </si>
  <si>
    <t>DRE - Base vendida VIG - 18062014.xlsx</t>
  </si>
  <si>
    <t>E:\BK_final\Vilarinho\Vilarinho - Trabalho\Segurança - Erica\2014\Orcamento\RESULTADO\ARQUIVOS PREPARATORIOS\Base Contratada_2PROJ\Planilhas\DRE - Base vendida VIG - 18062014.xlsx</t>
  </si>
  <si>
    <t>D:\2014\Orcamento\RESULTADO\ARQUIVOS PREPARATORIOS\Base Contratada_2PROJ\Portaria\</t>
  </si>
  <si>
    <t>E:\BK_final\Vilarinho\Vilarinho - Trabalho\Segurança - Erica\2014\Orcamento\RESULTADO\ARQUIVOS PREPARATORIOS\Base Contratada_2PROJ\Portaria\Eletronica Consolidado.xlsx</t>
  </si>
  <si>
    <t>E:\BK_final\Vilarinho\Vilarinho - Trabalho\Segurança - Erica\2014\Orcamento\RESULTADO\ARQUIVOS PREPARATORIOS\Base Contratada_2PROJ\Portaria\Eletronica GO.xlsx</t>
  </si>
  <si>
    <t>11/21/2019 16:49:30</t>
  </si>
  <si>
    <t>E:\BK_final\Vilarinho\Vilarinho - Trabalho\Segurança - Erica\2014\Orcamento\RESULTADO\ARQUIVOS PREPARATORIOS\Base Contratada_2PROJ\Portaria\Eletronica MG1.xlsx</t>
  </si>
  <si>
    <t>E:\BK_final\Vilarinho\Vilarinho - Trabalho\Segurança - Erica\2014\Orcamento\RESULTADO\ARQUIVOS PREPARATORIOS\Base Contratada_2PROJ\Portaria\Eletronica MG2.xlsx</t>
  </si>
  <si>
    <t>E:\BK_final\Vilarinho\Vilarinho - Trabalho\Segurança - Erica\2014\Orcamento\RESULTADO\ARQUIVOS PREPARATORIOS\Base Contratada_2PROJ\Portaria\Eletronica MS.xlsx</t>
  </si>
  <si>
    <t>E:\BK_final\Vilarinho\Vilarinho - Trabalho\Segurança - Erica\2014\Orcamento\RESULTADO\ARQUIVOS PREPARATORIOS\Base Contratada_2PROJ\Portaria\Eletronica MT.xlsx</t>
  </si>
  <si>
    <t>11/21/2019 16:46:05</t>
  </si>
  <si>
    <t>E:\BK_final\Vilarinho\Vilarinho - Trabalho\Segurança - Erica\2014\Orcamento\RESULTADO\ARQUIVOS PREPARATORIOS\Base Contratada_2PROJ\Portaria\Eletronica PR.xlsx</t>
  </si>
  <si>
    <t>E:\BK_final\Vilarinho\Vilarinho - Trabalho\Segurança - Erica\2014\Orcamento\RESULTADO\ARQUIVOS PREPARATORIOS\Base Contratada_2PROJ\Portaria\Eletronica SP1.xlsx</t>
  </si>
  <si>
    <t>E:\BK_final\Vilarinho\Vilarinho - Trabalho\Segurança - Erica\2014\Orcamento\RESULTADO\ARQUIVOS PREPARATORIOS\Base Contratada_2PROJ\Portaria\Eletronica SP2.xlsx</t>
  </si>
  <si>
    <t>D:\2014\Orcamento\RESULTADO\ARQUIVOS PREPARATORIOS\Base Contratada_2PROJ\Vigilancia\</t>
  </si>
  <si>
    <t>E:\BK_final\Vilarinho\Vilarinho - Trabalho\Segurança - Erica\2014\Orcamento\RESULTADO\ARQUIVOS PREPARATORIOS\Base Contratada_2PROJ\Vigilancia\Vigilancia Consolidado.xlsx</t>
  </si>
  <si>
    <t>E:\BK_final\Vilarinho\Vilarinho - Trabalho\Segurança - Erica\2014\Orcamento\RESULTADO\ARQUIVOS PREPARATORIOS\Base Contratada_2PROJ\Vigilancia\Vigilancia GO.xlsx</t>
  </si>
  <si>
    <t>E:\BK_final\Vilarinho\Vilarinho - Trabalho\Segurança - Erica\2014\Orcamento\RESULTADO\ARQUIVOS PREPARATORIOS\Base Contratada_2PROJ\Vigilancia\Vigilancia MG1.xlsx</t>
  </si>
  <si>
    <t>E:\BK_final\Vilarinho\Vilarinho - Trabalho\Segurança - Erica\2014\Orcamento\RESULTADO\ARQUIVOS PREPARATORIOS\Base Contratada_2PROJ\Vigilancia\Vigilancia MG2.xlsx</t>
  </si>
  <si>
    <t>E:\BK_final\Vilarinho\Vilarinho - Trabalho\Segurança - Erica\2014\Orcamento\RESULTADO\ARQUIVOS PREPARATORIOS\Base Contratada_2PROJ\Vigilancia\Vigilancia MS.xlsx</t>
  </si>
  <si>
    <t>E:\BK_final\Vilarinho\Vilarinho - Trabalho\Segurança - Erica\2014\Orcamento\RESULTADO\ARQUIVOS PREPARATORIOS\Base Contratada_2PROJ\Vigilancia\Vigilancia MT.xlsx</t>
  </si>
  <si>
    <t>E:\BK_final\Vilarinho\Vilarinho - Trabalho\Segurança - Erica\2014\Orcamento\RESULTADO\ARQUIVOS PREPARATORIOS\Base Contratada_2PROJ\Vigilancia\Vigilancia PR.xlsx</t>
  </si>
  <si>
    <t>E:\BK_final\Vilarinho\Vilarinho - Trabalho\Segurança - Erica\2014\Orcamento\RESULTADO\ARQUIVOS PREPARATORIOS\Base Contratada_2PROJ\Vigilancia\Vigilancia SP1.xlsx</t>
  </si>
  <si>
    <t>E:\BK_final\Vilarinho\Vilarinho - Trabalho\Segurança - Erica\2014\Orcamento\RESULTADO\ARQUIVOS PREPARATORIOS\Base Contratada_2PROJ\Vigilancia\Vigilancia SP2.xlsx</t>
  </si>
  <si>
    <t>D:\2014\Orcamento\RESULTADO\ARQUIVOS PREPARATORIOS\Base Contratada_PRECLOS\</t>
  </si>
  <si>
    <t>E:\BK_final\Vilarinho\Vilarinho - Trabalho\Segurança - Erica\2014\Orcamento\RESULTADO\ARQUIVOS PREPARATORIOS\Base Contratada_PRECLOS\Consolidado Tec e Vig.xlsx</t>
  </si>
  <si>
    <t>E:\BK_final\Vilarinho\Vilarinho - Trabalho\Segurança - Erica\2014\Orcamento\RESULTADO\ARQUIVOS PREPARATORIOS\Base Contratada_PRECLOS\DRE - Base vendida Consolidada - Agosto 14.xlsx.xlsm</t>
  </si>
  <si>
    <t>11/21/2019 16:46:06</t>
  </si>
  <si>
    <t>D:\2014\Orcamento\RESULTADO\ARQUIVOS PREPARATORIOS\Base Contratada_PRECLOS\Planilhas\</t>
  </si>
  <si>
    <t>E:\BK_final\Vilarinho\Vilarinho - Trabalho\Segurança - Erica\2014\Orcamento\RESULTADO\ARQUIVOS PREPARATORIOS\Base Contratada_PRECLOS\Planilhas\DRE - Base vendida CONSOL - 18062014.xlsx</t>
  </si>
  <si>
    <t>E:\BK_final\Vilarinho\Vilarinho - Trabalho\Segurança - Erica\2014\Orcamento\RESULTADO\ARQUIVOS PREPARATORIOS\Base Contratada_PRECLOS\Planilhas\DRE - Base vendida TEC - 18062014.xlsx</t>
  </si>
  <si>
    <t>E:\BK_final\Vilarinho\Vilarinho - Trabalho\Segurança - Erica\2014\Orcamento\RESULTADO\ARQUIVOS PREPARATORIOS\Base Contratada_PRECLOS\Planilhas\DRE - Base vendida VIG - 18062014.xlsx</t>
  </si>
  <si>
    <t>D:\2014\Orcamento\RESULTADO\ARQUIVOS PREPARATORIOS\Base Contratada_PRECLOS\Portaria\</t>
  </si>
  <si>
    <t>E:\BK_final\Vilarinho\Vilarinho - Trabalho\Segurança - Erica\2014\Orcamento\RESULTADO\ARQUIVOS PREPARATORIOS\Base Contratada_PRECLOS\Portaria\Eletronica Consolidado.xlsx</t>
  </si>
  <si>
    <t>E:\BK_final\Vilarinho\Vilarinho - Trabalho\Segurança - Erica\2014\Orcamento\RESULTADO\ARQUIVOS PREPARATORIOS\Base Contratada_PRECLOS\Portaria\Eletronica GO.xlsx</t>
  </si>
  <si>
    <t>E:\BK_final\Vilarinho\Vilarinho - Trabalho\Segurança - Erica\2014\Orcamento\RESULTADO\ARQUIVOS PREPARATORIOS\Base Contratada_PRECLOS\Portaria\Eletronica MG1.xlsx</t>
  </si>
  <si>
    <t>E:\BK_final\Vilarinho\Vilarinho - Trabalho\Segurança - Erica\2014\Orcamento\RESULTADO\ARQUIVOS PREPARATORIOS\Base Contratada_PRECLOS\Portaria\Eletronica MG2.xlsx</t>
  </si>
  <si>
    <t>E:\BK_final\Vilarinho\Vilarinho - Trabalho\Segurança - Erica\2014\Orcamento\RESULTADO\ARQUIVOS PREPARATORIOS\Base Contratada_PRECLOS\Portaria\Eletronica MS.xlsx</t>
  </si>
  <si>
    <t>E:\BK_final\Vilarinho\Vilarinho - Trabalho\Segurança - Erica\2014\Orcamento\RESULTADO\ARQUIVOS PREPARATORIOS\Base Contratada_PRECLOS\Portaria\Eletronica MT.xlsx</t>
  </si>
  <si>
    <t>E:\BK_final\Vilarinho\Vilarinho - Trabalho\Segurança - Erica\2014\Orcamento\RESULTADO\ARQUIVOS PREPARATORIOS\Base Contratada_PRECLOS\Portaria\Eletronica PR.xlsx</t>
  </si>
  <si>
    <t>E:\BK_final\Vilarinho\Vilarinho - Trabalho\Segurança - Erica\2014\Orcamento\RESULTADO\ARQUIVOS PREPARATORIOS\Base Contratada_PRECLOS\Portaria\Eletronica SP1.xlsx</t>
  </si>
  <si>
    <t>E:\BK_final\Vilarinho\Vilarinho - Trabalho\Segurança - Erica\2014\Orcamento\RESULTADO\ARQUIVOS PREPARATORIOS\Base Contratada_PRECLOS\Portaria\Eletronica SP2.xlsx</t>
  </si>
  <si>
    <t>D:\2014\Orcamento\RESULTADO\ARQUIVOS PREPARATORIOS\Base Contratada_PRECLOS\Vigilancia\</t>
  </si>
  <si>
    <t>E:\BK_final\Vilarinho\Vilarinho - Trabalho\Segurança - Erica\2014\Orcamento\RESULTADO\ARQUIVOS PREPARATORIOS\Base Contratada_PRECLOS\Vigilancia\Vigilancia Consolidado.xlsx</t>
  </si>
  <si>
    <t>E:\BK_final\Vilarinho\Vilarinho - Trabalho\Segurança - Erica\2014\Orcamento\RESULTADO\ARQUIVOS PREPARATORIOS\Base Contratada_PRECLOS\Vigilancia\Vigilancia GO.xlsx</t>
  </si>
  <si>
    <t>11/21/2019 16:46:07</t>
  </si>
  <si>
    <t>E:\BK_final\Vilarinho\Vilarinho - Trabalho\Segurança - Erica\2014\Orcamento\RESULTADO\ARQUIVOS PREPARATORIOS\Base Contratada_PRECLOS\Vigilancia\Vigilancia MG2.xlsx</t>
  </si>
  <si>
    <t>E:\BK_final\Vilarinho\Vilarinho - Trabalho\Segurança - Erica\2014\Orcamento\RESULTADO\ARQUIVOS PREPARATORIOS\Base Contratada_PRECLOS\Vigilancia\Vigilancia MS.xlsx</t>
  </si>
  <si>
    <t>E:\BK_final\Vilarinho\Vilarinho - Trabalho\Segurança - Erica\2014\Orcamento\RESULTADO\ARQUIVOS PREPARATORIOS\Base Contratada_PRECLOS\Vigilancia\Vigilancia MG1.xlsx</t>
  </si>
  <si>
    <t>E:\BK_final\Vilarinho\Vilarinho - Trabalho\Segurança - Erica\2014\Orcamento\RESULTADO\ARQUIVOS PREPARATORIOS\Base Contratada_PRECLOS\Vigilancia\Vigilancia MT.xlsx</t>
  </si>
  <si>
    <t>E:\BK_final\Vilarinho\Vilarinho - Trabalho\Segurança - Erica\2014\Orcamento\RESULTADO\ARQUIVOS PREPARATORIOS\Base Contratada_PRECLOS\Vigilancia\Vigilancia PR.xlsx</t>
  </si>
  <si>
    <t>E:\BK_final\Vilarinho\Vilarinho - Trabalho\Segurança - Erica\2014\Orcamento\RESULTADO\ARQUIVOS PREPARATORIOS\Base Contratada_PRECLOS\Vigilancia\Vigilancia SP1.xlsx</t>
  </si>
  <si>
    <t>E:\BK_final\Vilarinho\Vilarinho - Trabalho\Segurança - Erica\2014\Orcamento\RESULTADO\ARQUIVOS PREPARATORIOS\Base Contratada_PRECLOS\Vigilancia\Vigilancia SP2.xlsx</t>
  </si>
  <si>
    <t>11/21/2019 16:46:08</t>
  </si>
  <si>
    <t>D:\2014\Orcamento\RESULTADO\ARQUIVOS PREPARATORIOS\Holding e CSC\CSC\Algar Segurança.zip\</t>
  </si>
  <si>
    <t>Deprecia‡Æo Predio Multiuso - Algar Seguran‡a.xlsx</t>
  </si>
  <si>
    <t>E:\BK_final\Vilarinho\Vilarinho - Trabalho\Segurança - Erica\2014\Orcamento\RESULTADO\ARQUIVOS PREPARATORIOS\Holding e CSC\CSC\Algar Segurança.zip</t>
  </si>
  <si>
    <t>Faturamento Direto Projetos Fiscais Algar Seguran‡a.xlsx</t>
  </si>
  <si>
    <t>Or‡amento CSC Algar Seguran‡a Eletronica.xlsx</t>
  </si>
  <si>
    <t>Or‡amento CSC Algar Seguran‡a Vigilancia.xlsx</t>
  </si>
  <si>
    <t>Or‡amento Projetos Corporativos TI 2014 - Algar Seguran‡a.xls</t>
  </si>
  <si>
    <t>Or‡amento Provedores 2 RevisÆo 2014.xlsx</t>
  </si>
  <si>
    <t>D:\2014\Orcamento\RESULTADO\ARQUIVOS PREPARATORIOS\Holding e CSC\CSC\</t>
  </si>
  <si>
    <t>DRE 2014 - CSC - 2PROJ.xlsx</t>
  </si>
  <si>
    <t>E:\BK_final\Vilarinho\Vilarinho - Trabalho\Segurança - Erica\2014\Orcamento\RESULTADO\ARQUIVOS PREPARATORIOS\Holding e CSC\CSC\DRE 2014 - CSC - 2PROJ.xlsx</t>
  </si>
  <si>
    <t>DRE 2014 - CSC.xlsx</t>
  </si>
  <si>
    <t>E:\BK_final\Vilarinho\Vilarinho - Trabalho\Segurança - Erica\2014\Orcamento\RESULTADO\ARQUIVOS PREPARATORIOS\Holding e CSC\CSC\DRE 2014 - CSC.xlsx</t>
  </si>
  <si>
    <t>Faturamento Direto Projetos Fiscais - Algar Segurança.xlsx</t>
  </si>
  <si>
    <t>E:\BK_final\Vilarinho\Vilarinho - Trabalho\Segurança - Erica\2014\Orcamento\RESULTADO\ARQUIVOS PREPARATORIOS\Holding e CSC\CSC\Faturamento Direto Projetos Fiscais - Algar Segurança.xlsx</t>
  </si>
  <si>
    <t>Orçamento CSC - Space Tecnologia.xlsx</t>
  </si>
  <si>
    <t>E:\BK_final\Vilarinho\Vilarinho - Trabalho\Segurança - Erica\2014\Orcamento\RESULTADO\ARQUIVOS PREPARATORIOS\Holding e CSC\CSC\Orçamento CSC - Space Tecnologia.xlsx</t>
  </si>
  <si>
    <t>11/21/2019 16:46:09</t>
  </si>
  <si>
    <t>Orçamento CSC - Space Vigilancia.xlsx</t>
  </si>
  <si>
    <t>E:\BK_final\Vilarinho\Vilarinho - Trabalho\Segurança - Erica\2014\Orcamento\RESULTADO\ARQUIVOS PREPARATORIOS\Holding e CSC\CSC\Orçamento CSC - Space Vigilancia.xlsx</t>
  </si>
  <si>
    <t>Orçamento Projetos Corporativos TI 2014 - Algar Segurança.xls</t>
  </si>
  <si>
    <t>E:\BK_final\Vilarinho\Vilarinho - Trabalho\Segurança - Erica\2014\Orcamento\RESULTADO\ARQUIVOS PREPARATORIOS\Holding e CSC\CSC\Orçamento Projetos Corporativos TI 2014 - Algar Segurança.xls</t>
  </si>
  <si>
    <t>Orçamento Provedores - Preclosing 2013 e Orçamento 2014 - Algar Segurança.xlsx</t>
  </si>
  <si>
    <t>E:\BK_final\Vilarinho\Vilarinho - Trabalho\Segurança - Erica\2014\Orcamento\RESULTADO\ARQUIVOS PREPARATORIOS\Holding e CSC\CSC\Orçamento Provedores - Preclosing 2013 e Orçamento 2014 - Algar Segurança.xlsx</t>
  </si>
  <si>
    <t>D:\2014\Orcamento\RESULTADO\ARQUIVOS PREPARATORIOS\Holding e CSC\CSC\Algar Segurança\</t>
  </si>
  <si>
    <t>Depreciação Predio Multiuso - Algar Segurança.xlsx</t>
  </si>
  <si>
    <t>E:\BK_final\Vilarinho\Vilarinho - Trabalho\Segurança - Erica\2014\Orcamento\RESULTADO\ARQUIVOS PREPARATORIOS\Holding e CSC\CSC\Algar Segurança\Depreciação Predio Multiuso - Algar Segurança.xlsx</t>
  </si>
  <si>
    <t>Faturamento Direto Projetos Fiscais Algar Segurança.xlsx</t>
  </si>
  <si>
    <t>E:\BK_final\Vilarinho\Vilarinho - Trabalho\Segurança - Erica\2014\Orcamento\RESULTADO\ARQUIVOS PREPARATORIOS\Holding e CSC\CSC\Algar Segurança\Faturamento Direto Projetos Fiscais Algar Segurança.xlsx</t>
  </si>
  <si>
    <t>Orçamento CSC Algar Segurança Eletronica.xlsx</t>
  </si>
  <si>
    <t>E:\BK_final\Vilarinho\Vilarinho - Trabalho\Segurança - Erica\2014\Orcamento\RESULTADO\ARQUIVOS PREPARATORIOS\Holding e CSC\CSC\Algar Segurança\Orçamento CSC Algar Segurança Eletronica.xlsx</t>
  </si>
  <si>
    <t>11/21/2019 16:46:10</t>
  </si>
  <si>
    <t>Orçamento CSC Algar Segurança Vigilancia.xlsx</t>
  </si>
  <si>
    <t>E:\BK_final\Vilarinho\Vilarinho - Trabalho\Segurança - Erica\2014\Orcamento\RESULTADO\ARQUIVOS PREPARATORIOS\Holding e CSC\CSC\Algar Segurança\Orçamento CSC Algar Segurança Vigilancia.xlsx</t>
  </si>
  <si>
    <t>E:\BK_final\Vilarinho\Vilarinho - Trabalho\Segurança - Erica\2014\Orcamento\RESULTADO\ARQUIVOS PREPARATORIOS\Holding e CSC\CSC\Algar Segurança\Orçamento Projetos Corporativos TI 2014 - Algar Segurança.xls</t>
  </si>
  <si>
    <t>Orçamento Provedores 2 Revisão 2014.xlsx</t>
  </si>
  <si>
    <t>E:\BK_final\Vilarinho\Vilarinho - Trabalho\Segurança - Erica\2014\Orcamento\RESULTADO\ARQUIVOS PREPARATORIOS\Holding e CSC\CSC\Algar Segurança\Orçamento Provedores 2 Revisão 2014.xlsx</t>
  </si>
  <si>
    <t>D:\2014\Orcamento\RESULTADO\ARQUIVOS PREPARATORIOS\Holding e CSC\Holding\</t>
  </si>
  <si>
    <t>DRE CONSISTÊNCIA_ORÇAMENTO HOLDING.xlsx</t>
  </si>
  <si>
    <t>E:\BK_final\Vilarinho\Vilarinho - Trabalho\Segurança - Erica\2014\Orcamento\RESULTADO\ARQUIVOS PREPARATORIOS\Holding e CSC\Holding\DRE CONSISTÊNCIA_ORÇAMENTO HOLDING.xlsx</t>
  </si>
  <si>
    <t>DRE CONSISTÊNCIA_ORÇAMENTO HOLDING_2PROJ.xlsx</t>
  </si>
  <si>
    <t>E:\BK_final\Vilarinho\Vilarinho - Trabalho\Segurança - Erica\2014\Orcamento\RESULTADO\ARQUIVOS PREPARATORIOS\Holding e CSC\Holding\DRE CONSISTÊNCIA_ORÇAMENTO HOLDING_2PROJ.xlsx</t>
  </si>
  <si>
    <t>DRE CONSISTÊNCIA_ORÇAMENTO HOLDING_PRECLOS.xlsx</t>
  </si>
  <si>
    <t>E:\BK_final\Vilarinho\Vilarinho - Trabalho\Segurança - Erica\2014\Orcamento\RESULTADO\ARQUIVOS PREPARATORIOS\Holding e CSC\Holding\DRE CONSISTÊNCIA_ORÇAMENTO HOLDING_PRECLOS.xlsx</t>
  </si>
  <si>
    <t>Orçado 2014 Opex - Algar Segurança Eletrônica.xlsx</t>
  </si>
  <si>
    <t>E:\BK_final\Vilarinho\Vilarinho - Trabalho\Segurança - Erica\2014\Orcamento\RESULTADO\ARQUIVOS PREPARATORIOS\Holding e CSC\Holding\Orçado 2014 Opex - Algar Segurança Eletrônica.xlsx</t>
  </si>
  <si>
    <t>Orçado 2014 Opex - Algar Segurança Vigilância.xlsx</t>
  </si>
  <si>
    <t>E:\BK_final\Vilarinho\Vilarinho - Trabalho\Segurança - Erica\2014\Orcamento\RESULTADO\ARQUIVOS PREPARATORIOS\Holding e CSC\Holding\Orçado 2014 Opex - Algar Segurança Vigilância.xlsx</t>
  </si>
  <si>
    <t>11/21/2019 16:46:11</t>
  </si>
  <si>
    <t>Orçado 2015 e Preclosing 2014 Opex - Algar Segurança Eletrônica.xlsx</t>
  </si>
  <si>
    <t>E:\BK_final\Vilarinho\Vilarinho - Trabalho\Segurança - Erica\2014\Orcamento\RESULTADO\ARQUIVOS PREPARATORIOS\Holding e CSC\Holding\Orçado 2015 e Preclosing 2014 Opex - Algar Segurança Eletrônica.xlsx</t>
  </si>
  <si>
    <t>Orçado 2015 e Preclosing 2014 Opex - Algar Segurança Vigilância.xlsx</t>
  </si>
  <si>
    <t>E:\BK_final\Vilarinho\Vilarinho - Trabalho\Segurança - Erica\2014\Orcamento\RESULTADO\ARQUIVOS PREPARATORIOS\Holding e CSC\Holding\Orçado 2015 e Preclosing 2014 Opex - Algar Segurança Vigilância.xlsx</t>
  </si>
  <si>
    <t>11/21/2019 16:46:12</t>
  </si>
  <si>
    <t>Projeção 2014 Opex - Algar Segurança Eletrônica.xlsx</t>
  </si>
  <si>
    <t>E:\BK_final\Vilarinho\Vilarinho - Trabalho\Segurança - Erica\2014\Orcamento\RESULTADO\ARQUIVOS PREPARATORIOS\Holding e CSC\Holding\Projeção 2014 Opex - Algar Segurança Eletrônica.xlsx</t>
  </si>
  <si>
    <t>Projeção 2014 Opex - Algar Segurança Vigilância.xlsx</t>
  </si>
  <si>
    <t>E:\BK_final\Vilarinho\Vilarinho - Trabalho\Segurança - Erica\2014\Orcamento\RESULTADO\ARQUIVOS PREPARATORIOS\Holding e CSC\Holding\Projeção 2014 Opex - Algar Segurança Vigilância.xlsx</t>
  </si>
  <si>
    <t>11/21/2019 16:46:14</t>
  </si>
  <si>
    <t>D:\2014\Orcamento\RESULTADO\ARQUIVOS PREPARATORIOS\Holding e CSC\Holding\Planilhas Repasse Holding\</t>
  </si>
  <si>
    <t>Provisão Repasse Despesas Setembro CSC - Algar Segurança Eletrônica.xlsx</t>
  </si>
  <si>
    <t>E:\BK_final\Vilarinho\Vilarinho - Trabalho\Segurança - Erica\2014\Orcamento\RESULTADO\ARQUIVOS PREPARATORIOS\Holding e CSC\Holding\Planilhas Repasse Holding\Provisão Repasse Despesas Setembro CSC - Algar Segurança Eletrônica.xlsx</t>
  </si>
  <si>
    <t>Provisão Repasse Despesas Setembro CSC - Algar Segurança Vigilância.xlsx</t>
  </si>
  <si>
    <t>E:\BK_final\Vilarinho\Vilarinho - Trabalho\Segurança - Erica\2014\Orcamento\RESULTADO\ARQUIVOS PREPARATORIOS\Holding e CSC\Holding\Planilhas Repasse Holding\Provisão Repasse Despesas Setembro CSC - Algar Segurança Vigilância.xlsx</t>
  </si>
  <si>
    <t>Provisão Repasse Despesas Setembro Holding - Algar Segurança Eletrônica.xlsx</t>
  </si>
  <si>
    <t>E:\BK_final\Vilarinho\Vilarinho - Trabalho\Segurança - Erica\2014\Orcamento\RESULTADO\ARQUIVOS PREPARATORIOS\Holding e CSC\Holding\Planilhas Repasse Holding\Provisão Repasse Despesas Setembro Holding - Algar Segurança Eletrônica.xlsx</t>
  </si>
  <si>
    <t>Provisão Repasse Despesas Setembro Holding - Algar Segurança Vigilância.xlsx</t>
  </si>
  <si>
    <t>E:\BK_final\Vilarinho\Vilarinho - Trabalho\Segurança - Erica\2014\Orcamento\RESULTADO\ARQUIVOS PREPARATORIOS\Holding e CSC\Holding\Planilhas Repasse Holding\Provisão Repasse Despesas Setembro Holding - Algar Segurança Vigilância.xlsx</t>
  </si>
  <si>
    <t>D:\2014\Orcamento\RESULTADO\ARQUIVOS PREPARATORIOS\Memoria Patrimonial\</t>
  </si>
  <si>
    <t>2014_DRE_CONSOLIDADA.xlsx</t>
  </si>
  <si>
    <t>E:\BK_final\Vilarinho\Vilarinho - Trabalho\Segurança - Erica\2014\Orcamento\RESULTADO\ARQUIVOS PREPARATORIOS\Memoria Patrimonial\2014_DRE_CONSOLIDADA.xlsx</t>
  </si>
  <si>
    <t>2014_DRE_Portaria.xlsx</t>
  </si>
  <si>
    <t>E:\BK_final\Vilarinho\Vilarinho - Trabalho\Segurança - Erica\2014\Orcamento\RESULTADO\ARQUIVOS PREPARATORIOS\Memoria Patrimonial\2014_DRE_Portaria.xlsx</t>
  </si>
  <si>
    <t>2014_DRE_Vigilancia.xlsx</t>
  </si>
  <si>
    <t>E:\BK_final\Vilarinho\Vilarinho - Trabalho\Segurança - Erica\2014\Orcamento\RESULTADO\ARQUIVOS PREPARATORIOS\Memoria Patrimonial\2014_DRE_Vigilancia.xlsx</t>
  </si>
  <si>
    <t>11/21/2019 16:46:15</t>
  </si>
  <si>
    <t>D:\2014\Orcamento\RESULTADO\ARQUIVOS PREPARATORIOS\Memoria Patrimonial\Arquivos base\GO\</t>
  </si>
  <si>
    <t>Portaria 24h - GO - Plan Anterior.xlsx</t>
  </si>
  <si>
    <t>E:\BK_final\Vilarinho\Vilarinho - Trabalho\Segurança - Erica\2014\Orcamento\RESULTADO\ARQUIVOS PREPARATORIOS\Memoria Patrimonial\Arquivos base\GO\Portaria 24h - GO - Plan Anterior.xlsx</t>
  </si>
  <si>
    <t>Portaria 24h - GO II.xlsm</t>
  </si>
  <si>
    <t>E:\BK_final\Vilarinho\Vilarinho - Trabalho\Segurança - Erica\2014\Orcamento\RESULTADO\ARQUIVOS PREPARATORIOS\Memoria Patrimonial\Arquivos base\GO\Portaria 24h - GO II.xlsm</t>
  </si>
  <si>
    <t>Portaria 24h - GO.xlsm</t>
  </si>
  <si>
    <t>E:\BK_final\Vilarinho\Vilarinho - Trabalho\Segurança - Erica\2014\Orcamento\RESULTADO\ARQUIVOS PREPARATORIOS\Memoria Patrimonial\Arquivos base\GO\Portaria 24h - GO.xlsm</t>
  </si>
  <si>
    <t>Vigilância 24h - GO - Plan Anterior.xlsx</t>
  </si>
  <si>
    <t>E:\BK_final\Vilarinho\Vilarinho - Trabalho\Segurança - Erica\2014\Orcamento\RESULTADO\ARQUIVOS PREPARATORIOS\Memoria Patrimonial\Arquivos base\GO\Vigilância 24h - GO - Plan Anterior.xlsx</t>
  </si>
  <si>
    <t>Vigilância 24h - GO - Reajustado.xlsm</t>
  </si>
  <si>
    <t>E:\BK_final\Vilarinho\Vilarinho - Trabalho\Segurança - Erica\2014\Orcamento\RESULTADO\ARQUIVOS PREPARATORIOS\Memoria Patrimonial\Arquivos base\GO\Vigilância 24h - GO - Reajustado.xlsm</t>
  </si>
  <si>
    <t>11/21/2019 16:46:16</t>
  </si>
  <si>
    <t>Vigilância 24h - GO II.xlsm</t>
  </si>
  <si>
    <t>E:\BK_final\Vilarinho\Vilarinho - Trabalho\Segurança - Erica\2014\Orcamento\RESULTADO\ARQUIVOS PREPARATORIOS\Memoria Patrimonial\Arquivos base\GO\Vigilância 24h - GO II.xlsm</t>
  </si>
  <si>
    <t>Vigilância 24h - GO.xlsm</t>
  </si>
  <si>
    <t>E:\BK_final\Vilarinho\Vilarinho - Trabalho\Segurança - Erica\2014\Orcamento\RESULTADO\ARQUIVOS PREPARATORIOS\Memoria Patrimonial\Arquivos base\GO\Vigilância 24h - GO.xlsm</t>
  </si>
  <si>
    <t>11/21/2019 16:46:17</t>
  </si>
  <si>
    <t>D:\2014\Orcamento\RESULTADO\ARQUIVOS PREPARATORIOS\Memoria Patrimonial\Arquivos base\MG\</t>
  </si>
  <si>
    <t>Portaria 24h - MG - Plan Anterior.xlsx</t>
  </si>
  <si>
    <t>E:\BK_final\Vilarinho\Vilarinho - Trabalho\Segurança - Erica\2014\Orcamento\RESULTADO\ARQUIVOS PREPARATORIOS\Memoria Patrimonial\Arquivos base\MG\Portaria 24h - MG - Plan Anterior.xlsx</t>
  </si>
  <si>
    <t>Portaria 24h - MG.xlsm</t>
  </si>
  <si>
    <t>E:\BK_final\Vilarinho\Vilarinho - Trabalho\Segurança - Erica\2014\Orcamento\RESULTADO\ARQUIVOS PREPARATORIOS\Memoria Patrimonial\Arquivos base\MG\Portaria 24h - MG.xlsm</t>
  </si>
  <si>
    <t>Portaria 24h - MG1 II - Cópia - Cópia.xlsm</t>
  </si>
  <si>
    <t>E:\BK_final\Vilarinho\Vilarinho - Trabalho\Segurança - Erica\2014\Orcamento\RESULTADO\ARQUIVOS PREPARATORIOS\Memoria Patrimonial\Arquivos base\MG\Portaria 24h - MG1 II - Cópia - Cópia.xlsm</t>
  </si>
  <si>
    <t>Portaria 24h - MG1 II - Cópia.xlsm</t>
  </si>
  <si>
    <t>E:\BK_final\Vilarinho\Vilarinho - Trabalho\Segurança - Erica\2014\Orcamento\RESULTADO\ARQUIVOS PREPARATORIOS\Memoria Patrimonial\Arquivos base\MG\Portaria 24h - MG1 II - Cópia.xlsm</t>
  </si>
  <si>
    <t>Portaria 24h - MG1 II.xlsm</t>
  </si>
  <si>
    <t>E:\BK_final\Vilarinho\Vilarinho - Trabalho\Segurança - Erica\2014\Orcamento\RESULTADO\ARQUIVOS PREPARATORIOS\Memoria Patrimonial\Arquivos base\MG\Portaria 24h - MG1 II.xlsm</t>
  </si>
  <si>
    <t>Portaria 24h - MG2 II.xlsm</t>
  </si>
  <si>
    <t>E:\BK_final\Vilarinho\Vilarinho - Trabalho\Segurança - Erica\2014\Orcamento\RESULTADO\ARQUIVOS PREPARATORIOS\Memoria Patrimonial\Arquivos base\MG\Portaria 24h - MG2 II.xlsm</t>
  </si>
  <si>
    <t>11/21/2019 16:46:18</t>
  </si>
  <si>
    <t>Vigilância 24h - MG - Cópia.xlsm</t>
  </si>
  <si>
    <t>E:\BK_final\Vilarinho\Vilarinho - Trabalho\Segurança - Erica\2014\Orcamento\RESULTADO\ARQUIVOS PREPARATORIOS\Memoria Patrimonial\Arquivos base\MG\Vigilância 24h - MG - Cópia.xlsm</t>
  </si>
  <si>
    <t>Vigilância 24h - MG - Plan Anterior.xlsx</t>
  </si>
  <si>
    <t>E:\BK_final\Vilarinho\Vilarinho - Trabalho\Segurança - Erica\2014\Orcamento\RESULTADO\ARQUIVOS PREPARATORIOS\Memoria Patrimonial\Arquivos base\MG\Vigilância 24h - MG - Plan Anterior.xlsx</t>
  </si>
  <si>
    <t>Vigilância 24h - MG.xlsm</t>
  </si>
  <si>
    <t>E:\BK_final\Vilarinho\Vilarinho - Trabalho\Segurança - Erica\2014\Orcamento\RESULTADO\ARQUIVOS PREPARATORIOS\Memoria Patrimonial\Arquivos base\MG\Vigilância 24h - MG.xlsm</t>
  </si>
  <si>
    <t>Vigilância 24h - MG1 II - Cópia - Cópia.xlsm</t>
  </si>
  <si>
    <t>E:\BK_final\Vilarinho\Vilarinho - Trabalho\Segurança - Erica\2014\Orcamento\RESULTADO\ARQUIVOS PREPARATORIOS\Memoria Patrimonial\Arquivos base\MG\Vigilância 24h - MG1 II - Cópia - Cópia.xlsm</t>
  </si>
  <si>
    <t>Vigilância 24h - MG1 II - Cópia.xlsm</t>
  </si>
  <si>
    <t>E:\BK_final\Vilarinho\Vilarinho - Trabalho\Segurança - Erica\2014\Orcamento\RESULTADO\ARQUIVOS PREPARATORIOS\Memoria Patrimonial\Arquivos base\MG\Vigilância 24h - MG1 II - Cópia.xlsm</t>
  </si>
  <si>
    <t>Vigilância 24h - MG1 II.xlsm</t>
  </si>
  <si>
    <t>E:\BK_final\Vilarinho\Vilarinho - Trabalho\Segurança - Erica\2014\Orcamento\RESULTADO\ARQUIVOS PREPARATORIOS\Memoria Patrimonial\Arquivos base\MG\Vigilância 24h - MG1 II.xlsm</t>
  </si>
  <si>
    <t>Vigilância 24h - MG2 II.xlsm</t>
  </si>
  <si>
    <t>E:\BK_final\Vilarinho\Vilarinho - Trabalho\Segurança - Erica\2014\Orcamento\RESULTADO\ARQUIVOS PREPARATORIOS\Memoria Patrimonial\Arquivos base\MG\Vigilância 24h - MG2 II.xlsm</t>
  </si>
  <si>
    <t>D:\2014\Orcamento\RESULTADO\ARQUIVOS PREPARATORIOS\Memoria Patrimonial\Arquivos base\MS\</t>
  </si>
  <si>
    <t>Portaria 24h - MS - Plan Anterior.xlsx</t>
  </si>
  <si>
    <t>E:\BK_final\Vilarinho\Vilarinho - Trabalho\Segurança - Erica\2014\Orcamento\RESULTADO\ARQUIVOS PREPARATORIOS\Memoria Patrimonial\Arquivos base\MS\Portaria 24h - MS - Plan Anterior.xlsx</t>
  </si>
  <si>
    <t>11/21/2019 16:46:19</t>
  </si>
  <si>
    <t>Portaria 24h - MS II - Cópia.xlsm</t>
  </si>
  <si>
    <t>E:\BK_final\Vilarinho\Vilarinho - Trabalho\Segurança - Erica\2014\Orcamento\RESULTADO\ARQUIVOS PREPARATORIOS\Memoria Patrimonial\Arquivos base\MS\Portaria 24h - MS II - Cópia.xlsm</t>
  </si>
  <si>
    <t>Portaria 24h - MS II.xlsm</t>
  </si>
  <si>
    <t>E:\BK_final\Vilarinho\Vilarinho - Trabalho\Segurança - Erica\2014\Orcamento\RESULTADO\ARQUIVOS PREPARATORIOS\Memoria Patrimonial\Arquivos base\MS\Portaria 24h - MS II.xlsm</t>
  </si>
  <si>
    <t>Portaria 24h - MS.xlsm</t>
  </si>
  <si>
    <t>E:\BK_final\Vilarinho\Vilarinho - Trabalho\Segurança - Erica\2014\Orcamento\RESULTADO\ARQUIVOS PREPARATORIOS\Memoria Patrimonial\Arquivos base\MS\Portaria 24h - MS.xlsm</t>
  </si>
  <si>
    <t>Vigilância 24h - MS - Plan Anterior.xlsx</t>
  </si>
  <si>
    <t>E:\BK_final\Vilarinho\Vilarinho - Trabalho\Segurança - Erica\2014\Orcamento\RESULTADO\ARQUIVOS PREPARATORIOS\Memoria Patrimonial\Arquivos base\MS\Vigilância 24h - MS - Plan Anterior.xlsx</t>
  </si>
  <si>
    <t>Vigilância 24h - MS II - Cópia.xlsm</t>
  </si>
  <si>
    <t>E:\BK_final\Vilarinho\Vilarinho - Trabalho\Segurança - Erica\2014\Orcamento\RESULTADO\ARQUIVOS PREPARATORIOS\Memoria Patrimonial\Arquivos base\MS\Vigilância 24h - MS II - Cópia.xlsm</t>
  </si>
  <si>
    <t>Vigilância 24h - MS II.xlsm</t>
  </si>
  <si>
    <t>E:\BK_final\Vilarinho\Vilarinho - Trabalho\Segurança - Erica\2014\Orcamento\RESULTADO\ARQUIVOS PREPARATORIOS\Memoria Patrimonial\Arquivos base\MS\Vigilância 24h - MS II.xlsm</t>
  </si>
  <si>
    <t>Vigilância 24h - MS.xlsm</t>
  </si>
  <si>
    <t>E:\BK_final\Vilarinho\Vilarinho - Trabalho\Segurança - Erica\2014\Orcamento\RESULTADO\ARQUIVOS PREPARATORIOS\Memoria Patrimonial\Arquivos base\MS\Vigilância 24h - MS.xlsm</t>
  </si>
  <si>
    <t>11/21/2019 16:46:20</t>
  </si>
  <si>
    <t>D:\2014\Orcamento\RESULTADO\ARQUIVOS PREPARATORIOS\Memoria Patrimonial\Arquivos base\MT\</t>
  </si>
  <si>
    <t>Portaria 24h - MT - Plan Anterior.xlsx</t>
  </si>
  <si>
    <t>E:\BK_final\Vilarinho\Vilarinho - Trabalho\Segurança - Erica\2014\Orcamento\RESULTADO\ARQUIVOS PREPARATORIOS\Memoria Patrimonial\Arquivos base\MT\Portaria 24h - MT - Plan Anterior.xlsx</t>
  </si>
  <si>
    <t>Portaria 24h - MT.xlsm</t>
  </si>
  <si>
    <t>E:\BK_final\Vilarinho\Vilarinho - Trabalho\Segurança - Erica\2014\Orcamento\RESULTADO\ARQUIVOS PREPARATORIOS\Memoria Patrimonial\Arquivos base\MT\Portaria 24h - MT.xlsm</t>
  </si>
  <si>
    <t>Vigilância 24h - MT - Plan Anterior.xlsx</t>
  </si>
  <si>
    <t>E:\BK_final\Vilarinho\Vilarinho - Trabalho\Segurança - Erica\2014\Orcamento\RESULTADO\ARQUIVOS PREPARATORIOS\Memoria Patrimonial\Arquivos base\MT\Vigilância 24h - MT - Plan Anterior.xlsx</t>
  </si>
  <si>
    <t>Vigilância 24h - MT II - Cópia.xlsm</t>
  </si>
  <si>
    <t>E:\BK_final\Vilarinho\Vilarinho - Trabalho\Segurança - Erica\2014\Orcamento\RESULTADO\ARQUIVOS PREPARATORIOS\Memoria Patrimonial\Arquivos base\MT\Vigilância 24h - MT II - Cópia.xlsm</t>
  </si>
  <si>
    <t>Vigilância 24h - MT II.xlsm</t>
  </si>
  <si>
    <t>E:\BK_final\Vilarinho\Vilarinho - Trabalho\Segurança - Erica\2014\Orcamento\RESULTADO\ARQUIVOS PREPARATORIOS\Memoria Patrimonial\Arquivos base\MT\Vigilância 24h - MT II.xlsm</t>
  </si>
  <si>
    <t>Vigilância 24h - MT.xlsm</t>
  </si>
  <si>
    <t>E:\BK_final\Vilarinho\Vilarinho - Trabalho\Segurança - Erica\2014\Orcamento\RESULTADO\ARQUIVOS PREPARATORIOS\Memoria Patrimonial\Arquivos base\MT\Vigilância 24h - MT.xlsm</t>
  </si>
  <si>
    <t>D:\2014\Orcamento\RESULTADO\ARQUIVOS PREPARATORIOS\Memoria Patrimonial\Arquivos base\PR\</t>
  </si>
  <si>
    <t>Portaria 24h - PR - Cópia.xlsm</t>
  </si>
  <si>
    <t>E:\BK_final\Vilarinho\Vilarinho - Trabalho\Segurança - Erica\2014\Orcamento\RESULTADO\ARQUIVOS PREPARATORIOS\Memoria Patrimonial\Arquivos base\PR\Portaria 24h - PR - Cópia.xlsm</t>
  </si>
  <si>
    <t>11/21/2019 16:46:21</t>
  </si>
  <si>
    <t>Portaria 24h - PR - III.xlsm</t>
  </si>
  <si>
    <t>E:\BK_final\Vilarinho\Vilarinho - Trabalho\Segurança - Erica\2014\Orcamento\RESULTADO\ARQUIVOS PREPARATORIOS\Memoria Patrimonial\Arquivos base\PR\Portaria 24h - PR - III.xlsm</t>
  </si>
  <si>
    <t>Portaria 24h - PR - Plan Anterior.xlsx</t>
  </si>
  <si>
    <t>E:\BK_final\Vilarinho\Vilarinho - Trabalho\Segurança - Erica\2014\Orcamento\RESULTADO\ARQUIVOS PREPARATORIOS\Memoria Patrimonial\Arquivos base\PR\Portaria 24h - PR - Plan Anterior.xlsx</t>
  </si>
  <si>
    <t>Portaria 24h - PR II.xlsm</t>
  </si>
  <si>
    <t>E:\BK_final\Vilarinho\Vilarinho - Trabalho\Segurança - Erica\2014\Orcamento\RESULTADO\ARQUIVOS PREPARATORIOS\Memoria Patrimonial\Arquivos base\PR\Portaria 24h - PR II.xlsm</t>
  </si>
  <si>
    <t>Portaria 24h - PR.xlsm</t>
  </si>
  <si>
    <t>E:\BK_final\Vilarinho\Vilarinho - Trabalho\Segurança - Erica\2014\Orcamento\RESULTADO\ARQUIVOS PREPARATORIOS\Memoria Patrimonial\Arquivos base\PR\Portaria 24h - PR.xlsm</t>
  </si>
  <si>
    <t>11/21/2019 16:46:22</t>
  </si>
  <si>
    <t>Vigilância 24h - PR - Plan Anterior.xlsx</t>
  </si>
  <si>
    <t>E:\BK_final\Vilarinho\Vilarinho - Trabalho\Segurança - Erica\2014\Orcamento\RESULTADO\ARQUIVOS PREPARATORIOS\Memoria Patrimonial\Arquivos base\PR\Vigilância 24h - PR - Plan Anterior.xlsx</t>
  </si>
  <si>
    <t>11/21/2019 16:46:23</t>
  </si>
  <si>
    <t>Vigilância 24h - PR II - Cópia.xlsm</t>
  </si>
  <si>
    <t>E:\BK_final\Vilarinho\Vilarinho - Trabalho\Segurança - Erica\2014\Orcamento\RESULTADO\ARQUIVOS PREPARATORIOS\Memoria Patrimonial\Arquivos base\PR\Vigilância 24h - PR II - Cópia.xlsm</t>
  </si>
  <si>
    <t>Vigilância 24h - PR II.xlsm</t>
  </si>
  <si>
    <t>E:\BK_final\Vilarinho\Vilarinho - Trabalho\Segurança - Erica\2014\Orcamento\RESULTADO\ARQUIVOS PREPARATORIOS\Memoria Patrimonial\Arquivos base\PR\Vigilância 24h - PR II.xlsm</t>
  </si>
  <si>
    <t>Vigilância 24h - PR.xlsm</t>
  </si>
  <si>
    <t>E:\BK_final\Vilarinho\Vilarinho - Trabalho\Segurança - Erica\2014\Orcamento\RESULTADO\ARQUIVOS PREPARATORIOS\Memoria Patrimonial\Arquivos base\PR\Vigilância 24h - PR.xlsm</t>
  </si>
  <si>
    <t>11/21/2019 16:46:25</t>
  </si>
  <si>
    <t>D:\2014\Orcamento\RESULTADO\ARQUIVOS PREPARATORIOS\Memoria Patrimonial\Arquivos base\SP\</t>
  </si>
  <si>
    <t>Portaria 24h - SP - Plan Anterior.xlsx</t>
  </si>
  <si>
    <t>E:\BK_final\Vilarinho\Vilarinho - Trabalho\Segurança - Erica\2014\Orcamento\RESULTADO\ARQUIVOS PREPARATORIOS\Memoria Patrimonial\Arquivos base\SP\Portaria 24h - SP - Plan Anterior.xlsx</t>
  </si>
  <si>
    <t>Portaria 24h - SP.xlsm</t>
  </si>
  <si>
    <t>E:\BK_final\Vilarinho\Vilarinho - Trabalho\Segurança - Erica\2014\Orcamento\RESULTADO\ARQUIVOS PREPARATORIOS\Memoria Patrimonial\Arquivos base\SP\Portaria 24h - SP.xlsm</t>
  </si>
  <si>
    <t>Portaria 24h - SP1 II.xlsm</t>
  </si>
  <si>
    <t>E:\BK_final\Vilarinho\Vilarinho - Trabalho\Segurança - Erica\2014\Orcamento\RESULTADO\ARQUIVOS PREPARATORIOS\Memoria Patrimonial\Arquivos base\SP\Portaria 24h - SP1 II.xlsm</t>
  </si>
  <si>
    <t>Portaria 24h - SP2 II - Cópia - Cópia.xlsm</t>
  </si>
  <si>
    <t>E:\BK_final\Vilarinho\Vilarinho - Trabalho\Segurança - Erica\2014\Orcamento\RESULTADO\ARQUIVOS PREPARATORIOS\Memoria Patrimonial\Arquivos base\SP\Portaria 24h - SP2 II - Cópia - Cópia.xlsm</t>
  </si>
  <si>
    <t>Portaria 24h - SP2 II - Cópia.xlsm</t>
  </si>
  <si>
    <t>E:\BK_final\Vilarinho\Vilarinho - Trabalho\Segurança - Erica\2014\Orcamento\RESULTADO\ARQUIVOS PREPARATORIOS\Memoria Patrimonial\Arquivos base\SP\Portaria 24h - SP2 II - Cópia.xlsm</t>
  </si>
  <si>
    <t>11/21/2019 16:46:26</t>
  </si>
  <si>
    <t>Vigilância 24h - SP - Plan Anterior.xlsx</t>
  </si>
  <si>
    <t>E:\BK_final\Vilarinho\Vilarinho - Trabalho\Segurança - Erica\2014\Orcamento\RESULTADO\ARQUIVOS PREPARATORIOS\Memoria Patrimonial\Arquivos base\SP\Vigilância 24h - SP - Plan Anterior.xlsx</t>
  </si>
  <si>
    <t>Vigilância 24h - SP.xlsm</t>
  </si>
  <si>
    <t>E:\BK_final\Vilarinho\Vilarinho - Trabalho\Segurança - Erica\2014\Orcamento\RESULTADO\ARQUIVOS PREPARATORIOS\Memoria Patrimonial\Arquivos base\SP\Vigilância 24h - SP.xlsm</t>
  </si>
  <si>
    <t>Vigilância 24h - SP1 II .xlsm</t>
  </si>
  <si>
    <t>E:\BK_final\Vilarinho\Vilarinho - Trabalho\Segurança - Erica\2014\Orcamento\RESULTADO\ARQUIVOS PREPARATORIOS\Memoria Patrimonial\Arquivos base\SP\Vigilância 24h - SP1 II .xlsm</t>
  </si>
  <si>
    <t>Vigilância 24h - SP2 II - Cópia.xlsm</t>
  </si>
  <si>
    <t>E:\BK_final\Vilarinho\Vilarinho - Trabalho\Segurança - Erica\2014\Orcamento\RESULTADO\ARQUIVOS PREPARATORIOS\Memoria Patrimonial\Arquivos base\SP\Vigilância 24h - SP2 II - Cópia.xlsm</t>
  </si>
  <si>
    <t>D:\2014\Orcamento\RESULTADO\ARQUIVOS PREPARATORIOS\Memoria Patrimonial\GO\</t>
  </si>
  <si>
    <t>2014_DRE_CONSOLIDADA_GO.xlsx</t>
  </si>
  <si>
    <t>E:\BK_final\Vilarinho\Vilarinho - Trabalho\Segurança - Erica\2014\Orcamento\RESULTADO\ARQUIVOS PREPARATORIOS\Memoria Patrimonial\GO\2014_DRE_CONSOLIDADA_GO.xlsx</t>
  </si>
  <si>
    <t>11/21/2019 16:46:27</t>
  </si>
  <si>
    <t>D:\2014\Orcamento\RESULTADO\ARQUIVOS PREPARATORIOS\Memoria Patrimonial\GO\Portaria\</t>
  </si>
  <si>
    <t>2014 - Portaria GO - I.xlsx</t>
  </si>
  <si>
    <t>E:\BK_final\Vilarinho\Vilarinho - Trabalho\Segurança - Erica\2014\Orcamento\RESULTADO\ARQUIVOS PREPARATORIOS\Memoria Patrimonial\GO\Portaria\2014 - Portaria GO - I.xlsx</t>
  </si>
  <si>
    <t>D:\2014\Orcamento\RESULTADO\ARQUIVOS PREPARATORIOS\Memoria Patrimonial\GO\Portaria\Nova\</t>
  </si>
  <si>
    <t>012014_Portaria_GO_Nova.xlsm</t>
  </si>
  <si>
    <t>E:\BK_final\Vilarinho\Vilarinho - Trabalho\Segurança - Erica\2014\Orcamento\RESULTADO\ARQUIVOS PREPARATORIOS\Memoria Patrimonial\GO\Portaria\Nova\012014_Portaria_GO_Nova.xlsm</t>
  </si>
  <si>
    <t>D:\2014\Orcamento\RESULTADO\ARQUIVOS PREPARATORIOS\Memoria Patrimonial\GO\Vigilancia\</t>
  </si>
  <si>
    <t>2014 - Vigilancia GO - I.xlsx</t>
  </si>
  <si>
    <t>E:\BK_final\Vilarinho\Vilarinho - Trabalho\Segurança - Erica\2014\Orcamento\RESULTADO\ARQUIVOS PREPARATORIOS\Memoria Patrimonial\GO\Vigilancia\2014 - Vigilancia GO - I.xlsx</t>
  </si>
  <si>
    <t>D:\2014\Orcamento\RESULTADO\ARQUIVOS PREPARATORIOS\Memoria Patrimonial\GO\Vigilancia\Cancelada\</t>
  </si>
  <si>
    <t>012014_Vigilancia_GO_Cancelada.xlsm</t>
  </si>
  <si>
    <t>E:\BK_final\Vilarinho\Vilarinho - Trabalho\Segurança - Erica\2014\Orcamento\RESULTADO\ARQUIVOS PREPARATORIOS\Memoria Patrimonial\GO\Vigilancia\Cancelada\012014_Vigilancia_GO_Cancelada.xlsm</t>
  </si>
  <si>
    <t>022014_Vigilancia_GO_Cancelada.xlsm</t>
  </si>
  <si>
    <t>E:\BK_final\Vilarinho\Vilarinho - Trabalho\Segurança - Erica\2014\Orcamento\RESULTADO\ARQUIVOS PREPARATORIOS\Memoria Patrimonial\GO\Vigilancia\Cancelada\022014_Vigilancia_GO_Cancelada.xlsm</t>
  </si>
  <si>
    <t>11/21/2019 16:46:28</t>
  </si>
  <si>
    <t>042014_Vigilancia_GO_Cancelada.xlsm</t>
  </si>
  <si>
    <t>E:\BK_final\Vilarinho\Vilarinho - Trabalho\Segurança - Erica\2014\Orcamento\RESULTADO\ARQUIVOS PREPARATORIOS\Memoria Patrimonial\GO\Vigilancia\Cancelada\042014_Vigilancia_GO_Cancelada.xlsm</t>
  </si>
  <si>
    <t>032014_Vigilancia_GO_Cancelada.xlsm</t>
  </si>
  <si>
    <t>E:\BK_final\Vilarinho\Vilarinho - Trabalho\Segurança - Erica\2014\Orcamento\RESULTADO\ARQUIVOS PREPARATORIOS\Memoria Patrimonial\GO\Vigilancia\Cancelada\032014_Vigilancia_GO_Cancelada.xlsm</t>
  </si>
  <si>
    <t>052014_Vigilancia_GO_Cancelada.xlsm</t>
  </si>
  <si>
    <t>E:\BK_final\Vilarinho\Vilarinho - Trabalho\Segurança - Erica\2014\Orcamento\RESULTADO\ARQUIVOS PREPARATORIOS\Memoria Patrimonial\GO\Vigilancia\Cancelada\052014_Vigilancia_GO_Cancelada.xlsm</t>
  </si>
  <si>
    <t>062014_Vigilancia_GO_Cancelada.xlsm</t>
  </si>
  <si>
    <t>E:\BK_final\Vilarinho\Vilarinho - Trabalho\Segurança - Erica\2014\Orcamento\RESULTADO\ARQUIVOS PREPARATORIOS\Memoria Patrimonial\GO\Vigilancia\Cancelada\062014_Vigilancia_GO_Cancelada.xlsm</t>
  </si>
  <si>
    <t>072014_Vigilancia_GO_Cancelada.xlsm</t>
  </si>
  <si>
    <t>E:\BK_final\Vilarinho\Vilarinho - Trabalho\Segurança - Erica\2014\Orcamento\RESULTADO\ARQUIVOS PREPARATORIOS\Memoria Patrimonial\GO\Vigilancia\Cancelada\072014_Vigilancia_GO_Cancelada.xlsm</t>
  </si>
  <si>
    <t>082014_Vigilancia_GO_Cancelada.xlsm</t>
  </si>
  <si>
    <t>E:\BK_final\Vilarinho\Vilarinho - Trabalho\Segurança - Erica\2014\Orcamento\RESULTADO\ARQUIVOS PREPARATORIOS\Memoria Patrimonial\GO\Vigilancia\Cancelada\082014_Vigilancia_GO_Cancelada.xlsm</t>
  </si>
  <si>
    <t>092014_Vigilancia_GO_Cancelada.xlsm</t>
  </si>
  <si>
    <t>E:\BK_final\Vilarinho\Vilarinho - Trabalho\Segurança - Erica\2014\Orcamento\RESULTADO\ARQUIVOS PREPARATORIOS\Memoria Patrimonial\GO\Vigilancia\Cancelada\092014_Vigilancia_GO_Cancelada.xlsm</t>
  </si>
  <si>
    <t>102014_Vigilancia_GO_Cancelada.xlsm</t>
  </si>
  <si>
    <t>E:\BK_final\Vilarinho\Vilarinho - Trabalho\Segurança - Erica\2014\Orcamento\RESULTADO\ARQUIVOS PREPARATORIOS\Memoria Patrimonial\GO\Vigilancia\Cancelada\102014_Vigilancia_GO_Cancelada.xlsm</t>
  </si>
  <si>
    <t>11/21/2019 16:46:29</t>
  </si>
  <si>
    <t>112014_Vigilancia_GO_Cancelada.xlsm</t>
  </si>
  <si>
    <t>E:\BK_final\Vilarinho\Vilarinho - Trabalho\Segurança - Erica\2014\Orcamento\RESULTADO\ARQUIVOS PREPARATORIOS\Memoria Patrimonial\GO\Vigilancia\Cancelada\112014_Vigilancia_GO_Cancelada.xlsm</t>
  </si>
  <si>
    <t>122014_Vigilancia_GO_Cancelada.xlsm</t>
  </si>
  <si>
    <t>E:\BK_final\Vilarinho\Vilarinho - Trabalho\Segurança - Erica\2014\Orcamento\RESULTADO\ARQUIVOS PREPARATORIOS\Memoria Patrimonial\GO\Vigilancia\Cancelada\122014_Vigilancia_GO_Cancelada.xlsm</t>
  </si>
  <si>
    <t>D:\2014\Orcamento\RESULTADO\ARQUIVOS PREPARATORIOS\Memoria Patrimonial\GO\Vigilancia\Extra\</t>
  </si>
  <si>
    <t>012014_Vigilancia_GO_Extra.xlsm</t>
  </si>
  <si>
    <t>E:\BK_final\Vilarinho\Vilarinho - Trabalho\Segurança - Erica\2014\Orcamento\RESULTADO\ARQUIVOS PREPARATORIOS\Memoria Patrimonial\GO\Vigilancia\Extra\012014_Vigilancia_GO_Extra.xlsm</t>
  </si>
  <si>
    <t>022014_Vigilancia_GO_Extra.xlsm</t>
  </si>
  <si>
    <t>E:\BK_final\Vilarinho\Vilarinho - Trabalho\Segurança - Erica\2014\Orcamento\RESULTADO\ARQUIVOS PREPARATORIOS\Memoria Patrimonial\GO\Vigilancia\Extra\022014_Vigilancia_GO_Extra.xlsm</t>
  </si>
  <si>
    <t>032014_Vigilancia_GO_Extra.xlsm</t>
  </si>
  <si>
    <t>E:\BK_final\Vilarinho\Vilarinho - Trabalho\Segurança - Erica\2014\Orcamento\RESULTADO\ARQUIVOS PREPARATORIOS\Memoria Patrimonial\GO\Vigilancia\Extra\032014_Vigilancia_GO_Extra.xlsm</t>
  </si>
  <si>
    <t>11/21/2019 16:46:30</t>
  </si>
  <si>
    <t>042014_Vigilancia_GO_Extra.xlsm</t>
  </si>
  <si>
    <t>E:\BK_final\Vilarinho\Vilarinho - Trabalho\Segurança - Erica\2014\Orcamento\RESULTADO\ARQUIVOS PREPARATORIOS\Memoria Patrimonial\GO\Vigilancia\Extra\042014_Vigilancia_GO_Extra.xlsm</t>
  </si>
  <si>
    <t>052014_Vigilancia_GO_Extra.xlsm</t>
  </si>
  <si>
    <t>E:\BK_final\Vilarinho\Vilarinho - Trabalho\Segurança - Erica\2014\Orcamento\RESULTADO\ARQUIVOS PREPARATORIOS\Memoria Patrimonial\GO\Vigilancia\Extra\052014_Vigilancia_GO_Extra.xlsm</t>
  </si>
  <si>
    <t>062014_Vigilancia_GO_Extra.xlsm</t>
  </si>
  <si>
    <t>E:\BK_final\Vilarinho\Vilarinho - Trabalho\Segurança - Erica\2014\Orcamento\RESULTADO\ARQUIVOS PREPARATORIOS\Memoria Patrimonial\GO\Vigilancia\Extra\062014_Vigilancia_GO_Extra.xlsm</t>
  </si>
  <si>
    <t>072014_Vigilancia_GO_Extra.xlsm</t>
  </si>
  <si>
    <t>E:\BK_final\Vilarinho\Vilarinho - Trabalho\Segurança - Erica\2014\Orcamento\RESULTADO\ARQUIVOS PREPARATORIOS\Memoria Patrimonial\GO\Vigilancia\Extra\072014_Vigilancia_GO_Extra.xlsm</t>
  </si>
  <si>
    <t>11/21/2019 16:46:31</t>
  </si>
  <si>
    <t>082014_Vigilancia_GO_Extra.xlsm</t>
  </si>
  <si>
    <t>E:\BK_final\Vilarinho\Vilarinho - Trabalho\Segurança - Erica\2014\Orcamento\RESULTADO\ARQUIVOS PREPARATORIOS\Memoria Patrimonial\GO\Vigilancia\Extra\082014_Vigilancia_GO_Extra.xlsm</t>
  </si>
  <si>
    <t>092014_Vigilancia_GO_Extra.xlsm</t>
  </si>
  <si>
    <t>E:\BK_final\Vilarinho\Vilarinho - Trabalho\Segurança - Erica\2014\Orcamento\RESULTADO\ARQUIVOS PREPARATORIOS\Memoria Patrimonial\GO\Vigilancia\Extra\092014_Vigilancia_GO_Extra.xlsm</t>
  </si>
  <si>
    <t>102014_Vigilancia_GO_Extra.xlsm</t>
  </si>
  <si>
    <t>E:\BK_final\Vilarinho\Vilarinho - Trabalho\Segurança - Erica\2014\Orcamento\RESULTADO\ARQUIVOS PREPARATORIOS\Memoria Patrimonial\GO\Vigilancia\Extra\102014_Vigilancia_GO_Extra.xlsm</t>
  </si>
  <si>
    <t>112014_Vigilancia_GO_Extra.xlsm</t>
  </si>
  <si>
    <t>E:\BK_final\Vilarinho\Vilarinho - Trabalho\Segurança - Erica\2014\Orcamento\RESULTADO\ARQUIVOS PREPARATORIOS\Memoria Patrimonial\GO\Vigilancia\Extra\112014_Vigilancia_GO_Extra.xlsm</t>
  </si>
  <si>
    <t>122014_Vigilancia_GO_Extra.xlsm</t>
  </si>
  <si>
    <t>E:\BK_final\Vilarinho\Vilarinho - Trabalho\Segurança - Erica\2014\Orcamento\RESULTADO\ARQUIVOS PREPARATORIOS\Memoria Patrimonial\GO\Vigilancia\Extra\122014_Vigilancia_GO_Extra.xlsm</t>
  </si>
  <si>
    <t>11/21/2019 16:46:32</t>
  </si>
  <si>
    <t>D:\2014\Orcamento\RESULTADO\ARQUIVOS PREPARATORIOS\Memoria Patrimonial\GO\Vigilancia\Nova\</t>
  </si>
  <si>
    <t>012014_Vigilancia_GO_Nova.xlsm</t>
  </si>
  <si>
    <t>E:\BK_final\Vilarinho\Vilarinho - Trabalho\Segurança - Erica\2014\Orcamento\RESULTADO\ARQUIVOS PREPARATORIOS\Memoria Patrimonial\GO\Vigilancia\Nova\012014_Vigilancia_GO_Nova.xlsm</t>
  </si>
  <si>
    <t>022014_Vigilancia_GO_Nova.xlsm</t>
  </si>
  <si>
    <t>E:\BK_final\Vilarinho\Vilarinho - Trabalho\Segurança - Erica\2014\Orcamento\RESULTADO\ARQUIVOS PREPARATORIOS\Memoria Patrimonial\GO\Vigilancia\Nova\022014_Vigilancia_GO_Nova.xlsm</t>
  </si>
  <si>
    <t>032014_Vigilancia_GO_Nova.xlsm</t>
  </si>
  <si>
    <t>E:\BK_final\Vilarinho\Vilarinho - Trabalho\Segurança - Erica\2014\Orcamento\RESULTADO\ARQUIVOS PREPARATORIOS\Memoria Patrimonial\GO\Vigilancia\Nova\032014_Vigilancia_GO_Nova.xlsm</t>
  </si>
  <si>
    <t>042014_Vigilancia_GO_Nova.xlsm</t>
  </si>
  <si>
    <t>E:\BK_final\Vilarinho\Vilarinho - Trabalho\Segurança - Erica\2014\Orcamento\RESULTADO\ARQUIVOS PREPARATORIOS\Memoria Patrimonial\GO\Vigilancia\Nova\042014_Vigilancia_GO_Nova.xlsm</t>
  </si>
  <si>
    <t>052014_Vigilancia_GO_Nova.xlsm</t>
  </si>
  <si>
    <t>E:\BK_final\Vilarinho\Vilarinho - Trabalho\Segurança - Erica\2014\Orcamento\RESULTADO\ARQUIVOS PREPARATORIOS\Memoria Patrimonial\GO\Vigilancia\Nova\052014_Vigilancia_GO_Nova.xlsm</t>
  </si>
  <si>
    <t>062014_Vigilancia_GO_Nova.xlsm</t>
  </si>
  <si>
    <t>E:\BK_final\Vilarinho\Vilarinho - Trabalho\Segurança - Erica\2014\Orcamento\RESULTADO\ARQUIVOS PREPARATORIOS\Memoria Patrimonial\GO\Vigilancia\Nova\062014_Vigilancia_GO_Nova.xlsm</t>
  </si>
  <si>
    <t>11/21/2019 16:46:33</t>
  </si>
  <si>
    <t>E:\BK_final\Vilarinho\Vilarinho - Trabalho\Segurança - Erica\2014\Orcamento\RESULTADO\ARQUIVOS PREPARATORIOS\Memoria Patrimonial\GO\Vigilancia\Nova\072014_Vigilancia_GO_Nova.xlsm</t>
  </si>
  <si>
    <t>082014_Vigilancia_GO_Nova.xlsm</t>
  </si>
  <si>
    <t>E:\BK_final\Vilarinho\Vilarinho - Trabalho\Segurança - Erica\2014\Orcamento\RESULTADO\ARQUIVOS PREPARATORIOS\Memoria Patrimonial\GO\Vigilancia\Nova\082014_Vigilancia_GO_Nova.xlsm</t>
  </si>
  <si>
    <t>092014_Vigilancia_GO_Nova.xlsm</t>
  </si>
  <si>
    <t>E:\BK_final\Vilarinho\Vilarinho - Trabalho\Segurança - Erica\2014\Orcamento\RESULTADO\ARQUIVOS PREPARATORIOS\Memoria Patrimonial\GO\Vigilancia\Nova\092014_Vigilancia_GO_Nova.xlsm</t>
  </si>
  <si>
    <t>102014_Vigilancia_GO_Nova.xlsm</t>
  </si>
  <si>
    <t>E:\BK_final\Vilarinho\Vilarinho - Trabalho\Segurança - Erica\2014\Orcamento\RESULTADO\ARQUIVOS PREPARATORIOS\Memoria Patrimonial\GO\Vigilancia\Nova\102014_Vigilancia_GO_Nova.xlsm</t>
  </si>
  <si>
    <t>112014_Vigilancia_GO_Nova.xlsm</t>
  </si>
  <si>
    <t>E:\BK_final\Vilarinho\Vilarinho - Trabalho\Segurança - Erica\2014\Orcamento\RESULTADO\ARQUIVOS PREPARATORIOS\Memoria Patrimonial\GO\Vigilancia\Nova\112014_Vigilancia_GO_Nova.xlsm</t>
  </si>
  <si>
    <t>122014_Vigilancia_GO_Nova.xlsm</t>
  </si>
  <si>
    <t>E:\BK_final\Vilarinho\Vilarinho - Trabalho\Segurança - Erica\2014\Orcamento\RESULTADO\ARQUIVOS PREPARATORIOS\Memoria Patrimonial\GO\Vigilancia\Nova\122014_Vigilancia_GO_Nova.xlsm</t>
  </si>
  <si>
    <t>11/21/2019 16:46:35</t>
  </si>
  <si>
    <t>D:\2014\Orcamento\RESULTADO\ARQUIVOS PREPARATORIOS\Memoria Patrimonial\MG1\</t>
  </si>
  <si>
    <t>2014_DRE_CONSOLIDADA_MG1.xlsx</t>
  </si>
  <si>
    <t>E:\BK_final\Vilarinho\Vilarinho - Trabalho\Segurança - Erica\2014\Orcamento\RESULTADO\ARQUIVOS PREPARATORIOS\Memoria Patrimonial\MG1\2014_DRE_CONSOLIDADA_MG1.xlsx</t>
  </si>
  <si>
    <t>11/21/2019 16:46:36</t>
  </si>
  <si>
    <t>D:\2014\Orcamento\RESULTADO\ARQUIVOS PREPARATORIOS\Memoria Patrimonial\MG1\Portaria\</t>
  </si>
  <si>
    <t>2014 - Portaria MG1 - I.xlsx</t>
  </si>
  <si>
    <t>E:\BK_final\Vilarinho\Vilarinho - Trabalho\Segurança - Erica\2014\Orcamento\RESULTADO\ARQUIVOS PREPARATORIOS\Memoria Patrimonial\MG1\Portaria\2014 - Portaria MG1 - I.xlsx</t>
  </si>
  <si>
    <t>D:\2014\Orcamento\RESULTADO\ARQUIVOS PREPARATORIOS\Memoria Patrimonial\MG1\Portaria\Cancelada\</t>
  </si>
  <si>
    <t>012014_Portaria_MG1_Cancelada.xlsm</t>
  </si>
  <si>
    <t>E:\BK_final\Vilarinho\Vilarinho - Trabalho\Segurança - Erica\2014\Orcamento\RESULTADO\ARQUIVOS PREPARATORIOS\Memoria Patrimonial\MG1\Portaria\Cancelada\012014_Portaria_MG1_Cancelada.xlsm</t>
  </si>
  <si>
    <t>022014_Portaria_MG1_Cancelada.xlsm</t>
  </si>
  <si>
    <t>E:\BK_final\Vilarinho\Vilarinho - Trabalho\Segurança - Erica\2014\Orcamento\RESULTADO\ARQUIVOS PREPARATORIOS\Memoria Patrimonial\MG1\Portaria\Cancelada\022014_Portaria_MG1_Cancelada.xlsm</t>
  </si>
  <si>
    <t>032014_Portaria_MG1_Cancelada.xlsm</t>
  </si>
  <si>
    <t>E:\BK_final\Vilarinho\Vilarinho - Trabalho\Segurança - Erica\2014\Orcamento\RESULTADO\ARQUIVOS PREPARATORIOS\Memoria Patrimonial\MG1\Portaria\Cancelada\032014_Portaria_MG1_Cancelada.xlsm</t>
  </si>
  <si>
    <t>11/21/2019 16:46:37</t>
  </si>
  <si>
    <t>042014_Portaria_MG1_Cancelada.xlsm</t>
  </si>
  <si>
    <t>E:\BK_final\Vilarinho\Vilarinho - Trabalho\Segurança - Erica\2014\Orcamento\RESULTADO\ARQUIVOS PREPARATORIOS\Memoria Patrimonial\MG1\Portaria\Cancelada\042014_Portaria_MG1_Cancelada.xlsm</t>
  </si>
  <si>
    <t>052014_Portaria_MG1_Cancelada.xlsm</t>
  </si>
  <si>
    <t>E:\BK_final\Vilarinho\Vilarinho - Trabalho\Segurança - Erica\2014\Orcamento\RESULTADO\ARQUIVOS PREPARATORIOS\Memoria Patrimonial\MG1\Portaria\Cancelada\052014_Portaria_MG1_Cancelada.xlsm</t>
  </si>
  <si>
    <t>062014_Portaria_MG1_Cancelada.xlsm</t>
  </si>
  <si>
    <t>E:\BK_final\Vilarinho\Vilarinho - Trabalho\Segurança - Erica\2014\Orcamento\RESULTADO\ARQUIVOS PREPARATORIOS\Memoria Patrimonial\MG1\Portaria\Cancelada\062014_Portaria_MG1_Cancelada.xlsm</t>
  </si>
  <si>
    <t>072014_Portaria_MG1_Cancelada.xlsm</t>
  </si>
  <si>
    <t>E:\BK_final\Vilarinho\Vilarinho - Trabalho\Segurança - Erica\2014\Orcamento\RESULTADO\ARQUIVOS PREPARATORIOS\Memoria Patrimonial\MG1\Portaria\Cancelada\072014_Portaria_MG1_Cancelada.xlsm</t>
  </si>
  <si>
    <t>082014_Portaria_MG1_Cancelada.xlsm</t>
  </si>
  <si>
    <t>E:\BK_final\Vilarinho\Vilarinho - Trabalho\Segurança - Erica\2014\Orcamento\RESULTADO\ARQUIVOS PREPARATORIOS\Memoria Patrimonial\MG1\Portaria\Cancelada\082014_Portaria_MG1_Cancelada.xlsm</t>
  </si>
  <si>
    <t>092014_Portaria_MG1_Cancelada.xlsm</t>
  </si>
  <si>
    <t>E:\BK_final\Vilarinho\Vilarinho - Trabalho\Segurança - Erica\2014\Orcamento\RESULTADO\ARQUIVOS PREPARATORIOS\Memoria Patrimonial\MG1\Portaria\Cancelada\092014_Portaria_MG1_Cancelada.xlsm</t>
  </si>
  <si>
    <t>11/21/2019 16:46:38</t>
  </si>
  <si>
    <t>102014_Portaria_MG1_Cancelada.xlsm</t>
  </si>
  <si>
    <t>E:\BK_final\Vilarinho\Vilarinho - Trabalho\Segurança - Erica\2014\Orcamento\RESULTADO\ARQUIVOS PREPARATORIOS\Memoria Patrimonial\MG1\Portaria\Cancelada\102014_Portaria_MG1_Cancelada.xlsm</t>
  </si>
  <si>
    <t>112014_Portaria_MG1_Cancelada.xlsm</t>
  </si>
  <si>
    <t>E:\BK_final\Vilarinho\Vilarinho - Trabalho\Segurança - Erica\2014\Orcamento\RESULTADO\ARQUIVOS PREPARATORIOS\Memoria Patrimonial\MG1\Portaria\Cancelada\112014_Portaria_MG1_Cancelada.xlsm</t>
  </si>
  <si>
    <t>122014_Portaria_MG1_Cancelada.xlsm</t>
  </si>
  <si>
    <t>E:\BK_final\Vilarinho\Vilarinho - Trabalho\Segurança - Erica\2014\Orcamento\RESULTADO\ARQUIVOS PREPARATORIOS\Memoria Patrimonial\MG1\Portaria\Cancelada\122014_Portaria_MG1_Cancelada.xlsm</t>
  </si>
  <si>
    <t>D:\2014\Orcamento\RESULTADO\ARQUIVOS PREPARATORIOS\Memoria Patrimonial\MG1\Portaria\Nova\</t>
  </si>
  <si>
    <t>012014_Portaria_MG1_Nova.xlsm</t>
  </si>
  <si>
    <t>E:\BK_final\Vilarinho\Vilarinho - Trabalho\Segurança - Erica\2014\Orcamento\RESULTADO\ARQUIVOS PREPARATORIOS\Memoria Patrimonial\MG1\Portaria\Nova\012014_Portaria_MG1_Nova.xlsm</t>
  </si>
  <si>
    <t>022014_Portaria_MG1_Nova.xlsm</t>
  </si>
  <si>
    <t>E:\BK_final\Vilarinho\Vilarinho - Trabalho\Segurança - Erica\2014\Orcamento\RESULTADO\ARQUIVOS PREPARATORIOS\Memoria Patrimonial\MG1\Portaria\Nova\022014_Portaria_MG1_Nova.xlsm</t>
  </si>
  <si>
    <t>11/21/2019 16:46:39</t>
  </si>
  <si>
    <t>032014_Portaria_MG1_Nova.xlsm</t>
  </si>
  <si>
    <t>E:\BK_final\Vilarinho\Vilarinho - Trabalho\Segurança - Erica\2014\Orcamento\RESULTADO\ARQUIVOS PREPARATORIOS\Memoria Patrimonial\MG1\Portaria\Nova\032014_Portaria_MG1_Nova.xlsm</t>
  </si>
  <si>
    <t>042014_Portaria_MG1_Nova.xlsm</t>
  </si>
  <si>
    <t>E:\BK_final\Vilarinho\Vilarinho - Trabalho\Segurança - Erica\2014\Orcamento\RESULTADO\ARQUIVOS PREPARATORIOS\Memoria Patrimonial\MG1\Portaria\Nova\042014_Portaria_MG1_Nova.xlsm</t>
  </si>
  <si>
    <t>052014_Portaria_MG1_Nova.xlsm</t>
  </si>
  <si>
    <t>E:\BK_final\Vilarinho\Vilarinho - Trabalho\Segurança - Erica\2014\Orcamento\RESULTADO\ARQUIVOS PREPARATORIOS\Memoria Patrimonial\MG1\Portaria\Nova\052014_Portaria_MG1_Nova.xlsm</t>
  </si>
  <si>
    <t>062014_Portaria_MG1_Nova.xlsm</t>
  </si>
  <si>
    <t>E:\BK_final\Vilarinho\Vilarinho - Trabalho\Segurança - Erica\2014\Orcamento\RESULTADO\ARQUIVOS PREPARATORIOS\Memoria Patrimonial\MG1\Portaria\Nova\062014_Portaria_MG1_Nova.xlsm</t>
  </si>
  <si>
    <t>E:\BK_final\Vilarinho\Vilarinho - Trabalho\Segurança - Erica\2014\Orcamento\RESULTADO\ARQUIVOS PREPARATORIOS\Memoria Patrimonial\MG1\Portaria\Nova\072014_Portaria_MG1_Nova.xlsm</t>
  </si>
  <si>
    <t>082014_Portaria_MG1_Nova.xlsm</t>
  </si>
  <si>
    <t>E:\BK_final\Vilarinho\Vilarinho - Trabalho\Segurança - Erica\2014\Orcamento\RESULTADO\ARQUIVOS PREPARATORIOS\Memoria Patrimonial\MG1\Portaria\Nova\082014_Portaria_MG1_Nova.xlsm</t>
  </si>
  <si>
    <t>11/21/2019 16:46:40</t>
  </si>
  <si>
    <t>092014_Portaria_MG1_Nova.xlsm</t>
  </si>
  <si>
    <t>E:\BK_final\Vilarinho\Vilarinho - Trabalho\Segurança - Erica\2014\Orcamento\RESULTADO\ARQUIVOS PREPARATORIOS\Memoria Patrimonial\MG1\Portaria\Nova\092014_Portaria_MG1_Nova.xlsm</t>
  </si>
  <si>
    <t>102014_Portaria_MG1_Nova.xlsm</t>
  </si>
  <si>
    <t>E:\BK_final\Vilarinho\Vilarinho - Trabalho\Segurança - Erica\2014\Orcamento\RESULTADO\ARQUIVOS PREPARATORIOS\Memoria Patrimonial\MG1\Portaria\Nova\102014_Portaria_MG1_Nova.xlsm</t>
  </si>
  <si>
    <t>112014_Portaria_MG1_Nova.xlsm</t>
  </si>
  <si>
    <t>E:\BK_final\Vilarinho\Vilarinho - Trabalho\Segurança - Erica\2014\Orcamento\RESULTADO\ARQUIVOS PREPARATORIOS\Memoria Patrimonial\MG1\Portaria\Nova\112014_Portaria_MG1_Nova.xlsm</t>
  </si>
  <si>
    <t>122014_Portaria_MG1_Nova.xlsm</t>
  </si>
  <si>
    <t>E:\BK_final\Vilarinho\Vilarinho - Trabalho\Segurança - Erica\2014\Orcamento\RESULTADO\ARQUIVOS PREPARATORIOS\Memoria Patrimonial\MG1\Portaria\Nova\122014_Portaria_MG1_Nova.xlsm</t>
  </si>
  <si>
    <t>D:\2014\Orcamento\RESULTADO\ARQUIVOS PREPARATORIOS\Memoria Patrimonial\MG1\Vigilancia\</t>
  </si>
  <si>
    <t>2014 - Vigilancia MG1 - I.xlsx</t>
  </si>
  <si>
    <t>E:\BK_final\Vilarinho\Vilarinho - Trabalho\Segurança - Erica\2014\Orcamento\RESULTADO\ARQUIVOS PREPARATORIOS\Memoria Patrimonial\MG1\Vigilancia\2014 - Vigilancia MG1 - I.xlsx</t>
  </si>
  <si>
    <t>D:\2014\Orcamento\RESULTADO\ARQUIVOS PREPARATORIOS\Memoria Patrimonial\MG1\Vigilancia\Cancelada\</t>
  </si>
  <si>
    <t>012014_Vigilancia_MG1_Cancelada.xlsm</t>
  </si>
  <si>
    <t>E:\BK_final\Vilarinho\Vilarinho - Trabalho\Segurança - Erica\2014\Orcamento\RESULTADO\ARQUIVOS PREPARATORIOS\Memoria Patrimonial\MG1\Vigilancia\Cancelada\012014_Vigilancia_MG1_Cancelada.xlsm</t>
  </si>
  <si>
    <t>022014_Vigilancia_MG1_Cancelada.xlsm</t>
  </si>
  <si>
    <t>E:\BK_final\Vilarinho\Vilarinho - Trabalho\Segurança - Erica\2014\Orcamento\RESULTADO\ARQUIVOS PREPARATORIOS\Memoria Patrimonial\MG1\Vigilancia\Cancelada\022014_Vigilancia_MG1_Cancelada.xlsm</t>
  </si>
  <si>
    <t>11/21/2019 16:46:41</t>
  </si>
  <si>
    <t>032014_Vigilancia_MG1_Cancelada.xlsm</t>
  </si>
  <si>
    <t>E:\BK_final\Vilarinho\Vilarinho - Trabalho\Segurança - Erica\2014\Orcamento\RESULTADO\ARQUIVOS PREPARATORIOS\Memoria Patrimonial\MG1\Vigilancia\Cancelada\032014_Vigilancia_MG1_Cancelada.xlsm</t>
  </si>
  <si>
    <t>042014_Vigilancia_MG1_Cancelada.xlsm</t>
  </si>
  <si>
    <t>E:\BK_final\Vilarinho\Vilarinho - Trabalho\Segurança - Erica\2014\Orcamento\RESULTADO\ARQUIVOS PREPARATORIOS\Memoria Patrimonial\MG1\Vigilancia\Cancelada\042014_Vigilancia_MG1_Cancelada.xlsm</t>
  </si>
  <si>
    <t>052014_Vigilancia_MG1_Cancelada.xlsm</t>
  </si>
  <si>
    <t>E:\BK_final\Vilarinho\Vilarinho - Trabalho\Segurança - Erica\2014\Orcamento\RESULTADO\ARQUIVOS PREPARATORIOS\Memoria Patrimonial\MG1\Vigilancia\Cancelada\052014_Vigilancia_MG1_Cancelada.xlsm</t>
  </si>
  <si>
    <t>062014_Vigilancia_MG1_Cancelada.xlsm</t>
  </si>
  <si>
    <t>E:\BK_final\Vilarinho\Vilarinho - Trabalho\Segurança - Erica\2014\Orcamento\RESULTADO\ARQUIVOS PREPARATORIOS\Memoria Patrimonial\MG1\Vigilancia\Cancelada\062014_Vigilancia_MG1_Cancelada.xlsm</t>
  </si>
  <si>
    <t>072014_Vigilancia_MG1_Cancelada.xlsm</t>
  </si>
  <si>
    <t>E:\BK_final\Vilarinho\Vilarinho - Trabalho\Segurança - Erica\2014\Orcamento\RESULTADO\ARQUIVOS PREPARATORIOS\Memoria Patrimonial\MG1\Vigilancia\Cancelada\072014_Vigilancia_MG1_Cancelada.xlsm</t>
  </si>
  <si>
    <t>082014_Vigilancia_MG1_Cancelada.xlsm</t>
  </si>
  <si>
    <t>E:\BK_final\Vilarinho\Vilarinho - Trabalho\Segurança - Erica\2014\Orcamento\RESULTADO\ARQUIVOS PREPARATORIOS\Memoria Patrimonial\MG1\Vigilancia\Cancelada\082014_Vigilancia_MG1_Cancelada.xlsm</t>
  </si>
  <si>
    <t>092014_Vigilancia_MG1_Cancelada.xlsm</t>
  </si>
  <si>
    <t>E:\BK_final\Vilarinho\Vilarinho - Trabalho\Segurança - Erica\2014\Orcamento\RESULTADO\ARQUIVOS PREPARATORIOS\Memoria Patrimonial\MG1\Vigilancia\Cancelada\092014_Vigilancia_MG1_Cancelada.xlsm</t>
  </si>
  <si>
    <t>11/21/2019 16:46:42</t>
  </si>
  <si>
    <t>102014_Vigilancia_MG1_Cancelada.xlsm</t>
  </si>
  <si>
    <t>E:\BK_final\Vilarinho\Vilarinho - Trabalho\Segurança - Erica\2014\Orcamento\RESULTADO\ARQUIVOS PREPARATORIOS\Memoria Patrimonial\MG1\Vigilancia\Cancelada\102014_Vigilancia_MG1_Cancelada.xlsm</t>
  </si>
  <si>
    <t>112014_Vigilancia_MG1_Cancelada.xlsm</t>
  </si>
  <si>
    <t>E:\BK_final\Vilarinho\Vilarinho - Trabalho\Segurança - Erica\2014\Orcamento\RESULTADO\ARQUIVOS PREPARATORIOS\Memoria Patrimonial\MG1\Vigilancia\Cancelada\112014_Vigilancia_MG1_Cancelada.xlsm</t>
  </si>
  <si>
    <t>122014_Vigilancia_MG1_Cancelada.xlsm</t>
  </si>
  <si>
    <t>E:\BK_final\Vilarinho\Vilarinho - Trabalho\Segurança - Erica\2014\Orcamento\RESULTADO\ARQUIVOS PREPARATORIOS\Memoria Patrimonial\MG1\Vigilancia\Cancelada\122014_Vigilancia_MG1_Cancelada.xlsm</t>
  </si>
  <si>
    <t>11/21/2019 16:46:44</t>
  </si>
  <si>
    <t>D:\2014\Orcamento\RESULTADO\ARQUIVOS PREPARATORIOS\Memoria Patrimonial\MG1\Vigilancia\Extra\</t>
  </si>
  <si>
    <t>012014_Vigilancia_MG1_Extra.xlsm</t>
  </si>
  <si>
    <t>E:\BK_final\Vilarinho\Vilarinho - Trabalho\Segurança - Erica\2014\Orcamento\RESULTADO\ARQUIVOS PREPARATORIOS\Memoria Patrimonial\MG1\Vigilancia\Extra\012014_Vigilancia_MG1_Extra.xlsm</t>
  </si>
  <si>
    <t>022014_Vigilancia_MG1_Extra.xlsm</t>
  </si>
  <si>
    <t>E:\BK_final\Vilarinho\Vilarinho - Trabalho\Segurança - Erica\2014\Orcamento\RESULTADO\ARQUIVOS PREPARATORIOS\Memoria Patrimonial\MG1\Vigilancia\Extra\022014_Vigilancia_MG1_Extra.xlsm</t>
  </si>
  <si>
    <t>032014_Vigilancia_MG1_Extra.xlsm</t>
  </si>
  <si>
    <t>E:\BK_final\Vilarinho\Vilarinho - Trabalho\Segurança - Erica\2014\Orcamento\RESULTADO\ARQUIVOS PREPARATORIOS\Memoria Patrimonial\MG1\Vigilancia\Extra\032014_Vigilancia_MG1_Extra.xlsm</t>
  </si>
  <si>
    <t>11/21/2019 16:46:45</t>
  </si>
  <si>
    <t>042014_Vigilancia_MG1_Extra.xlsm</t>
  </si>
  <si>
    <t>E:\BK_final\Vilarinho\Vilarinho - Trabalho\Segurança - Erica\2014\Orcamento\RESULTADO\ARQUIVOS PREPARATORIOS\Memoria Patrimonial\MG1\Vigilancia\Extra\042014_Vigilancia_MG1_Extra.xlsm</t>
  </si>
  <si>
    <t>052014_Vigilancia_MG1_Extra.xlsm</t>
  </si>
  <si>
    <t>E:\BK_final\Vilarinho\Vilarinho - Trabalho\Segurança - Erica\2014\Orcamento\RESULTADO\ARQUIVOS PREPARATORIOS\Memoria Patrimonial\MG1\Vigilancia\Extra\052014_Vigilancia_MG1_Extra.xlsm</t>
  </si>
  <si>
    <t>062014_Vigilancia_MG1_Extra.xlsm</t>
  </si>
  <si>
    <t>E:\BK_final\Vilarinho\Vilarinho - Trabalho\Segurança - Erica\2014\Orcamento\RESULTADO\ARQUIVOS PREPARATORIOS\Memoria Patrimonial\MG1\Vigilancia\Extra\062014_Vigilancia_MG1_Extra.xlsm</t>
  </si>
  <si>
    <t>072014_Vigilancia_MG1_Extra.xlsm</t>
  </si>
  <si>
    <t>E:\BK_final\Vilarinho\Vilarinho - Trabalho\Segurança - Erica\2014\Orcamento\RESULTADO\ARQUIVOS PREPARATORIOS\Memoria Patrimonial\MG1\Vigilancia\Extra\072014_Vigilancia_MG1_Extra.xlsm</t>
  </si>
  <si>
    <t>082014_Vigilancia_MG1_Extra.xlsm</t>
  </si>
  <si>
    <t>E:\BK_final\Vilarinho\Vilarinho - Trabalho\Segurança - Erica\2014\Orcamento\RESULTADO\ARQUIVOS PREPARATORIOS\Memoria Patrimonial\MG1\Vigilancia\Extra\082014_Vigilancia_MG1_Extra.xlsm</t>
  </si>
  <si>
    <t>11/21/2019 16:46:46</t>
  </si>
  <si>
    <t>092014_Vigilancia_MG1_Extra.xlsm</t>
  </si>
  <si>
    <t>E:\BK_final\Vilarinho\Vilarinho - Trabalho\Segurança - Erica\2014\Orcamento\RESULTADO\ARQUIVOS PREPARATORIOS\Memoria Patrimonial\MG1\Vigilancia\Extra\092014_Vigilancia_MG1_Extra.xlsm</t>
  </si>
  <si>
    <t>102014_Vigilancia_MG1_Extra.xlsm</t>
  </si>
  <si>
    <t>E:\BK_final\Vilarinho\Vilarinho - Trabalho\Segurança - Erica\2014\Orcamento\RESULTADO\ARQUIVOS PREPARATORIOS\Memoria Patrimonial\MG1\Vigilancia\Extra\102014_Vigilancia_MG1_Extra.xlsm</t>
  </si>
  <si>
    <t>112014_Vigilancia_MG1_Extra.xlsm</t>
  </si>
  <si>
    <t>E:\BK_final\Vilarinho\Vilarinho - Trabalho\Segurança - Erica\2014\Orcamento\RESULTADO\ARQUIVOS PREPARATORIOS\Memoria Patrimonial\MG1\Vigilancia\Extra\112014_Vigilancia_MG1_Extra.xlsm</t>
  </si>
  <si>
    <t>122014_Vigilancia_MG1_Extra.xlsm</t>
  </si>
  <si>
    <t>E:\BK_final\Vilarinho\Vilarinho - Trabalho\Segurança - Erica\2014\Orcamento\RESULTADO\ARQUIVOS PREPARATORIOS\Memoria Patrimonial\MG1\Vigilancia\Extra\122014_Vigilancia_MG1_Extra.xlsm</t>
  </si>
  <si>
    <t>D:\2014\Orcamento\RESULTADO\ARQUIVOS PREPARATORIOS\Memoria Patrimonial\MG1\Vigilancia\Nova\</t>
  </si>
  <si>
    <t>012014_Vigilancia_MG1_Nova.xlsm</t>
  </si>
  <si>
    <t>E:\BK_final\Vilarinho\Vilarinho - Trabalho\Segurança - Erica\2014\Orcamento\RESULTADO\ARQUIVOS PREPARATORIOS\Memoria Patrimonial\MG1\Vigilancia\Nova\012014_Vigilancia_MG1_Nova.xlsm</t>
  </si>
  <si>
    <t>11/21/2019 16:46:47</t>
  </si>
  <si>
    <t>022014_Vigilancia_MG1_Nova.xlsm</t>
  </si>
  <si>
    <t>E:\BK_final\Vilarinho\Vilarinho - Trabalho\Segurança - Erica\2014\Orcamento\RESULTADO\ARQUIVOS PREPARATORIOS\Memoria Patrimonial\MG1\Vigilancia\Nova\022014_Vigilancia_MG1_Nova.xlsm</t>
  </si>
  <si>
    <t>032014_Vigilancia_MG1_Nova.xlsm</t>
  </si>
  <si>
    <t>E:\BK_final\Vilarinho\Vilarinho - Trabalho\Segurança - Erica\2014\Orcamento\RESULTADO\ARQUIVOS PREPARATORIOS\Memoria Patrimonial\MG1\Vigilancia\Nova\032014_Vigilancia_MG1_Nova.xlsm</t>
  </si>
  <si>
    <t>042014_Vigilancia_MG1_Nova.xlsm</t>
  </si>
  <si>
    <t>E:\BK_final\Vilarinho\Vilarinho - Trabalho\Segurança - Erica\2014\Orcamento\RESULTADO\ARQUIVOS PREPARATORIOS\Memoria Patrimonial\MG1\Vigilancia\Nova\042014_Vigilancia_MG1_Nova.xlsm</t>
  </si>
  <si>
    <t>052014_Vigilancia_MG1_Nova.xlsm</t>
  </si>
  <si>
    <t>E:\BK_final\Vilarinho\Vilarinho - Trabalho\Segurança - Erica\2014\Orcamento\RESULTADO\ARQUIVOS PREPARATORIOS\Memoria Patrimonial\MG1\Vigilancia\Nova\052014_Vigilancia_MG1_Nova.xlsm</t>
  </si>
  <si>
    <t>062014_Vigilancia_MG1_Nova.xlsm</t>
  </si>
  <si>
    <t>E:\BK_final\Vilarinho\Vilarinho - Trabalho\Segurança - Erica\2014\Orcamento\RESULTADO\ARQUIVOS PREPARATORIOS\Memoria Patrimonial\MG1\Vigilancia\Nova\062014_Vigilancia_MG1_Nova.xlsm</t>
  </si>
  <si>
    <t>E:\BK_final\Vilarinho\Vilarinho - Trabalho\Segurança - Erica\2014\Orcamento\RESULTADO\ARQUIVOS PREPARATORIOS\Memoria Patrimonial\MG1\Vigilancia\Nova\072014_Vigilancia_MG1_Nova.xlsm</t>
  </si>
  <si>
    <t>11/21/2019 16:46:48</t>
  </si>
  <si>
    <t>082014_Vigilancia_MG1_Nova.xlsm</t>
  </si>
  <si>
    <t>E:\BK_final\Vilarinho\Vilarinho - Trabalho\Segurança - Erica\2014\Orcamento\RESULTADO\ARQUIVOS PREPARATORIOS\Memoria Patrimonial\MG1\Vigilancia\Nova\082014_Vigilancia_MG1_Nova.xlsm</t>
  </si>
  <si>
    <t>092014_Vigilancia_MG1_Nova.xlsm</t>
  </si>
  <si>
    <t>E:\BK_final\Vilarinho\Vilarinho - Trabalho\Segurança - Erica\2014\Orcamento\RESULTADO\ARQUIVOS PREPARATORIOS\Memoria Patrimonial\MG1\Vigilancia\Nova\092014_Vigilancia_MG1_Nova.xlsm</t>
  </si>
  <si>
    <t>102014_Vigilancia_MG1_Nova.xlsm</t>
  </si>
  <si>
    <t>E:\BK_final\Vilarinho\Vilarinho - Trabalho\Segurança - Erica\2014\Orcamento\RESULTADO\ARQUIVOS PREPARATORIOS\Memoria Patrimonial\MG1\Vigilancia\Nova\102014_Vigilancia_MG1_Nova.xlsm</t>
  </si>
  <si>
    <t>112014_Vigilancia_MG1_Nova.xlsm</t>
  </si>
  <si>
    <t>E:\BK_final\Vilarinho\Vilarinho - Trabalho\Segurança - Erica\2014\Orcamento\RESULTADO\ARQUIVOS PREPARATORIOS\Memoria Patrimonial\MG1\Vigilancia\Nova\112014_Vigilancia_MG1_Nova.xlsm</t>
  </si>
  <si>
    <t>122014_Vigilancia_MG1_Nova.xlsm</t>
  </si>
  <si>
    <t>E:\BK_final\Vilarinho\Vilarinho - Trabalho\Segurança - Erica\2014\Orcamento\RESULTADO\ARQUIVOS PREPARATORIOS\Memoria Patrimonial\MG1\Vigilancia\Nova\122014_Vigilancia_MG1_Nova.xlsm</t>
  </si>
  <si>
    <t>D:\2014\Orcamento\RESULTADO\ARQUIVOS PREPARATORIOS\Memoria Patrimonial\MG2\</t>
  </si>
  <si>
    <t>2014_DRE_CONSOLIDADA_MG2.xlsx</t>
  </si>
  <si>
    <t>E:\BK_final\Vilarinho\Vilarinho - Trabalho\Segurança - Erica\2014\Orcamento\RESULTADO\ARQUIVOS PREPARATORIOS\Memoria Patrimonial\MG2\2014_DRE_CONSOLIDADA_MG2.xlsx</t>
  </si>
  <si>
    <t>D:\2014\Orcamento\RESULTADO\ARQUIVOS PREPARATORIOS\Memoria Patrimonial\MG2\Portaria\</t>
  </si>
  <si>
    <t>2014 - Portaria MG2 - I.xlsx</t>
  </si>
  <si>
    <t>E:\BK_final\Vilarinho\Vilarinho - Trabalho\Segurança - Erica\2014\Orcamento\RESULTADO\ARQUIVOS PREPARATORIOS\Memoria Patrimonial\MG2\Portaria\2014 - Portaria MG2 - I.xlsx</t>
  </si>
  <si>
    <t>11/21/2019 16:46:49</t>
  </si>
  <si>
    <t>D:\2014\Orcamento\RESULTADO\ARQUIVOS PREPARATORIOS\Memoria Patrimonial\MG2\Portaria\Cancelada\</t>
  </si>
  <si>
    <t>012014_Portaria_MG2_Cancelada.xlsm</t>
  </si>
  <si>
    <t>E:\BK_final\Vilarinho\Vilarinho - Trabalho\Segurança - Erica\2014\Orcamento\RESULTADO\ARQUIVOS PREPARATORIOS\Memoria Patrimonial\MG2\Portaria\Cancelada\012014_Portaria_MG2_Cancelada.xlsm</t>
  </si>
  <si>
    <t>022014_Portaria_MG2_Cancelada.xlsm</t>
  </si>
  <si>
    <t>E:\BK_final\Vilarinho\Vilarinho - Trabalho\Segurança - Erica\2014\Orcamento\RESULTADO\ARQUIVOS PREPARATORIOS\Memoria Patrimonial\MG2\Portaria\Cancelada\022014_Portaria_MG2_Cancelada.xlsm</t>
  </si>
  <si>
    <t>032014_Portaria_MG2_Cancelada.xlsm</t>
  </si>
  <si>
    <t>E:\BK_final\Vilarinho\Vilarinho - Trabalho\Segurança - Erica\2014\Orcamento\RESULTADO\ARQUIVOS PREPARATORIOS\Memoria Patrimonial\MG2\Portaria\Cancelada\032014_Portaria_MG2_Cancelada.xlsm</t>
  </si>
  <si>
    <t>042014_Portaria_MG2_Cancelada.xlsm</t>
  </si>
  <si>
    <t>E:\BK_final\Vilarinho\Vilarinho - Trabalho\Segurança - Erica\2014\Orcamento\RESULTADO\ARQUIVOS PREPARATORIOS\Memoria Patrimonial\MG2\Portaria\Cancelada\042014_Portaria_MG2_Cancelada.xlsm</t>
  </si>
  <si>
    <t>052014_Portaria_MG2_Cancelada.xlsm</t>
  </si>
  <si>
    <t>E:\BK_final\Vilarinho\Vilarinho - Trabalho\Segurança - Erica\2014\Orcamento\RESULTADO\ARQUIVOS PREPARATORIOS\Memoria Patrimonial\MG2\Portaria\Cancelada\052014_Portaria_MG2_Cancelada.xlsm</t>
  </si>
  <si>
    <t>062014_Portaria_MG2_Cancelada.xlsm</t>
  </si>
  <si>
    <t>E:\BK_final\Vilarinho\Vilarinho - Trabalho\Segurança - Erica\2014\Orcamento\RESULTADO\ARQUIVOS PREPARATORIOS\Memoria Patrimonial\MG2\Portaria\Cancelada\062014_Portaria_MG2_Cancelada.xlsm</t>
  </si>
  <si>
    <t>072014_Portaria_MG2_Cancelada.xlsm</t>
  </si>
  <si>
    <t>E:\BK_final\Vilarinho\Vilarinho - Trabalho\Segurança - Erica\2014\Orcamento\RESULTADO\ARQUIVOS PREPARATORIOS\Memoria Patrimonial\MG2\Portaria\Cancelada\072014_Portaria_MG2_Cancelada.xlsm</t>
  </si>
  <si>
    <t>11/21/2019 16:46:50</t>
  </si>
  <si>
    <t>082014_Portaria_MG2_Cancelada.xlsm</t>
  </si>
  <si>
    <t>E:\BK_final\Vilarinho\Vilarinho - Trabalho\Segurança - Erica\2014\Orcamento\RESULTADO\ARQUIVOS PREPARATORIOS\Memoria Patrimonial\MG2\Portaria\Cancelada\082014_Portaria_MG2_Cancelada.xlsm</t>
  </si>
  <si>
    <t>092014_Portaria_MG2_Cancelada.xlsm</t>
  </si>
  <si>
    <t>E:\BK_final\Vilarinho\Vilarinho - Trabalho\Segurança - Erica\2014\Orcamento\RESULTADO\ARQUIVOS PREPARATORIOS\Memoria Patrimonial\MG2\Portaria\Cancelada\092014_Portaria_MG2_Cancelada.xlsm</t>
  </si>
  <si>
    <t>102014_Portaria_MG2_Cancelada.xlsm</t>
  </si>
  <si>
    <t>E:\BK_final\Vilarinho\Vilarinho - Trabalho\Segurança - Erica\2014\Orcamento\RESULTADO\ARQUIVOS PREPARATORIOS\Memoria Patrimonial\MG2\Portaria\Cancelada\102014_Portaria_MG2_Cancelada.xlsm</t>
  </si>
  <si>
    <t>112014_Portaria_MG2_Cancelada.xlsm</t>
  </si>
  <si>
    <t>E:\BK_final\Vilarinho\Vilarinho - Trabalho\Segurança - Erica\2014\Orcamento\RESULTADO\ARQUIVOS PREPARATORIOS\Memoria Patrimonial\MG2\Portaria\Cancelada\112014_Portaria_MG2_Cancelada.xlsm</t>
  </si>
  <si>
    <t>122014_Portaria_MG2_Cancelada.xlsm</t>
  </si>
  <si>
    <t>E:\BK_final\Vilarinho\Vilarinho - Trabalho\Segurança - Erica\2014\Orcamento\RESULTADO\ARQUIVOS PREPARATORIOS\Memoria Patrimonial\MG2\Portaria\Cancelada\122014_Portaria_MG2_Cancelada.xlsm</t>
  </si>
  <si>
    <t>11/21/2019 16:46:52</t>
  </si>
  <si>
    <t>D:\2014\Orcamento\RESULTADO\ARQUIVOS PREPARATORIOS\Memoria Patrimonial\MG2\Portaria\Nova\</t>
  </si>
  <si>
    <t>012014_Portaria_MG2_Nova.xlsm</t>
  </si>
  <si>
    <t>E:\BK_final\Vilarinho\Vilarinho - Trabalho\Segurança - Erica\2014\Orcamento\RESULTADO\ARQUIVOS PREPARATORIOS\Memoria Patrimonial\MG2\Portaria\Nova\012014_Portaria_MG2_Nova.xlsm</t>
  </si>
  <si>
    <t>022014_Portaria_MG2_Nova.xlsm</t>
  </si>
  <si>
    <t>E:\BK_final\Vilarinho\Vilarinho - Trabalho\Segurança - Erica\2014\Orcamento\RESULTADO\ARQUIVOS PREPARATORIOS\Memoria Patrimonial\MG2\Portaria\Nova\022014_Portaria_MG2_Nova.xlsm</t>
  </si>
  <si>
    <t>11/21/2019 16:46:53</t>
  </si>
  <si>
    <t>032014_Portaria_MG2_Nova.xlsm</t>
  </si>
  <si>
    <t>E:\BK_final\Vilarinho\Vilarinho - Trabalho\Segurança - Erica\2014\Orcamento\RESULTADO\ARQUIVOS PREPARATORIOS\Memoria Patrimonial\MG2\Portaria\Nova\032014_Portaria_MG2_Nova.xlsm</t>
  </si>
  <si>
    <t>042014_Portaria_MG2_Nova.xlsm</t>
  </si>
  <si>
    <t>E:\BK_final\Vilarinho\Vilarinho - Trabalho\Segurança - Erica\2014\Orcamento\RESULTADO\ARQUIVOS PREPARATORIOS\Memoria Patrimonial\MG2\Portaria\Nova\042014_Portaria_MG2_Nova.xlsm</t>
  </si>
  <si>
    <t>052014_Portaria_MG2_Nova.xlsm</t>
  </si>
  <si>
    <t>E:\BK_final\Vilarinho\Vilarinho - Trabalho\Segurança - Erica\2014\Orcamento\RESULTADO\ARQUIVOS PREPARATORIOS\Memoria Patrimonial\MG2\Portaria\Nova\052014_Portaria_MG2_Nova.xlsm</t>
  </si>
  <si>
    <t>062014_Portaria_MG2_Nova.xlsm</t>
  </si>
  <si>
    <t>E:\BK_final\Vilarinho\Vilarinho - Trabalho\Segurança - Erica\2014\Orcamento\RESULTADO\ARQUIVOS PREPARATORIOS\Memoria Patrimonial\MG2\Portaria\Nova\062014_Portaria_MG2_Nova.xlsm</t>
  </si>
  <si>
    <t>E:\BK_final\Vilarinho\Vilarinho - Trabalho\Segurança - Erica\2014\Orcamento\RESULTADO\ARQUIVOS PREPARATORIOS\Memoria Patrimonial\MG2\Portaria\Nova\072014_Portaria_MG2_Nova.xlsm</t>
  </si>
  <si>
    <t>082014_Portaria_MG2_Nova.xlsm</t>
  </si>
  <si>
    <t>E:\BK_final\Vilarinho\Vilarinho - Trabalho\Segurança - Erica\2014\Orcamento\RESULTADO\ARQUIVOS PREPARATORIOS\Memoria Patrimonial\MG2\Portaria\Nova\082014_Portaria_MG2_Nova.xlsm</t>
  </si>
  <si>
    <t>11/21/2019 16:46:54</t>
  </si>
  <si>
    <t>092014_Portaria_MG2_Nova.xlsm</t>
  </si>
  <si>
    <t>E:\BK_final\Vilarinho\Vilarinho - Trabalho\Segurança - Erica\2014\Orcamento\RESULTADO\ARQUIVOS PREPARATORIOS\Memoria Patrimonial\MG2\Portaria\Nova\092014_Portaria_MG2_Nova.xlsm</t>
  </si>
  <si>
    <t>102014_Portaria_MG2_Nova.xlsm</t>
  </si>
  <si>
    <t>E:\BK_final\Vilarinho\Vilarinho - Trabalho\Segurança - Erica\2014\Orcamento\RESULTADO\ARQUIVOS PREPARATORIOS\Memoria Patrimonial\MG2\Portaria\Nova\102014_Portaria_MG2_Nova.xlsm</t>
  </si>
  <si>
    <t>112014_Portaria_MG2_Nova.xlsm</t>
  </si>
  <si>
    <t>E:\BK_final\Vilarinho\Vilarinho - Trabalho\Segurança - Erica\2014\Orcamento\RESULTADO\ARQUIVOS PREPARATORIOS\Memoria Patrimonial\MG2\Portaria\Nova\112014_Portaria_MG2_Nova.xlsm</t>
  </si>
  <si>
    <t>122014_Portaria_MG2_Nova.xlsm</t>
  </si>
  <si>
    <t>E:\BK_final\Vilarinho\Vilarinho - Trabalho\Segurança - Erica\2014\Orcamento\RESULTADO\ARQUIVOS PREPARATORIOS\Memoria Patrimonial\MG2\Portaria\Nova\122014_Portaria_MG2_Nova.xlsm</t>
  </si>
  <si>
    <t>D:\2014\Orcamento\RESULTADO\ARQUIVOS PREPARATORIOS\Memoria Patrimonial\MG2\Vigilancia\</t>
  </si>
  <si>
    <t>2014 - Vigilancia MG2 - I.xlsx</t>
  </si>
  <si>
    <t>E:\BK_final\Vilarinho\Vilarinho - Trabalho\Segurança - Erica\2014\Orcamento\RESULTADO\ARQUIVOS PREPARATORIOS\Memoria Patrimonial\MG2\Vigilancia\2014 - Vigilancia MG2 - I.xlsx</t>
  </si>
  <si>
    <t>D:\2014\Orcamento\RESULTADO\ARQUIVOS PREPARATORIOS\Memoria Patrimonial\MG2\Vigilancia\Cancelada\</t>
  </si>
  <si>
    <t>012014_Vigilancia_MG2_Cancelada.xlsm</t>
  </si>
  <si>
    <t>E:\BK_final\Vilarinho\Vilarinho - Trabalho\Segurança - Erica\2014\Orcamento\RESULTADO\ARQUIVOS PREPARATORIOS\Memoria Patrimonial\MG2\Vigilancia\Cancelada\012014_Vigilancia_MG2_Cancelada.xlsm</t>
  </si>
  <si>
    <t>022014_Vigilancia_MG2_Cancelada.xlsm</t>
  </si>
  <si>
    <t>E:\BK_final\Vilarinho\Vilarinho - Trabalho\Segurança - Erica\2014\Orcamento\RESULTADO\ARQUIVOS PREPARATORIOS\Memoria Patrimonial\MG2\Vigilancia\Cancelada\022014_Vigilancia_MG2_Cancelada.xlsm</t>
  </si>
  <si>
    <t>11/21/2019 16:46:55</t>
  </si>
  <si>
    <t>032014_Vigilancia_MG2_Cancelada.xlsm</t>
  </si>
  <si>
    <t>E:\BK_final\Vilarinho\Vilarinho - Trabalho\Segurança - Erica\2014\Orcamento\RESULTADO\ARQUIVOS PREPARATORIOS\Memoria Patrimonial\MG2\Vigilancia\Cancelada\032014_Vigilancia_MG2_Cancelada.xlsm</t>
  </si>
  <si>
    <t>042014_Vigilancia_MG2_Cancelada.xlsm</t>
  </si>
  <si>
    <t>E:\BK_final\Vilarinho\Vilarinho - Trabalho\Segurança - Erica\2014\Orcamento\RESULTADO\ARQUIVOS PREPARATORIOS\Memoria Patrimonial\MG2\Vigilancia\Cancelada\042014_Vigilancia_MG2_Cancelada.xlsm</t>
  </si>
  <si>
    <t>052014_Vigilancia_MG2_Cancelada.xlsm</t>
  </si>
  <si>
    <t>E:\BK_final\Vilarinho\Vilarinho - Trabalho\Segurança - Erica\2014\Orcamento\RESULTADO\ARQUIVOS PREPARATORIOS\Memoria Patrimonial\MG2\Vigilancia\Cancelada\052014_Vigilancia_MG2_Cancelada.xlsm</t>
  </si>
  <si>
    <t>062014_Vigilancia_MG2_Cancelada.xlsm</t>
  </si>
  <si>
    <t>E:\BK_final\Vilarinho\Vilarinho - Trabalho\Segurança - Erica\2014\Orcamento\RESULTADO\ARQUIVOS PREPARATORIOS\Memoria Patrimonial\MG2\Vigilancia\Cancelada\062014_Vigilancia_MG2_Cancelada.xlsm</t>
  </si>
  <si>
    <t>11/21/2019 16:46:56</t>
  </si>
  <si>
    <t>072014_Vigilancia_MG2_Cancelada.xlsm</t>
  </si>
  <si>
    <t>E:\BK_final\Vilarinho\Vilarinho - Trabalho\Segurança - Erica\2014\Orcamento\RESULTADO\ARQUIVOS PREPARATORIOS\Memoria Patrimonial\MG2\Vigilancia\Cancelada\072014_Vigilancia_MG2_Cancelada.xlsm</t>
  </si>
  <si>
    <t>082014_Vigilancia_MG2_Cancelada.xlsm</t>
  </si>
  <si>
    <t>E:\BK_final\Vilarinho\Vilarinho - Trabalho\Segurança - Erica\2014\Orcamento\RESULTADO\ARQUIVOS PREPARATORIOS\Memoria Patrimonial\MG2\Vigilancia\Cancelada\082014_Vigilancia_MG2_Cancelada.xlsm</t>
  </si>
  <si>
    <t>092014_Vigilancia_MG2_Cancelada.xlsm</t>
  </si>
  <si>
    <t>E:\BK_final\Vilarinho\Vilarinho - Trabalho\Segurança - Erica\2014\Orcamento\RESULTADO\ARQUIVOS PREPARATORIOS\Memoria Patrimonial\MG2\Vigilancia\Cancelada\092014_Vigilancia_MG2_Cancelada.xlsm</t>
  </si>
  <si>
    <t>102014_Vigilancia_MG2_Cancelada.xlsm</t>
  </si>
  <si>
    <t>E:\BK_final\Vilarinho\Vilarinho - Trabalho\Segurança - Erica\2014\Orcamento\RESULTADO\ARQUIVOS PREPARATORIOS\Memoria Patrimonial\MG2\Vigilancia\Cancelada\102014_Vigilancia_MG2_Cancelada.xlsm</t>
  </si>
  <si>
    <t>112014_Vigilancia_MG2_Cancelada.xlsm</t>
  </si>
  <si>
    <t>E:\BK_final\Vilarinho\Vilarinho - Trabalho\Segurança - Erica\2014\Orcamento\RESULTADO\ARQUIVOS PREPARATORIOS\Memoria Patrimonial\MG2\Vigilancia\Cancelada\112014_Vigilancia_MG2_Cancelada.xlsm</t>
  </si>
  <si>
    <t>122014_Vigilancia_MG2_Cancelada.xlsm</t>
  </si>
  <si>
    <t>E:\BK_final\Vilarinho\Vilarinho - Trabalho\Segurança - Erica\2014\Orcamento\RESULTADO\ARQUIVOS PREPARATORIOS\Memoria Patrimonial\MG2\Vigilancia\Cancelada\122014_Vigilancia_MG2_Cancelada.xlsm</t>
  </si>
  <si>
    <t>11/21/2019 16:46:57</t>
  </si>
  <si>
    <t>D:\2014\Orcamento\RESULTADO\ARQUIVOS PREPARATORIOS\Memoria Patrimonial\MG2\Vigilancia\Extra\</t>
  </si>
  <si>
    <t>012014_Vigilancia_MG2_Extra.xlsm</t>
  </si>
  <si>
    <t>E:\BK_final\Vilarinho\Vilarinho - Trabalho\Segurança - Erica\2014\Orcamento\RESULTADO\ARQUIVOS PREPARATORIOS\Memoria Patrimonial\MG2\Vigilancia\Extra\012014_Vigilancia_MG2_Extra.xlsm</t>
  </si>
  <si>
    <t>022014_Vigilancia_MG2_Extra.xlsm</t>
  </si>
  <si>
    <t>E:\BK_final\Vilarinho\Vilarinho - Trabalho\Segurança - Erica\2014\Orcamento\RESULTADO\ARQUIVOS PREPARATORIOS\Memoria Patrimonial\MG2\Vigilancia\Extra\022014_Vigilancia_MG2_Extra.xlsm</t>
  </si>
  <si>
    <t>11/21/2019 16:46:58</t>
  </si>
  <si>
    <t>032014_Vigilancia_MG2_Extra.xlsm</t>
  </si>
  <si>
    <t>E:\BK_final\Vilarinho\Vilarinho - Trabalho\Segurança - Erica\2014\Orcamento\RESULTADO\ARQUIVOS PREPARATORIOS\Memoria Patrimonial\MG2\Vigilancia\Extra\032014_Vigilancia_MG2_Extra.xlsm</t>
  </si>
  <si>
    <t>042014_Vigilancia_MG2_Extra.xlsm</t>
  </si>
  <si>
    <t>E:\BK_final\Vilarinho\Vilarinho - Trabalho\Segurança - Erica\2014\Orcamento\RESULTADO\ARQUIVOS PREPARATORIOS\Memoria Patrimonial\MG2\Vigilancia\Extra\042014_Vigilancia_MG2_Extra.xlsm</t>
  </si>
  <si>
    <t>052014_Vigilancia_MG2_Extra.xlsm</t>
  </si>
  <si>
    <t>E:\BK_final\Vilarinho\Vilarinho - Trabalho\Segurança - Erica\2014\Orcamento\RESULTADO\ARQUIVOS PREPARATORIOS\Memoria Patrimonial\MG2\Vigilancia\Extra\052014_Vigilancia_MG2_Extra.xlsm</t>
  </si>
  <si>
    <t>11/21/2019 16:46:59</t>
  </si>
  <si>
    <t>062014_Vigilancia_MG2_Extra.xlsm</t>
  </si>
  <si>
    <t>E:\BK_final\Vilarinho\Vilarinho - Trabalho\Segurança - Erica\2014\Orcamento\RESULTADO\ARQUIVOS PREPARATORIOS\Memoria Patrimonial\MG2\Vigilancia\Extra\062014_Vigilancia_MG2_Extra.xlsm</t>
  </si>
  <si>
    <t>072014_Vigilancia_MG2_Extra.xlsm</t>
  </si>
  <si>
    <t>E:\BK_final\Vilarinho\Vilarinho - Trabalho\Segurança - Erica\2014\Orcamento\RESULTADO\ARQUIVOS PREPARATORIOS\Memoria Patrimonial\MG2\Vigilancia\Extra\072014_Vigilancia_MG2_Extra.xlsm</t>
  </si>
  <si>
    <t>082014_Vigilancia_MG2_Extra.xlsm</t>
  </si>
  <si>
    <t>E:\BK_final\Vilarinho\Vilarinho - Trabalho\Segurança - Erica\2014\Orcamento\RESULTADO\ARQUIVOS PREPARATORIOS\Memoria Patrimonial\MG2\Vigilancia\Extra\082014_Vigilancia_MG2_Extra.xlsm</t>
  </si>
  <si>
    <t>092014_Vigilancia_MG2_Extra.xlsm</t>
  </si>
  <si>
    <t>E:\BK_final\Vilarinho\Vilarinho - Trabalho\Segurança - Erica\2014\Orcamento\RESULTADO\ARQUIVOS PREPARATORIOS\Memoria Patrimonial\MG2\Vigilancia\Extra\092014_Vigilancia_MG2_Extra.xlsm</t>
  </si>
  <si>
    <t>102014_Vigilancia_MG2_Extra.xlsm</t>
  </si>
  <si>
    <t>E:\BK_final\Vilarinho\Vilarinho - Trabalho\Segurança - Erica\2014\Orcamento\RESULTADO\ARQUIVOS PREPARATORIOS\Memoria Patrimonial\MG2\Vigilancia\Extra\102014_Vigilancia_MG2_Extra.xlsm</t>
  </si>
  <si>
    <t>112014_Vigilancia_MG2_Extra.xlsm</t>
  </si>
  <si>
    <t>E:\BK_final\Vilarinho\Vilarinho - Trabalho\Segurança - Erica\2014\Orcamento\RESULTADO\ARQUIVOS PREPARATORIOS\Memoria Patrimonial\MG2\Vigilancia\Extra\112014_Vigilancia_MG2_Extra.xlsm</t>
  </si>
  <si>
    <t>122014_Vigilancia_MG2_Extra.xlsm</t>
  </si>
  <si>
    <t>E:\BK_final\Vilarinho\Vilarinho - Trabalho\Segurança - Erica\2014\Orcamento\RESULTADO\ARQUIVOS PREPARATORIOS\Memoria Patrimonial\MG2\Vigilancia\Extra\122014_Vigilancia_MG2_Extra.xlsm</t>
  </si>
  <si>
    <t>11/21/2019 16:47:02</t>
  </si>
  <si>
    <t>D:\2014\Orcamento\RESULTADO\ARQUIVOS PREPARATORIOS\Memoria Patrimonial\MG2\Vigilancia\Nova\</t>
  </si>
  <si>
    <t>012014_Vigilancia_MG2_Nova.xlsm</t>
  </si>
  <si>
    <t>E:\BK_final\Vilarinho\Vilarinho - Trabalho\Segurança - Erica\2014\Orcamento\RESULTADO\ARQUIVOS PREPARATORIOS\Memoria Patrimonial\MG2\Vigilancia\Nova\012014_Vigilancia_MG2_Nova.xlsm</t>
  </si>
  <si>
    <t>022014_Vigilancia_MG2_Nova.xlsm</t>
  </si>
  <si>
    <t>E:\BK_final\Vilarinho\Vilarinho - Trabalho\Segurança - Erica\2014\Orcamento\RESULTADO\ARQUIVOS PREPARATORIOS\Memoria Patrimonial\MG2\Vigilancia\Nova\022014_Vigilancia_MG2_Nova.xlsm</t>
  </si>
  <si>
    <t>032014_Vigilancia_MG2_Nova.xlsm</t>
  </si>
  <si>
    <t>E:\BK_final\Vilarinho\Vilarinho - Trabalho\Segurança - Erica\2014\Orcamento\RESULTADO\ARQUIVOS PREPARATORIOS\Memoria Patrimonial\MG2\Vigilancia\Nova\032014_Vigilancia_MG2_Nova.xlsm</t>
  </si>
  <si>
    <t>11/21/2019 16:47:03</t>
  </si>
  <si>
    <t>042014_Vigilancia_MG2_Nova.xlsm</t>
  </si>
  <si>
    <t>E:\BK_final\Vilarinho\Vilarinho - Trabalho\Segurança - Erica\2014\Orcamento\RESULTADO\ARQUIVOS PREPARATORIOS\Memoria Patrimonial\MG2\Vigilancia\Nova\042014_Vigilancia_MG2_Nova.xlsm</t>
  </si>
  <si>
    <t>052014_Vigilancia_MG2_Nova.xlsm</t>
  </si>
  <si>
    <t>E:\BK_final\Vilarinho\Vilarinho - Trabalho\Segurança - Erica\2014\Orcamento\RESULTADO\ARQUIVOS PREPARATORIOS\Memoria Patrimonial\MG2\Vigilancia\Nova\052014_Vigilancia_MG2_Nova.xlsm</t>
  </si>
  <si>
    <t>062014_Vigilancia_MG2_Nova.xlsm</t>
  </si>
  <si>
    <t>E:\BK_final\Vilarinho\Vilarinho - Trabalho\Segurança - Erica\2014\Orcamento\RESULTADO\ARQUIVOS PREPARATORIOS\Memoria Patrimonial\MG2\Vigilancia\Nova\062014_Vigilancia_MG2_Nova.xlsm</t>
  </si>
  <si>
    <t>11/21/2019 16:47:04</t>
  </si>
  <si>
    <t>E:\BK_final\Vilarinho\Vilarinho - Trabalho\Segurança - Erica\2014\Orcamento\RESULTADO\ARQUIVOS PREPARATORIOS\Memoria Patrimonial\MG2\Vigilancia\Nova\072014_Vigilancia_MG2_Nova.xlsm</t>
  </si>
  <si>
    <t>082014_Vigilancia_MG2_Nova.xlsm</t>
  </si>
  <si>
    <t>E:\BK_final\Vilarinho\Vilarinho - Trabalho\Segurança - Erica\2014\Orcamento\RESULTADO\ARQUIVOS PREPARATORIOS\Memoria Patrimonial\MG2\Vigilancia\Nova\082014_Vigilancia_MG2_Nova.xlsm</t>
  </si>
  <si>
    <t>092014_Vigilancia_MG2_Nova.xlsm</t>
  </si>
  <si>
    <t>E:\BK_final\Vilarinho\Vilarinho - Trabalho\Segurança - Erica\2014\Orcamento\RESULTADO\ARQUIVOS PREPARATORIOS\Memoria Patrimonial\MG2\Vigilancia\Nova\092014_Vigilancia_MG2_Nova.xlsm</t>
  </si>
  <si>
    <t>102014_Vigilancia_MG2_Nova.xlsm</t>
  </si>
  <si>
    <t>E:\BK_final\Vilarinho\Vilarinho - Trabalho\Segurança - Erica\2014\Orcamento\RESULTADO\ARQUIVOS PREPARATORIOS\Memoria Patrimonial\MG2\Vigilancia\Nova\102014_Vigilancia_MG2_Nova.xlsm</t>
  </si>
  <si>
    <t>112014_Vigilancia_MG2_Nova.xlsm</t>
  </si>
  <si>
    <t>E:\BK_final\Vilarinho\Vilarinho - Trabalho\Segurança - Erica\2014\Orcamento\RESULTADO\ARQUIVOS PREPARATORIOS\Memoria Patrimonial\MG2\Vigilancia\Nova\112014_Vigilancia_MG2_Nova.xlsm</t>
  </si>
  <si>
    <t>11/21/2019 16:47:05</t>
  </si>
  <si>
    <t>122014_Vigilancia_MG2_Nova.xlsm</t>
  </si>
  <si>
    <t>E:\BK_final\Vilarinho\Vilarinho - Trabalho\Segurança - Erica\2014\Orcamento\RESULTADO\ARQUIVOS PREPARATORIOS\Memoria Patrimonial\MG2\Vigilancia\Nova\122014_Vigilancia_MG2_Nova.xlsm</t>
  </si>
  <si>
    <t>D:\2014\Orcamento\RESULTADO\ARQUIVOS PREPARATORIOS\Memoria Patrimonial\MS\</t>
  </si>
  <si>
    <t>2014_DRE_CONSOLIDADA_MS.xlsx</t>
  </si>
  <si>
    <t>E:\BK_final\Vilarinho\Vilarinho - Trabalho\Segurança - Erica\2014\Orcamento\RESULTADO\ARQUIVOS PREPARATORIOS\Memoria Patrimonial\MS\2014_DRE_CONSOLIDADA_MS.xlsx</t>
  </si>
  <si>
    <t>D:\2014\Orcamento\RESULTADO\ARQUIVOS PREPARATORIOS\Memoria Patrimonial\MS\Portaria\</t>
  </si>
  <si>
    <t>2014 - Portaria MS - I.xlsx</t>
  </si>
  <si>
    <t>E:\BK_final\Vilarinho\Vilarinho - Trabalho\Segurança - Erica\2014\Orcamento\RESULTADO\ARQUIVOS PREPARATORIOS\Memoria Patrimonial\MS\Portaria\2014 - Portaria MS - I.xlsx</t>
  </si>
  <si>
    <t>D:\2014\Orcamento\RESULTADO\ARQUIVOS PREPARATORIOS\Memoria Patrimonial\MS\Vigilancia\</t>
  </si>
  <si>
    <t>2014 - Vigilancia MS - I.xlsx</t>
  </si>
  <si>
    <t>E:\BK_final\Vilarinho\Vilarinho - Trabalho\Segurança - Erica\2014\Orcamento\RESULTADO\ARQUIVOS PREPARATORIOS\Memoria Patrimonial\MS\Vigilancia\2014 - Vigilancia MS - I.xlsx</t>
  </si>
  <si>
    <t>D:\2014\Orcamento\RESULTADO\ARQUIVOS PREPARATORIOS\Memoria Patrimonial\MS\Vigilancia\Nova\</t>
  </si>
  <si>
    <t>012014_Vigilancia_MS_Nova.xlsm</t>
  </si>
  <si>
    <t>E:\BK_final\Vilarinho\Vilarinho - Trabalho\Segurança - Erica\2014\Orcamento\RESULTADO\ARQUIVOS PREPARATORIOS\Memoria Patrimonial\MS\Vigilancia\Nova\012014_Vigilancia_MS_Nova.xlsm</t>
  </si>
  <si>
    <t>022014_Vigilancia_MS_Nova.xlsm</t>
  </si>
  <si>
    <t>E:\BK_final\Vilarinho\Vilarinho - Trabalho\Segurança - Erica\2014\Orcamento\RESULTADO\ARQUIVOS PREPARATORIOS\Memoria Patrimonial\MS\Vigilancia\Nova\022014_Vigilancia_MS_Nova.xlsm</t>
  </si>
  <si>
    <t>032014_Vigilancia_MS_Nova.xlsm</t>
  </si>
  <si>
    <t>E:\BK_final\Vilarinho\Vilarinho - Trabalho\Segurança - Erica\2014\Orcamento\RESULTADO\ARQUIVOS PREPARATORIOS\Memoria Patrimonial\MS\Vigilancia\Nova\032014_Vigilancia_MS_Nova.xlsm</t>
  </si>
  <si>
    <t>11/21/2019 16:47:06</t>
  </si>
  <si>
    <t>042014_Vigilancia_MS_Nova.xlsm</t>
  </si>
  <si>
    <t>E:\BK_final\Vilarinho\Vilarinho - Trabalho\Segurança - Erica\2014\Orcamento\RESULTADO\ARQUIVOS PREPARATORIOS\Memoria Patrimonial\MS\Vigilancia\Nova\042014_Vigilancia_MS_Nova.xlsm</t>
  </si>
  <si>
    <t>052014_Vigilancia_MS_Nova.xlsm</t>
  </si>
  <si>
    <t>E:\BK_final\Vilarinho\Vilarinho - Trabalho\Segurança - Erica\2014\Orcamento\RESULTADO\ARQUIVOS PREPARATORIOS\Memoria Patrimonial\MS\Vigilancia\Nova\052014_Vigilancia_MS_Nova.xlsm</t>
  </si>
  <si>
    <t>062014_Vigilancia_MS_Nova.xlsm</t>
  </si>
  <si>
    <t>E:\BK_final\Vilarinho\Vilarinho - Trabalho\Segurança - Erica\2014\Orcamento\RESULTADO\ARQUIVOS PREPARATORIOS\Memoria Patrimonial\MS\Vigilancia\Nova\062014_Vigilancia_MS_Nova.xlsm</t>
  </si>
  <si>
    <t>E:\BK_final\Vilarinho\Vilarinho - Trabalho\Segurança - Erica\2014\Orcamento\RESULTADO\ARQUIVOS PREPARATORIOS\Memoria Patrimonial\MS\Vigilancia\Nova\072014_Vigilancia_MS_Nova.xlsm</t>
  </si>
  <si>
    <t>082014_Vigilancia_MS_Nova.xlsm</t>
  </si>
  <si>
    <t>E:\BK_final\Vilarinho\Vilarinho - Trabalho\Segurança - Erica\2014\Orcamento\RESULTADO\ARQUIVOS PREPARATORIOS\Memoria Patrimonial\MS\Vigilancia\Nova\082014_Vigilancia_MS_Nova.xlsm</t>
  </si>
  <si>
    <t>092014_Vigilancia_MS_Nova.xlsm</t>
  </si>
  <si>
    <t>E:\BK_final\Vilarinho\Vilarinho - Trabalho\Segurança - Erica\2014\Orcamento\RESULTADO\ARQUIVOS PREPARATORIOS\Memoria Patrimonial\MS\Vigilancia\Nova\092014_Vigilancia_MS_Nova.xlsm</t>
  </si>
  <si>
    <t>102014_Vigilancia_MS_Nova.xlsm</t>
  </si>
  <si>
    <t>E:\BK_final\Vilarinho\Vilarinho - Trabalho\Segurança - Erica\2014\Orcamento\RESULTADO\ARQUIVOS PREPARATORIOS\Memoria Patrimonial\MS\Vigilancia\Nova\102014_Vigilancia_MS_Nova.xlsm</t>
  </si>
  <si>
    <t>11/21/2019 16:47:07</t>
  </si>
  <si>
    <t>112014_Vigilancia_MS_Nova.xlsm</t>
  </si>
  <si>
    <t>E:\BK_final\Vilarinho\Vilarinho - Trabalho\Segurança - Erica\2014\Orcamento\RESULTADO\ARQUIVOS PREPARATORIOS\Memoria Patrimonial\MS\Vigilancia\Nova\112014_Vigilancia_MS_Nova.xlsm</t>
  </si>
  <si>
    <t>122014_Vigilancia_MS_Nova.xlsm</t>
  </si>
  <si>
    <t>E:\BK_final\Vilarinho\Vilarinho - Trabalho\Segurança - Erica\2014\Orcamento\RESULTADO\ARQUIVOS PREPARATORIOS\Memoria Patrimonial\MS\Vigilancia\Nova\122014_Vigilancia_MS_Nova.xlsm</t>
  </si>
  <si>
    <t>D:\2014\Orcamento\RESULTADO\ARQUIVOS PREPARATORIOS\Memoria Patrimonial\MT\</t>
  </si>
  <si>
    <t>2014_DRE_CONSOLIDADA_MT.xlsx</t>
  </si>
  <si>
    <t>E:\BK_final\Vilarinho\Vilarinho - Trabalho\Segurança - Erica\2014\Orcamento\RESULTADO\ARQUIVOS PREPARATORIOS\Memoria Patrimonial\MT\2014_DRE_CONSOLIDADA_MT.xlsx</t>
  </si>
  <si>
    <t>D:\2014\Orcamento\RESULTADO\ARQUIVOS PREPARATORIOS\Memoria Patrimonial\MT\Portaria\</t>
  </si>
  <si>
    <t>2014 - Portaria MT - I.xlsx</t>
  </si>
  <si>
    <t>E:\BK_final\Vilarinho\Vilarinho - Trabalho\Segurança - Erica\2014\Orcamento\RESULTADO\ARQUIVOS PREPARATORIOS\Memoria Patrimonial\MT\Portaria\2014 - Portaria MT - I.xlsx</t>
  </si>
  <si>
    <t>D:\2014\Orcamento\RESULTADO\ARQUIVOS PREPARATORIOS\Memoria Patrimonial\MT\Vigilancia\</t>
  </si>
  <si>
    <t>2014 - Vigilancia MT - I.xlsx</t>
  </si>
  <si>
    <t>E:\BK_final\Vilarinho\Vilarinho - Trabalho\Segurança - Erica\2014\Orcamento\RESULTADO\ARQUIVOS PREPARATORIOS\Memoria Patrimonial\MT\Vigilancia\2014 - Vigilancia MT - I.xlsx</t>
  </si>
  <si>
    <t>D:\2014\Orcamento\RESULTADO\ARQUIVOS PREPARATORIOS\Memoria Patrimonial\MT\Vigilancia\Nova\</t>
  </si>
  <si>
    <t>012014_Vigilancia_MT_Nova.xlsm</t>
  </si>
  <si>
    <t>E:\BK_final\Vilarinho\Vilarinho - Trabalho\Segurança - Erica\2014\Orcamento\RESULTADO\ARQUIVOS PREPARATORIOS\Memoria Patrimonial\MT\Vigilancia\Nova\012014_Vigilancia_MT_Nova.xlsm</t>
  </si>
  <si>
    <t>11/21/2019 16:47:08</t>
  </si>
  <si>
    <t>022014_Vigilancia_MT_Nova.xlsm</t>
  </si>
  <si>
    <t>E:\BK_final\Vilarinho\Vilarinho - Trabalho\Segurança - Erica\2014\Orcamento\RESULTADO\ARQUIVOS PREPARATORIOS\Memoria Patrimonial\MT\Vigilancia\Nova\022014_Vigilancia_MT_Nova.xlsm</t>
  </si>
  <si>
    <t>032014_Vigilancia_MT_Nova.xlsm</t>
  </si>
  <si>
    <t>E:\BK_final\Vilarinho\Vilarinho - Trabalho\Segurança - Erica\2014\Orcamento\RESULTADO\ARQUIVOS PREPARATORIOS\Memoria Patrimonial\MT\Vigilancia\Nova\032014_Vigilancia_MT_Nova.xlsm</t>
  </si>
  <si>
    <t>042014_Vigilancia_MT_Nova.xlsm</t>
  </si>
  <si>
    <t>E:\BK_final\Vilarinho\Vilarinho - Trabalho\Segurança - Erica\2014\Orcamento\RESULTADO\ARQUIVOS PREPARATORIOS\Memoria Patrimonial\MT\Vigilancia\Nova\042014_Vigilancia_MT_Nova.xlsm</t>
  </si>
  <si>
    <t>052014_Vigilancia_MT_Nova.xlsm</t>
  </si>
  <si>
    <t>E:\BK_final\Vilarinho\Vilarinho - Trabalho\Segurança - Erica\2014\Orcamento\RESULTADO\ARQUIVOS PREPARATORIOS\Memoria Patrimonial\MT\Vigilancia\Nova\052014_Vigilancia_MT_Nova.xlsm</t>
  </si>
  <si>
    <t>E:\BK_final\Vilarinho\Vilarinho - Trabalho\Segurança - Erica\2014\Orcamento\RESULTADO\ARQUIVOS PREPARATORIOS\Memoria Patrimonial\MT\Vigilancia\Nova\072014_Vigilancia_MT_Nova.xlsm</t>
  </si>
  <si>
    <t>062014_Vigilancia_MT_Nova.xlsm</t>
  </si>
  <si>
    <t>E:\BK_final\Vilarinho\Vilarinho - Trabalho\Segurança - Erica\2014\Orcamento\RESULTADO\ARQUIVOS PREPARATORIOS\Memoria Patrimonial\MT\Vigilancia\Nova\062014_Vigilancia_MT_Nova.xlsm</t>
  </si>
  <si>
    <t>082014_Vigilancia_MT_Nova.xlsm</t>
  </si>
  <si>
    <t>E:\BK_final\Vilarinho\Vilarinho - Trabalho\Segurança - Erica\2014\Orcamento\RESULTADO\ARQUIVOS PREPARATORIOS\Memoria Patrimonial\MT\Vigilancia\Nova\082014_Vigilancia_MT_Nova.xlsm</t>
  </si>
  <si>
    <t>11/21/2019 16:47:09</t>
  </si>
  <si>
    <t>092014_Vigilancia_MT_Nova.xlsm</t>
  </si>
  <si>
    <t>E:\BK_final\Vilarinho\Vilarinho - Trabalho\Segurança - Erica\2014\Orcamento\RESULTADO\ARQUIVOS PREPARATORIOS\Memoria Patrimonial\MT\Vigilancia\Nova\092014_Vigilancia_MT_Nova.xlsm</t>
  </si>
  <si>
    <t>102014_Vigilancia_MT_Nova.xlsm</t>
  </si>
  <si>
    <t>E:\BK_final\Vilarinho\Vilarinho - Trabalho\Segurança - Erica\2014\Orcamento\RESULTADO\ARQUIVOS PREPARATORIOS\Memoria Patrimonial\MT\Vigilancia\Nova\102014_Vigilancia_MT_Nova.xlsm</t>
  </si>
  <si>
    <t>112014_Vigilancia_MT_Nova.xlsm</t>
  </si>
  <si>
    <t>E:\BK_final\Vilarinho\Vilarinho - Trabalho\Segurança - Erica\2014\Orcamento\RESULTADO\ARQUIVOS PREPARATORIOS\Memoria Patrimonial\MT\Vigilancia\Nova\112014_Vigilancia_MT_Nova.xlsm</t>
  </si>
  <si>
    <t>122014_Vigilancia_MT_Nova.xlsm</t>
  </si>
  <si>
    <t>E:\BK_final\Vilarinho\Vilarinho - Trabalho\Segurança - Erica\2014\Orcamento\RESULTADO\ARQUIVOS PREPARATORIOS\Memoria Patrimonial\MT\Vigilancia\Nova\122014_Vigilancia_MT_Nova.xlsm</t>
  </si>
  <si>
    <t>11/21/2019 16:47:11</t>
  </si>
  <si>
    <t>D:\2014\Orcamento\RESULTADO\ARQUIVOS PREPARATORIOS\Memoria Patrimonial\PR\</t>
  </si>
  <si>
    <t>2014_DRE_CONSOLIDADA_PR.xlsx</t>
  </si>
  <si>
    <t>E:\BK_final\Vilarinho\Vilarinho - Trabalho\Segurança - Erica\2014\Orcamento\RESULTADO\ARQUIVOS PREPARATORIOS\Memoria Patrimonial\PR\2014_DRE_CONSOLIDADA_PR.xlsx</t>
  </si>
  <si>
    <t>D:\2014\Orcamento\RESULTADO\ARQUIVOS PREPARATORIOS\Memoria Patrimonial\PR\Portaria\</t>
  </si>
  <si>
    <t>2014 - Portaria PR - I.xlsx</t>
  </si>
  <si>
    <t>E:\BK_final\Vilarinho\Vilarinho - Trabalho\Segurança - Erica\2014\Orcamento\RESULTADO\ARQUIVOS PREPARATORIOS\Memoria Patrimonial\PR\Portaria\2014 - Portaria PR - I.xlsx</t>
  </si>
  <si>
    <t>D:\2014\Orcamento\RESULTADO\ARQUIVOS PREPARATORIOS\Memoria Patrimonial\PR\Vigilancia\</t>
  </si>
  <si>
    <t>2014 - Vigilancia PR - I.xlsx</t>
  </si>
  <si>
    <t>E:\BK_final\Vilarinho\Vilarinho - Trabalho\Segurança - Erica\2014\Orcamento\RESULTADO\ARQUIVOS PREPARATORIOS\Memoria Patrimonial\PR\Vigilancia\2014 - Vigilancia PR - I.xlsx</t>
  </si>
  <si>
    <t>11/21/2019 16:47:12</t>
  </si>
  <si>
    <t>D:\2014\Orcamento\RESULTADO\ARQUIVOS PREPARATORIOS\Memoria Patrimonial\PR\Vigilancia\Cancelada\</t>
  </si>
  <si>
    <t>012014_Vigilancia_PR_Cancelada.xlsm</t>
  </si>
  <si>
    <t>E:\BK_final\Vilarinho\Vilarinho - Trabalho\Segurança - Erica\2014\Orcamento\RESULTADO\ARQUIVOS PREPARATORIOS\Memoria Patrimonial\PR\Vigilancia\Cancelada\012014_Vigilancia_PR_Cancelada.xlsm</t>
  </si>
  <si>
    <t>022014_Vigilancia_PR_Cancelada.xlsm</t>
  </si>
  <si>
    <t>E:\BK_final\Vilarinho\Vilarinho - Trabalho\Segurança - Erica\2014\Orcamento\RESULTADO\ARQUIVOS PREPARATORIOS\Memoria Patrimonial\PR\Vigilancia\Cancelada\022014_Vigilancia_PR_Cancelada.xlsm</t>
  </si>
  <si>
    <t>032014_Vigilancia_PR_Cancelada.xlsm</t>
  </si>
  <si>
    <t>E:\BK_final\Vilarinho\Vilarinho - Trabalho\Segurança - Erica\2014\Orcamento\RESULTADO\ARQUIVOS PREPARATORIOS\Memoria Patrimonial\PR\Vigilancia\Cancelada\032014_Vigilancia_PR_Cancelada.xlsm</t>
  </si>
  <si>
    <t>042014_Vigilancia_PR_Cancelada.xlsm</t>
  </si>
  <si>
    <t>E:\BK_final\Vilarinho\Vilarinho - Trabalho\Segurança - Erica\2014\Orcamento\RESULTADO\ARQUIVOS PREPARATORIOS\Memoria Patrimonial\PR\Vigilancia\Cancelada\042014_Vigilancia_PR_Cancelada.xlsm</t>
  </si>
  <si>
    <t>11/21/2019 16:47:13</t>
  </si>
  <si>
    <t>052014_Vigilancia_PR_Cancelada.xlsm</t>
  </si>
  <si>
    <t>E:\BK_final\Vilarinho\Vilarinho - Trabalho\Segurança - Erica\2014\Orcamento\RESULTADO\ARQUIVOS PREPARATORIOS\Memoria Patrimonial\PR\Vigilancia\Cancelada\052014_Vigilancia_PR_Cancelada.xlsm</t>
  </si>
  <si>
    <t>062014_Vigilancia_PR_Cancelada.xlsm</t>
  </si>
  <si>
    <t>E:\BK_final\Vilarinho\Vilarinho - Trabalho\Segurança - Erica\2014\Orcamento\RESULTADO\ARQUIVOS PREPARATORIOS\Memoria Patrimonial\PR\Vigilancia\Cancelada\062014_Vigilancia_PR_Cancelada.xlsm</t>
  </si>
  <si>
    <t>072014_Vigilancia_PR_Cancelada.xlsm</t>
  </si>
  <si>
    <t>E:\BK_final\Vilarinho\Vilarinho - Trabalho\Segurança - Erica\2014\Orcamento\RESULTADO\ARQUIVOS PREPARATORIOS\Memoria Patrimonial\PR\Vigilancia\Cancelada\072014_Vigilancia_PR_Cancelada.xlsm</t>
  </si>
  <si>
    <t>082014_Vigilancia_PR_Cancelada.xlsm</t>
  </si>
  <si>
    <t>E:\BK_final\Vilarinho\Vilarinho - Trabalho\Segurança - Erica\2014\Orcamento\RESULTADO\ARQUIVOS PREPARATORIOS\Memoria Patrimonial\PR\Vigilancia\Cancelada\082014_Vigilancia_PR_Cancelada.xlsm</t>
  </si>
  <si>
    <t>092014_Vigilancia_PR_Cancelada.xlsm</t>
  </si>
  <si>
    <t>E:\BK_final\Vilarinho\Vilarinho - Trabalho\Segurança - Erica\2014\Orcamento\RESULTADO\ARQUIVOS PREPARATORIOS\Memoria Patrimonial\PR\Vigilancia\Cancelada\092014_Vigilancia_PR_Cancelada.xlsm</t>
  </si>
  <si>
    <t>11/21/2019 16:47:14</t>
  </si>
  <si>
    <t>102014_Vigilancia_PR_Cancelada.xlsm</t>
  </si>
  <si>
    <t>E:\BK_final\Vilarinho\Vilarinho - Trabalho\Segurança - Erica\2014\Orcamento\RESULTADO\ARQUIVOS PREPARATORIOS\Memoria Patrimonial\PR\Vigilancia\Cancelada\102014_Vigilancia_PR_Cancelada.xlsm</t>
  </si>
  <si>
    <t>112014_Vigilancia_PR_Cancelada.xlsm</t>
  </si>
  <si>
    <t>E:\BK_final\Vilarinho\Vilarinho - Trabalho\Segurança - Erica\2014\Orcamento\RESULTADO\ARQUIVOS PREPARATORIOS\Memoria Patrimonial\PR\Vigilancia\Cancelada\112014_Vigilancia_PR_Cancelada.xlsm</t>
  </si>
  <si>
    <t>122014_Vigilancia_PR_Cancelada.xlsm</t>
  </si>
  <si>
    <t>E:\BK_final\Vilarinho\Vilarinho - Trabalho\Segurança - Erica\2014\Orcamento\RESULTADO\ARQUIVOS PREPARATORIOS\Memoria Patrimonial\PR\Vigilancia\Cancelada\122014_Vigilancia_PR_Cancelada.xlsm</t>
  </si>
  <si>
    <t>D:\2014\Orcamento\RESULTADO\ARQUIVOS PREPARATORIOS\Memoria Patrimonial\PR\Vigilancia\Nova\</t>
  </si>
  <si>
    <t>012014_Vigilancia_PR_Nova.xlsm</t>
  </si>
  <si>
    <t>E:\BK_final\Vilarinho\Vilarinho - Trabalho\Segurança - Erica\2014\Orcamento\RESULTADO\ARQUIVOS PREPARATORIOS\Memoria Patrimonial\PR\Vigilancia\Nova\012014_Vigilancia_PR_Nova.xlsm</t>
  </si>
  <si>
    <t>11/21/2019 16:47:15</t>
  </si>
  <si>
    <t>022014_Vigilancia_PR_Nova.xlsm</t>
  </si>
  <si>
    <t>E:\BK_final\Vilarinho\Vilarinho - Trabalho\Segurança - Erica\2014\Orcamento\RESULTADO\ARQUIVOS PREPARATORIOS\Memoria Patrimonial\PR\Vigilancia\Nova\022014_Vigilancia_PR_Nova.xlsm</t>
  </si>
  <si>
    <t>032014_Vigilancia_PR_Nova.xlsm</t>
  </si>
  <si>
    <t>E:\BK_final\Vilarinho\Vilarinho - Trabalho\Segurança - Erica\2014\Orcamento\RESULTADO\ARQUIVOS PREPARATORIOS\Memoria Patrimonial\PR\Vigilancia\Nova\032014_Vigilancia_PR_Nova.xlsm</t>
  </si>
  <si>
    <t>042014_Vigilancia_PR_Nova.xlsm</t>
  </si>
  <si>
    <t>E:\BK_final\Vilarinho\Vilarinho - Trabalho\Segurança - Erica\2014\Orcamento\RESULTADO\ARQUIVOS PREPARATORIOS\Memoria Patrimonial\PR\Vigilancia\Nova\042014_Vigilancia_PR_Nova.xlsm</t>
  </si>
  <si>
    <t>052014_Vigilancia_PR_Nova.xlsm</t>
  </si>
  <si>
    <t>E:\BK_final\Vilarinho\Vilarinho - Trabalho\Segurança - Erica\2014\Orcamento\RESULTADO\ARQUIVOS PREPARATORIOS\Memoria Patrimonial\PR\Vigilancia\Nova\052014_Vigilancia_PR_Nova.xlsm</t>
  </si>
  <si>
    <t>11/21/2019 16:47:16</t>
  </si>
  <si>
    <t>062014_Vigilancia_PR_Nova.xlsm</t>
  </si>
  <si>
    <t>E:\BK_final\Vilarinho\Vilarinho - Trabalho\Segurança - Erica\2014\Orcamento\RESULTADO\ARQUIVOS PREPARATORIOS\Memoria Patrimonial\PR\Vigilancia\Nova\062014_Vigilancia_PR_Nova.xlsm</t>
  </si>
  <si>
    <t>E:\BK_final\Vilarinho\Vilarinho - Trabalho\Segurança - Erica\2014\Orcamento\RESULTADO\ARQUIVOS PREPARATORIOS\Memoria Patrimonial\PR\Vigilancia\Nova\072014_Vigilancia_PR_Nova.xlsm</t>
  </si>
  <si>
    <t>082014_Vigilancia_PR_Nova.xlsm</t>
  </si>
  <si>
    <t>E:\BK_final\Vilarinho\Vilarinho - Trabalho\Segurança - Erica\2014\Orcamento\RESULTADO\ARQUIVOS PREPARATORIOS\Memoria Patrimonial\PR\Vigilancia\Nova\082014_Vigilancia_PR_Nova.xlsm</t>
  </si>
  <si>
    <t>092014_Vigilancia_PR_Nova.xlsm</t>
  </si>
  <si>
    <t>E:\BK_final\Vilarinho\Vilarinho - Trabalho\Segurança - Erica\2014\Orcamento\RESULTADO\ARQUIVOS PREPARATORIOS\Memoria Patrimonial\PR\Vigilancia\Nova\092014_Vigilancia_PR_Nova.xlsm</t>
  </si>
  <si>
    <t>102014_Vigilancia_PR_Nova.xlsm</t>
  </si>
  <si>
    <t>E:\BK_final\Vilarinho\Vilarinho - Trabalho\Segurança - Erica\2014\Orcamento\RESULTADO\ARQUIVOS PREPARATORIOS\Memoria Patrimonial\PR\Vigilancia\Nova\102014_Vigilancia_PR_Nova.xlsm</t>
  </si>
  <si>
    <t>112014_Vigilancia_PR_Nova.xlsm</t>
  </si>
  <si>
    <t>E:\BK_final\Vilarinho\Vilarinho - Trabalho\Segurança - Erica\2014\Orcamento\RESULTADO\ARQUIVOS PREPARATORIOS\Memoria Patrimonial\PR\Vigilancia\Nova\112014_Vigilancia_PR_Nova.xlsm</t>
  </si>
  <si>
    <t>11/21/2019 16:47:17</t>
  </si>
  <si>
    <t>122014_Vigilancia_PR_Nova.xlsm</t>
  </si>
  <si>
    <t>E:\BK_final\Vilarinho\Vilarinho - Trabalho\Segurança - Erica\2014\Orcamento\RESULTADO\ARQUIVOS PREPARATORIOS\Memoria Patrimonial\PR\Vigilancia\Nova\122014_Vigilancia_PR_Nova.xlsm</t>
  </si>
  <si>
    <t>D:\2014\Orcamento\RESULTADO\ARQUIVOS PREPARATORIOS\Memoria Patrimonial\SP1\</t>
  </si>
  <si>
    <t>2014_DRE_CONSOLIDADA_SP1.xlsx</t>
  </si>
  <si>
    <t>E:\BK_final\Vilarinho\Vilarinho - Trabalho\Segurança - Erica\2014\Orcamento\RESULTADO\ARQUIVOS PREPARATORIOS\Memoria Patrimonial\SP1\2014_DRE_CONSOLIDADA_SP1.xlsx</t>
  </si>
  <si>
    <t>D:\2014\Orcamento\RESULTADO\ARQUIVOS PREPARATORIOS\Memoria Patrimonial\SP1\Portaria\</t>
  </si>
  <si>
    <t>2014 - Portaria SP1 - I.xlsx</t>
  </si>
  <si>
    <t>E:\BK_final\Vilarinho\Vilarinho - Trabalho\Segurança - Erica\2014\Orcamento\RESULTADO\ARQUIVOS PREPARATORIOS\Memoria Patrimonial\SP1\Portaria\2014 - Portaria SP1 - I.xlsx</t>
  </si>
  <si>
    <t>D:\2014\Orcamento\RESULTADO\ARQUIVOS PREPARATORIOS\Memoria Patrimonial\SP1\Portaria\Cancelada\</t>
  </si>
  <si>
    <t>012014_Portaria_SP1_Cancelada.xlsm</t>
  </si>
  <si>
    <t>E:\BK_final\Vilarinho\Vilarinho - Trabalho\Segurança - Erica\2014\Orcamento\RESULTADO\ARQUIVOS PREPARATORIOS\Memoria Patrimonial\SP1\Portaria\Cancelada\012014_Portaria_SP1_Cancelada.xlsm</t>
  </si>
  <si>
    <t>022014_Portaria_SP1_Cancelada.xlsm</t>
  </si>
  <si>
    <t>E:\BK_final\Vilarinho\Vilarinho - Trabalho\Segurança - Erica\2014\Orcamento\RESULTADO\ARQUIVOS PREPARATORIOS\Memoria Patrimonial\SP1\Portaria\Cancelada\022014_Portaria_SP1_Cancelada.xlsm</t>
  </si>
  <si>
    <t>032014_Portaria_SP1_Cancelada.xlsm</t>
  </si>
  <si>
    <t>E:\BK_final\Vilarinho\Vilarinho - Trabalho\Segurança - Erica\2014\Orcamento\RESULTADO\ARQUIVOS PREPARATORIOS\Memoria Patrimonial\SP1\Portaria\Cancelada\032014_Portaria_SP1_Cancelada.xlsm</t>
  </si>
  <si>
    <t>042014_Portaria_SP1_Cancelada.xlsm</t>
  </si>
  <si>
    <t>E:\BK_final\Vilarinho\Vilarinho - Trabalho\Segurança - Erica\2014\Orcamento\RESULTADO\ARQUIVOS PREPARATORIOS\Memoria Patrimonial\SP1\Portaria\Cancelada\042014_Portaria_SP1_Cancelada.xlsm</t>
  </si>
  <si>
    <t>11/21/2019 16:47:18</t>
  </si>
  <si>
    <t>052014_Portaria_SP1_Cancelada.xlsm</t>
  </si>
  <si>
    <t>E:\BK_final\Vilarinho\Vilarinho - Trabalho\Segurança - Erica\2014\Orcamento\RESULTADO\ARQUIVOS PREPARATORIOS\Memoria Patrimonial\SP1\Portaria\Cancelada\052014_Portaria_SP1_Cancelada.xlsm</t>
  </si>
  <si>
    <t>062014_Portaria_SP1_Cancelada.xlsm</t>
  </si>
  <si>
    <t>E:\BK_final\Vilarinho\Vilarinho - Trabalho\Segurança - Erica\2014\Orcamento\RESULTADO\ARQUIVOS PREPARATORIOS\Memoria Patrimonial\SP1\Portaria\Cancelada\062014_Portaria_SP1_Cancelada.xlsm</t>
  </si>
  <si>
    <t>072014_Portaria_SP1_Cancelada.xlsm</t>
  </si>
  <si>
    <t>E:\BK_final\Vilarinho\Vilarinho - Trabalho\Segurança - Erica\2014\Orcamento\RESULTADO\ARQUIVOS PREPARATORIOS\Memoria Patrimonial\SP1\Portaria\Cancelada\072014_Portaria_SP1_Cancelada.xlsm</t>
  </si>
  <si>
    <t>082014_Portaria_SP1_Cancelada.xlsm</t>
  </si>
  <si>
    <t>E:\BK_final\Vilarinho\Vilarinho - Trabalho\Segurança - Erica\2014\Orcamento\RESULTADO\ARQUIVOS PREPARATORIOS\Memoria Patrimonial\SP1\Portaria\Cancelada\082014_Portaria_SP1_Cancelada.xlsm</t>
  </si>
  <si>
    <t>092014_Portaria_SP1_Cancelada.xlsm</t>
  </si>
  <si>
    <t>E:\BK_final\Vilarinho\Vilarinho - Trabalho\Segurança - Erica\2014\Orcamento\RESULTADO\ARQUIVOS PREPARATORIOS\Memoria Patrimonial\SP1\Portaria\Cancelada\092014_Portaria_SP1_Cancelada.xlsm</t>
  </si>
  <si>
    <t>102014_Portaria_SP1_Cancelada.xlsm</t>
  </si>
  <si>
    <t>E:\BK_final\Vilarinho\Vilarinho - Trabalho\Segurança - Erica\2014\Orcamento\RESULTADO\ARQUIVOS PREPARATORIOS\Memoria Patrimonial\SP1\Portaria\Cancelada\102014_Portaria_SP1_Cancelada.xlsm</t>
  </si>
  <si>
    <t>112014_Portaria_SP1_Cancelada.xlsm</t>
  </si>
  <si>
    <t>E:\BK_final\Vilarinho\Vilarinho - Trabalho\Segurança - Erica\2014\Orcamento\RESULTADO\ARQUIVOS PREPARATORIOS\Memoria Patrimonial\SP1\Portaria\Cancelada\112014_Portaria_SP1_Cancelada.xlsm</t>
  </si>
  <si>
    <t>11/21/2019 16:47:19</t>
  </si>
  <si>
    <t>122014_Portaria_SP1_Cancelada.xlsm</t>
  </si>
  <si>
    <t>E:\BK_final\Vilarinho\Vilarinho - Trabalho\Segurança - Erica\2014\Orcamento\RESULTADO\ARQUIVOS PREPARATORIOS\Memoria Patrimonial\SP1\Portaria\Cancelada\122014_Portaria_SP1_Cancelada.xlsm</t>
  </si>
  <si>
    <t>11/21/2019 16:47:21</t>
  </si>
  <si>
    <t>D:\2014\Orcamento\RESULTADO\ARQUIVOS PREPARATORIOS\Memoria Patrimonial\SP1\Portaria\Nova\</t>
  </si>
  <si>
    <t>012014_Portaria_SP1_Nova.xlsm</t>
  </si>
  <si>
    <t>E:\BK_final\Vilarinho\Vilarinho - Trabalho\Segurança - Erica\2014\Orcamento\RESULTADO\ARQUIVOS PREPARATORIOS\Memoria Patrimonial\SP1\Portaria\Nova\012014_Portaria_SP1_Nova.xlsm</t>
  </si>
  <si>
    <t>022014_Portaria_SP1_Nova.xlsm</t>
  </si>
  <si>
    <t>E:\BK_final\Vilarinho\Vilarinho - Trabalho\Segurança - Erica\2014\Orcamento\RESULTADO\ARQUIVOS PREPARATORIOS\Memoria Patrimonial\SP1\Portaria\Nova\022014_Portaria_SP1_Nova.xlsm</t>
  </si>
  <si>
    <t>11/21/2019 16:47:22</t>
  </si>
  <si>
    <t>032014_Portaria_SP1_Nova.xlsm</t>
  </si>
  <si>
    <t>E:\BK_final\Vilarinho\Vilarinho - Trabalho\Segurança - Erica\2014\Orcamento\RESULTADO\ARQUIVOS PREPARATORIOS\Memoria Patrimonial\SP1\Portaria\Nova\032014_Portaria_SP1_Nova.xlsm</t>
  </si>
  <si>
    <t>042014_Portaria_SP1_Nova.xlsm</t>
  </si>
  <si>
    <t>E:\BK_final\Vilarinho\Vilarinho - Trabalho\Segurança - Erica\2014\Orcamento\RESULTADO\ARQUIVOS PREPARATORIOS\Memoria Patrimonial\SP1\Portaria\Nova\042014_Portaria_SP1_Nova.xlsm</t>
  </si>
  <si>
    <t>052014_Portaria_SP1_Nova.xlsm</t>
  </si>
  <si>
    <t>E:\BK_final\Vilarinho\Vilarinho - Trabalho\Segurança - Erica\2014\Orcamento\RESULTADO\ARQUIVOS PREPARATORIOS\Memoria Patrimonial\SP1\Portaria\Nova\052014_Portaria_SP1_Nova.xlsm</t>
  </si>
  <si>
    <t>062014_Portaria_SP1_Nova.xlsm</t>
  </si>
  <si>
    <t>E:\BK_final\Vilarinho\Vilarinho - Trabalho\Segurança - Erica\2014\Orcamento\RESULTADO\ARQUIVOS PREPARATORIOS\Memoria Patrimonial\SP1\Portaria\Nova\062014_Portaria_SP1_Nova.xlsm</t>
  </si>
  <si>
    <t>11/21/2019 16:47:23</t>
  </si>
  <si>
    <t>E:\BK_final\Vilarinho\Vilarinho - Trabalho\Segurança - Erica\2014\Orcamento\RESULTADO\ARQUIVOS PREPARATORIOS\Memoria Patrimonial\SP1\Portaria\Nova\072014_Portaria_SP1_Nova.xlsm</t>
  </si>
  <si>
    <t>082014_Portaria_SP1_Nova.xlsm</t>
  </si>
  <si>
    <t>E:\BK_final\Vilarinho\Vilarinho - Trabalho\Segurança - Erica\2014\Orcamento\RESULTADO\ARQUIVOS PREPARATORIOS\Memoria Patrimonial\SP1\Portaria\Nova\082014_Portaria_SP1_Nova.xlsm</t>
  </si>
  <si>
    <t>092014_Portaria_SP1_Nova.xlsm</t>
  </si>
  <si>
    <t>E:\BK_final\Vilarinho\Vilarinho - Trabalho\Segurança - Erica\2014\Orcamento\RESULTADO\ARQUIVOS PREPARATORIOS\Memoria Patrimonial\SP1\Portaria\Nova\092014_Portaria_SP1_Nova.xlsm</t>
  </si>
  <si>
    <t>102014_Portaria_SP1_Nova.xlsm</t>
  </si>
  <si>
    <t>E:\BK_final\Vilarinho\Vilarinho - Trabalho\Segurança - Erica\2014\Orcamento\RESULTADO\ARQUIVOS PREPARATORIOS\Memoria Patrimonial\SP1\Portaria\Nova\102014_Portaria_SP1_Nova.xlsm</t>
  </si>
  <si>
    <t>112014_Portaria_SP1_Nova.xlsm</t>
  </si>
  <si>
    <t>E:\BK_final\Vilarinho\Vilarinho - Trabalho\Segurança - Erica\2014\Orcamento\RESULTADO\ARQUIVOS PREPARATORIOS\Memoria Patrimonial\SP1\Portaria\Nova\112014_Portaria_SP1_Nova.xlsm</t>
  </si>
  <si>
    <t>122014_Portaria_SP1_Nova.xlsm</t>
  </si>
  <si>
    <t>E:\BK_final\Vilarinho\Vilarinho - Trabalho\Segurança - Erica\2014\Orcamento\RESULTADO\ARQUIVOS PREPARATORIOS\Memoria Patrimonial\SP1\Portaria\Nova\122014_Portaria_SP1_Nova.xlsm</t>
  </si>
  <si>
    <t>11/21/2019 16:47:24</t>
  </si>
  <si>
    <t>D:\2014\Orcamento\RESULTADO\ARQUIVOS PREPARATORIOS\Memoria Patrimonial\SP1\Vigilancia\</t>
  </si>
  <si>
    <t>2014 - Vigilancia SP1 - I.xlsx</t>
  </si>
  <si>
    <t>E:\BK_final\Vilarinho\Vilarinho - Trabalho\Segurança - Erica\2014\Orcamento\RESULTADO\ARQUIVOS PREPARATORIOS\Memoria Patrimonial\SP1\Vigilancia\2014 - Vigilancia SP1 - I.xlsx</t>
  </si>
  <si>
    <t>D:\2014\Orcamento\RESULTADO\ARQUIVOS PREPARATORIOS\Memoria Patrimonial\SP1\Vigilancia\Cancelada\</t>
  </si>
  <si>
    <t>012014_Vigilancia_SP1_Cancelada.xlsm</t>
  </si>
  <si>
    <t>E:\BK_final\Vilarinho\Vilarinho - Trabalho\Segurança - Erica\2014\Orcamento\RESULTADO\ARQUIVOS PREPARATORIOS\Memoria Patrimonial\SP1\Vigilancia\Cancelada\012014_Vigilancia_SP1_Cancelada.xlsm</t>
  </si>
  <si>
    <t>022014_Vigilancia_SP1_Cancelada.xlsm</t>
  </si>
  <si>
    <t>E:\BK_final\Vilarinho\Vilarinho - Trabalho\Segurança - Erica\2014\Orcamento\RESULTADO\ARQUIVOS PREPARATORIOS\Memoria Patrimonial\SP1\Vigilancia\Cancelada\022014_Vigilancia_SP1_Cancelada.xlsm</t>
  </si>
  <si>
    <t>032014_Vigilancia_SP1_Cancelada.xlsm</t>
  </si>
  <si>
    <t>E:\BK_final\Vilarinho\Vilarinho - Trabalho\Segurança - Erica\2014\Orcamento\RESULTADO\ARQUIVOS PREPARATORIOS\Memoria Patrimonial\SP1\Vigilancia\Cancelada\032014_Vigilancia_SP1_Cancelada.xlsm</t>
  </si>
  <si>
    <t>042014_Vigilancia_SP1_Cancelada.xlsm</t>
  </si>
  <si>
    <t>E:\BK_final\Vilarinho\Vilarinho - Trabalho\Segurança - Erica\2014\Orcamento\RESULTADO\ARQUIVOS PREPARATORIOS\Memoria Patrimonial\SP1\Vigilancia\Cancelada\042014_Vigilancia_SP1_Cancelada.xlsm</t>
  </si>
  <si>
    <t>052014_Vigilancia_SP1_Cancelada.xlsm</t>
  </si>
  <si>
    <t>E:\BK_final\Vilarinho\Vilarinho - Trabalho\Segurança - Erica\2014\Orcamento\RESULTADO\ARQUIVOS PREPARATORIOS\Memoria Patrimonial\SP1\Vigilancia\Cancelada\052014_Vigilancia_SP1_Cancelada.xlsm</t>
  </si>
  <si>
    <t>11/21/2019 16:47:25</t>
  </si>
  <si>
    <t>062014_Vigilancia_SP1_Cancelada.xlsm</t>
  </si>
  <si>
    <t>E:\BK_final\Vilarinho\Vilarinho - Trabalho\Segurança - Erica\2014\Orcamento\RESULTADO\ARQUIVOS PREPARATORIOS\Memoria Patrimonial\SP1\Vigilancia\Cancelada\062014_Vigilancia_SP1_Cancelada.xlsm</t>
  </si>
  <si>
    <t>072014_Vigilancia_SP1_Cancelada.xlsm</t>
  </si>
  <si>
    <t>E:\BK_final\Vilarinho\Vilarinho - Trabalho\Segurança - Erica\2014\Orcamento\RESULTADO\ARQUIVOS PREPARATORIOS\Memoria Patrimonial\SP1\Vigilancia\Cancelada\072014_Vigilancia_SP1_Cancelada.xlsm</t>
  </si>
  <si>
    <t>082014_Vigilancia_SP1_Cancelada.xlsm</t>
  </si>
  <si>
    <t>E:\BK_final\Vilarinho\Vilarinho - Trabalho\Segurança - Erica\2014\Orcamento\RESULTADO\ARQUIVOS PREPARATORIOS\Memoria Patrimonial\SP1\Vigilancia\Cancelada\082014_Vigilancia_SP1_Cancelada.xlsm</t>
  </si>
  <si>
    <t>092014_Vigilancia_SP1_Cancelada.xlsm</t>
  </si>
  <si>
    <t>E:\BK_final\Vilarinho\Vilarinho - Trabalho\Segurança - Erica\2014\Orcamento\RESULTADO\ARQUIVOS PREPARATORIOS\Memoria Patrimonial\SP1\Vigilancia\Cancelada\092014_Vigilancia_SP1_Cancelada.xlsm</t>
  </si>
  <si>
    <t>102014_Vigilancia_SP1_Cancelada.xlsm</t>
  </si>
  <si>
    <t>E:\BK_final\Vilarinho\Vilarinho - Trabalho\Segurança - Erica\2014\Orcamento\RESULTADO\ARQUIVOS PREPARATORIOS\Memoria Patrimonial\SP1\Vigilancia\Cancelada\102014_Vigilancia_SP1_Cancelada.xlsm</t>
  </si>
  <si>
    <t>112014_Vigilancia_SP1_Cancelada.xlsm</t>
  </si>
  <si>
    <t>E:\BK_final\Vilarinho\Vilarinho - Trabalho\Segurança - Erica\2014\Orcamento\RESULTADO\ARQUIVOS PREPARATORIOS\Memoria Patrimonial\SP1\Vigilancia\Cancelada\112014_Vigilancia_SP1_Cancelada.xlsm</t>
  </si>
  <si>
    <t>122014_Vigilancia_SP1_Cancelada.xlsm</t>
  </si>
  <si>
    <t>E:\BK_final\Vilarinho\Vilarinho - Trabalho\Segurança - Erica\2014\Orcamento\RESULTADO\ARQUIVOS PREPARATORIOS\Memoria Patrimonial\SP1\Vigilancia\Cancelada\122014_Vigilancia_SP1_Cancelada.xlsm</t>
  </si>
  <si>
    <t>11/21/2019 16:47:26</t>
  </si>
  <si>
    <t>D:\2014\Orcamento\RESULTADO\ARQUIVOS PREPARATORIOS\Memoria Patrimonial\SP1\Vigilancia\Extra\</t>
  </si>
  <si>
    <t>012014_Vigilancia_SP1_Extra.xlsm</t>
  </si>
  <si>
    <t>E:\BK_final\Vilarinho\Vilarinho - Trabalho\Segurança - Erica\2014\Orcamento\RESULTADO\ARQUIVOS PREPARATORIOS\Memoria Patrimonial\SP1\Vigilancia\Extra\012014_Vigilancia_SP1_Extra.xlsm</t>
  </si>
  <si>
    <t>022014_Vigilancia_SP1_Extra.xlsm</t>
  </si>
  <si>
    <t>E:\BK_final\Vilarinho\Vilarinho - Trabalho\Segurança - Erica\2014\Orcamento\RESULTADO\ARQUIVOS PREPARATORIOS\Memoria Patrimonial\SP1\Vigilancia\Extra\022014_Vigilancia_SP1_Extra.xlsm</t>
  </si>
  <si>
    <t>032014_Vigilancia_SP1_Extra.xlsm</t>
  </si>
  <si>
    <t>E:\BK_final\Vilarinho\Vilarinho - Trabalho\Segurança - Erica\2014\Orcamento\RESULTADO\ARQUIVOS PREPARATORIOS\Memoria Patrimonial\SP1\Vigilancia\Extra\032014_Vigilancia_SP1_Extra.xlsm</t>
  </si>
  <si>
    <t>042014_Vigilancia_SP1_Extra.xlsm</t>
  </si>
  <si>
    <t>E:\BK_final\Vilarinho\Vilarinho - Trabalho\Segurança - Erica\2014\Orcamento\RESULTADO\ARQUIVOS PREPARATORIOS\Memoria Patrimonial\SP1\Vigilancia\Extra\042014_Vigilancia_SP1_Extra.xlsm</t>
  </si>
  <si>
    <t>052014_Vigilancia_SP1_Extra.xlsm</t>
  </si>
  <si>
    <t>E:\BK_final\Vilarinho\Vilarinho - Trabalho\Segurança - Erica\2014\Orcamento\RESULTADO\ARQUIVOS PREPARATORIOS\Memoria Patrimonial\SP1\Vigilancia\Extra\052014_Vigilancia_SP1_Extra.xlsm</t>
  </si>
  <si>
    <t>062014_Vigilancia_SP1_Extra.xlsm</t>
  </si>
  <si>
    <t>E:\BK_final\Vilarinho\Vilarinho - Trabalho\Segurança - Erica\2014\Orcamento\RESULTADO\ARQUIVOS PREPARATORIOS\Memoria Patrimonial\SP1\Vigilancia\Extra\062014_Vigilancia_SP1_Extra.xlsm</t>
  </si>
  <si>
    <t>072014_Vigilancia_SP1_Extra.xlsm</t>
  </si>
  <si>
    <t>E:\BK_final\Vilarinho\Vilarinho - Trabalho\Segurança - Erica\2014\Orcamento\RESULTADO\ARQUIVOS PREPARATORIOS\Memoria Patrimonial\SP1\Vigilancia\Extra\072014_Vigilancia_SP1_Extra.xlsm</t>
  </si>
  <si>
    <t>11/21/2019 16:47:27</t>
  </si>
  <si>
    <t>082014_Vigilancia_SP1_Extra.xlsm</t>
  </si>
  <si>
    <t>E:\BK_final\Vilarinho\Vilarinho - Trabalho\Segurança - Erica\2014\Orcamento\RESULTADO\ARQUIVOS PREPARATORIOS\Memoria Patrimonial\SP1\Vigilancia\Extra\082014_Vigilancia_SP1_Extra.xlsm</t>
  </si>
  <si>
    <t>092014_Vigilancia_SP1_Extra.xlsm</t>
  </si>
  <si>
    <t>E:\BK_final\Vilarinho\Vilarinho - Trabalho\Segurança - Erica\2014\Orcamento\RESULTADO\ARQUIVOS PREPARATORIOS\Memoria Patrimonial\SP1\Vigilancia\Extra\092014_Vigilancia_SP1_Extra.xlsm</t>
  </si>
  <si>
    <t>102014_Vigilancia_SP1_Extra.xlsm</t>
  </si>
  <si>
    <t>E:\BK_final\Vilarinho\Vilarinho - Trabalho\Segurança - Erica\2014\Orcamento\RESULTADO\ARQUIVOS PREPARATORIOS\Memoria Patrimonial\SP1\Vigilancia\Extra\102014_Vigilancia_SP1_Extra.xlsm</t>
  </si>
  <si>
    <t>112014_Vigilancia_SP1_Extra.xlsm</t>
  </si>
  <si>
    <t>E:\BK_final\Vilarinho\Vilarinho - Trabalho\Segurança - Erica\2014\Orcamento\RESULTADO\ARQUIVOS PREPARATORIOS\Memoria Patrimonial\SP1\Vigilancia\Extra\112014_Vigilancia_SP1_Extra.xlsm</t>
  </si>
  <si>
    <t>122014_Vigilancia_SP1_Extra.xlsm</t>
  </si>
  <si>
    <t>E:\BK_final\Vilarinho\Vilarinho - Trabalho\Segurança - Erica\2014\Orcamento\RESULTADO\ARQUIVOS PREPARATORIOS\Memoria Patrimonial\SP1\Vigilancia\Extra\122014_Vigilancia_SP1_Extra.xlsm</t>
  </si>
  <si>
    <t>11/21/2019 16:47:29</t>
  </si>
  <si>
    <t>D:\2014\Orcamento\RESULTADO\ARQUIVOS PREPARATORIOS\Memoria Patrimonial\SP1\Vigilancia\Nova\</t>
  </si>
  <si>
    <t>012014_Vigilancia_SP1_Nova.xlsm</t>
  </si>
  <si>
    <t>E:\BK_final\Vilarinho\Vilarinho - Trabalho\Segurança - Erica\2014\Orcamento\RESULTADO\ARQUIVOS PREPARATORIOS\Memoria Patrimonial\SP1\Vigilancia\Nova\012014_Vigilancia_SP1_Nova.xlsm</t>
  </si>
  <si>
    <t>022014_Vigilancia_SP1_Nova.xlsm</t>
  </si>
  <si>
    <t>E:\BK_final\Vilarinho\Vilarinho - Trabalho\Segurança - Erica\2014\Orcamento\RESULTADO\ARQUIVOS PREPARATORIOS\Memoria Patrimonial\SP1\Vigilancia\Nova\022014_Vigilancia_SP1_Nova.xlsm</t>
  </si>
  <si>
    <t>11/21/2019 16:47:30</t>
  </si>
  <si>
    <t>032014_Vigilancia_SP1_Nova.xlsm</t>
  </si>
  <si>
    <t>E:\BK_final\Vilarinho\Vilarinho - Trabalho\Segurança - Erica\2014\Orcamento\RESULTADO\ARQUIVOS PREPARATORIOS\Memoria Patrimonial\SP1\Vigilancia\Nova\032014_Vigilancia_SP1_Nova.xlsm</t>
  </si>
  <si>
    <t>042014_Vigilancia_SP1_Nova.xlsm</t>
  </si>
  <si>
    <t>E:\BK_final\Vilarinho\Vilarinho - Trabalho\Segurança - Erica\2014\Orcamento\RESULTADO\ARQUIVOS PREPARATORIOS\Memoria Patrimonial\SP1\Vigilancia\Nova\042014_Vigilancia_SP1_Nova.xlsm</t>
  </si>
  <si>
    <t>052014_Vigilancia_SP1_Nova.xlsm</t>
  </si>
  <si>
    <t>E:\BK_final\Vilarinho\Vilarinho - Trabalho\Segurança - Erica\2014\Orcamento\RESULTADO\ARQUIVOS PREPARATORIOS\Memoria Patrimonial\SP1\Vigilancia\Nova\052014_Vigilancia_SP1_Nova.xlsm</t>
  </si>
  <si>
    <t>062014_Vigilancia_SP1_Nova.xlsm</t>
  </si>
  <si>
    <t>E:\BK_final\Vilarinho\Vilarinho - Trabalho\Segurança - Erica\2014\Orcamento\RESULTADO\ARQUIVOS PREPARATORIOS\Memoria Patrimonial\SP1\Vigilancia\Nova\062014_Vigilancia_SP1_Nova.xlsm</t>
  </si>
  <si>
    <t>11/21/2019 16:47:31</t>
  </si>
  <si>
    <t>E:\BK_final\Vilarinho\Vilarinho - Trabalho\Segurança - Erica\2014\Orcamento\RESULTADO\ARQUIVOS PREPARATORIOS\Memoria Patrimonial\SP1\Vigilancia\Nova\072014_Vigilancia_SP1_Nova.xlsm</t>
  </si>
  <si>
    <t>082014_Vigilancia_SP1_Nova.xlsm</t>
  </si>
  <si>
    <t>E:\BK_final\Vilarinho\Vilarinho - Trabalho\Segurança - Erica\2014\Orcamento\RESULTADO\ARQUIVOS PREPARATORIOS\Memoria Patrimonial\SP1\Vigilancia\Nova\082014_Vigilancia_SP1_Nova.xlsm</t>
  </si>
  <si>
    <t>092014_Vigilancia_SP1_Nova.xlsm</t>
  </si>
  <si>
    <t>E:\BK_final\Vilarinho\Vilarinho - Trabalho\Segurança - Erica\2014\Orcamento\RESULTADO\ARQUIVOS PREPARATORIOS\Memoria Patrimonial\SP1\Vigilancia\Nova\092014_Vigilancia_SP1_Nova.xlsm</t>
  </si>
  <si>
    <t>102014_Vigilancia_SP1_Nova.xlsm</t>
  </si>
  <si>
    <t>E:\BK_final\Vilarinho\Vilarinho - Trabalho\Segurança - Erica\2014\Orcamento\RESULTADO\ARQUIVOS PREPARATORIOS\Memoria Patrimonial\SP1\Vigilancia\Nova\102014_Vigilancia_SP1_Nova.xlsm</t>
  </si>
  <si>
    <t>112014_Vigilancia_SP1_Nova.xlsm</t>
  </si>
  <si>
    <t>E:\BK_final\Vilarinho\Vilarinho - Trabalho\Segurança - Erica\2014\Orcamento\RESULTADO\ARQUIVOS PREPARATORIOS\Memoria Patrimonial\SP1\Vigilancia\Nova\112014_Vigilancia_SP1_Nova.xlsm</t>
  </si>
  <si>
    <t>11/21/2019 16:47:32</t>
  </si>
  <si>
    <t>122014_Vigilancia_SP1_Nova.xlsm</t>
  </si>
  <si>
    <t>E:\BK_final\Vilarinho\Vilarinho - Trabalho\Segurança - Erica\2014\Orcamento\RESULTADO\ARQUIVOS PREPARATORIOS\Memoria Patrimonial\SP1\Vigilancia\Nova\122014_Vigilancia_SP1_Nova.xlsm</t>
  </si>
  <si>
    <t>D:\2014\Orcamento\RESULTADO\ARQUIVOS PREPARATORIOS\Memoria Patrimonial\SP2\</t>
  </si>
  <si>
    <t>2014_DRE_CONSOLIDADA_SP2.xlsx</t>
  </si>
  <si>
    <t>E:\BK_final\Vilarinho\Vilarinho - Trabalho\Segurança - Erica\2014\Orcamento\RESULTADO\ARQUIVOS PREPARATORIOS\Memoria Patrimonial\SP2\2014_DRE_CONSOLIDADA_SP2.xlsx</t>
  </si>
  <si>
    <t>D:\2014\Orcamento\RESULTADO\ARQUIVOS PREPARATORIOS\Memoria Patrimonial\SP2\Portaria\</t>
  </si>
  <si>
    <t>2014 - Portaria SP2 - I.xlsx</t>
  </si>
  <si>
    <t>E:\BK_final\Vilarinho\Vilarinho - Trabalho\Segurança - Erica\2014\Orcamento\RESULTADO\ARQUIVOS PREPARATORIOS\Memoria Patrimonial\SP2\Portaria\2014 - Portaria SP2 - I.xlsx</t>
  </si>
  <si>
    <t>D:\2014\Orcamento\RESULTADO\ARQUIVOS PREPARATORIOS\Memoria Patrimonial\SP2\Portaria\Cancelada\</t>
  </si>
  <si>
    <t>012014_Portaria_SP2_Cancelada.xlsm</t>
  </si>
  <si>
    <t>E:\BK_final\Vilarinho\Vilarinho - Trabalho\Segurança - Erica\2014\Orcamento\RESULTADO\ARQUIVOS PREPARATORIOS\Memoria Patrimonial\SP2\Portaria\Cancelada\012014_Portaria_SP2_Cancelada.xlsm</t>
  </si>
  <si>
    <t>022014_Portaria_SP2_Cancelada.xlsm</t>
  </si>
  <si>
    <t>E:\BK_final\Vilarinho\Vilarinho - Trabalho\Segurança - Erica\2014\Orcamento\RESULTADO\ARQUIVOS PREPARATORIOS\Memoria Patrimonial\SP2\Portaria\Cancelada\022014_Portaria_SP2_Cancelada.xlsm</t>
  </si>
  <si>
    <t>032014_Portaria_SP2_Cancelada.xlsm</t>
  </si>
  <si>
    <t>E:\BK_final\Vilarinho\Vilarinho - Trabalho\Segurança - Erica\2014\Orcamento\RESULTADO\ARQUIVOS PREPARATORIOS\Memoria Patrimonial\SP2\Portaria\Cancelada\032014_Portaria_SP2_Cancelada.xlsm</t>
  </si>
  <si>
    <t>042014_Portaria_SP2_Cancelada.xlsm</t>
  </si>
  <si>
    <t>E:\BK_final\Vilarinho\Vilarinho - Trabalho\Segurança - Erica\2014\Orcamento\RESULTADO\ARQUIVOS PREPARATORIOS\Memoria Patrimonial\SP2\Portaria\Cancelada\042014_Portaria_SP2_Cancelada.xlsm</t>
  </si>
  <si>
    <t>11/21/2019 16:47:33</t>
  </si>
  <si>
    <t>052014_Portaria_SP2_Cancelada.xlsm</t>
  </si>
  <si>
    <t>E:\BK_final\Vilarinho\Vilarinho - Trabalho\Segurança - Erica\2014\Orcamento\RESULTADO\ARQUIVOS PREPARATORIOS\Memoria Patrimonial\SP2\Portaria\Cancelada\052014_Portaria_SP2_Cancelada.xlsm</t>
  </si>
  <si>
    <t>062014_Portaria_SP2_Cancelada.xlsm</t>
  </si>
  <si>
    <t>E:\BK_final\Vilarinho\Vilarinho - Trabalho\Segurança - Erica\2014\Orcamento\RESULTADO\ARQUIVOS PREPARATORIOS\Memoria Patrimonial\SP2\Portaria\Cancelada\062014_Portaria_SP2_Cancelada.xlsm</t>
  </si>
  <si>
    <t>072014_Portaria_SP2_Cancelada.xlsm</t>
  </si>
  <si>
    <t>E:\BK_final\Vilarinho\Vilarinho - Trabalho\Segurança - Erica\2014\Orcamento\RESULTADO\ARQUIVOS PREPARATORIOS\Memoria Patrimonial\SP2\Portaria\Cancelada\072014_Portaria_SP2_Cancelada.xlsm</t>
  </si>
  <si>
    <t>082014_Portaria_SP2_Cancelada.xlsm</t>
  </si>
  <si>
    <t>E:\BK_final\Vilarinho\Vilarinho - Trabalho\Segurança - Erica\2014\Orcamento\RESULTADO\ARQUIVOS PREPARATORIOS\Memoria Patrimonial\SP2\Portaria\Cancelada\082014_Portaria_SP2_Cancelada.xlsm</t>
  </si>
  <si>
    <t>092014_Portaria_SP2_Cancelada.xlsm</t>
  </si>
  <si>
    <t>E:\BK_final\Vilarinho\Vilarinho - Trabalho\Segurança - Erica\2014\Orcamento\RESULTADO\ARQUIVOS PREPARATORIOS\Memoria Patrimonial\SP2\Portaria\Cancelada\092014_Portaria_SP2_Cancelada.xlsm</t>
  </si>
  <si>
    <t>102014_Portaria_SP2_Cancelada.xlsm</t>
  </si>
  <si>
    <t>E:\BK_final\Vilarinho\Vilarinho - Trabalho\Segurança - Erica\2014\Orcamento\RESULTADO\ARQUIVOS PREPARATORIOS\Memoria Patrimonial\SP2\Portaria\Cancelada\102014_Portaria_SP2_Cancelada.xlsm</t>
  </si>
  <si>
    <t>112014_Portaria_SP2_Cancelada.xlsm</t>
  </si>
  <si>
    <t>E:\BK_final\Vilarinho\Vilarinho - Trabalho\Segurança - Erica\2014\Orcamento\RESULTADO\ARQUIVOS PREPARATORIOS\Memoria Patrimonial\SP2\Portaria\Cancelada\112014_Portaria_SP2_Cancelada.xlsm</t>
  </si>
  <si>
    <t>11/21/2019 16:47:34</t>
  </si>
  <si>
    <t>122014_Portaria_SP2_Cancelada.xlsm</t>
  </si>
  <si>
    <t>E:\BK_final\Vilarinho\Vilarinho - Trabalho\Segurança - Erica\2014\Orcamento\RESULTADO\ARQUIVOS PREPARATORIOS\Memoria Patrimonial\SP2\Portaria\Cancelada\122014_Portaria_SP2_Cancelada.xlsm</t>
  </si>
  <si>
    <t>D:\2014\Orcamento\RESULTADO\ARQUIVOS PREPARATORIOS\Memoria Patrimonial\SP2\Portaria\Nova\</t>
  </si>
  <si>
    <t>012014_Portaria_SP2_Nova.xlsm</t>
  </si>
  <si>
    <t>E:\BK_final\Vilarinho\Vilarinho - Trabalho\Segurança - Erica\2014\Orcamento\RESULTADO\ARQUIVOS PREPARATORIOS\Memoria Patrimonial\SP2\Portaria\Nova\012014_Portaria_SP2_Nova.xlsm</t>
  </si>
  <si>
    <t>022014_Portaria_SP2_Nova.xlsm</t>
  </si>
  <si>
    <t>E:\BK_final\Vilarinho\Vilarinho - Trabalho\Segurança - Erica\2014\Orcamento\RESULTADO\ARQUIVOS PREPARATORIOS\Memoria Patrimonial\SP2\Portaria\Nova\022014_Portaria_SP2_Nova.xlsm</t>
  </si>
  <si>
    <t>032014_Portaria_SP2_Nova.xlsm</t>
  </si>
  <si>
    <t>E:\BK_final\Vilarinho\Vilarinho - Trabalho\Segurança - Erica\2014\Orcamento\RESULTADO\ARQUIVOS PREPARATORIOS\Memoria Patrimonial\SP2\Portaria\Nova\032014_Portaria_SP2_Nova.xlsm</t>
  </si>
  <si>
    <t>042014_Portaria_SP2_Nova.xlsm</t>
  </si>
  <si>
    <t>E:\BK_final\Vilarinho\Vilarinho - Trabalho\Segurança - Erica\2014\Orcamento\RESULTADO\ARQUIVOS PREPARATORIOS\Memoria Patrimonial\SP2\Portaria\Nova\042014_Portaria_SP2_Nova.xlsm</t>
  </si>
  <si>
    <t>052014_Portaria_SP2_Nova.xlsm</t>
  </si>
  <si>
    <t>E:\BK_final\Vilarinho\Vilarinho - Trabalho\Segurança - Erica\2014\Orcamento\RESULTADO\ARQUIVOS PREPARATORIOS\Memoria Patrimonial\SP2\Portaria\Nova\052014_Portaria_SP2_Nova.xlsm</t>
  </si>
  <si>
    <t>11/21/2019 16:47:35</t>
  </si>
  <si>
    <t>062014_Portaria_SP2_Nova.xlsm</t>
  </si>
  <si>
    <t>E:\BK_final\Vilarinho\Vilarinho - Trabalho\Segurança - Erica\2014\Orcamento\RESULTADO\ARQUIVOS PREPARATORIOS\Memoria Patrimonial\SP2\Portaria\Nova\062014_Portaria_SP2_Nova.xlsm</t>
  </si>
  <si>
    <t>E:\BK_final\Vilarinho\Vilarinho - Trabalho\Segurança - Erica\2014\Orcamento\RESULTADO\ARQUIVOS PREPARATORIOS\Memoria Patrimonial\SP2\Portaria\Nova\072014_Portaria_SP2_Nova.xlsm</t>
  </si>
  <si>
    <t>082014_Portaria_SP2_Nova.xlsm</t>
  </si>
  <si>
    <t>E:\BK_final\Vilarinho\Vilarinho - Trabalho\Segurança - Erica\2014\Orcamento\RESULTADO\ARQUIVOS PREPARATORIOS\Memoria Patrimonial\SP2\Portaria\Nova\082014_Portaria_SP2_Nova.xlsm</t>
  </si>
  <si>
    <t>092014_Portaria_SP2_Nova.xlsm</t>
  </si>
  <si>
    <t>E:\BK_final\Vilarinho\Vilarinho - Trabalho\Segurança - Erica\2014\Orcamento\RESULTADO\ARQUIVOS PREPARATORIOS\Memoria Patrimonial\SP2\Portaria\Nova\092014_Portaria_SP2_Nova.xlsm</t>
  </si>
  <si>
    <t>102014_Portaria_SP2_Nova.xlsm</t>
  </si>
  <si>
    <t>E:\BK_final\Vilarinho\Vilarinho - Trabalho\Segurança - Erica\2014\Orcamento\RESULTADO\ARQUIVOS PREPARATORIOS\Memoria Patrimonial\SP2\Portaria\Nova\102014_Portaria_SP2_Nova.xlsm</t>
  </si>
  <si>
    <t>112014_Portaria_SP2_Nova.xlsm</t>
  </si>
  <si>
    <t>E:\BK_final\Vilarinho\Vilarinho - Trabalho\Segurança - Erica\2014\Orcamento\RESULTADO\ARQUIVOS PREPARATORIOS\Memoria Patrimonial\SP2\Portaria\Nova\112014_Portaria_SP2_Nova.xlsm</t>
  </si>
  <si>
    <t>122014_Portaria_SP2_Nova.xlsm</t>
  </si>
  <si>
    <t>E:\BK_final\Vilarinho\Vilarinho - Trabalho\Segurança - Erica\2014\Orcamento\RESULTADO\ARQUIVOS PREPARATORIOS\Memoria Patrimonial\SP2\Portaria\Nova\122014_Portaria_SP2_Nova.xlsm</t>
  </si>
  <si>
    <t>11/21/2019 16:47:36</t>
  </si>
  <si>
    <t>D:\2014\Orcamento\RESULTADO\ARQUIVOS PREPARATORIOS\Memoria Patrimonial\SP2\Vigilancia\</t>
  </si>
  <si>
    <t>2014 - Vigilancia SP2 - I.xlsx</t>
  </si>
  <si>
    <t>E:\BK_final\Vilarinho\Vilarinho - Trabalho\Segurança - Erica\2014\Orcamento\RESULTADO\ARQUIVOS PREPARATORIOS\Memoria Patrimonial\SP2\Vigilancia\2014 - Vigilancia SP2 - I.xlsx</t>
  </si>
  <si>
    <t>D:\2014\Orcamento\RESULTADO\ARQUIVOS PREPARATORIOS\Memoria Patrimonial\SP2\Vigilancia\Cancelada\</t>
  </si>
  <si>
    <t>012014_Vigilancia_SP2_Cancelada.xlsm</t>
  </si>
  <si>
    <t>E:\BK_final\Vilarinho\Vilarinho - Trabalho\Segurança - Erica\2014\Orcamento\RESULTADO\ARQUIVOS PREPARATORIOS\Memoria Patrimonial\SP2\Vigilancia\Cancelada\012014_Vigilancia_SP2_Cancelada.xlsm</t>
  </si>
  <si>
    <t>022014_Vigilancia_SP2_Cancelada.xlsm</t>
  </si>
  <si>
    <t>E:\BK_final\Vilarinho\Vilarinho - Trabalho\Segurança - Erica\2014\Orcamento\RESULTADO\ARQUIVOS PREPARATORIOS\Memoria Patrimonial\SP2\Vigilancia\Cancelada\022014_Vigilancia_SP2_Cancelada.xlsm</t>
  </si>
  <si>
    <t>032014_Vigilancia_SP2_Cancelada.xlsm</t>
  </si>
  <si>
    <t>E:\BK_final\Vilarinho\Vilarinho - Trabalho\Segurança - Erica\2014\Orcamento\RESULTADO\ARQUIVOS PREPARATORIOS\Memoria Patrimonial\SP2\Vigilancia\Cancelada\032014_Vigilancia_SP2_Cancelada.xlsm</t>
  </si>
  <si>
    <t>042014_Vigilancia_SP2_Cancelada.xlsm</t>
  </si>
  <si>
    <t>E:\BK_final\Vilarinho\Vilarinho - Trabalho\Segurança - Erica\2014\Orcamento\RESULTADO\ARQUIVOS PREPARATORIOS\Memoria Patrimonial\SP2\Vigilancia\Cancelada\042014_Vigilancia_SP2_Cancelada.xlsm</t>
  </si>
  <si>
    <t>052014_Vigilancia_SP2_Cancelada.xlsm</t>
  </si>
  <si>
    <t>E:\BK_final\Vilarinho\Vilarinho - Trabalho\Segurança - Erica\2014\Orcamento\RESULTADO\ARQUIVOS PREPARATORIOS\Memoria Patrimonial\SP2\Vigilancia\Cancelada\052014_Vigilancia_SP2_Cancelada.xlsm</t>
  </si>
  <si>
    <t>062014_Vigilancia_SP2_Cancelada.xlsm</t>
  </si>
  <si>
    <t>E:\BK_final\Vilarinho\Vilarinho - Trabalho\Segurança - Erica\2014\Orcamento\RESULTADO\ARQUIVOS PREPARATORIOS\Memoria Patrimonial\SP2\Vigilancia\Cancelada\062014_Vigilancia_SP2_Cancelada.xlsm</t>
  </si>
  <si>
    <t>11/21/2019 16:47:37</t>
  </si>
  <si>
    <t>072014_Vigilancia_SP2_Cancelada.xlsm</t>
  </si>
  <si>
    <t>E:\BK_final\Vilarinho\Vilarinho - Trabalho\Segurança - Erica\2014\Orcamento\RESULTADO\ARQUIVOS PREPARATORIOS\Memoria Patrimonial\SP2\Vigilancia\Cancelada\072014_Vigilancia_SP2_Cancelada.xlsm</t>
  </si>
  <si>
    <t>082014_Vigilancia_SP2_Cancelada.xlsm</t>
  </si>
  <si>
    <t>E:\BK_final\Vilarinho\Vilarinho - Trabalho\Segurança - Erica\2014\Orcamento\RESULTADO\ARQUIVOS PREPARATORIOS\Memoria Patrimonial\SP2\Vigilancia\Cancelada\082014_Vigilancia_SP2_Cancelada.xlsm</t>
  </si>
  <si>
    <t>092014_Vigilancia_SP2_Cancelada.xlsm</t>
  </si>
  <si>
    <t>E:\BK_final\Vilarinho\Vilarinho - Trabalho\Segurança - Erica\2014\Orcamento\RESULTADO\ARQUIVOS PREPARATORIOS\Memoria Patrimonial\SP2\Vigilancia\Cancelada\092014_Vigilancia_SP2_Cancelada.xlsm</t>
  </si>
  <si>
    <t>102014_Vigilancia_SP2_Cancelada.xlsm</t>
  </si>
  <si>
    <t>E:\BK_final\Vilarinho\Vilarinho - Trabalho\Segurança - Erica\2014\Orcamento\RESULTADO\ARQUIVOS PREPARATORIOS\Memoria Patrimonial\SP2\Vigilancia\Cancelada\102014_Vigilancia_SP2_Cancelada.xlsm</t>
  </si>
  <si>
    <t>112014_Vigilancia_SP2_Cancelada.xlsm</t>
  </si>
  <si>
    <t>E:\BK_final\Vilarinho\Vilarinho - Trabalho\Segurança - Erica\2014\Orcamento\RESULTADO\ARQUIVOS PREPARATORIOS\Memoria Patrimonial\SP2\Vigilancia\Cancelada\112014_Vigilancia_SP2_Cancelada.xlsm</t>
  </si>
  <si>
    <t>122014_Vigilancia_SP2_Cancelada.xlsm</t>
  </si>
  <si>
    <t>E:\BK_final\Vilarinho\Vilarinho - Trabalho\Segurança - Erica\2014\Orcamento\RESULTADO\ARQUIVOS PREPARATORIOS\Memoria Patrimonial\SP2\Vigilancia\Cancelada\122014_Vigilancia_SP2_Cancelada.xlsm</t>
  </si>
  <si>
    <t>D:\2014\Orcamento\RESULTADO\ARQUIVOS PREPARATORIOS\Memoria Patrimonial\SP2\Vigilancia\Extra\</t>
  </si>
  <si>
    <t>012014_Vigilancia_SP2_Extra.xlsm</t>
  </si>
  <si>
    <t>E:\BK_final\Vilarinho\Vilarinho - Trabalho\Segurança - Erica\2014\Orcamento\RESULTADO\ARQUIVOS PREPARATORIOS\Memoria Patrimonial\SP2\Vigilancia\Extra\012014_Vigilancia_SP2_Extra.xlsm</t>
  </si>
  <si>
    <t>11/21/2019 16:47:38</t>
  </si>
  <si>
    <t>022014_Vigilancia_SP2_Extra.xlsm</t>
  </si>
  <si>
    <t>E:\BK_final\Vilarinho\Vilarinho - Trabalho\Segurança - Erica\2014\Orcamento\RESULTADO\ARQUIVOS PREPARATORIOS\Memoria Patrimonial\SP2\Vigilancia\Extra\022014_Vigilancia_SP2_Extra.xlsm</t>
  </si>
  <si>
    <t>032014_Vigilancia_SP2_Extra.xlsm</t>
  </si>
  <si>
    <t>E:\BK_final\Vilarinho\Vilarinho - Trabalho\Segurança - Erica\2014\Orcamento\RESULTADO\ARQUIVOS PREPARATORIOS\Memoria Patrimonial\SP2\Vigilancia\Extra\032014_Vigilancia_SP2_Extra.xlsm</t>
  </si>
  <si>
    <t>042014_Vigilancia_SP2_Extra.xlsm</t>
  </si>
  <si>
    <t>E:\BK_final\Vilarinho\Vilarinho - Trabalho\Segurança - Erica\2014\Orcamento\RESULTADO\ARQUIVOS PREPARATORIOS\Memoria Patrimonial\SP2\Vigilancia\Extra\042014_Vigilancia_SP2_Extra.xlsm</t>
  </si>
  <si>
    <t>052014_Vigilancia_SP2_Extra.xlsm</t>
  </si>
  <si>
    <t>E:\BK_final\Vilarinho\Vilarinho - Trabalho\Segurança - Erica\2014\Orcamento\RESULTADO\ARQUIVOS PREPARATORIOS\Memoria Patrimonial\SP2\Vigilancia\Extra\052014_Vigilancia_SP2_Extra.xlsm</t>
  </si>
  <si>
    <t>062014_Vigilancia_SP2_Extra.xlsm</t>
  </si>
  <si>
    <t>E:\BK_final\Vilarinho\Vilarinho - Trabalho\Segurança - Erica\2014\Orcamento\RESULTADO\ARQUIVOS PREPARATORIOS\Memoria Patrimonial\SP2\Vigilancia\Extra\062014_Vigilancia_SP2_Extra.xlsm</t>
  </si>
  <si>
    <t>072014_Vigilancia_SP2_Extra.xlsm</t>
  </si>
  <si>
    <t>E:\BK_final\Vilarinho\Vilarinho - Trabalho\Segurança - Erica\2014\Orcamento\RESULTADO\ARQUIVOS PREPARATORIOS\Memoria Patrimonial\SP2\Vigilancia\Extra\072014_Vigilancia_SP2_Extra.xlsm</t>
  </si>
  <si>
    <t>082014_Vigilancia_SP2_Extra.xlsm</t>
  </si>
  <si>
    <t>E:\BK_final\Vilarinho\Vilarinho - Trabalho\Segurança - Erica\2014\Orcamento\RESULTADO\ARQUIVOS PREPARATORIOS\Memoria Patrimonial\SP2\Vigilancia\Extra\082014_Vigilancia_SP2_Extra.xlsm</t>
  </si>
  <si>
    <t>11/21/2019 16:47:39</t>
  </si>
  <si>
    <t>092014_Vigilancia_SP2_Extra.xlsm</t>
  </si>
  <si>
    <t>E:\BK_final\Vilarinho\Vilarinho - Trabalho\Segurança - Erica\2014\Orcamento\RESULTADO\ARQUIVOS PREPARATORIOS\Memoria Patrimonial\SP2\Vigilancia\Extra\092014_Vigilancia_SP2_Extra.xlsm</t>
  </si>
  <si>
    <t>102014_Vigilancia_SP2_Extra.xlsm</t>
  </si>
  <si>
    <t>E:\BK_final\Vilarinho\Vilarinho - Trabalho\Segurança - Erica\2014\Orcamento\RESULTADO\ARQUIVOS PREPARATORIOS\Memoria Patrimonial\SP2\Vigilancia\Extra\102014_Vigilancia_SP2_Extra.xlsm</t>
  </si>
  <si>
    <t>112014_Vigilancia_SP2_Extra.xlsm</t>
  </si>
  <si>
    <t>E:\BK_final\Vilarinho\Vilarinho - Trabalho\Segurança - Erica\2014\Orcamento\RESULTADO\ARQUIVOS PREPARATORIOS\Memoria Patrimonial\SP2\Vigilancia\Extra\112014_Vigilancia_SP2_Extra.xlsm</t>
  </si>
  <si>
    <t>11/21/2019 16:47:40</t>
  </si>
  <si>
    <t>122014_Vigilancia_SP2_Extra.xlsm</t>
  </si>
  <si>
    <t>E:\BK_final\Vilarinho\Vilarinho - Trabalho\Segurança - Erica\2014\Orcamento\RESULTADO\ARQUIVOS PREPARATORIOS\Memoria Patrimonial\SP2\Vigilancia\Extra\122014_Vigilancia_SP2_Extra.xlsm</t>
  </si>
  <si>
    <t>D:\2014\Orcamento\RESULTADO\ARQUIVOS PREPARATORIOS\Memoria Patrimonial\SP2\Vigilancia\Nova\</t>
  </si>
  <si>
    <t>012014_Vigilancia_SP2_Nova.xlsm</t>
  </si>
  <si>
    <t>E:\BK_final\Vilarinho\Vilarinho - Trabalho\Segurança - Erica\2014\Orcamento\RESULTADO\ARQUIVOS PREPARATORIOS\Memoria Patrimonial\SP2\Vigilancia\Nova\012014_Vigilancia_SP2_Nova.xlsm</t>
  </si>
  <si>
    <t>11/21/2019 16:47:41</t>
  </si>
  <si>
    <t>022014_Vigilancia_SP2_Nova.xlsm</t>
  </si>
  <si>
    <t>E:\BK_final\Vilarinho\Vilarinho - Trabalho\Segurança - Erica\2014\Orcamento\RESULTADO\ARQUIVOS PREPARATORIOS\Memoria Patrimonial\SP2\Vigilancia\Nova\022014_Vigilancia_SP2_Nova.xlsm</t>
  </si>
  <si>
    <t>032014_Vigilancia_SP2_Nova.xlsm</t>
  </si>
  <si>
    <t>E:\BK_final\Vilarinho\Vilarinho - Trabalho\Segurança - Erica\2014\Orcamento\RESULTADO\ARQUIVOS PREPARATORIOS\Memoria Patrimonial\SP2\Vigilancia\Nova\032014_Vigilancia_SP2_Nova.xlsm</t>
  </si>
  <si>
    <t>042014_Vigilancia_SP2_Nova.xlsm</t>
  </si>
  <si>
    <t>E:\BK_final\Vilarinho\Vilarinho - Trabalho\Segurança - Erica\2014\Orcamento\RESULTADO\ARQUIVOS PREPARATORIOS\Memoria Patrimonial\SP2\Vigilancia\Nova\042014_Vigilancia_SP2_Nova.xlsm</t>
  </si>
  <si>
    <t>052014_Vigilancia_SP2_Nova.xlsm</t>
  </si>
  <si>
    <t>E:\BK_final\Vilarinho\Vilarinho - Trabalho\Segurança - Erica\2014\Orcamento\RESULTADO\ARQUIVOS PREPARATORIOS\Memoria Patrimonial\SP2\Vigilancia\Nova\052014_Vigilancia_SP2_Nova.xlsm</t>
  </si>
  <si>
    <t>11/21/2019 16:47:42</t>
  </si>
  <si>
    <t>062014_Vigilancia_SP2_Nova.xlsm</t>
  </si>
  <si>
    <t>E:\BK_final\Vilarinho\Vilarinho - Trabalho\Segurança - Erica\2014\Orcamento\RESULTADO\ARQUIVOS PREPARATORIOS\Memoria Patrimonial\SP2\Vigilancia\Nova\062014_Vigilancia_SP2_Nova.xlsm</t>
  </si>
  <si>
    <t>E:\BK_final\Vilarinho\Vilarinho - Trabalho\Segurança - Erica\2014\Orcamento\RESULTADO\ARQUIVOS PREPARATORIOS\Memoria Patrimonial\SP2\Vigilancia\Nova\072014_Vigilancia_SP2_Nova.xlsm</t>
  </si>
  <si>
    <t>082014_Vigilancia_SP2_Nova.xlsm</t>
  </si>
  <si>
    <t>E:\BK_final\Vilarinho\Vilarinho - Trabalho\Segurança - Erica\2014\Orcamento\RESULTADO\ARQUIVOS PREPARATORIOS\Memoria Patrimonial\SP2\Vigilancia\Nova\082014_Vigilancia_SP2_Nova.xlsm</t>
  </si>
  <si>
    <t>092014_Vigilancia_SP2_Nova.xlsm</t>
  </si>
  <si>
    <t>E:\BK_final\Vilarinho\Vilarinho - Trabalho\Segurança - Erica\2014\Orcamento\RESULTADO\ARQUIVOS PREPARATORIOS\Memoria Patrimonial\SP2\Vigilancia\Nova\092014_Vigilancia_SP2_Nova.xlsm</t>
  </si>
  <si>
    <t>102014_Vigilancia_SP2_Nova.xlsm</t>
  </si>
  <si>
    <t>E:\BK_final\Vilarinho\Vilarinho - Trabalho\Segurança - Erica\2014\Orcamento\RESULTADO\ARQUIVOS PREPARATORIOS\Memoria Patrimonial\SP2\Vigilancia\Nova\102014_Vigilancia_SP2_Nova.xlsm</t>
  </si>
  <si>
    <t>11/21/2019 16:47:43</t>
  </si>
  <si>
    <t>112014_Vigilancia_SP2_Nova.xlsm</t>
  </si>
  <si>
    <t>E:\BK_final\Vilarinho\Vilarinho - Trabalho\Segurança - Erica\2014\Orcamento\RESULTADO\ARQUIVOS PREPARATORIOS\Memoria Patrimonial\SP2\Vigilancia\Nova\112014_Vigilancia_SP2_Nova.xlsm</t>
  </si>
  <si>
    <t>122014_Vigilancia_SP2_Nova.xlsm</t>
  </si>
  <si>
    <t>E:\BK_final\Vilarinho\Vilarinho - Trabalho\Segurança - Erica\2014\Orcamento\RESULTADO\ARQUIVOS PREPARATORIOS\Memoria Patrimonial\SP2\Vigilancia\Nova\122014_Vigilancia_SP2_Nova.xlsm</t>
  </si>
  <si>
    <t>D:\2014\Orcamento\RESULTADO\ARQUIVOS PREPARATORIOS\Memoria Patrimonial_2PROJ\</t>
  </si>
  <si>
    <t>E:\BK_final\Vilarinho\Vilarinho - Trabalho\Segurança - Erica\2014\Orcamento\RESULTADO\ARQUIVOS PREPARATORIOS\Memoria Patrimonial_2PROJ\2014_DRE_CONSOLIDADA.xlsx</t>
  </si>
  <si>
    <t>E:\BK_final\Vilarinho\Vilarinho - Trabalho\Segurança - Erica\2014\Orcamento\RESULTADO\ARQUIVOS PREPARATORIOS\Memoria Patrimonial_2PROJ\2014_DRE_Portaria.xlsx</t>
  </si>
  <si>
    <t>E:\BK_final\Vilarinho\Vilarinho - Trabalho\Segurança - Erica\2014\Orcamento\RESULTADO\ARQUIVOS PREPARATORIOS\Memoria Patrimonial_2PROJ\2014_DRE_Vigilancia.xlsx</t>
  </si>
  <si>
    <t>11/21/2019 16:47:45</t>
  </si>
  <si>
    <t>D:\2014\Orcamento\RESULTADO\ARQUIVOS PREPARATORIOS\Memoria Patrimonial_2PROJ\Arquivos base\GO\</t>
  </si>
  <si>
    <t>E:\BK_final\Vilarinho\Vilarinho - Trabalho\Segurança - Erica\2014\Orcamento\RESULTADO\ARQUIVOS PREPARATORIOS\Memoria Patrimonial_2PROJ\Arquivos base\GO\Portaria 24h - GO - Plan Anterior.xlsx</t>
  </si>
  <si>
    <t>11/21/2019 16:47:46</t>
  </si>
  <si>
    <t>E:\BK_final\Vilarinho\Vilarinho - Trabalho\Segurança - Erica\2014\Orcamento\RESULTADO\ARQUIVOS PREPARATORIOS\Memoria Patrimonial_2PROJ\Arquivos base\GO\Portaria 24h - GO II.xlsm</t>
  </si>
  <si>
    <t>E:\BK_final\Vilarinho\Vilarinho - Trabalho\Segurança - Erica\2014\Orcamento\RESULTADO\ARQUIVOS PREPARATORIOS\Memoria Patrimonial_2PROJ\Arquivos base\GO\Portaria 24h - GO.xlsm</t>
  </si>
  <si>
    <t>E:\BK_final\Vilarinho\Vilarinho - Trabalho\Segurança - Erica\2014\Orcamento\RESULTADO\ARQUIVOS PREPARATORIOS\Memoria Patrimonial_2PROJ\Arquivos base\GO\Vigilância 24h - GO - Plan Anterior.xlsx</t>
  </si>
  <si>
    <t>11/21/2019 16:47:47</t>
  </si>
  <si>
    <t>E:\BK_final\Vilarinho\Vilarinho - Trabalho\Segurança - Erica\2014\Orcamento\RESULTADO\ARQUIVOS PREPARATORIOS\Memoria Patrimonial_2PROJ\Arquivos base\GO\Vigilância 24h - GO - Reajustado.xlsm</t>
  </si>
  <si>
    <t>E:\BK_final\Vilarinho\Vilarinho - Trabalho\Segurança - Erica\2014\Orcamento\RESULTADO\ARQUIVOS PREPARATORIOS\Memoria Patrimonial_2PROJ\Arquivos base\GO\Vigilância 24h - GO II.xlsm</t>
  </si>
  <si>
    <t>E:\BK_final\Vilarinho\Vilarinho - Trabalho\Segurança - Erica\2014\Orcamento\RESULTADO\ARQUIVOS PREPARATORIOS\Memoria Patrimonial_2PROJ\Arquivos base\GO\Vigilância 24h - GO.xlsm</t>
  </si>
  <si>
    <t>D:\2014\Orcamento\RESULTADO\ARQUIVOS PREPARATORIOS\Memoria Patrimonial_2PROJ\Arquivos base\MG\</t>
  </si>
  <si>
    <t>E:\BK_final\Vilarinho\Vilarinho - Trabalho\Segurança - Erica\2014\Orcamento\RESULTADO\ARQUIVOS PREPARATORIOS\Memoria Patrimonial_2PROJ\Arquivos base\MG\Portaria 24h - MG - Plan Anterior.xlsx</t>
  </si>
  <si>
    <t>11/21/2019 16:47:48</t>
  </si>
  <si>
    <t>E:\BK_final\Vilarinho\Vilarinho - Trabalho\Segurança - Erica\2014\Orcamento\RESULTADO\ARQUIVOS PREPARATORIOS\Memoria Patrimonial_2PROJ\Arquivos base\MG\Portaria 24h - MG.xlsm</t>
  </si>
  <si>
    <t>E:\BK_final\Vilarinho\Vilarinho - Trabalho\Segurança - Erica\2014\Orcamento\RESULTADO\ARQUIVOS PREPARATORIOS\Memoria Patrimonial_2PROJ\Arquivos base\MG\Portaria 24h - MG1 II - Cópia - Cópia.xlsm</t>
  </si>
  <si>
    <t>E:\BK_final\Vilarinho\Vilarinho - Trabalho\Segurança - Erica\2014\Orcamento\RESULTADO\ARQUIVOS PREPARATORIOS\Memoria Patrimonial_2PROJ\Arquivos base\MG\Portaria 24h - MG1 II - Cópia.xlsm</t>
  </si>
  <si>
    <t>11/21/2019 16:47:49</t>
  </si>
  <si>
    <t>E:\BK_final\Vilarinho\Vilarinho - Trabalho\Segurança - Erica\2014\Orcamento\RESULTADO\ARQUIVOS PREPARATORIOS\Memoria Patrimonial_2PROJ\Arquivos base\MG\Portaria 24h - MG1 II.xlsm</t>
  </si>
  <si>
    <t>E:\BK_final\Vilarinho\Vilarinho - Trabalho\Segurança - Erica\2014\Orcamento\RESULTADO\ARQUIVOS PREPARATORIOS\Memoria Patrimonial_2PROJ\Arquivos base\MG\Portaria 24h - MG2 II.xlsm</t>
  </si>
  <si>
    <t>E:\BK_final\Vilarinho\Vilarinho - Trabalho\Segurança - Erica\2014\Orcamento\RESULTADO\ARQUIVOS PREPARATORIOS\Memoria Patrimonial_2PROJ\Arquivos base\MG\Vigilância 24h - MG - Cópia.xlsm</t>
  </si>
  <si>
    <t>E:\BK_final\Vilarinho\Vilarinho - Trabalho\Segurança - Erica\2014\Orcamento\RESULTADO\ARQUIVOS PREPARATORIOS\Memoria Patrimonial_2PROJ\Arquivos base\MG\Vigilância 24h - MG - Plan Anterior.xlsx</t>
  </si>
  <si>
    <t>E:\BK_final\Vilarinho\Vilarinho - Trabalho\Segurança - Erica\2014\Orcamento\RESULTADO\ARQUIVOS PREPARATORIOS\Memoria Patrimonial_2PROJ\Arquivos base\MG\Vigilância 24h - MG.xlsm</t>
  </si>
  <si>
    <t>E:\BK_final\Vilarinho\Vilarinho - Trabalho\Segurança - Erica\2014\Orcamento\RESULTADO\ARQUIVOS PREPARATORIOS\Memoria Patrimonial_2PROJ\Arquivos base\MG\Vigilância 24h - MG1 II - Cópia - Cópia.xlsm</t>
  </si>
  <si>
    <t>E:\BK_final\Vilarinho\Vilarinho - Trabalho\Segurança - Erica\2014\Orcamento\RESULTADO\ARQUIVOS PREPARATORIOS\Memoria Patrimonial_2PROJ\Arquivos base\MG\Vigilância 24h - MG1 II - Cópia.xlsm</t>
  </si>
  <si>
    <t>11/21/2019 16:47:50</t>
  </si>
  <si>
    <t>E:\BK_final\Vilarinho\Vilarinho - Trabalho\Segurança - Erica\2014\Orcamento\RESULTADO\ARQUIVOS PREPARATORIOS\Memoria Patrimonial_2PROJ\Arquivos base\MG\Vigilância 24h - MG1 II.xlsm</t>
  </si>
  <si>
    <t>E:\BK_final\Vilarinho\Vilarinho - Trabalho\Segurança - Erica\2014\Orcamento\RESULTADO\ARQUIVOS PREPARATORIOS\Memoria Patrimonial_2PROJ\Arquivos base\MG\Vigilância 24h - MG2 II.xlsm</t>
  </si>
  <si>
    <t>D:\2014\Orcamento\RESULTADO\ARQUIVOS PREPARATORIOS\Memoria Patrimonial_2PROJ\Arquivos base\MS\</t>
  </si>
  <si>
    <t>E:\BK_final\Vilarinho\Vilarinho - Trabalho\Segurança - Erica\2014\Orcamento\RESULTADO\ARQUIVOS PREPARATORIOS\Memoria Patrimonial_2PROJ\Arquivos base\MS\Portaria 24h - MS - Plan Anterior.xlsx</t>
  </si>
  <si>
    <t>E:\BK_final\Vilarinho\Vilarinho - Trabalho\Segurança - Erica\2014\Orcamento\RESULTADO\ARQUIVOS PREPARATORIOS\Memoria Patrimonial_2PROJ\Arquivos base\MS\Portaria 24h - MS II - Cópia.xlsm</t>
  </si>
  <si>
    <t>E:\BK_final\Vilarinho\Vilarinho - Trabalho\Segurança - Erica\2014\Orcamento\RESULTADO\ARQUIVOS PREPARATORIOS\Memoria Patrimonial_2PROJ\Arquivos base\MS\Portaria 24h - MS II.xlsm</t>
  </si>
  <si>
    <t>E:\BK_final\Vilarinho\Vilarinho - Trabalho\Segurança - Erica\2014\Orcamento\RESULTADO\ARQUIVOS PREPARATORIOS\Memoria Patrimonial_2PROJ\Arquivos base\MS\Portaria 24h - MS.xlsm</t>
  </si>
  <si>
    <t>E:\BK_final\Vilarinho\Vilarinho - Trabalho\Segurança - Erica\2014\Orcamento\RESULTADO\ARQUIVOS PREPARATORIOS\Memoria Patrimonial_2PROJ\Arquivos base\MS\Vigilância 24h - MS - Plan Anterior.xlsx</t>
  </si>
  <si>
    <t>E:\BK_final\Vilarinho\Vilarinho - Trabalho\Segurança - Erica\2014\Orcamento\RESULTADO\ARQUIVOS PREPARATORIOS\Memoria Patrimonial_2PROJ\Arquivos base\MS\Vigilância 24h - MS II - Cópia.xlsm</t>
  </si>
  <si>
    <t>11/21/2019 16:47:51</t>
  </si>
  <si>
    <t>E:\BK_final\Vilarinho\Vilarinho - Trabalho\Segurança - Erica\2014\Orcamento\RESULTADO\ARQUIVOS PREPARATORIOS\Memoria Patrimonial_2PROJ\Arquivos base\MS\Vigilância 24h - MS II.xlsm</t>
  </si>
  <si>
    <t>E:\BK_final\Vilarinho\Vilarinho - Trabalho\Segurança - Erica\2014\Orcamento\RESULTADO\ARQUIVOS PREPARATORIOS\Memoria Patrimonial_2PROJ\Arquivos base\MS\Vigilância 24h - MS.xlsm</t>
  </si>
  <si>
    <t>D:\2014\Orcamento\RESULTADO\ARQUIVOS PREPARATORIOS\Memoria Patrimonial_2PROJ\Arquivos base\MT\</t>
  </si>
  <si>
    <t>E:\BK_final\Vilarinho\Vilarinho - Trabalho\Segurança - Erica\2014\Orcamento\RESULTADO\ARQUIVOS PREPARATORIOS\Memoria Patrimonial_2PROJ\Arquivos base\MT\Portaria 24h - MT - Plan Anterior.xlsx</t>
  </si>
  <si>
    <t>E:\BK_final\Vilarinho\Vilarinho - Trabalho\Segurança - Erica\2014\Orcamento\RESULTADO\ARQUIVOS PREPARATORIOS\Memoria Patrimonial_2PROJ\Arquivos base\MT\Portaria 24h - MT.xlsm</t>
  </si>
  <si>
    <t>E:\BK_final\Vilarinho\Vilarinho - Trabalho\Segurança - Erica\2014\Orcamento\RESULTADO\ARQUIVOS PREPARATORIOS\Memoria Patrimonial_2PROJ\Arquivos base\MT\Vigilância 24h - MT - Plan Anterior.xlsx</t>
  </si>
  <si>
    <t>11/21/2019 16:47:52</t>
  </si>
  <si>
    <t>E:\BK_final\Vilarinho\Vilarinho - Trabalho\Segurança - Erica\2014\Orcamento\RESULTADO\ARQUIVOS PREPARATORIOS\Memoria Patrimonial_2PROJ\Arquivos base\MT\Vigilância 24h - MT II - Cópia.xlsm</t>
  </si>
  <si>
    <t>/o=exchangelabs/ou=exchange administrative group (fydibohf23spdlt)/cn=recipients/cn=2f13f6d577d947158c5f81c08b0e5faf-tatiane dor;tatiane.castro@bradesco.com.br;</t>
  </si>
  <si>
    <t>Depara ORG_Cartoes.xlsx</t>
  </si>
  <si>
    <t>/o=exchangelabs/ou=exchange administrative group (fydibohf23spdlt)/cn=recipients/cn=2f13f6d577d947158c5f81c08b0e5faf-tatiane dor,tatiane.castro@bradesco.com.br</t>
  </si>
  <si>
    <t>11/21/2019 16:50:51</t>
  </si>
  <si>
    <t>11/21/2019 16:53:30</t>
  </si>
  <si>
    <t>/o=exchangelabs/ou=exchange administrative group (fydibohf23spdlt)/cn=recipients/cn=8ab5e44d485043d59eb4f21463e63e6a-tays dos sa;/o=exchangelabs/ou=exchange administrative group (fydibohf23spdlt)/cn=recipients/cn=dd3fe7bcac2641dea6394a8de77d1eef-elma maria;/o=exchangelabs/ou=exchange administrative group (fydibohf23spdlt)/cn=recipients/cn=f50351055a2944cebcbdc18a918945d6-gustavo res;</t>
  </si>
  <si>
    <t>RES: CREDITO TAYS</t>
  </si>
  <si>
    <t>Saldo viagem 21_11.xls</t>
  </si>
  <si>
    <t>/o=exchangelabs/ou=exchange administrative group (fydibohf23spdlt)/cn=recipients/cn=8ab5e44d485043d59eb4f21463e63e6a-tays dos sa,/o=exchangelabs/ou=exchange administrative group (fydibohf23spdlt)/cn=recipients/cn=dd3fe7bcac2641dea6394a8de77d1eef-elma maria,/o=exchangelabs/ou=exchange administrative group (fydibohf23spdlt)/cn=recipients/cn=f50351055a2944cebcbdc18a918945d6-gustavo res</t>
  </si>
  <si>
    <t>E:\BK_final\Vilarinho\Vilarinho - Trabalho\Segurança - Erica\2014\Orcamento\RESULTADO\ARQUIVOS PREPARATORIOS\Memoria Patrimonial_2PROJ\Arquivos base\MT\Vigilância 24h - MT II.xlsm</t>
  </si>
  <si>
    <t>E:\BK_final\Vilarinho\Vilarinho - Trabalho\Segurança - Erica\2014\Orcamento\RESULTADO\ARQUIVOS PREPARATORIOS\Memoria Patrimonial_2PROJ\Arquivos base\MT\Vigilância 24h - MT.xlsm</t>
  </si>
  <si>
    <t>11/21/2019 16:47:53</t>
  </si>
  <si>
    <t>D:\2014\Orcamento\RESULTADO\ARQUIVOS PREPARATORIOS\Memoria Patrimonial_2PROJ\Arquivos base\PR\</t>
  </si>
  <si>
    <t>E:\BK_final\Vilarinho\Vilarinho - Trabalho\Segurança - Erica\2014\Orcamento\RESULTADO\ARQUIVOS PREPARATORIOS\Memoria Patrimonial_2PROJ\Arquivos base\PR\Portaria 24h - PR - Cópia.xlsm</t>
  </si>
  <si>
    <t>E:\BK_final\Vilarinho\Vilarinho - Trabalho\Segurança - Erica\2014\Orcamento\RESULTADO\ARQUIVOS PREPARATORIOS\Memoria Patrimonial_2PROJ\Arquivos base\PR\Portaria 24h - PR - III.xlsm</t>
  </si>
  <si>
    <t>E:\BK_final\Vilarinho\Vilarinho - Trabalho\Segurança - Erica\2014\Orcamento\RESULTADO\ARQUIVOS PREPARATORIOS\Memoria Patrimonial_2PROJ\Arquivos base\PR\Portaria 24h - PR - Plan Anterior.xlsx</t>
  </si>
  <si>
    <t>11/21/2019 16:47:54</t>
  </si>
  <si>
    <t>E:\BK_final\Vilarinho\Vilarinho - Trabalho\Segurança - Erica\2014\Orcamento\RESULTADO\ARQUIVOS PREPARATORIOS\Memoria Patrimonial_2PROJ\Arquivos base\PR\Portaria 24h - PR II.xlsm</t>
  </si>
  <si>
    <t>E:\BK_final\Vilarinho\Vilarinho - Trabalho\Segurança - Erica\2014\Orcamento\RESULTADO\ARQUIVOS PREPARATORIOS\Memoria Patrimonial_2PROJ\Arquivos base\PR\Portaria 24h - PR.xlsm</t>
  </si>
  <si>
    <t>E:\BK_final\Vilarinho\Vilarinho - Trabalho\Segurança - Erica\2014\Orcamento\RESULTADO\ARQUIVOS PREPARATORIOS\Memoria Patrimonial_2PROJ\Arquivos base\PR\Vigilância 24h - PR - Plan Anterior.xlsx</t>
  </si>
  <si>
    <t>E:\BK_final\Vilarinho\Vilarinho - Trabalho\Segurança - Erica\2014\Orcamento\RESULTADO\ARQUIVOS PREPARATORIOS\Memoria Patrimonial_2PROJ\Arquivos base\PR\Vigilância 24h - PR II - Cópia.xlsm</t>
  </si>
  <si>
    <t>11/21/2019 16:47:55</t>
  </si>
  <si>
    <t>E:\BK_final\Vilarinho\Vilarinho - Trabalho\Segurança - Erica\2014\Orcamento\RESULTADO\ARQUIVOS PREPARATORIOS\Memoria Patrimonial_2PROJ\Arquivos base\PR\Vigilância 24h - PR II.xlsm</t>
  </si>
  <si>
    <t>E:\BK_final\Vilarinho\Vilarinho - Trabalho\Segurança - Erica\2014\Orcamento\RESULTADO\ARQUIVOS PREPARATORIOS\Memoria Patrimonial_2PROJ\Arquivos base\PR\Vigilância 24h - PR.xlsm</t>
  </si>
  <si>
    <t>D:\2014\Orcamento\RESULTADO\ARQUIVOS PREPARATORIOS\Memoria Patrimonial_2PROJ\Arquivos base\SP\</t>
  </si>
  <si>
    <t>E:\BK_final\Vilarinho\Vilarinho - Trabalho\Segurança - Erica\2014\Orcamento\RESULTADO\ARQUIVOS PREPARATORIOS\Memoria Patrimonial_2PROJ\Arquivos base\SP\Portaria 24h - SP - Plan Anterior.xlsx</t>
  </si>
  <si>
    <t>E:\BK_final\Vilarinho\Vilarinho - Trabalho\Segurança - Erica\2014\Orcamento\RESULTADO\ARQUIVOS PREPARATORIOS\Memoria Patrimonial_2PROJ\Arquivos base\SP\Portaria 24h - SP.xlsm</t>
  </si>
  <si>
    <t>E:\BK_final\Vilarinho\Vilarinho - Trabalho\Segurança - Erica\2014\Orcamento\RESULTADO\ARQUIVOS PREPARATORIOS\Memoria Patrimonial_2PROJ\Arquivos base\SP\Portaria 24h - SP1 II.xlsm</t>
  </si>
  <si>
    <t>E:\BK_final\Vilarinho\Vilarinho - Trabalho\Segurança - Erica\2014\Orcamento\RESULTADO\ARQUIVOS PREPARATORIOS\Memoria Patrimonial_2PROJ\Arquivos base\SP\Portaria 24h - SP2 II - Cópia - Cópia.xlsm</t>
  </si>
  <si>
    <t>E:\BK_final\Vilarinho\Vilarinho - Trabalho\Segurança - Erica\2014\Orcamento\RESULTADO\ARQUIVOS PREPARATORIOS\Memoria Patrimonial_2PROJ\Arquivos base\SP\Portaria 24h - SP2 II - Cópia.xlsm</t>
  </si>
  <si>
    <t>11/21/2019 16:47:56</t>
  </si>
  <si>
    <t>E:\BK_final\Vilarinho\Vilarinho - Trabalho\Segurança - Erica\2014\Orcamento\RESULTADO\ARQUIVOS PREPARATORIOS\Memoria Patrimonial_2PROJ\Arquivos base\SP\Vigilância 24h - SP - Plan Anterior.xlsx</t>
  </si>
  <si>
    <t>E:\BK_final\Vilarinho\Vilarinho - Trabalho\Segurança - Erica\2014\Orcamento\RESULTADO\ARQUIVOS PREPARATORIOS\Memoria Patrimonial_2PROJ\Arquivos base\SP\Vigilância 24h - SP.xlsm</t>
  </si>
  <si>
    <t>11/21/2019 16:47:57</t>
  </si>
  <si>
    <t>E:\BK_final\Vilarinho\Vilarinho - Trabalho\Segurança - Erica\2014\Orcamento\RESULTADO\ARQUIVOS PREPARATORIOS\Memoria Patrimonial_2PROJ\Arquivos base\SP\Vigilância 24h - SP1 II .xlsm</t>
  </si>
  <si>
    <t>E:\BK_final\Vilarinho\Vilarinho - Trabalho\Segurança - Erica\2014\Orcamento\RESULTADO\ARQUIVOS PREPARATORIOS\Memoria Patrimonial_2PROJ\Arquivos base\SP\Vigilância 24h - SP2 II - Cópia.xlsm</t>
  </si>
  <si>
    <t>11/21/2019 16:47:59</t>
  </si>
  <si>
    <t>D:\2014\Orcamento\RESULTADO\ARQUIVOS PREPARATORIOS\Memoria Patrimonial_2PROJ\GO\</t>
  </si>
  <si>
    <t>E:\BK_final\Vilarinho\Vilarinho - Trabalho\Segurança - Erica\2014\Orcamento\RESULTADO\ARQUIVOS PREPARATORIOS\Memoria Patrimonial_2PROJ\GO\2014_DRE_CONSOLIDADA_GO.xlsx</t>
  </si>
  <si>
    <t>D:\2014\Orcamento\RESULTADO\ARQUIVOS PREPARATORIOS\Memoria Patrimonial_2PROJ\GO\Portaria\</t>
  </si>
  <si>
    <t>E:\BK_final\Vilarinho\Vilarinho - Trabalho\Segurança - Erica\2014\Orcamento\RESULTADO\ARQUIVOS PREPARATORIOS\Memoria Patrimonial_2PROJ\GO\Portaria\2014 - Portaria GO - I.xlsx</t>
  </si>
  <si>
    <t>D:\2014\Orcamento\RESULTADO\ARQUIVOS PREPARATORIOS\Memoria Patrimonial_2PROJ\GO\Portaria\Nova\</t>
  </si>
  <si>
    <t>E:\BK_final\Vilarinho\Vilarinho - Trabalho\Segurança - Erica\2014\Orcamento\RESULTADO\ARQUIVOS PREPARATORIOS\Memoria Patrimonial_2PROJ\GO\Portaria\Nova\012014_Portaria_GO_Nova.xlsm</t>
  </si>
  <si>
    <t>D:\2014\Orcamento\RESULTADO\ARQUIVOS PREPARATORIOS\Memoria Patrimonial_2PROJ\GO\Vigilancia\</t>
  </si>
  <si>
    <t>E:\BK_final\Vilarinho\Vilarinho - Trabalho\Segurança - Erica\2014\Orcamento\RESULTADO\ARQUIVOS PREPARATORIOS\Memoria Patrimonial_2PROJ\GO\Vigilancia\2014 - Vigilancia GO - I.xlsx</t>
  </si>
  <si>
    <t>11/21/2019 16:48:00</t>
  </si>
  <si>
    <t>D:\2014\Orcamento\RESULTADO\ARQUIVOS PREPARATORIOS\Memoria Patrimonial_2PROJ\GO\Vigilancia\Cancelada\</t>
  </si>
  <si>
    <t>E:\BK_final\Vilarinho\Vilarinho - Trabalho\Segurança - Erica\2014\Orcamento\RESULTADO\ARQUIVOS PREPARATORIOS\Memoria Patrimonial_2PROJ\GO\Vigilancia\Cancelada\012014_Vigilancia_GO_Cancelada.xlsm</t>
  </si>
  <si>
    <t>E:\BK_final\Vilarinho\Vilarinho - Trabalho\Segurança - Erica\2014\Orcamento\RESULTADO\ARQUIVOS PREPARATORIOS\Memoria Patrimonial_2PROJ\GO\Vigilancia\Cancelada\022014_Vigilancia_GO_Cancelada.xlsm</t>
  </si>
  <si>
    <t>E:\BK_final\Vilarinho\Vilarinho - Trabalho\Segurança - Erica\2014\Orcamento\RESULTADO\ARQUIVOS PREPARATORIOS\Memoria Patrimonial_2PROJ\GO\Vigilancia\Cancelada\032014_Vigilancia_GO_Cancelada.xlsm</t>
  </si>
  <si>
    <t>E:\BK_final\Vilarinho\Vilarinho - Trabalho\Segurança - Erica\2014\Orcamento\RESULTADO\ARQUIVOS PREPARATORIOS\Memoria Patrimonial_2PROJ\GO\Vigilancia\Cancelada\042014_Vigilancia_GO_Cancelada.xlsm</t>
  </si>
  <si>
    <t>E:\BK_final\Vilarinho\Vilarinho - Trabalho\Segurança - Erica\2014\Orcamento\RESULTADO\ARQUIVOS PREPARATORIOS\Memoria Patrimonial_2PROJ\GO\Vigilancia\Cancelada\052014_Vigilancia_GO_Cancelada.xlsm</t>
  </si>
  <si>
    <t>E:\BK_final\Vilarinho\Vilarinho - Trabalho\Segurança - Erica\2014\Orcamento\RESULTADO\ARQUIVOS PREPARATORIOS\Memoria Patrimonial_2PROJ\GO\Vigilancia\Cancelada\062014_Vigilancia_GO_Cancelada.xlsm</t>
  </si>
  <si>
    <t>11/21/2019 16:48:01</t>
  </si>
  <si>
    <t>E:\BK_final\Vilarinho\Vilarinho - Trabalho\Segurança - Erica\2014\Orcamento\RESULTADO\ARQUIVOS PREPARATORIOS\Memoria Patrimonial_2PROJ\GO\Vigilancia\Cancelada\072014_Vigilancia_GO_Cancelada.xlsm</t>
  </si>
  <si>
    <t>E:\BK_final\Vilarinho\Vilarinho - Trabalho\Segurança - Erica\2014\Orcamento\RESULTADO\ARQUIVOS PREPARATORIOS\Memoria Patrimonial_2PROJ\GO\Vigilancia\Cancelada\082014_Vigilancia_GO_Cancelada.xlsm</t>
  </si>
  <si>
    <t>E:\BK_final\Vilarinho\Vilarinho - Trabalho\Segurança - Erica\2014\Orcamento\RESULTADO\ARQUIVOS PREPARATORIOS\Memoria Patrimonial_2PROJ\GO\Vigilancia\Cancelada\092014_Vigilancia_GO_Cancelada.xlsm</t>
  </si>
  <si>
    <t>E:\BK_final\Vilarinho\Vilarinho - Trabalho\Segurança - Erica\2014\Orcamento\RESULTADO\ARQUIVOS PREPARATORIOS\Memoria Patrimonial_2PROJ\GO\Vigilancia\Cancelada\102014_Vigilancia_GO_Cancelada.xlsm</t>
  </si>
  <si>
    <t>E:\BK_final\Vilarinho\Vilarinho - Trabalho\Segurança - Erica\2014\Orcamento\RESULTADO\ARQUIVOS PREPARATORIOS\Memoria Patrimonial_2PROJ\GO\Vigilancia\Cancelada\112014_Vigilancia_GO_Cancelada.xlsm</t>
  </si>
  <si>
    <t>E:\BK_final\Vilarinho\Vilarinho - Trabalho\Segurança - Erica\2014\Orcamento\RESULTADO\ARQUIVOS PREPARATORIOS\Memoria Patrimonial_2PROJ\GO\Vigilancia\Cancelada\122014_Vigilancia_GO_Cancelada.xlsm</t>
  </si>
  <si>
    <t>11/21/2019 16:54:30</t>
  </si>
  <si>
    <t>D:\2014\Orcamento\RESULTADO\ARQUIVOS PREPARATORIOS\Memoria Patrimonial_2PROJ\GO\Vigilancia\Extra\</t>
  </si>
  <si>
    <t>E:\BK_final\Vilarinho\Vilarinho - Trabalho\Segurança - Erica\2014\Orcamento\RESULTADO\ARQUIVOS PREPARATORIOS\Memoria Patrimonial_2PROJ\GO\Vigilancia\Extra\012014_Vigilancia_GO_Extra.xlsm</t>
  </si>
  <si>
    <t>11/21/2019 16:48:02</t>
  </si>
  <si>
    <t>E:\BK_final\Vilarinho\Vilarinho - Trabalho\Segurança - Erica\2014\Orcamento\RESULTADO\ARQUIVOS PREPARATORIOS\Memoria Patrimonial_2PROJ\GO\Vigilancia\Extra\022014_Vigilancia_GO_Extra.xlsm</t>
  </si>
  <si>
    <t>E:\BK_final\Vilarinho\Vilarinho - Trabalho\Segurança - Erica\2014\Orcamento\RESULTADO\ARQUIVOS PREPARATORIOS\Memoria Patrimonial_2PROJ\GO\Vigilancia\Extra\032014_Vigilancia_GO_Extra.xlsm</t>
  </si>
  <si>
    <t>E:\BK_final\Vilarinho\Vilarinho - Trabalho\Segurança - Erica\2014\Orcamento\RESULTADO\ARQUIVOS PREPARATORIOS\Memoria Patrimonial_2PROJ\GO\Vigilancia\Extra\042014_Vigilancia_GO_Extra.xlsm</t>
  </si>
  <si>
    <t>E:\BK_final\Vilarinho\Vilarinho - Trabalho\Segurança - Erica\2014\Orcamento\RESULTADO\ARQUIVOS PREPARATORIOS\Memoria Patrimonial_2PROJ\GO\Vigilancia\Extra\052014_Vigilancia_GO_Extra.xlsm</t>
  </si>
  <si>
    <t>E:\BK_final\Vilarinho\Vilarinho - Trabalho\Segurança - Erica\2014\Orcamento\RESULTADO\ARQUIVOS PREPARATORIOS\Memoria Patrimonial_2PROJ\GO\Vigilancia\Extra\062014_Vigilancia_GO_Extra.xlsm</t>
  </si>
  <si>
    <t>E:\BK_final\Vilarinho\Vilarinho - Trabalho\Segurança - Erica\2014\Orcamento\RESULTADO\ARQUIVOS PREPARATORIOS\Memoria Patrimonial_2PROJ\GO\Vigilancia\Extra\072014_Vigilancia_GO_Extra.xlsm</t>
  </si>
  <si>
    <t>11/21/2019 16:48:03</t>
  </si>
  <si>
    <t>E:\BK_final\Vilarinho\Vilarinho - Trabalho\Segurança - Erica\2014\Orcamento\RESULTADO\ARQUIVOS PREPARATORIOS\Memoria Patrimonial_2PROJ\GO\Vigilancia\Extra\082014_Vigilancia_GO_Extra.xlsm</t>
  </si>
  <si>
    <t>E:\BK_final\Vilarinho\Vilarinho - Trabalho\Segurança - Erica\2014\Orcamento\RESULTADO\ARQUIVOS PREPARATORIOS\Memoria Patrimonial_2PROJ\GO\Vigilancia\Extra\092014_Vigilancia_GO_Extra.xlsm</t>
  </si>
  <si>
    <t>E:\BK_final\Vilarinho\Vilarinho - Trabalho\Segurança - Erica\2014\Orcamento\RESULTADO\ARQUIVOS PREPARATORIOS\Memoria Patrimonial_2PROJ\GO\Vigilancia\Extra\102014_Vigilancia_GO_Extra.xlsm</t>
  </si>
  <si>
    <t>E:\BK_final\Vilarinho\Vilarinho - Trabalho\Segurança - Erica\2014\Orcamento\RESULTADO\ARQUIVOS PREPARATORIOS\Memoria Patrimonial_2PROJ\GO\Vigilancia\Extra\112014_Vigilancia_GO_Extra.xlsm</t>
  </si>
  <si>
    <t>E:\BK_final\Vilarinho\Vilarinho - Trabalho\Segurança - Erica\2014\Orcamento\RESULTADO\ARQUIVOS PREPARATORIOS\Memoria Patrimonial_2PROJ\GO\Vigilancia\Extra\122014_Vigilancia_GO_Extra.xlsm</t>
  </si>
  <si>
    <t>D:\2014\Orcamento\RESULTADO\ARQUIVOS PREPARATORIOS\Memoria Patrimonial_2PROJ\GO\Vigilancia\Nova\</t>
  </si>
  <si>
    <t>E:\BK_final\Vilarinho\Vilarinho - Trabalho\Segurança - Erica\2014\Orcamento\RESULTADO\ARQUIVOS PREPARATORIOS\Memoria Patrimonial_2PROJ\GO\Vigilancia\Nova\012014_Vigilancia_GO_Nova.xlsm</t>
  </si>
  <si>
    <t>E:\BK_final\Vilarinho\Vilarinho - Trabalho\Segurança - Erica\2014\Orcamento\RESULTADO\ARQUIVOS PREPARATORIOS\Memoria Patrimonial_2PROJ\GO\Vigilancia\Nova\022014_Vigilancia_GO_Nova.xlsm</t>
  </si>
  <si>
    <t>11/21/2019 16:48:04</t>
  </si>
  <si>
    <t>E:\BK_final\Vilarinho\Vilarinho - Trabalho\Segurança - Erica\2014\Orcamento\RESULTADO\ARQUIVOS PREPARATORIOS\Memoria Patrimonial_2PROJ\GO\Vigilancia\Nova\032014_Vigilancia_GO_Nova.xlsm</t>
  </si>
  <si>
    <t>E:\BK_final\Vilarinho\Vilarinho - Trabalho\Segurança - Erica\2014\Orcamento\RESULTADO\ARQUIVOS PREPARATORIOS\Memoria Patrimonial_2PROJ\GO\Vigilancia\Nova\042014_Vigilancia_GO_Nova.xlsm</t>
  </si>
  <si>
    <t>E:\BK_final\Vilarinho\Vilarinho - Trabalho\Segurança - Erica\2014\Orcamento\RESULTADO\ARQUIVOS PREPARATORIOS\Memoria Patrimonial_2PROJ\GO\Vigilancia\Nova\052014_Vigilancia_GO_Nova.xlsm</t>
  </si>
  <si>
    <t>E:\BK_final\Vilarinho\Vilarinho - Trabalho\Segurança - Erica\2014\Orcamento\RESULTADO\ARQUIVOS PREPARATORIOS\Memoria Patrimonial_2PROJ\GO\Vigilancia\Nova\062014_Vigilancia_GO_Nova.xlsm</t>
  </si>
  <si>
    <t>11/21/2019 16:48:05</t>
  </si>
  <si>
    <t>E:\BK_final\Vilarinho\Vilarinho - Trabalho\Segurança - Erica\2014\Orcamento\RESULTADO\ARQUIVOS PREPARATORIOS\Memoria Patrimonial_2PROJ\GO\Vigilancia\Nova\072014_Vigilancia_GO_Nova.xlsm</t>
  </si>
  <si>
    <t>E:\BK_final\Vilarinho\Vilarinho - Trabalho\Segurança - Erica\2014\Orcamento\RESULTADO\ARQUIVOS PREPARATORIOS\Memoria Patrimonial_2PROJ\GO\Vigilancia\Nova\082014_Vigilancia_GO_Nova.xlsm</t>
  </si>
  <si>
    <t>E:\BK_final\Vilarinho\Vilarinho - Trabalho\Segurança - Erica\2014\Orcamento\RESULTADO\ARQUIVOS PREPARATORIOS\Memoria Patrimonial_2PROJ\GO\Vigilancia\Nova\092014_Vigilancia_GO_Nova.xlsm</t>
  </si>
  <si>
    <t>E:\BK_final\Vilarinho\Vilarinho - Trabalho\Segurança - Erica\2014\Orcamento\RESULTADO\ARQUIVOS PREPARATORIOS\Memoria Patrimonial_2PROJ\GO\Vigilancia\Nova\102014_Vigilancia_GO_Nova.xlsm</t>
  </si>
  <si>
    <t>E:\BK_final\Vilarinho\Vilarinho - Trabalho\Segurança - Erica\2014\Orcamento\RESULTADO\ARQUIVOS PREPARATORIOS\Memoria Patrimonial_2PROJ\GO\Vigilancia\Nova\112014_Vigilancia_GO_Nova.xlsm</t>
  </si>
  <si>
    <t>11/21/2019 16:48:06</t>
  </si>
  <si>
    <t>E:\BK_final\Vilarinho\Vilarinho - Trabalho\Segurança - Erica\2014\Orcamento\RESULTADO\ARQUIVOS PREPARATORIOS\Memoria Patrimonial_2PROJ\GO\Vigilancia\Nova\122014_Vigilancia_GO_Nova.xlsm</t>
  </si>
  <si>
    <t>11/21/2019 16:48:08</t>
  </si>
  <si>
    <t>D:\2014\Orcamento\RESULTADO\ARQUIVOS PREPARATORIOS\Memoria Patrimonial_2PROJ\MG1\</t>
  </si>
  <si>
    <t>E:\BK_final\Vilarinho\Vilarinho - Trabalho\Segurança - Erica\2014\Orcamento\RESULTADO\ARQUIVOS PREPARATORIOS\Memoria Patrimonial_2PROJ\MG1\2014_DRE_CONSOLIDADA_MG1.xlsx</t>
  </si>
  <si>
    <t>D:\2014\Orcamento\RESULTADO\ARQUIVOS PREPARATORIOS\Memoria Patrimonial_2PROJ\MG1\Portaria\</t>
  </si>
  <si>
    <t>E:\BK_final\Vilarinho\Vilarinho - Trabalho\Segurança - Erica\2014\Orcamento\RESULTADO\ARQUIVOS PREPARATORIOS\Memoria Patrimonial_2PROJ\MG1\Portaria\2014 - Portaria MG1 - I.xlsx</t>
  </si>
  <si>
    <t>D:\2014\Orcamento\RESULTADO\ARQUIVOS PREPARATORIOS\Memoria Patrimonial_2PROJ\MG1\Portaria\Cancelada\</t>
  </si>
  <si>
    <t>E:\BK_final\Vilarinho\Vilarinho - Trabalho\Segurança - Erica\2014\Orcamento\RESULTADO\ARQUIVOS PREPARATORIOS\Memoria Patrimonial_2PROJ\MG1\Portaria\Cancelada\012014_Portaria_MG1_Cancelada.xlsm</t>
  </si>
  <si>
    <t>E:\BK_final\Vilarinho\Vilarinho - Trabalho\Segurança - Erica\2014\Orcamento\RESULTADO\ARQUIVOS PREPARATORIOS\Memoria Patrimonial_2PROJ\MG1\Portaria\Cancelada\022014_Portaria_MG1_Cancelada.xlsm</t>
  </si>
  <si>
    <t>E:\BK_final\Vilarinho\Vilarinho - Trabalho\Segurança - Erica\2014\Orcamento\RESULTADO\ARQUIVOS PREPARATORIOS\Memoria Patrimonial_2PROJ\MG1\Portaria\Cancelada\032014_Portaria_MG1_Cancelada.xlsm</t>
  </si>
  <si>
    <t>11/21/2019 16:48:09</t>
  </si>
  <si>
    <t>E:\BK_final\Vilarinho\Vilarinho - Trabalho\Segurança - Erica\2014\Orcamento\RESULTADO\ARQUIVOS PREPARATORIOS\Memoria Patrimonial_2PROJ\MG1\Portaria\Cancelada\042014_Portaria_MG1_Cancelada.xlsm</t>
  </si>
  <si>
    <t>E:\BK_final\Vilarinho\Vilarinho - Trabalho\Segurança - Erica\2014\Orcamento\RESULTADO\ARQUIVOS PREPARATORIOS\Memoria Patrimonial_2PROJ\MG1\Portaria\Cancelada\052014_Portaria_MG1_Cancelada.xlsm</t>
  </si>
  <si>
    <t>E:\BK_final\Vilarinho\Vilarinho - Trabalho\Segurança - Erica\2014\Orcamento\RESULTADO\ARQUIVOS PREPARATORIOS\Memoria Patrimonial_2PROJ\MG1\Portaria\Cancelada\062014_Portaria_MG1_Cancelada.xlsm</t>
  </si>
  <si>
    <t>E:\BK_final\Vilarinho\Vilarinho - Trabalho\Segurança - Erica\2014\Orcamento\RESULTADO\ARQUIVOS PREPARATORIOS\Memoria Patrimonial_2PROJ\MG1\Portaria\Cancelada\072014_Portaria_MG1_Cancelada.xlsm</t>
  </si>
  <si>
    <t>E:\BK_final\Vilarinho\Vilarinho - Trabalho\Segurança - Erica\2014\Orcamento\RESULTADO\ARQUIVOS PREPARATORIOS\Memoria Patrimonial_2PROJ\MG1\Portaria\Cancelada\082014_Portaria_MG1_Cancelada.xlsm</t>
  </si>
  <si>
    <t>E:\BK_final\Vilarinho\Vilarinho - Trabalho\Segurança - Erica\2014\Orcamento\RESULTADO\ARQUIVOS PREPARATORIOS\Memoria Patrimonial_2PROJ\MG1\Portaria\Cancelada\092014_Portaria_MG1_Cancelada.xlsm</t>
  </si>
  <si>
    <t>11/21/2019 16:48:10</t>
  </si>
  <si>
    <t>E:\BK_final\Vilarinho\Vilarinho - Trabalho\Segurança - Erica\2014\Orcamento\RESULTADO\ARQUIVOS PREPARATORIOS\Memoria Patrimonial_2PROJ\MG1\Portaria\Cancelada\102014_Portaria_MG1_Cancelada.xlsm</t>
  </si>
  <si>
    <t>E:\BK_final\Vilarinho\Vilarinho - Trabalho\Segurança - Erica\2014\Orcamento\RESULTADO\ARQUIVOS PREPARATORIOS\Memoria Patrimonial_2PROJ\MG1\Portaria\Cancelada\112014_Portaria_MG1_Cancelada.xlsm</t>
  </si>
  <si>
    <t>E:\BK_final\Vilarinho\Vilarinho - Trabalho\Segurança - Erica\2014\Orcamento\RESULTADO\ARQUIVOS PREPARATORIOS\Memoria Patrimonial_2PROJ\MG1\Portaria\Cancelada\122014_Portaria_MG1_Cancelada.xlsm</t>
  </si>
  <si>
    <t>D:\2014\Orcamento\RESULTADO\ARQUIVOS PREPARATORIOS\Memoria Patrimonial_2PROJ\MG1\Portaria\Nova\</t>
  </si>
  <si>
    <t>E:\BK_final\Vilarinho\Vilarinho - Trabalho\Segurança - Erica\2014\Orcamento\RESULTADO\ARQUIVOS PREPARATORIOS\Memoria Patrimonial_2PROJ\MG1\Portaria\Nova\012014_Portaria_MG1_Nova.xlsm</t>
  </si>
  <si>
    <t>E:\BK_final\Vilarinho\Vilarinho - Trabalho\Segurança - Erica\2014\Orcamento\RESULTADO\ARQUIVOS PREPARATORIOS\Memoria Patrimonial_2PROJ\MG1\Portaria\Nova\022014_Portaria_MG1_Nova.xlsm</t>
  </si>
  <si>
    <t>E:\BK_final\Vilarinho\Vilarinho - Trabalho\Segurança - Erica\2014\Orcamento\RESULTADO\ARQUIVOS PREPARATORIOS\Memoria Patrimonial_2PROJ\MG1\Portaria\Nova\032014_Portaria_MG1_Nova.xlsm</t>
  </si>
  <si>
    <t>11/21/2019 16:48:11</t>
  </si>
  <si>
    <t>E:\BK_final\Vilarinho\Vilarinho - Trabalho\Segurança - Erica\2014\Orcamento\RESULTADO\ARQUIVOS PREPARATORIOS\Memoria Patrimonial_2PROJ\MG1\Portaria\Nova\042014_Portaria_MG1_Nova.xlsm</t>
  </si>
  <si>
    <t>E:\BK_final\Vilarinho\Vilarinho - Trabalho\Segurança - Erica\2014\Orcamento\RESULTADO\ARQUIVOS PREPARATORIOS\Memoria Patrimonial_2PROJ\MG1\Portaria\Nova\052014_Portaria_MG1_Nova.xlsm</t>
  </si>
  <si>
    <t>E:\BK_final\Vilarinho\Vilarinho - Trabalho\Segurança - Erica\2014\Orcamento\RESULTADO\ARQUIVOS PREPARATORIOS\Memoria Patrimonial_2PROJ\MG1\Portaria\Nova\062014_Portaria_MG1_Nova.xlsm</t>
  </si>
  <si>
    <t>E:\BK_final\Vilarinho\Vilarinho - Trabalho\Segurança - Erica\2014\Orcamento\RESULTADO\ARQUIVOS PREPARATORIOS\Memoria Patrimonial_2PROJ\MG1\Portaria\Nova\072014_Portaria_MG1_Nova.xlsm</t>
  </si>
  <si>
    <t>E:\BK_final\Vilarinho\Vilarinho - Trabalho\Segurança - Erica\2014\Orcamento\RESULTADO\ARQUIVOS PREPARATORIOS\Memoria Patrimonial_2PROJ\MG1\Portaria\Nova\082014_Portaria_MG1_Nova.xlsm</t>
  </si>
  <si>
    <t>E:\BK_final\Vilarinho\Vilarinho - Trabalho\Segurança - Erica\2014\Orcamento\RESULTADO\ARQUIVOS PREPARATORIOS\Memoria Patrimonial_2PROJ\MG1\Portaria\Nova\092014_Portaria_MG1_Nova.xlsm</t>
  </si>
  <si>
    <t>11/21/2019 16:48:12</t>
  </si>
  <si>
    <t>E:\BK_final\Vilarinho\Vilarinho - Trabalho\Segurança - Erica\2014\Orcamento\RESULTADO\ARQUIVOS PREPARATORIOS\Memoria Patrimonial_2PROJ\MG1\Portaria\Nova\102014_Portaria_MG1_Nova.xlsm</t>
  </si>
  <si>
    <t>E:\BK_final\Vilarinho\Vilarinho - Trabalho\Segurança - Erica\2014\Orcamento\RESULTADO\ARQUIVOS PREPARATORIOS\Memoria Patrimonial_2PROJ\MG1\Portaria\Nova\112014_Portaria_MG1_Nova.xlsm</t>
  </si>
  <si>
    <t>E:\BK_final\Vilarinho\Vilarinho - Trabalho\Segurança - Erica\2014\Orcamento\RESULTADO\ARQUIVOS PREPARATORIOS\Memoria Patrimonial_2PROJ\MG1\Portaria\Nova\122014_Portaria_MG1_Nova.xlsm</t>
  </si>
  <si>
    <t>D:\2014\Orcamento\RESULTADO\ARQUIVOS PREPARATORIOS\Memoria Patrimonial_2PROJ\MG1\Vigilancia\</t>
  </si>
  <si>
    <t>E:\BK_final\Vilarinho\Vilarinho - Trabalho\Segurança - Erica\2014\Orcamento\RESULTADO\ARQUIVOS PREPARATORIOS\Memoria Patrimonial_2PROJ\MG1\Vigilancia\2014 - Vigilancia MG1 - I.xlsx</t>
  </si>
  <si>
    <t>D:\2014\Orcamento\RESULTADO\ARQUIVOS PREPARATORIOS\Memoria Patrimonial_2PROJ\MG1\Vigilancia\Cancelada\</t>
  </si>
  <si>
    <t>E:\BK_final\Vilarinho\Vilarinho - Trabalho\Segurança - Erica\2014\Orcamento\RESULTADO\ARQUIVOS PREPARATORIOS\Memoria Patrimonial_2PROJ\MG1\Vigilancia\Cancelada\012014_Vigilancia_MG1_Cancelada.xlsm</t>
  </si>
  <si>
    <t>E:\BK_final\Vilarinho\Vilarinho - Trabalho\Segurança - Erica\2014\Orcamento\RESULTADO\ARQUIVOS PREPARATORIOS\Memoria Patrimonial_2PROJ\MG1\Vigilancia\Cancelada\022014_Vigilancia_MG1_Cancelada.xlsm</t>
  </si>
  <si>
    <t>E:\BK_final\Vilarinho\Vilarinho - Trabalho\Segurança - Erica\2014\Orcamento\RESULTADO\ARQUIVOS PREPARATORIOS\Memoria Patrimonial_2PROJ\MG1\Vigilancia\Cancelada\032014_Vigilancia_MG1_Cancelada.xlsm</t>
  </si>
  <si>
    <t>11/21/2019 16:48:13</t>
  </si>
  <si>
    <t>E:\BK_final\Vilarinho\Vilarinho - Trabalho\Segurança - Erica\2014\Orcamento\RESULTADO\ARQUIVOS PREPARATORIOS\Memoria Patrimonial_2PROJ\MG1\Vigilancia\Cancelada\042014_Vigilancia_MG1_Cancelada.xlsm</t>
  </si>
  <si>
    <t>E:\BK_final\Vilarinho\Vilarinho - Trabalho\Segurança - Erica\2014\Orcamento\RESULTADO\ARQUIVOS PREPARATORIOS\Memoria Patrimonial_2PROJ\MG1\Vigilancia\Cancelada\052014_Vigilancia_MG1_Cancelada.xlsm</t>
  </si>
  <si>
    <t>E:\BK_final\Vilarinho\Vilarinho - Trabalho\Segurança - Erica\2014\Orcamento\RESULTADO\ARQUIVOS PREPARATORIOS\Memoria Patrimonial_2PROJ\MG1\Vigilancia\Cancelada\062014_Vigilancia_MG1_Cancelada.xlsm</t>
  </si>
  <si>
    <t>E:\BK_final\Vilarinho\Vilarinho - Trabalho\Segurança - Erica\2014\Orcamento\RESULTADO\ARQUIVOS PREPARATORIOS\Memoria Patrimonial_2PROJ\MG1\Vigilancia\Cancelada\072014_Vigilancia_MG1_Cancelada.xlsm</t>
  </si>
  <si>
    <t>E:\BK_final\Vilarinho\Vilarinho - Trabalho\Segurança - Erica\2014\Orcamento\RESULTADO\ARQUIVOS PREPARATORIOS\Memoria Patrimonial_2PROJ\MG1\Vigilancia\Cancelada\082014_Vigilancia_MG1_Cancelada.xlsm</t>
  </si>
  <si>
    <t>E:\BK_final\Vilarinho\Vilarinho - Trabalho\Segurança - Erica\2014\Orcamento\RESULTADO\ARQUIVOS PREPARATORIOS\Memoria Patrimonial_2PROJ\MG1\Vigilancia\Cancelada\092014_Vigilancia_MG1_Cancelada.xlsm</t>
  </si>
  <si>
    <t>11/21/2019 16:48:14</t>
  </si>
  <si>
    <t>E:\BK_final\Vilarinho\Vilarinho - Trabalho\Segurança - Erica\2014\Orcamento\RESULTADO\ARQUIVOS PREPARATORIOS\Memoria Patrimonial_2PROJ\MG1\Vigilancia\Cancelada\102014_Vigilancia_MG1_Cancelada.xlsm</t>
  </si>
  <si>
    <t>E:\BK_final\Vilarinho\Vilarinho - Trabalho\Segurança - Erica\2014\Orcamento\RESULTADO\ARQUIVOS PREPARATORIOS\Memoria Patrimonial_2PROJ\MG1\Vigilancia\Cancelada\112014_Vigilancia_MG1_Cancelada.xlsm</t>
  </si>
  <si>
    <t>E:\BK_final\Vilarinho\Vilarinho - Trabalho\Segurança - Erica\2014\Orcamento\RESULTADO\ARQUIVOS PREPARATORIOS\Memoria Patrimonial_2PROJ\MG1\Vigilancia\Cancelada\122014_Vigilancia_MG1_Cancelada.xlsm</t>
  </si>
  <si>
    <t>11/21/2019 16:48:16</t>
  </si>
  <si>
    <t>D:\2014\Orcamento\RESULTADO\ARQUIVOS PREPARATORIOS\Memoria Patrimonial_2PROJ\MG1\Vigilancia\Extra\</t>
  </si>
  <si>
    <t>E:\BK_final\Vilarinho\Vilarinho - Trabalho\Segurança - Erica\2014\Orcamento\RESULTADO\ARQUIVOS PREPARATORIOS\Memoria Patrimonial_2PROJ\MG1\Vigilancia\Extra\012014_Vigilancia_MG1_Extra.xlsm</t>
  </si>
  <si>
    <t>E:\BK_final\Vilarinho\Vilarinho - Trabalho\Segurança - Erica\2014\Orcamento\RESULTADO\ARQUIVOS PREPARATORIOS\Memoria Patrimonial_2PROJ\MG1\Vigilancia\Extra\022014_Vigilancia_MG1_Extra.xlsm</t>
  </si>
  <si>
    <t>11/21/2019 16:48:17</t>
  </si>
  <si>
    <t>E:\BK_final\Vilarinho\Vilarinho - Trabalho\Segurança - Erica\2014\Orcamento\RESULTADO\ARQUIVOS PREPARATORIOS\Memoria Patrimonial_2PROJ\MG1\Vigilancia\Extra\032014_Vigilancia_MG1_Extra.xlsm</t>
  </si>
  <si>
    <t>E:\BK_final\Vilarinho\Vilarinho - Trabalho\Segurança - Erica\2014\Orcamento\RESULTADO\ARQUIVOS PREPARATORIOS\Memoria Patrimonial_2PROJ\MG1\Vigilancia\Extra\042014_Vigilancia_MG1_Extra.xlsm</t>
  </si>
  <si>
    <t>E:\BK_final\Vilarinho\Vilarinho - Trabalho\Segurança - Erica\2014\Orcamento\RESULTADO\ARQUIVOS PREPARATORIOS\Memoria Patrimonial_2PROJ\MG1\Vigilancia\Extra\052014_Vigilancia_MG1_Extra.xlsm</t>
  </si>
  <si>
    <t>E:\BK_final\Vilarinho\Vilarinho - Trabalho\Segurança - Erica\2014\Orcamento\RESULTADO\ARQUIVOS PREPARATORIOS\Memoria Patrimonial_2PROJ\MG1\Vigilancia\Extra\062014_Vigilancia_MG1_Extra.xlsm</t>
  </si>
  <si>
    <t>E:\BK_final\Vilarinho\Vilarinho - Trabalho\Segurança - Erica\2014\Orcamento\RESULTADO\ARQUIVOS PREPARATORIOS\Memoria Patrimonial_2PROJ\MG1\Vigilancia\Extra\072014_Vigilancia_MG1_Extra.xlsm</t>
  </si>
  <si>
    <t>E:\BK_final\Vilarinho\Vilarinho - Trabalho\Segurança - Erica\2014\Orcamento\RESULTADO\ARQUIVOS PREPARATORIOS\Memoria Patrimonial_2PROJ\MG1\Vigilancia\Extra\082014_Vigilancia_MG1_Extra.xlsm</t>
  </si>
  <si>
    <t>11/21/2019 16:48:18</t>
  </si>
  <si>
    <t>E:\BK_final\Vilarinho\Vilarinho - Trabalho\Segurança - Erica\2014\Orcamento\RESULTADO\ARQUIVOS PREPARATORIOS\Memoria Patrimonial_2PROJ\MG1\Vigilancia\Extra\092014_Vigilancia_MG1_Extra.xlsm</t>
  </si>
  <si>
    <t>E:\BK_final\Vilarinho\Vilarinho - Trabalho\Segurança - Erica\2014\Orcamento\RESULTADO\ARQUIVOS PREPARATORIOS\Memoria Patrimonial_2PROJ\MG1\Vigilancia\Extra\102014_Vigilancia_MG1_Extra.xlsm</t>
  </si>
  <si>
    <t>E:\BK_final\Vilarinho\Vilarinho - Trabalho\Segurança - Erica\2014\Orcamento\RESULTADO\ARQUIVOS PREPARATORIOS\Memoria Patrimonial_2PROJ\MG1\Vigilancia\Extra\112014_Vigilancia_MG1_Extra.xlsm</t>
  </si>
  <si>
    <t>E:\BK_final\Vilarinho\Vilarinho - Trabalho\Segurança - Erica\2014\Orcamento\RESULTADO\ARQUIVOS PREPARATORIOS\Memoria Patrimonial_2PROJ\MG1\Vigilancia\Extra\122014_Vigilancia_MG1_Extra.xlsm</t>
  </si>
  <si>
    <t>D:\2014\Orcamento\RESULTADO\ARQUIVOS PREPARATORIOS\Memoria Patrimonial_2PROJ\MG1\Vigilancia\Nova\</t>
  </si>
  <si>
    <t>E:\BK_final\Vilarinho\Vilarinho - Trabalho\Segurança - Erica\2014\Orcamento\RESULTADO\ARQUIVOS PREPARATORIOS\Memoria Patrimonial_2PROJ\MG1\Vigilancia\Nova\012014_Vigilancia_MG1_Nova.xlsm</t>
  </si>
  <si>
    <t>E:\BK_final\Vilarinho\Vilarinho - Trabalho\Segurança - Erica\2014\Orcamento\RESULTADO\ARQUIVOS PREPARATORIOS\Memoria Patrimonial_2PROJ\MG1\Vigilancia\Nova\022014_Vigilancia_MG1_Nova.xlsm</t>
  </si>
  <si>
    <t>E:\BK_final\Vilarinho\Vilarinho - Trabalho\Segurança - Erica\2014\Orcamento\RESULTADO\ARQUIVOS PREPARATORIOS\Memoria Patrimonial_2PROJ\MG1\Vigilancia\Nova\032014_Vigilancia_MG1_Nova.xlsm</t>
  </si>
  <si>
    <t>11/21/2019 16:48:19</t>
  </si>
  <si>
    <t>E:\BK_final\Vilarinho\Vilarinho - Trabalho\Segurança - Erica\2014\Orcamento\RESULTADO\ARQUIVOS PREPARATORIOS\Memoria Patrimonial_2PROJ\MG1\Vigilancia\Nova\042014_Vigilancia_MG1_Nova.xlsm</t>
  </si>
  <si>
    <t>E:\BK_final\Vilarinho\Vilarinho - Trabalho\Segurança - Erica\2014\Orcamento\RESULTADO\ARQUIVOS PREPARATORIOS\Memoria Patrimonial_2PROJ\MG1\Vigilancia\Nova\052014_Vigilancia_MG1_Nova.xlsm</t>
  </si>
  <si>
    <t>E:\BK_final\Vilarinho\Vilarinho - Trabalho\Segurança - Erica\2014\Orcamento\RESULTADO\ARQUIVOS PREPARATORIOS\Memoria Patrimonial_2PROJ\MG1\Vigilancia\Nova\062014_Vigilancia_MG1_Nova.xlsm</t>
  </si>
  <si>
    <t>E:\BK_final\Vilarinho\Vilarinho - Trabalho\Segurança - Erica\2014\Orcamento\RESULTADO\ARQUIVOS PREPARATORIOS\Memoria Patrimonial_2PROJ\MG1\Vigilancia\Nova\072014_Vigilancia_MG1_Nova.xlsm</t>
  </si>
  <si>
    <t>E:\BK_final\Vilarinho\Vilarinho - Trabalho\Segurança - Erica\2014\Orcamento\RESULTADO\ARQUIVOS PREPARATORIOS\Memoria Patrimonial_2PROJ\MG1\Vigilancia\Nova\082014_Vigilancia_MG1_Nova.xlsm</t>
  </si>
  <si>
    <t>E:\BK_final\Vilarinho\Vilarinho - Trabalho\Segurança - Erica\2014\Orcamento\RESULTADO\ARQUIVOS PREPARATORIOS\Memoria Patrimonial_2PROJ\MG1\Vigilancia\Nova\092014_Vigilancia_MG1_Nova.xlsm</t>
  </si>
  <si>
    <t>11/21/2019 16:48:20</t>
  </si>
  <si>
    <t>E:\BK_final\Vilarinho\Vilarinho - Trabalho\Segurança - Erica\2014\Orcamento\RESULTADO\ARQUIVOS PREPARATORIOS\Memoria Patrimonial_2PROJ\MG1\Vigilancia\Nova\102014_Vigilancia_MG1_Nova.xlsm</t>
  </si>
  <si>
    <t>E:\BK_final\Vilarinho\Vilarinho - Trabalho\Segurança - Erica\2014\Orcamento\RESULTADO\ARQUIVOS PREPARATORIOS\Memoria Patrimonial_2PROJ\MG1\Vigilancia\Nova\112014_Vigilancia_MG1_Nova.xlsm</t>
  </si>
  <si>
    <t>E:\BK_final\Vilarinho\Vilarinho - Trabalho\Segurança - Erica\2014\Orcamento\RESULTADO\ARQUIVOS PREPARATORIOS\Memoria Patrimonial_2PROJ\MG1\Vigilancia\Nova\122014_Vigilancia_MG1_Nova.xlsm</t>
  </si>
  <si>
    <t>D:\2014\Orcamento\RESULTADO\ARQUIVOS PREPARATORIOS\Memoria Patrimonial_2PROJ\MG2\</t>
  </si>
  <si>
    <t>E:\BK_final\Vilarinho\Vilarinho - Trabalho\Segurança - Erica\2014\Orcamento\RESULTADO\ARQUIVOS PREPARATORIOS\Memoria Patrimonial_2PROJ\MG2\2014_DRE_CONSOLIDADA_MG2.xlsx</t>
  </si>
  <si>
    <t>D:\2014\Orcamento\RESULTADO\ARQUIVOS PREPARATORIOS\Memoria Patrimonial_2PROJ\MG2\Portaria\</t>
  </si>
  <si>
    <t>E:\BK_final\Vilarinho\Vilarinho - Trabalho\Segurança - Erica\2014\Orcamento\RESULTADO\ARQUIVOS PREPARATORIOS\Memoria Patrimonial_2PROJ\MG2\Portaria\2014 - Portaria MG2 - I.xlsx</t>
  </si>
  <si>
    <t>D:\2014\Orcamento\RESULTADO\ARQUIVOS PREPARATORIOS\Memoria Patrimonial_2PROJ\MG2\Portaria\Cancelada\</t>
  </si>
  <si>
    <t>E:\BK_final\Vilarinho\Vilarinho - Trabalho\Segurança - Erica\2014\Orcamento\RESULTADO\ARQUIVOS PREPARATORIOS\Memoria Patrimonial_2PROJ\MG2\Portaria\Cancelada\012014_Portaria_MG2_Cancelada.xlsm</t>
  </si>
  <si>
    <t>E:\BK_final\Vilarinho\Vilarinho - Trabalho\Segurança - Erica\2014\Orcamento\RESULTADO\ARQUIVOS PREPARATORIOS\Memoria Patrimonial_2PROJ\MG2\Portaria\Cancelada\022014_Portaria_MG2_Cancelada.xlsm</t>
  </si>
  <si>
    <t>11/21/2019 16:48:21</t>
  </si>
  <si>
    <t>E:\BK_final\Vilarinho\Vilarinho - Trabalho\Segurança - Erica\2014\Orcamento\RESULTADO\ARQUIVOS PREPARATORIOS\Memoria Patrimonial_2PROJ\MG2\Portaria\Cancelada\032014_Portaria_MG2_Cancelada.xlsm</t>
  </si>
  <si>
    <t>E:\BK_final\Vilarinho\Vilarinho - Trabalho\Segurança - Erica\2014\Orcamento\RESULTADO\ARQUIVOS PREPARATORIOS\Memoria Patrimonial_2PROJ\MG2\Portaria\Cancelada\042014_Portaria_MG2_Cancelada.xlsm</t>
  </si>
  <si>
    <t>E:\BK_final\Vilarinho\Vilarinho - Trabalho\Segurança - Erica\2014\Orcamento\RESULTADO\ARQUIVOS PREPARATORIOS\Memoria Patrimonial_2PROJ\MG2\Portaria\Cancelada\052014_Portaria_MG2_Cancelada.xlsm</t>
  </si>
  <si>
    <t>E:\BK_final\Vilarinho\Vilarinho - Trabalho\Segurança - Erica\2014\Orcamento\RESULTADO\ARQUIVOS PREPARATORIOS\Memoria Patrimonial_2PROJ\MG2\Portaria\Cancelada\062014_Portaria_MG2_Cancelada.xlsm</t>
  </si>
  <si>
    <t>E:\BK_final\Vilarinho\Vilarinho - Trabalho\Segurança - Erica\2014\Orcamento\RESULTADO\ARQUIVOS PREPARATORIOS\Memoria Patrimonial_2PROJ\MG2\Portaria\Cancelada\072014_Portaria_MG2_Cancelada.xlsm</t>
  </si>
  <si>
    <t>E:\BK_final\Vilarinho\Vilarinho - Trabalho\Segurança - Erica\2014\Orcamento\RESULTADO\ARQUIVOS PREPARATORIOS\Memoria Patrimonial_2PROJ\MG2\Portaria\Cancelada\082014_Portaria_MG2_Cancelada.xlsm</t>
  </si>
  <si>
    <t>E:\BK_final\Vilarinho\Vilarinho - Trabalho\Segurança - Erica\2014\Orcamento\RESULTADO\ARQUIVOS PREPARATORIOS\Memoria Patrimonial_2PROJ\MG2\Portaria\Cancelada\092014_Portaria_MG2_Cancelada.xlsm</t>
  </si>
  <si>
    <t>11/21/2019 16:48:22</t>
  </si>
  <si>
    <t>E:\BK_final\Vilarinho\Vilarinho - Trabalho\Segurança - Erica\2014\Orcamento\RESULTADO\ARQUIVOS PREPARATORIOS\Memoria Patrimonial_2PROJ\MG2\Portaria\Cancelada\102014_Portaria_MG2_Cancelada.xlsm</t>
  </si>
  <si>
    <t>E:\BK_final\Vilarinho\Vilarinho - Trabalho\Segurança - Erica\2014\Orcamento\RESULTADO\ARQUIVOS PREPARATORIOS\Memoria Patrimonial_2PROJ\MG2\Portaria\Cancelada\112014_Portaria_MG2_Cancelada.xlsm</t>
  </si>
  <si>
    <t>E:\BK_final\Vilarinho\Vilarinho - Trabalho\Segurança - Erica\2014\Orcamento\RESULTADO\ARQUIVOS PREPARATORIOS\Memoria Patrimonial_2PROJ\MG2\Portaria\Cancelada\122014_Portaria_MG2_Cancelada.xlsm</t>
  </si>
  <si>
    <t>D:\2014\Orcamento\RESULTADO\ARQUIVOS PREPARATORIOS\Memoria Patrimonial_2PROJ\MG2\Portaria\Nova\</t>
  </si>
  <si>
    <t>E:\BK_final\Vilarinho\Vilarinho - Trabalho\Segurança - Erica\2014\Orcamento\RESULTADO\ARQUIVOS PREPARATORIOS\Memoria Patrimonial_2PROJ\MG2\Portaria\Nova\012014_Portaria_MG2_Nova.xlsm</t>
  </si>
  <si>
    <t>E:\BK_final\Vilarinho\Vilarinho - Trabalho\Segurança - Erica\2014\Orcamento\RESULTADO\ARQUIVOS PREPARATORIOS\Memoria Patrimonial_2PROJ\MG2\Portaria\Nova\022014_Portaria_MG2_Nova.xlsm</t>
  </si>
  <si>
    <t>E:\BK_final\Vilarinho\Vilarinho - Trabalho\Segurança - Erica\2014\Orcamento\RESULTADO\ARQUIVOS PREPARATORIOS\Memoria Patrimonial_2PROJ\MG2\Portaria\Nova\032014_Portaria_MG2_Nova.xlsm</t>
  </si>
  <si>
    <t>11/21/2019 16:48:23</t>
  </si>
  <si>
    <t>E:\BK_final\Vilarinho\Vilarinho - Trabalho\Segurança - Erica\2014\Orcamento\RESULTADO\ARQUIVOS PREPARATORIOS\Memoria Patrimonial_2PROJ\MG2\Portaria\Nova\042014_Portaria_MG2_Nova.xlsm</t>
  </si>
  <si>
    <t>E:\BK_final\Vilarinho\Vilarinho - Trabalho\Segurança - Erica\2014\Orcamento\RESULTADO\ARQUIVOS PREPARATORIOS\Memoria Patrimonial_2PROJ\MG2\Portaria\Nova\052014_Portaria_MG2_Nova.xlsm</t>
  </si>
  <si>
    <t>E:\BK_final\Vilarinho\Vilarinho - Trabalho\Segurança - Erica\2014\Orcamento\RESULTADO\ARQUIVOS PREPARATORIOS\Memoria Patrimonial_2PROJ\MG2\Portaria\Nova\062014_Portaria_MG2_Nova.xlsm</t>
  </si>
  <si>
    <t>E:\BK_final\Vilarinho\Vilarinho - Trabalho\Segurança - Erica\2014\Orcamento\RESULTADO\ARQUIVOS PREPARATORIOS\Memoria Patrimonial_2PROJ\MG2\Portaria\Nova\072014_Portaria_MG2_Nova.xlsm</t>
  </si>
  <si>
    <t>E:\BK_final\Vilarinho\Vilarinho - Trabalho\Segurança - Erica\2014\Orcamento\RESULTADO\ARQUIVOS PREPARATORIOS\Memoria Patrimonial_2PROJ\MG2\Portaria\Nova\082014_Portaria_MG2_Nova.xlsm</t>
  </si>
  <si>
    <t>E:\BK_final\Vilarinho\Vilarinho - Trabalho\Segurança - Erica\2014\Orcamento\RESULTADO\ARQUIVOS PREPARATORIOS\Memoria Patrimonial_2PROJ\MG2\Portaria\Nova\092014_Portaria_MG2_Nova.xlsm</t>
  </si>
  <si>
    <t>11/21/2019 16:48:24</t>
  </si>
  <si>
    <t>E:\BK_final\Vilarinho\Vilarinho - Trabalho\Segurança - Erica\2014\Orcamento\RESULTADO\ARQUIVOS PREPARATORIOS\Memoria Patrimonial_2PROJ\MG2\Portaria\Nova\102014_Portaria_MG2_Nova.xlsm</t>
  </si>
  <si>
    <t>E:\BK_final\Vilarinho\Vilarinho - Trabalho\Segurança - Erica\2014\Orcamento\RESULTADO\ARQUIVOS PREPARATORIOS\Memoria Patrimonial_2PROJ\MG2\Portaria\Nova\112014_Portaria_MG2_Nova.xlsm</t>
  </si>
  <si>
    <t>E:\BK_final\Vilarinho\Vilarinho - Trabalho\Segurança - Erica\2014\Orcamento\RESULTADO\ARQUIVOS PREPARATORIOS\Memoria Patrimonial_2PROJ\MG2\Portaria\Nova\122014_Portaria_MG2_Nova.xlsm</t>
  </si>
  <si>
    <t>11/21/2019 16:48:26</t>
  </si>
  <si>
    <t>D:\2014\Orcamento\RESULTADO\ARQUIVOS PREPARATORIOS\Memoria Patrimonial_2PROJ\MG2\Vigilancia\</t>
  </si>
  <si>
    <t>E:\BK_final\Vilarinho\Vilarinho - Trabalho\Segurança - Erica\2014\Orcamento\RESULTADO\ARQUIVOS PREPARATORIOS\Memoria Patrimonial_2PROJ\MG2\Vigilancia\2014 - Vigilancia MG2 - I.xlsx</t>
  </si>
  <si>
    <t>D:\2014\Orcamento\RESULTADO\ARQUIVOS PREPARATORIOS\Memoria Patrimonial_2PROJ\MG2\Vigilancia\Cancelada\</t>
  </si>
  <si>
    <t>E:\BK_final\Vilarinho\Vilarinho - Trabalho\Segurança - Erica\2014\Orcamento\RESULTADO\ARQUIVOS PREPARATORIOS\Memoria Patrimonial_2PROJ\MG2\Vigilancia\Cancelada\012014_Vigilancia_MG2_Cancelada.xlsm</t>
  </si>
  <si>
    <t>E:\BK_final\Vilarinho\Vilarinho - Trabalho\Segurança - Erica\2014\Orcamento\RESULTADO\ARQUIVOS PREPARATORIOS\Memoria Patrimonial_2PROJ\MG2\Vigilancia\Cancelada\022014_Vigilancia_MG2_Cancelada.xlsm</t>
  </si>
  <si>
    <t>E:\BK_final\Vilarinho\Vilarinho - Trabalho\Segurança - Erica\2014\Orcamento\RESULTADO\ARQUIVOS PREPARATORIOS\Memoria Patrimonial_2PROJ\MG2\Vigilancia\Cancelada\032014_Vigilancia_MG2_Cancelada.xlsm</t>
  </si>
  <si>
    <t>11/21/2019 16:48:27</t>
  </si>
  <si>
    <t>E:\BK_final\Vilarinho\Vilarinho - Trabalho\Segurança - Erica\2014\Orcamento\RESULTADO\ARQUIVOS PREPARATORIOS\Memoria Patrimonial_2PROJ\MG2\Vigilancia\Cancelada\042014_Vigilancia_MG2_Cancelada.xlsm</t>
  </si>
  <si>
    <t>E:\BK_final\Vilarinho\Vilarinho - Trabalho\Segurança - Erica\2014\Orcamento\RESULTADO\ARQUIVOS PREPARATORIOS\Memoria Patrimonial_2PROJ\MG2\Vigilancia\Cancelada\052014_Vigilancia_MG2_Cancelada.xlsm</t>
  </si>
  <si>
    <t>E:\BK_final\Vilarinho\Vilarinho - Trabalho\Segurança - Erica\2014\Orcamento\RESULTADO\ARQUIVOS PREPARATORIOS\Memoria Patrimonial_2PROJ\MG2\Vigilancia\Cancelada\062014_Vigilancia_MG2_Cancelada.xlsm</t>
  </si>
  <si>
    <t>E:\BK_final\Vilarinho\Vilarinho - Trabalho\Segurança - Erica\2014\Orcamento\RESULTADO\ARQUIVOS PREPARATORIOS\Memoria Patrimonial_2PROJ\MG2\Vigilancia\Cancelada\072014_Vigilancia_MG2_Cancelada.xlsm</t>
  </si>
  <si>
    <t>11/21/2019 16:48:28</t>
  </si>
  <si>
    <t>E:\BK_final\Vilarinho\Vilarinho - Trabalho\Segurança - Erica\2014\Orcamento\RESULTADO\ARQUIVOS PREPARATORIOS\Memoria Patrimonial_2PROJ\MG2\Vigilancia\Cancelada\082014_Vigilancia_MG2_Cancelada.xlsm</t>
  </si>
  <si>
    <t>E:\BK_final\Vilarinho\Vilarinho - Trabalho\Segurança - Erica\2014\Orcamento\RESULTADO\ARQUIVOS PREPARATORIOS\Memoria Patrimonial_2PROJ\MG2\Vigilancia\Cancelada\092014_Vigilancia_MG2_Cancelada.xlsm</t>
  </si>
  <si>
    <t>E:\BK_final\Vilarinho\Vilarinho - Trabalho\Segurança - Erica\2014\Orcamento\RESULTADO\ARQUIVOS PREPARATORIOS\Memoria Patrimonial_2PROJ\MG2\Vigilancia\Cancelada\102014_Vigilancia_MG2_Cancelada.xlsm</t>
  </si>
  <si>
    <t>E:\BK_final\Vilarinho\Vilarinho - Trabalho\Segurança - Erica\2014\Orcamento\RESULTADO\ARQUIVOS PREPARATORIOS\Memoria Patrimonial_2PROJ\MG2\Vigilancia\Cancelada\112014_Vigilancia_MG2_Cancelada.xlsm</t>
  </si>
  <si>
    <t>E:\BK_final\Vilarinho\Vilarinho - Trabalho\Segurança - Erica\2014\Orcamento\RESULTADO\ARQUIVOS PREPARATORIOS\Memoria Patrimonial_2PROJ\MG2\Vigilancia\Cancelada\122014_Vigilancia_MG2_Cancelada.xlsm</t>
  </si>
  <si>
    <t>D:\2014\Orcamento\RESULTADO\ARQUIVOS PREPARATORIOS\Memoria Patrimonial_2PROJ\MG2\Vigilancia\Extra\</t>
  </si>
  <si>
    <t>E:\BK_final\Vilarinho\Vilarinho - Trabalho\Segurança - Erica\2014\Orcamento\RESULTADO\ARQUIVOS PREPARATORIOS\Memoria Patrimonial_2PROJ\MG2\Vigilancia\Extra\012014_Vigilancia_MG2_Extra.xlsm</t>
  </si>
  <si>
    <t>E:\BK_final\Vilarinho\Vilarinho - Trabalho\Segurança - Erica\2014\Orcamento\RESULTADO\ARQUIVOS PREPARATORIOS\Memoria Patrimonial_2PROJ\MG2\Vigilancia\Extra\022014_Vigilancia_MG2_Extra.xlsm</t>
  </si>
  <si>
    <t>E:\BK_final\Vilarinho\Vilarinho - Trabalho\Segurança - Erica\2014\Orcamento\RESULTADO\ARQUIVOS PREPARATORIOS\Memoria Patrimonial_2PROJ\MG2\Vigilancia\Extra\032014_Vigilancia_MG2_Extra.xlsm</t>
  </si>
  <si>
    <t>E:\BK_final\Vilarinho\Vilarinho - Trabalho\Segurança - Erica\2014\Orcamento\RESULTADO\ARQUIVOS PREPARATORIOS\Memoria Patrimonial_2PROJ\MG2\Vigilancia\Extra\042014_Vigilancia_MG2_Extra.xlsm</t>
  </si>
  <si>
    <t>E:\BK_final\Vilarinho\Vilarinho - Trabalho\Segurança - Erica\2014\Orcamento\RESULTADO\ARQUIVOS PREPARATORIOS\Memoria Patrimonial_2PROJ\MG2\Vigilancia\Extra\052014_Vigilancia_MG2_Extra.xlsm</t>
  </si>
  <si>
    <t>E:\BK_final\Vilarinho\Vilarinho - Trabalho\Segurança - Erica\2014\Orcamento\RESULTADO\ARQUIVOS PREPARATORIOS\Memoria Patrimonial_2PROJ\MG2\Vigilancia\Extra\062014_Vigilancia_MG2_Extra.xlsm</t>
  </si>
  <si>
    <t>E:\BK_final\Vilarinho\Vilarinho - Trabalho\Segurança - Erica\2014\Orcamento\RESULTADO\ARQUIVOS PREPARATORIOS\Memoria Patrimonial_2PROJ\MG2\Vigilancia\Extra\072014_Vigilancia_MG2_Extra.xlsm</t>
  </si>
  <si>
    <t>E:\BK_final\Vilarinho\Vilarinho - Trabalho\Segurança - Erica\2014\Orcamento\RESULTADO\ARQUIVOS PREPARATORIOS\Memoria Patrimonial_2PROJ\MG2\Vigilancia\Extra\082014_Vigilancia_MG2_Extra.xlsm</t>
  </si>
  <si>
    <t>E:\BK_final\Vilarinho\Vilarinho - Trabalho\Segurança - Erica\2014\Orcamento\RESULTADO\ARQUIVOS PREPARATORIOS\Memoria Patrimonial_2PROJ\MG2\Vigilancia\Extra\092014_Vigilancia_MG2_Extra.xlsm</t>
  </si>
  <si>
    <t>E:\BK_final\Vilarinho\Vilarinho - Trabalho\Segurança - Erica\2014\Orcamento\RESULTADO\ARQUIVOS PREPARATORIOS\Memoria Patrimonial_2PROJ\MG2\Vigilancia\Extra\102014_Vigilancia_MG2_Extra.xlsm</t>
  </si>
  <si>
    <t>E:\BK_final\Vilarinho\Vilarinho - Trabalho\Segurança - Erica\2014\Orcamento\RESULTADO\ARQUIVOS PREPARATORIOS\Memoria Patrimonial_2PROJ\MG2\Vigilancia\Extra\112014_Vigilancia_MG2_Extra.xlsm</t>
  </si>
  <si>
    <t>11/21/2019 16:48:31</t>
  </si>
  <si>
    <t>E:\BK_final\Vilarinho\Vilarinho - Trabalho\Segurança - Erica\2014\Orcamento\RESULTADO\ARQUIVOS PREPARATORIOS\Memoria Patrimonial_2PROJ\MG2\Vigilancia\Extra\122014_Vigilancia_MG2_Extra.xlsm</t>
  </si>
  <si>
    <t>D:\2014\Orcamento\RESULTADO\ARQUIVOS PREPARATORIOS\Memoria Patrimonial_2PROJ\MG2\Vigilancia\Nova\</t>
  </si>
  <si>
    <t>E:\BK_final\Vilarinho\Vilarinho - Trabalho\Segurança - Erica\2014\Orcamento\RESULTADO\ARQUIVOS PREPARATORIOS\Memoria Patrimonial_2PROJ\MG2\Vigilancia\Nova\012014_Vigilancia_MG2_Nova.xlsm</t>
  </si>
  <si>
    <t>E:\BK_final\Vilarinho\Vilarinho - Trabalho\Segurança - Erica\2014\Orcamento\RESULTADO\ARQUIVOS PREPARATORIOS\Memoria Patrimonial_2PROJ\MG2\Vigilancia\Nova\022014_Vigilancia_MG2_Nova.xlsm</t>
  </si>
  <si>
    <t>E:\BK_final\Vilarinho\Vilarinho - Trabalho\Segurança - Erica\2014\Orcamento\RESULTADO\ARQUIVOS PREPARATORIOS\Memoria Patrimonial_2PROJ\MG2\Vigilancia\Nova\032014_Vigilancia_MG2_Nova.xlsm</t>
  </si>
  <si>
    <t>E:\BK_final\Vilarinho\Vilarinho - Trabalho\Segurança - Erica\2014\Orcamento\RESULTADO\ARQUIVOS PREPARATORIOS\Memoria Patrimonial_2PROJ\MG2\Vigilancia\Nova\042014_Vigilancia_MG2_Nova.xlsm</t>
  </si>
  <si>
    <t>E:\BK_final\Vilarinho\Vilarinho - Trabalho\Segurança - Erica\2014\Orcamento\RESULTADO\ARQUIVOS PREPARATORIOS\Memoria Patrimonial_2PROJ\MG2\Vigilancia\Nova\052014_Vigilancia_MG2_Nova.xlsm</t>
  </si>
  <si>
    <t>11/21/2019 16:48:32</t>
  </si>
  <si>
    <t>E:\BK_final\Vilarinho\Vilarinho - Trabalho\Segurança - Erica\2014\Orcamento\RESULTADO\ARQUIVOS PREPARATORIOS\Memoria Patrimonial_2PROJ\MG2\Vigilancia\Nova\062014_Vigilancia_MG2_Nova.xlsm</t>
  </si>
  <si>
    <t>E:\BK_final\Vilarinho\Vilarinho - Trabalho\Segurança - Erica\2014\Orcamento\RESULTADO\ARQUIVOS PREPARATORIOS\Memoria Patrimonial_2PROJ\MG2\Vigilancia\Nova\072014_Vigilancia_MG2_Nova.xlsm</t>
  </si>
  <si>
    <t>E:\BK_final\Vilarinho\Vilarinho - Trabalho\Segurança - Erica\2014\Orcamento\RESULTADO\ARQUIVOS PREPARATORIOS\Memoria Patrimonial_2PROJ\MG2\Vigilancia\Nova\082014_Vigilancia_MG2_Nova.xlsm</t>
  </si>
  <si>
    <t>E:\BK_final\Vilarinho\Vilarinho - Trabalho\Segurança - Erica\2014\Orcamento\RESULTADO\ARQUIVOS PREPARATORIOS\Memoria Patrimonial_2PROJ\MG2\Vigilancia\Nova\092014_Vigilancia_MG2_Nova.xlsm</t>
  </si>
  <si>
    <t>E:\BK_final\Vilarinho\Vilarinho - Trabalho\Segurança - Erica\2014\Orcamento\RESULTADO\ARQUIVOS PREPARATORIOS\Memoria Patrimonial_2PROJ\MG2\Vigilancia\Nova\102014_Vigilancia_MG2_Nova.xlsm</t>
  </si>
  <si>
    <t>E:\BK_final\Vilarinho\Vilarinho - Trabalho\Segurança - Erica\2014\Orcamento\RESULTADO\ARQUIVOS PREPARATORIOS\Memoria Patrimonial_2PROJ\MG2\Vigilancia\Nova\112014_Vigilancia_MG2_Nova.xlsm</t>
  </si>
  <si>
    <t>11/21/2019 16:48:33</t>
  </si>
  <si>
    <t>E:\BK_final\Vilarinho\Vilarinho - Trabalho\Segurança - Erica\2014\Orcamento\RESULTADO\ARQUIVOS PREPARATORIOS\Memoria Patrimonial_2PROJ\MG2\Vigilancia\Nova\122014_Vigilancia_MG2_Nova.xlsm</t>
  </si>
  <si>
    <t>11/21/2019 16:48:35</t>
  </si>
  <si>
    <t>D:\2014\Orcamento\RESULTADO\ARQUIVOS PREPARATORIOS\Memoria Patrimonial_2PROJ\MS\</t>
  </si>
  <si>
    <t>E:\BK_final\Vilarinho\Vilarinho - Trabalho\Segurança - Erica\2014\Orcamento\RESULTADO\ARQUIVOS PREPARATORIOS\Memoria Patrimonial_2PROJ\MS\2014_DRE_CONSOLIDADA_MS.xlsx</t>
  </si>
  <si>
    <t>D:\2014\Orcamento\RESULTADO\ARQUIVOS PREPARATORIOS\Memoria Patrimonial_2PROJ\MS\Portaria\</t>
  </si>
  <si>
    <t>E:\BK_final\Vilarinho\Vilarinho - Trabalho\Segurança - Erica\2014\Orcamento\RESULTADO\ARQUIVOS PREPARATORIOS\Memoria Patrimonial_2PROJ\MS\Portaria\2014 - Portaria MS - I.xlsx</t>
  </si>
  <si>
    <t>D:\2014\Orcamento\RESULTADO\ARQUIVOS PREPARATORIOS\Memoria Patrimonial_2PROJ\MS\Vigilancia\</t>
  </si>
  <si>
    <t>E:\BK_final\Vilarinho\Vilarinho - Trabalho\Segurança - Erica\2014\Orcamento\RESULTADO\ARQUIVOS PREPARATORIOS\Memoria Patrimonial_2PROJ\MS\Vigilancia\2014 - Vigilancia MS - I.xlsx</t>
  </si>
  <si>
    <t>D:\2014\Orcamento\RESULTADO\ARQUIVOS PREPARATORIOS\Memoria Patrimonial_2PROJ\MS\Vigilancia\Nova\</t>
  </si>
  <si>
    <t>E:\BK_final\Vilarinho\Vilarinho - Trabalho\Segurança - Erica\2014\Orcamento\RESULTADO\ARQUIVOS PREPARATORIOS\Memoria Patrimonial_2PROJ\MS\Vigilancia\Nova\012014_Vigilancia_MS_Nova.xlsm</t>
  </si>
  <si>
    <t>11/21/2019 16:48:36</t>
  </si>
  <si>
    <t>E:\BK_final\Vilarinho\Vilarinho - Trabalho\Segurança - Erica\2014\Orcamento\RESULTADO\ARQUIVOS PREPARATORIOS\Memoria Patrimonial_2PROJ\MS\Vigilancia\Nova\022014_Vigilancia_MS_Nova.xlsm</t>
  </si>
  <si>
    <t>11/21/2019 16:55:33</t>
  </si>
  <si>
    <t>11/21/2019 16:57:30</t>
  </si>
  <si>
    <t>reportDIEGO.csv</t>
  </si>
  <si>
    <t>11/21/2019 16:55:15</t>
  </si>
  <si>
    <t>11/21/2019 16:59:30</t>
  </si>
  <si>
    <t>10.200.32.42</t>
  </si>
  <si>
    <t>acacio@algartech.com;adalbertoms@algartech.com;adrianarsl@algartech.com;adriane.santiago@algartech.com;agnaldo.siqueira@algartech.com;agnaldo@espm.br;ailton.silva@algartech.com;alexandreaga@algartech.com;alexandreapi@algartech.com;alexandrej@algartech.com;aline.de.almeida@algartech.com;alinesf@algartech.com;anaccpc@algartech.com;anapsof@algartech.com;anderson.paula@algartech.com;andressa.cosentino@algartech.com;antonia.araujo@algartech.com;beatrizcsa@algartech.com;brauliopf@algartech.com;bruna.ferreira@algartech.com;brunacro@algartech.com;bsantos.algar@toyota.com.br;camila.o.lopes@algartech.com;camiladod@algartech.com;camilavs@algartech.com;claudioaj@algartech.com;cleonice.souza@algartech.com;csavino@algartech.com;daniel.nemer@algartech.com;danieldom@algartech.com;danielsfe@algartech.com;diegoals@algartech.com;diegovser@algartech.com;diogo.milanez@algartech.com;douglasxm@algartech.com;eliane.keneno@algartech.com;ewertonrm@algartech.com;fabianopdo@algartech.com;fabiorb@algartech.com;felipe.pacheco@algartech.co</t>
  </si>
  <si>
    <t>acacio@algartech.com,adalbertoms@algartech.com,adrianarsl@algartech.com,adriane.santiago@algartech.com,agnaldo.siqueira@algartech.com,agnaldo@espm.br,ailton.silva@algartech.com,alexandreaga@algartech.com,alexandreapi@algartech.com,alexandrej@algartech.com,aline.de.almeida@algartech.com,alinesf@algartech.com,anaccpc@algartech.com,anapsof@algartech.com,anderson.paula@algartech.com,andressa.cosentino@algartech.com,antonia.araujo@algartech.com,beatrizcsa@algartech.com,brauliopf@algartech.com,bruna.ferreira@algartech.com,brunacro@algartech.com,bsantos.algar@toyota.com.br,camila.o.lopes@algartech.com,camiladod@algartech.com,camilavs@algartech.com,claudioaj@algartech.com,cleonice.souza@algartech.com,csavino@algartech.com,daniel.nemer@algartech.com,danieldom@algartech.com,danielsfe@algartech.com,diegoals@algartech.com,diegovser@algartech.com,diogo.milanez@algartech.com,douglasxm@algartech.com,eliane.keneno@algartech.com,ewertonrm@algartech.com,fabianopdo@algartech.com,fabiorb@algartech.com,felipe.pacheco@algartech.co</t>
  </si>
  <si>
    <t>11/21/2019 17:01:17</t>
  </si>
  <si>
    <t>11/21/2019 17:02:30</t>
  </si>
  <si>
    <t>Evidencias PA BACEN E CONSUMIDOR.GOV.xlsx</t>
  </si>
  <si>
    <t>11/21/2019 17:04:25</t>
  </si>
  <si>
    <t>11/21/2019 17:05:30</t>
  </si>
  <si>
    <t>10.200.35.233</t>
  </si>
  <si>
    <t>/o=exchangelabs/ou=exchange administrative group (fydibohf23spdlt)/cn=recipients/cn=3daf2f0b162f40c696c00f9ecbb7d69a-ana laura t;/o=exchangelabs/ou=exchange administrative group (fydibohf23spdlt)/cn=recipients/cn=6da98ab9b2254d688a75ce822637acbf-ricardo de;/o=exchangelabs/ou=exchange administrative group (fydibohf23spdlt)/cn=recipients/cn=7010366a38334f4ea93ff55da14a3fd0-supervisore;/o=exchangelabs/ou=exchange administrative group (fydibohf23spdlt)/cn=recipients/cn=b1f7688b183f4d74a7993976c4ad8f5e-diogenes pa;</t>
  </si>
  <si>
    <t>ENC: Relatório Treinamento NR-17 - 35ª Parcial 2019 – Não tivemos evolução</t>
  </si>
  <si>
    <t>Farol NR-17 - 35ª Parcial 2019.xlsb</t>
  </si>
  <si>
    <t>/o=exchangelabs/ou=exchange administrative group (fydibohf23spdlt)/cn=recipients/cn=3daf2f0b162f40c696c00f9ecbb7d69a-ana laura t,/o=exchangelabs/ou=exchange administrative group (fydibohf23spdlt)/cn=recipients/cn=6da98ab9b2254d688a75ce822637acbf-ricardo de,/o=exchangelabs/ou=exchange administrative group (fydibohf23spdlt)/cn=recipients/cn=7010366a38334f4ea93ff55da14a3fd0-supervisore,/o=exchangelabs/ou=exchange administrative group (fydibohf23spdlt)/cn=recipients/cn=b1f7688b183f4d74a7993976c4ad8f5e-diogenes pa</t>
  </si>
  <si>
    <t>11/21/2019 17:06:49</t>
  </si>
  <si>
    <t>11/21/2019 17:08:30</t>
  </si>
  <si>
    <t>c:\users\ythiakgm\downloads\</t>
  </si>
  <si>
    <t>grupo algar - th - _relatório de cadastro geral.xlsx</t>
  </si>
  <si>
    <t>11/21/2019 17:08:04</t>
  </si>
  <si>
    <t>11/21/2019 17:13:29</t>
  </si>
  <si>
    <t>11/21/2019 17:11:10</t>
  </si>
  <si>
    <t>11/21/2019 17:14:29</t>
  </si>
  <si>
    <t>192.168.1.105</t>
  </si>
  <si>
    <t>ENC: Controle de penalidades setembro 2019 - justificativas</t>
  </si>
  <si>
    <t>Controle de Penalidades de Setembro 2019 - Análise TIM X ALGAR.xlsx</t>
  </si>
  <si>
    <t>11/21/2019 17:13:34</t>
  </si>
  <si>
    <t>11/21/2019 17:15:29</t>
  </si>
  <si>
    <t>11/21/2019 17:12:31</t>
  </si>
  <si>
    <t>11/21/2019 17:17:29</t>
  </si>
  <si>
    <t>ENC: Segue</t>
  </si>
  <si>
    <t>11/21/2019 17:15:13</t>
  </si>
  <si>
    <t>11/21/2019 17:20:30</t>
  </si>
  <si>
    <t>11/21/2019 17:18:19</t>
  </si>
  <si>
    <t>11/21/2019 17:22:30</t>
  </si>
  <si>
    <t>11/21/2019 17:19:38</t>
  </si>
  <si>
    <t>11/21/2019 17:19:58</t>
  </si>
  <si>
    <t>11/21/2019 17:23:29</t>
  </si>
  <si>
    <t>ENC: CREDITO TAYS</t>
  </si>
  <si>
    <t>11/21/2019 17:22:34</t>
  </si>
  <si>
    <t>11/21/2019 17:25:29</t>
  </si>
  <si>
    <t>C:\Users\vanessasara\Desktop\</t>
  </si>
  <si>
    <t>FORMULARIO_DE_CADASTRO_DE_FORNECEDOR.xlsx</t>
  </si>
  <si>
    <t>11/21/2019 17:21:49</t>
  </si>
  <si>
    <t>11/21/2019 17:27:29</t>
  </si>
  <si>
    <t>ENC: Consolidado 21/11</t>
  </si>
  <si>
    <t>11/21/2019 17:36:08</t>
  </si>
  <si>
    <t>11/21/2019 17:39:30</t>
  </si>
  <si>
    <t>11/21/2019 17:36:46</t>
  </si>
  <si>
    <t>11/21/2019 17:41:30</t>
  </si>
  <si>
    <t>Tays dos Santos.xlsx</t>
  </si>
  <si>
    <t>11/21/2019 17:38:39</t>
  </si>
  <si>
    <t>/o=exchangelabs/ou=exchange administrative group (fydibohf23spdlt)/cn=recipients/cn=0b12aab521944ecb8b32eb8c0929be5c-rafael gonz;/o=exchangelabs/ou=exchange administrative group (fydibohf23spdlt)/cn=recipients/cn=9b52022a6e624c30a92f50cf4538a4bf-talmaia rod;raphael.balmant@bv.com.br;</t>
  </si>
  <si>
    <t>ENC: Comparativo de notas outubro - Algar - Fechamento - Pós contestações</t>
  </si>
  <si>
    <t>Fechamento Outubro_Monitorias 4º Ciclo_Algar - Fechamento pós contestações - Outubro.xlsx</t>
  </si>
  <si>
    <t>/o=exchangelabs/ou=exchange administrative group (fydibohf23spdlt)/cn=recipients/cn=0b12aab521944ecb8b32eb8c0929be5c-rafael gonz,/o=exchangelabs/ou=exchange administrative group (fydibohf23spdlt)/cn=recipients/cn=9b52022a6e624c30a92f50cf4538a4bf-talmaia rod,raphael.balmant@bv.com.br</t>
  </si>
  <si>
    <t>11/21/2019 17:42:04</t>
  </si>
  <si>
    <t>11/21/2019 17:44:31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3bff4ffb267e4ea2a4a3347f6a4c5cf8-tatiane mag;/o=exchangelabs/ou=exchange administrative group (fydibohf23spdlt)/cn=recipients/cn=4097402e2d3e4073b597d33928140586-paulo sergi;/o=exchangelabs/ou=exchange administrative group (fydibohf23spdlt)/cn=recipients/cn=42aadbe8775e4c2cb37c145f9d092a4e-carlos west;/o=exchangelabs/ou=exchange administrative group (fydibohf23spdlt)/cn=recipients/cn=435be7f7fc8c4dcfb9b8cfee6270553e-vinicius jo;/o=exchangelabs/ou=exchange administrative group (fydibohf23spdlt)/cn=recipients/cn=5eb8447f1992416c986b6f95f45fc7f7-jose paixao;/o=exchangelabs/ou=exchange administrative group (fydibohf23spdlt)/cn=recipients/cn=5f81fe805d734dda80651a0797d779be-paul</t>
  </si>
  <si>
    <t>ENC: Penalidades - Outubro/2019</t>
  </si>
  <si>
    <t>Controle de Penalidades de Outubro de 2019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3bff4ffb267e4ea2a4a3347f6a4c5cf8-tatiane mag,/o=exchangelabs/ou=exchange administrative group (fydibohf23spdlt)/cn=recipients/cn=4097402e2d3e4073b597d33928140586-paulo sergi,/o=exchangelabs/ou=exchange administrative group (fydibohf23spdlt)/cn=recipients/cn=42aadbe8775e4c2cb37c145f9d092a4e-carlos west,/o=exchangelabs/ou=exchange administrative group (fydibohf23spdlt)/cn=recipients/cn=435be7f7fc8c4dcfb9b8cfee6270553e-vinicius jo,/o=exchangelabs/ou=exchange administrative group (fydibohf23spdlt)/cn=recipients/cn=5eb8447f1992416c986b6f95f45fc7f7-jose paixao,/o=exchangelabs/ou=exchange administrative group (fydibohf23spdlt)/cn=recipients/cn=5f81fe805d734dda80651a0797d779be-paul</t>
  </si>
  <si>
    <t>11/21/2019 17:41:26</t>
  </si>
  <si>
    <t>11/21/2019 17:45:30</t>
  </si>
  <si>
    <t>11/21/2019 17:41:36</t>
  </si>
  <si>
    <t>11/21/2019 17:46:31</t>
  </si>
  <si>
    <t>11/21/2019 17:42:03</t>
  </si>
  <si>
    <t>/o=exchangelabs/ou=exchange administrative group (fydibohf23spdlt)/cn=recipients/cn=d6cce5a70d504cc2ad89cee834cd59a9-luciana rib;gvieira@toyota.com.br;rutiyama@toyota.com.br;</t>
  </si>
  <si>
    <t>/o=exchangelabs/ou=exchange administrative group (fydibohf23spdlt)/cn=recipients/cn=d6cce5a70d504cc2ad89cee834cd59a9-luciana rib,gvieira@toyota.com.br,rutiyama@toyota.com.br</t>
  </si>
  <si>
    <t>11/21/2019 17:48:43</t>
  </si>
  <si>
    <t>11/21/2019 17:49:30</t>
  </si>
  <si>
    <t>RATEIO EBIT</t>
  </si>
  <si>
    <t>12_EBIT Cinthia CR 341200071 341200039 341500036.xlsm</t>
  </si>
  <si>
    <t>11/21/2019 17:45:45</t>
  </si>
  <si>
    <t>11/21/2019 17:50:30</t>
  </si>
  <si>
    <t>/o=exchangelabs/ou=exchange administrative group (fydibohf23spdlt)/cn=recipients/cn=2b69c7de1a3641269a7eed0596e1ddc2-wayner oliv;/o=exchangelabs/ou=exchange administrative group (fydibohf23spdlt)/cn=recipients/cn=76d765d676864fe79b29c865fa21a2c7-leticia rez;</t>
  </si>
  <si>
    <t>RES: Rateio EBIT - Orçamento 2020</t>
  </si>
  <si>
    <t>VOLUMETRIA_HELIEL_v3.xlsx</t>
  </si>
  <si>
    <t>/o=exchangelabs/ou=exchange administrative group (fydibohf23spdlt)/cn=recipients/cn=2b69c7de1a3641269a7eed0596e1ddc2-wayner oliv,/o=exchangelabs/ou=exchange administrative group (fydibohf23spdlt)/cn=recipients/cn=76d765d676864fe79b29c865fa21a2c7-leticia rez</t>
  </si>
  <si>
    <t>11/21/2019 17:49:28</t>
  </si>
  <si>
    <t>ENC: RATEIO EBIT</t>
  </si>
  <si>
    <t>11/21/2019 17:45:36</t>
  </si>
  <si>
    <t>11/21/2019 17:45:46</t>
  </si>
  <si>
    <t>11/21/2019 17:51:30</t>
  </si>
  <si>
    <t>ENC: Relatório - Reclame Aqui/Consumidor.Gov</t>
  </si>
  <si>
    <t>Relatório Mensal Toyota - Outubro.pptx\</t>
  </si>
  <si>
    <t>11/21/2019 17:47:00</t>
  </si>
  <si>
    <t>/o=exchangelabs/ou=exchange administrative group (fydibohf23spdlt)/cn=recipients/cn=bf5c8ee8081a4a4cbf005372e2697869-tassiane ci;/o=exchangelabs/ou=exchange administrative group (fydibohf23spdlt)/cn=recipients/cn=group19021abd;</t>
  </si>
  <si>
    <t>/o=exchangelabs/ou=exchange administrative group (fydibohf23spdlt)/cn=recipients/cn=bf5c8ee8081a4a4cbf005372e2697869-tassiane ci,/o=exchangelabs/ou=exchange administrative group (fydibohf23spdlt)/cn=recipients/cn=group19021abd</t>
  </si>
  <si>
    <t>11/21/2019 17:48:28</t>
  </si>
  <si>
    <t>11/21/2019 17:52:30</t>
  </si>
  <si>
    <t>alexmarques.silva@avon.com;anderson.negrisoli@avon.com;rosana.scalabrin@avon.com;</t>
  </si>
  <si>
    <t>Produtividade BKO</t>
  </si>
  <si>
    <t>alexmarques.silva@avon.com,anderson.negrisoli@avon.com,rosana.scalabrin@avon.com</t>
  </si>
  <si>
    <t>11/21/2019 17:50:06</t>
  </si>
  <si>
    <t>11/21/2019 17:55:30</t>
  </si>
  <si>
    <t>11/21/2019 17:55:39</t>
  </si>
  <si>
    <t>11/21/2019 18:02:30</t>
  </si>
  <si>
    <t>Goodyear Licitação: Classificação de Ativos</t>
  </si>
  <si>
    <t>Classificaca de Ativos_Goodyear Licitacao_v1.xlsx</t>
  </si>
  <si>
    <t>11/21/2019 17:58:27</t>
  </si>
  <si>
    <t>11/21/2019 17:58:37</t>
  </si>
  <si>
    <t>Controle_Troca.xlsx</t>
  </si>
  <si>
    <t>11/21/2019 17:58:49</t>
  </si>
  <si>
    <t>Dados_833710.xlsx</t>
  </si>
  <si>
    <t>11/21/2019 18:01:04</t>
  </si>
  <si>
    <t>11/21/2019 18:03:30</t>
  </si>
  <si>
    <t>C:\Users\lucasfbr\OneDrive - Grupo Algar\Documentos\Meus Arquivos Recebidos\</t>
  </si>
  <si>
    <t>RelatorioCadastroGeralAlgar_20Nov19.xlsb</t>
  </si>
  <si>
    <t>11/21/2019 18:01:43</t>
  </si>
  <si>
    <t>11/21/2019 18:05:29</t>
  </si>
  <si>
    <t>/o=exchangelabs/ou=exchange administrative group (fydibohf23spdlt)/cn=recipients/cn=3413db88139646dd84da089392cb5e0d-elida franc;/o=exchangelabs/ou=exchange administrative group (fydibohf23spdlt)/cn=recipients/cn=363af2e6e56746febce0b409a64e9677-anne caroli;/o=exchangelabs/ou=exchange administrative group (fydibohf23spdlt)/cn=recipients/cn=5337d7b73bdf49cdb93dda704a6dde96-maira da ro;/o=exchangelabs/ou=exchange administrative group (fydibohf23spdlt)/cn=recipients/cn=668a768851804aa4b0e4858ed2624f18-maria daian;/o=exchangelabs/ou=exchange administrative group (fydibohf23spdlt)/cn=recipients/cn=7a833dffdb3c4e9baa653653380e47b7-user;thallitaarg@algartech.com;</t>
  </si>
  <si>
    <t>Distribuição - 3ª Dezena</t>
  </si>
  <si>
    <t>Distribuição - 3ª Dezena.xls</t>
  </si>
  <si>
    <t>/o=exchangelabs/ou=exchange administrative group (fydibohf23spdlt)/cn=recipients/cn=3413db88139646dd84da089392cb5e0d-elida franc,/o=exchangelabs/ou=exchange administrative group (fydibohf23spdlt)/cn=recipients/cn=363af2e6e56746febce0b409a64e9677-anne caroli,/o=exchangelabs/ou=exchange administrative group (fydibohf23spdlt)/cn=recipients/cn=5337d7b73bdf49cdb93dda704a6dde96-maira da ro,/o=exchangelabs/ou=exchange administrative group (fydibohf23spdlt)/cn=recipients/cn=668a768851804aa4b0e4858ed2624f18-maria daian,/o=exchangelabs/ou=exchange administrative group (fydibohf23spdlt)/cn=recipients/cn=7a833dffdb3c4e9baa653653380e47b7-user,thallitaarg@algartech.com</t>
  </si>
  <si>
    <t>11/21/2019 18:05:19</t>
  </si>
  <si>
    <t>10.200.99.103</t>
  </si>
  <si>
    <t>C:\Users\victorvgar\Desktop\AVON\Planejamento de TRN\</t>
  </si>
  <si>
    <t>11/21/2019 18:06:14</t>
  </si>
  <si>
    <t>11/21/2019 18:07:30</t>
  </si>
  <si>
    <t>Evidência Caixa Capitalização - Nov.19</t>
  </si>
  <si>
    <t>Evidência Caixa Capitalização - Nov.19.xlsx</t>
  </si>
  <si>
    <t>11/21/2019 18:12:15</t>
  </si>
  <si>
    <t>11/21/2019 18:13:29</t>
  </si>
  <si>
    <t>11/21/2019 18:12:50</t>
  </si>
  <si>
    <t>C:\Users\fellypcsj\OneDrive - Grupo Algar\Engeset\ADMINISTRATIVO FINANCEIRO\GEO GOVERNANÇA\LOGISTÍCA\ESTOQUE TERCEIRO\APRESENTAÇÃO\Mensal\Padrão Relatórios\Lista Mestra\</t>
  </si>
  <si>
    <t>Lista mestra.xlsx</t>
  </si>
  <si>
    <t>11/21/2019 18:09:44</t>
  </si>
  <si>
    <t>11/21/2019 18:14:30</t>
  </si>
  <si>
    <t>Proporcionalidade da depreciação dez/19</t>
  </si>
  <si>
    <t>CH28-20_20191121_175401.xls</t>
  </si>
  <si>
    <t>11/21/2019 18:11:39</t>
  </si>
  <si>
    <t>11/21/2019 18:15:29</t>
  </si>
  <si>
    <t>Análise Evasão e TD Caixa.xlsx</t>
  </si>
  <si>
    <t>11/21/2019 18:13:23</t>
  </si>
  <si>
    <t>11/21/2019 18:18:29</t>
  </si>
  <si>
    <t>Lista mestra BI.xlsx</t>
  </si>
  <si>
    <t>11/21/2019 18:17:31</t>
  </si>
  <si>
    <t>11/21/2019 18:20:29</t>
  </si>
  <si>
    <t>Ficha do Risco - Segurança da Informação - 21112019.xlsx</t>
  </si>
  <si>
    <t>11/21/2019 18:22:30</t>
  </si>
  <si>
    <t>11/21/2019 18:27:30</t>
  </si>
  <si>
    <t>11/21/2019 18:22:37</t>
  </si>
  <si>
    <t>BP 206431 - Goodyear v4.2.xlsb</t>
  </si>
  <si>
    <t>C:\Users\elainemdlp\OD\_Projetos\Em andamento\Goodyear Licitacao\01 - Iniciacao\BP 206431 - Goodyear v4.2.xlsb\</t>
  </si>
  <si>
    <t>11/21/2019 18:45:45</t>
  </si>
  <si>
    <t>11/21/2019 18:50:30</t>
  </si>
  <si>
    <t>/o=exchangelabs/ou=exchange administrative group (fydibohf23spdlt)/cn=recipients/cn=109f6d628834480fabc1188cbdef64fa-antonia apa;/o=exchangelabs/ou=exchange administrative group (fydibohf23spdlt)/cn=recipients/cn=91f3ef961d644e629e519da4c82beec3-vinicius go;/o=exchangelabs/ou=exchange administrative group (fydibohf23spdlt)/cn=recipients/cn=a2244b2f9e6a4f3689f1c93d321bdc33-debora apar;</t>
  </si>
  <si>
    <t>Base de conhecimento Electrolux</t>
  </si>
  <si>
    <t>BaseConhecimento_Electrolux.xlsx</t>
  </si>
  <si>
    <t>/o=exchangelabs/ou=exchange administrative group (fydibohf23spdlt)/cn=recipients/cn=109f6d628834480fabc1188cbdef64fa-antonia apa,/o=exchangelabs/ou=exchange administrative group (fydibohf23spdlt)/cn=recipients/cn=91f3ef961d644e629e519da4c82beec3-vinicius go,/o=exchangelabs/ou=exchange administrative group (fydibohf23spdlt)/cn=recipients/cn=a2244b2f9e6a4f3689f1c93d321bdc33-debora apar</t>
  </si>
  <si>
    <t>11/21/2019 19:05:06</t>
  </si>
  <si>
    <t>11/21/2019 19:10:29</t>
  </si>
  <si>
    <t>11/21/2019 19:11:12</t>
  </si>
  <si>
    <t>11/21/2019 19:16:30</t>
  </si>
  <si>
    <t>10.200.99.161</t>
  </si>
  <si>
    <t>Relatório Chamadas Longas</t>
  </si>
  <si>
    <t>Chamadas Longas - NOV.19.xlsx</t>
  </si>
  <si>
    <t>11/21/2019 20:29:44</t>
  </si>
  <si>
    <t>11/21/2019 20:34:30</t>
  </si>
  <si>
    <t>Formulário TTV - Lançamento de Hora Extra (5) (1).xlsx</t>
  </si>
  <si>
    <t>11/21/2019 20:29:46</t>
  </si>
  <si>
    <t>11/21/2019 20:44:39</t>
  </si>
  <si>
    <t>11/21/2019 20:48:30</t>
  </si>
  <si>
    <t>11/21/2019 17:33:54</t>
  </si>
  <si>
    <t>11/21/2019 21:42:29</t>
  </si>
  <si>
    <t>C:\Users\robertacmf\Desktop\Auditoria Notas\</t>
  </si>
  <si>
    <t>10316.xlsx</t>
  </si>
  <si>
    <t>11/21/2019 17:33:55</t>
  </si>
  <si>
    <t>10436.xlsx</t>
  </si>
  <si>
    <t>28412 28523 28525 28654 28761 28868 28973 29075 29199 29097valor fixo.xlsx</t>
  </si>
  <si>
    <t>11/21/2019 17:33:56</t>
  </si>
  <si>
    <t>28412.xlsx</t>
  </si>
  <si>
    <t>28423.xlsx</t>
  </si>
  <si>
    <t>11/21/2019 17:34:02</t>
  </si>
  <si>
    <t>28534.xlsx</t>
  </si>
  <si>
    <t>11/21/2019 22:00:59</t>
  </si>
  <si>
    <t>11/21/2019 22:06:30</t>
  </si>
  <si>
    <t>RES: Criação de acesso - Omni e HSV</t>
  </si>
  <si>
    <t>d04a62b4cd69e60d87fffb1cacc7f08d.xlsx</t>
  </si>
  <si>
    <t>11/21/2019 22:35:39</t>
  </si>
  <si>
    <t>11/21/2019 22:36:31</t>
  </si>
  <si>
    <t>11/21/2019 23:06:15</t>
  </si>
  <si>
    <t>11/21/2019 23:07:30</t>
  </si>
  <si>
    <t>adrianoms@algartech.com;alinemds@algartech.com;anapscl@algartech.com;fabianapm@algartech.com;fabio.ribeiro@algarnet.onmicrosoft.com;fabiolacc@algartecnologia.com.br;fredericobs@algartecnologia.com.br;katiargf@algartech.com;kelencgt@algartech.com;khassiomp@algartech.com;leandrolds@algartech.com;luanaaoli@algartech.com;lucieneili@algartech.com;polati@algartech.com;rafaelaas@algartech.com;rodrigormc@algartech.com;sabrinagc@algartech.com;tatianedc@algartech.com;</t>
  </si>
  <si>
    <t>Provisão Novembro.xlsm</t>
  </si>
  <si>
    <t>adrianoms@algartech.com,alinemds@algartech.com,anapscl@algartech.com,fabianapm@algartech.com,fabio.ribeiro@algarnet.onmicrosoft.com,fabiolacc@algartecnologia.com.br,fredericobs@algartecnologia.com.br,katiargf@algartech.com,kelencgt@algartech.com,khassiomp@algartech.com,leandrolds@algartech.com,luanaaoli@algartech.com,lucieneili@algartech.com,polati@algartech.com,rafaelaas@algartech.com,rodrigormc@algartech.com,sabrinagc@algartech.com,tatianedc@algartech.com</t>
  </si>
  <si>
    <t>11/21/2019 23:09:38</t>
  </si>
  <si>
    <t>11/21/2019 23:12:30</t>
  </si>
  <si>
    <t>adrianoms@algartech.com;alinemds@algartech.com;anapscl@algartech.com;antoniojr@algartech.com;fabianapm@algartech.com;fabio.ribeiro@algarnet.onmicrosoft.com;fabiolacc@algartecnologia.com.br;fredericobs@algartecnologia.com.br;katiargf@algartech.com;kelencgt@algartech.com;khassiomp@algartech.com;leandrolds@algartech.com;luanaaoli@algartech.com;lucieneili@algartech.com;polati@algartech.com;rafaelaas@algartech.com;rodrigormc@algartech.com;sabrinagc@algartech.com;tatianedc@algartech.com;</t>
  </si>
  <si>
    <t>adrianoms@algartech.com,alinemds@algartech.com,anapscl@algartech.com,antoniojr@algartech.com,fabianapm@algartech.com,fabio.ribeiro@algarnet.onmicrosoft.com,fabiolacc@algartecnologia.com.br,fredericobs@algartecnologia.com.br,katiargf@algartech.com,kelencgt@algartech.com,khassiomp@algartech.com,leandrolds@algartech.com,luanaaoli@algartech.com,lucieneili@algartech.com,polati@algartech.com,rafaelaas@algartech.com,rodrigormc@algartech.com,sabrinagc@algartech.com,tatianedc@algartech.com</t>
  </si>
  <si>
    <t>11/21/2019 23:10:35</t>
  </si>
  <si>
    <t>11/21/2019 23:19:15</t>
  </si>
  <si>
    <t>11/21/2019 23:23:31</t>
  </si>
  <si>
    <t>Relação Migração_Full_v6.xlsx</t>
  </si>
  <si>
    <t>11/22/2019 00:57:39</t>
  </si>
  <si>
    <t>11/22/2019 00:58:31</t>
  </si>
  <si>
    <t>mail.google.com/_/upload?authuser=0&amp;dcp=asu-n&amp;upload_id=AEnB2Up_wAYuKuEK8h--5UKu65vr_MQzXGsDcpHc20W2VwaVM1Ig6RLvP7a9UgAjuK-rgY-0RRLQWN0RR7JnMUysowKi9hstGw&amp;upload_protocol=resumable</t>
  </si>
  <si>
    <t>1 - [TEMPLATE - MIGRAÇÃO] Relação de Usuários_GLOBAL GO LIVE.xlsx</t>
  </si>
  <si>
    <t>11/22/2019 01:03:08</t>
  </si>
  <si>
    <t>11/22/2019 01:08:31</t>
  </si>
  <si>
    <t>(TECH) Lista dos usuários no Painel Google .xlsx</t>
  </si>
  <si>
    <t>11/22/2019 01:04:25</t>
  </si>
  <si>
    <t>mail.google.com/_/upload?authuser=0&amp;dcp=asu-n&amp;upload_id=AEnB2UofM849p1Yg3rVLtS-Vpg-6P5vnWTS1GsL8dGl2Ol5TdYd1GYaEZcSWPW-DuyGc_0Dt30RdShXDHeoto4GvLvv0UAXH0g&amp;upload_protocol=resumable</t>
  </si>
  <si>
    <t>C:\Users\lucasfbr\Grupo Algar\Gerenciamento da Configuração - Documentos\Licenciamento\PROJETO GOOGLE G SUITE\IMPLANTAÇÃO\GSUITE\Coleta de Informações\Expurgo Bradesco\</t>
  </si>
  <si>
    <t>Dep_Bradesco_Fred_retorno.xlsx</t>
  </si>
  <si>
    <t>11/22/2019 06:23:30</t>
  </si>
  <si>
    <t>11/22/2019 06:25:34</t>
  </si>
  <si>
    <t>0ANALYSIS_PATTERN - 2019-11-22T062304.702.csv</t>
  </si>
  <si>
    <t>11/22/2019 06:31:07</t>
  </si>
  <si>
    <t>11/22/2019 06:35:34</t>
  </si>
  <si>
    <t>0ANALYSIS_PATTERN - 2019-11-22T063022.214.csv</t>
  </si>
  <si>
    <t>11/21/2019 18:57:39</t>
  </si>
  <si>
    <t>11/22/2019 07:29:36</t>
  </si>
  <si>
    <t>mail.google.com/_/upload?authuser=1&amp;dcp=asu-n&amp;upload_id=AEnB2Uqf04MBcocRCLyaj-6OUySOd6b4NptMRP1f_urhqKa0FK30hKX16dFuETnQn_yjz_W2w1lblf3jrENWrawTXFoqXQIl2bRmsT6aqX1t26Em1N6DOss&amp;upload_protocol=resumable</t>
  </si>
  <si>
    <t>11/22/2019 07:50:34</t>
  </si>
  <si>
    <t>11/22/2019 07:55:36</t>
  </si>
  <si>
    <t>C:\Users\rodrigombu\OneDrive - Grupo Algar\Whirlpool\2019\11 - Novembro\Arquivo\PA DIGITAL\Ressinulação - Aderência\</t>
  </si>
  <si>
    <t>11/22/2019 07:56:15</t>
  </si>
  <si>
    <t>11/22/2019 08:00:36</t>
  </si>
  <si>
    <t>01- DIMENS_PA DIG_NOV - RFP_NS - Ressimulação.xlsm</t>
  </si>
  <si>
    <t>11/21/2019 21:31:01</t>
  </si>
  <si>
    <t>11/22/2019 08:01:36</t>
  </si>
  <si>
    <t>10.200.206.5</t>
  </si>
  <si>
    <t>ENC: [TRANSFORMAÇÃO GEXP] Discussões Finais</t>
  </si>
  <si>
    <t>20190405_Assessment BKO_CCM_Regulatorio_Check-list de Pre-Vendas.xlsx</t>
  </si>
  <si>
    <t>11/21/2019 21:18:08</t>
  </si>
  <si>
    <t>11/22/2019 08:08:36</t>
  </si>
  <si>
    <t>vocabulario atualizado- 21-11-19.xlsx</t>
  </si>
  <si>
    <t>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ure,quotabytesused,shareable,shared,sharedwith,sharedwithmedate,subscribed,thumbnailversion,title,userpermission(role)</t>
  </si>
  <si>
    <t>11/21/2019 09:06:18</t>
  </si>
  <si>
    <t>11/22/2019 08:15:36</t>
  </si>
  <si>
    <t>RES: RESCISÕES PENDENTES</t>
  </si>
  <si>
    <t>11/21/2019 10:02:30</t>
  </si>
  <si>
    <t>RES: ASSOCIADA ATIVA TAYNA NUNES DA SILVA - 29:102759</t>
  </si>
  <si>
    <t>11/22/2019 08:02:19</t>
  </si>
  <si>
    <t>11/22/2019 08:18:36</t>
  </si>
  <si>
    <t>mail.google.com/_/upload?authuser=0&amp;dcp=asu-n&amp;upload_id=AEnB2UrieFoNZvEYy0Z5CHJFJLZPX0hqnXJcPUoibqw6WLCybEG7c2fH4pU_57qXjVSKV05QPOCoKZEmxdpRRo1JkinmkV8OHQ&amp;upload_protocol=resumable</t>
  </si>
  <si>
    <t>C:\Users\raphaelapm\Documents\Meus Arquivos Recebidos\</t>
  </si>
  <si>
    <t>Email Rapido.xlsx</t>
  </si>
  <si>
    <t>11/22/2019 08:18:05</t>
  </si>
  <si>
    <t>Matriz de Risco - ID24 - Cópia.xls</t>
  </si>
  <si>
    <t>11/21/2019 21:14:14</t>
  </si>
  <si>
    <t>11/22/2019 08:21:36</t>
  </si>
  <si>
    <t>C:\Segatto\Algar2019\Prudential\</t>
  </si>
  <si>
    <t>InventarioBasesPrudential.xlsx</t>
  </si>
  <si>
    <t>11/21/2019 21:14:16</t>
  </si>
  <si>
    <t>mail.google.com/_/upload?authuser=1&amp;dcp=asu-n&amp;upload_id=AEnB2UqpTm__6Z30M9DiRImh-wJ1-Zn-a2QttVbRfsXu6mWnjFfLO5ekc5lEt-_1-lwBoFjbuBEWfxrHNXbwed6JeO9sZJnqVgzicInAlVuhC--H0SGF824&amp;upload_protocol=resumable</t>
  </si>
  <si>
    <t>11/21/2019 16:54:23</t>
  </si>
  <si>
    <t>11/22/2019 08:24:36</t>
  </si>
  <si>
    <t>alessandrar@algartech.com;antoniocoj@algartech.com;cpccontroldeskctbc@algartech.com;cqe-qualidadeudi@algartech.com;cqe-regionalcps@algartech.com;cqe-uberaba@algartech.com;danilormo@algartech.com;dgrc.coordenadores.cps.cwb@algartech.com;dgrc.coordenadores.udi.iua@algartech.com;dgrc.gerentes@algartech.com;dgrc.supervisores.cps@algartech.com;dgrc.supervisores.cwb@algartech.com;dgrc.supervisores.udi.iua@algartech.com;gabrielaf@algartech.com;hugooc@algartech.com;juliocedo@algartech.com;karolynecj@algartech.com;mateusms@algartech.com;octavio.vasconcellos@algartech.com;olivar@algar.com.br;sesmt-regionalcps@algartech.com;sesmt-regionaludi@algartech.com;wasleylc@algartech.com;</t>
  </si>
  <si>
    <t>alessandrar@algartech.com,antoniocoj@algartech.com,cpccontroldeskctbc@algartech.com,cqe-qualidadeudi@algartech.com,cqe-regionalcps@algartech.com,cqe-uberaba@algartech.com,danilormo@algartech.com,dgrc.coordenadores.cps.cwb@algartech.com,dgrc.coordenadores.udi.iua@algartech.com,dgrc.gerentes@algartech.com,dgrc.supervisores.cps@algartech.com,dgrc.supervisores.cwb@algartech.com,dgrc.supervisores.udi.iua@algartech.com,gabrielaf@algartech.com,hugooc@algartech.com,juliocedo@algartech.com,karolynecj@algartech.com,mateusms@algartech.com,octavio.vasconcellos@algartech.com,olivar@algar.com.br,sesmt-regionalcps@algartech.com,sesmt-regionaludi@algartech.com,wasleylc@algartech.com</t>
  </si>
  <si>
    <t>11/22/2019 08:25:28</t>
  </si>
  <si>
    <t>11/22/2019 08:27:36</t>
  </si>
  <si>
    <t>jessica_l_assuncao@whirlpool.com;</t>
  </si>
  <si>
    <t>ENC: Árvore Procon</t>
  </si>
  <si>
    <t>jessica_l_assuncao@whirlpool.com</t>
  </si>
  <si>
    <t>11/22/2019 08:26:16</t>
  </si>
  <si>
    <t>11/22/2019 08:28:35</t>
  </si>
  <si>
    <t>Matriz de Risco - ID24_JUR.xls</t>
  </si>
  <si>
    <t>11/22/2019 08:26:54</t>
  </si>
  <si>
    <t>/o=exchangelabs/ou=exchange administrative group (fydibohf23spdlt)/cn=recipients/cn=userb4ca559d;</t>
  </si>
  <si>
    <t>ENC: RES: Escopo de contrato por OC assinada - Projeto Simplificação</t>
  </si>
  <si>
    <t>/o=exchangelabs/ou=exchange administrative group (fydibohf23spdlt)/cn=recipients/cn=userb4ca559d</t>
  </si>
  <si>
    <t>11/22/2019 08:28:43</t>
  </si>
  <si>
    <t>11/22/2019 08:33:35</t>
  </si>
  <si>
    <t>11/22/2019 08:34:23</t>
  </si>
  <si>
    <t>11/22/2019 08:35:35</t>
  </si>
  <si>
    <t>11/21/2019 18:19:43</t>
  </si>
  <si>
    <t>11/22/2019 08:39:35</t>
  </si>
  <si>
    <t>11/22/2019 08:41:57</t>
  </si>
  <si>
    <t>11/22/2019 08:42:35</t>
  </si>
  <si>
    <t>ENC: Chamado: 3434702;</t>
  </si>
  <si>
    <t>CDI_MANUAL1.xlsx</t>
  </si>
  <si>
    <t>11/21/2019 20:05:14</t>
  </si>
  <si>
    <t>11/22/2019 08:45:36</t>
  </si>
  <si>
    <t>C:\Users\suelenmm\OneDrive - Grupo Algar\desktop\Contratos para assinatura TIM\Aceitacao de sites\2 - ANEXO I - ESPEC TECNICA\</t>
  </si>
  <si>
    <t>ANEXO 2 - ACEITAÇÃO FÍSICA EPQTO ACESSO HUAWEI - REV 291116.xlsx</t>
  </si>
  <si>
    <t>D:\21_11_2019 - PC ALGAR TECH\desktop\Contratos para assinatura TIM\Aceitacao de sites\2 - ANEXO I - ESPEC TECNICA\ANEXO 2 - ACEITAÇÃO FÍSICA EPQTO ACESSO HUAWEI - REV 291116.xlsx</t>
  </si>
  <si>
    <t>11/21/2019 20:05:15</t>
  </si>
  <si>
    <t>ANEXO 3 - ACEITAÇÃO FÍSICA EPQTO ACESSO NOKIA - REV 291116.xlsx</t>
  </si>
  <si>
    <t>D:\21_11_2019 - PC ALGAR TECH\desktop\Contratos para assinatura TIM\Aceitacao de sites\2 - ANEXO I - ESPEC TECNICA\ANEXO 3 - ACEITAÇÃO FÍSICA EPQTO ACESSO NOKIA - REV 291116.xlsx</t>
  </si>
  <si>
    <t>ANEXO 4 - ACEITAÇÃO FÍSICA EQPTO RÁDIO MW - REV 291116.xlsx</t>
  </si>
  <si>
    <t>D:\21_11_2019 - PC ALGAR TECH\desktop\Contratos para assinatura TIM\Aceitacao de sites\2 - ANEXO I - ESPEC TECNICA\ANEXO 4 - ACEITAÇÃO FÍSICA EQPTO RÁDIO MW - REV 291116.xlsx</t>
  </si>
  <si>
    <t>11/21/2019 20:05:16</t>
  </si>
  <si>
    <t>ANEXO 5 - ACEITAÇÃO FÍSICA EPQTOS ÓPTICOS - REV 291116.xlsx</t>
  </si>
  <si>
    <t>D:\21_11_2019 - PC ALGAR TECH\desktop\Contratos para assinatura TIM\Aceitacao de sites\2 - ANEXO I - ESPEC TECNICA\ANEXO 5 - ACEITAÇÃO FÍSICA EPQTOS ÓPTICOS - REV 291116.xlsx</t>
  </si>
  <si>
    <t>ANEXO 6 - ACEITAÇÃO FÍSICA EQPTO DWDM - REV 291116.xlsx</t>
  </si>
  <si>
    <t>D:\21_11_2019 - PC ALGAR TECH\desktop\Contratos para assinatura TIM\Aceitacao de sites\2 - ANEXO I - ESPEC TECNICA\ANEXO 6 - ACEITAÇÃO FÍSICA EQPTO DWDM - REV 291116.xlsx</t>
  </si>
  <si>
    <t>ANEXO 7 - ACEITAÇÃO FÍSICA EQPTO MSAN-BN - REV 291116.xlsx</t>
  </si>
  <si>
    <t>D:\21_11_2019 - PC ALGAR TECH\desktop\Contratos para assinatura TIM\Aceitacao de sites\2 - ANEXO I - ESPEC TECNICA\ANEXO 7 - ACEITAÇÃO FÍSICA EQPTO MSAN-BN - REV 291116.xlsx</t>
  </si>
  <si>
    <t>ANEXO 8 - ACEITAÇÃO FÍSICA EQPTO AP WI-FI - REV 291116.xlsx</t>
  </si>
  <si>
    <t>D:\21_11_2019 - PC ALGAR TECH\desktop\Contratos para assinatura TIM\Aceitacao de sites\2 - ANEXO I - ESPEC TECNICA\ANEXO 8 - ACEITAÇÃO FÍSICA EQPTO AP WI-FI - REV 291116.xlsx</t>
  </si>
  <si>
    <t>ANEXO 9 - ACEITAÇÃO FÍSICA EQPTO SATÉLITE - REV 291116.xlsx</t>
  </si>
  <si>
    <t>D:\21_11_2019 - PC ALGAR TECH\desktop\Contratos para assinatura TIM\Aceitacao de sites\2 - ANEXO I - ESPEC TECNICA\ANEXO 9 - ACEITAÇÃO FÍSICA EQPTO SATÉLITE - REV 291116.xlsx</t>
  </si>
  <si>
    <t>11/21/2019 20:05:17</t>
  </si>
  <si>
    <t>C:\Users\suelenmm\OneDrive - Grupo Algar\desktop\Contratos para assinatura TIM\Aceitacao de sites\2 - ANEXO I - ESPEC TECNICA\ET_NW_OPM_16_015 - Serviços de aceitação física de novos NEs e Infra - REV8 120117 (2).doc\</t>
  </si>
  <si>
    <t>D:\21_11_2019 - PC ALGAR TECH\desktop\Contratos para assinatura TIM\Aceitacao de sites\2 - ANEXO I - ESPEC TECNICA\ET_NW_OPM_16_015 - Serviços de aceitação física de novos NEs e Infra - REV8 120117 (2).doc</t>
  </si>
  <si>
    <t>VOLUMETRIA ESTIMADA ACEITACAO.xlsx</t>
  </si>
  <si>
    <t>D:\21_11_2019 - PC ALGAR TECH\desktop\Contratos para assinatura TIM\Aceitacao de sites\2 - ANEXO I - ESPEC TECNICA\VOLUMETRIA ESTIMADA ACEITACAO.xlsx</t>
  </si>
  <si>
    <t>C:\Users\suelenmm\OneDrive - Grupo Algar\desktop\Contratos para assinatura TIM\ADITIVO FMM-FMT\</t>
  </si>
  <si>
    <t>10 - A1 - LPU FMM.xlsx</t>
  </si>
  <si>
    <t>D:\21_11_2019 - PC ALGAR TECH\desktop\Contratos para assinatura TIM\ADITIVO FMM-FMT\10 - A1 - LPU FMM.xlsx</t>
  </si>
  <si>
    <t>11 - A2 - FATURA B - LPU GMG FMM TIM CO_NE - FAT A.xls</t>
  </si>
  <si>
    <t>D:\21_11_2019 - PC ALGAR TECH\desktop\Contratos para assinatura TIM\ADITIVO FMM-FMT\11 - A2 - FATURA B - LPU GMG FMM TIM CO_NE - FAT A.xls</t>
  </si>
  <si>
    <t>12 - B1 - FATURA B - LPU FMM CO_NE - FAT B - APENDICE B.xls</t>
  </si>
  <si>
    <t>D:\21_11_2019 - PC ALGAR TECH\desktop\Contratos para assinatura TIM\ADITIVO FMM-FMT\12 - B1 - FATURA B - LPU FMM CO_NE - FAT B - APENDICE B.xls</t>
  </si>
  <si>
    <t>13 - B2 - FATURA B - LPU FMM INFRA CO-NE - REV 03-NB-SUELENMM.xlsx</t>
  </si>
  <si>
    <t>D:\21_11_2019 - PC ALGAR TECH\desktop\Contratos para assinatura TIM\ADITIVO FMM-FMT\13 - B2 - FATURA B - LPU FMM INFRA CO-NE - REV 03-NB-SUELENMM.xlsx</t>
  </si>
  <si>
    <t>11/21/2019 20:05:18</t>
  </si>
  <si>
    <t>13 - B2 - FATURA B - LPU FMM INFRA CO-NE - REV 03.xlsx</t>
  </si>
  <si>
    <t>D:\21_11_2019 - PC ALGAR TECH\desktop\Contratos para assinatura TIM\ADITIVO FMM-FMT\13 - B2 - FATURA B - LPU FMM INFRA CO-NE - REV 03.xlsx</t>
  </si>
  <si>
    <t>14 - LPU FMT.xlsx</t>
  </si>
  <si>
    <t>D:\21_11_2019 - PC ALGAR TECH\desktop\Contratos para assinatura TIM\ADITIVO FMM-FMT\14 - LPU FMT.xlsx</t>
  </si>
  <si>
    <t>15 - REVISÃO LPU FMT - REV 110516.xlsx</t>
  </si>
  <si>
    <t>D:\21_11_2019 - PC ALGAR TECH\desktop\Contratos para assinatura TIM\ADITIVO FMM-FMT\15 - REVISÃO LPU FMT - REV 110516.xlsx</t>
  </si>
  <si>
    <t>11/21/2019 20:05:19</t>
  </si>
  <si>
    <t>32.1 (2c) - Serviço de Manutenção de Campo Rede Satélite.xlsx</t>
  </si>
  <si>
    <t>D:\21_11_2019 - PC ALGAR TECH\desktop\Contratos para assinatura TIM\ADITIVO FMM-FMT\32.1 (2c) - Serviço de Manutenção de Campo Rede Satélite.xlsx</t>
  </si>
  <si>
    <t>11/21/2019 20:05:20</t>
  </si>
  <si>
    <t>36 - A1 - LPU FMM.xlsx</t>
  </si>
  <si>
    <t>D:\21_11_2019 - PC ALGAR TECH\desktop\Contratos para assinatura TIM\ADITIVO FMM-FMT\36 - A1 - LPU FMM.xlsx</t>
  </si>
  <si>
    <t>37 - A2 - FATURA B - LPU GMG FMM TIM CO_NE - FAT A.xls</t>
  </si>
  <si>
    <t>D:\21_11_2019 - PC ALGAR TECH\desktop\Contratos para assinatura TIM\ADITIVO FMM-FMT\37 - A2 - FATURA B - LPU GMG FMM TIM CO_NE - FAT A.xls</t>
  </si>
  <si>
    <t>38 - B1 - FATURA B - LPU FMM CO_NE - FAT B - APENDICE B.xls</t>
  </si>
  <si>
    <t>D:\21_11_2019 - PC ALGAR TECH\desktop\Contratos para assinatura TIM\ADITIVO FMM-FMT\38 - B1 - FATURA B - LPU FMM CO_NE - FAT B - APENDICE B.xls</t>
  </si>
  <si>
    <t>39 - B2 - FATURA B - LPU FMM INFRA CO-NE - REV 03.xlsx</t>
  </si>
  <si>
    <t>D:\21_11_2019 - PC ALGAR TECH\desktop\Contratos para assinatura TIM\ADITIVO FMM-FMT\39 - B2 - FATURA B - LPU FMM INFRA CO-NE - REV 03.xlsx</t>
  </si>
  <si>
    <t>40 - LPU FMT.xlsx</t>
  </si>
  <si>
    <t>D:\21_11_2019 - PC ALGAR TECH\desktop\Contratos para assinatura TIM\ADITIVO FMM-FMT\40 - LPU FMT.xlsx</t>
  </si>
  <si>
    <t>41- REVISÃO LPU FMT - REV 110516.xlsx</t>
  </si>
  <si>
    <t>D:\21_11_2019 - PC ALGAR TECH\desktop\Contratos para assinatura TIM\ADITIVO FMM-FMT\41- REVISÃO LPU FMT - REV 110516.xlsx</t>
  </si>
  <si>
    <t>42 (3c)- LPU - Serviços de Reforço Preventivo de Estruturas Verticais - REV1 110216.xls</t>
  </si>
  <si>
    <t>D:\21_11_2019 - PC ALGAR TECH\desktop\Contratos para assinatura TIM\ADITIVO FMM-FMT\42 (3c)- LPU - Serviços de Reforço Preventivo de Estruturas Verticais - REV1 110216.xls</t>
  </si>
  <si>
    <t>11/21/2019 20:05:21</t>
  </si>
  <si>
    <t>43 (3c)- LPU COW.xlsx</t>
  </si>
  <si>
    <t>D:\21_11_2019 - PC ALGAR TECH\desktop\Contratos para assinatura TIM\ADITIVO FMM-FMT\43 (3c)- LPU COW.xlsx</t>
  </si>
  <si>
    <t>44 (3c)- LPU Manutenção de Campo VSATs - v3.xlsx</t>
  </si>
  <si>
    <t>D:\21_11_2019 - PC ALGAR TECH\desktop\Contratos para assinatura TIM\ADITIVO FMM-FMT\44 (3c)- LPU Manutenção de Campo VSATs - v3.xlsx</t>
  </si>
  <si>
    <t>45 (3c)- LPU Otimização Física.xlsx</t>
  </si>
  <si>
    <t>D:\21_11_2019 - PC ALGAR TECH\desktop\Contratos para assinatura TIM\ADITIVO FMM-FMT\45 (3c)- LPU Otimização Física.xlsx</t>
  </si>
  <si>
    <t>46 (3c)- LPU SEGURANÇA DE SITES.xlsx</t>
  </si>
  <si>
    <t>D:\21_11_2019 - PC ALGAR TECH\desktop\Contratos para assinatura TIM\ADITIVO FMM-FMT\46 (3c)- LPU SEGURANÇA DE SITES.xlsx</t>
  </si>
  <si>
    <t>11/21/2019 20:05:27</t>
  </si>
  <si>
    <t>C:\Users\suelenmm\OneDrive - Grupo Algar\desktop\Contratos para assinatura TIM\ADITIVO FMM-FMT\RES INFORMAÇÃO LPU - FMM-TCO.msg\s46\ADITIVO FMM-FMT.zip\ADITIVO FMM-FMT\</t>
  </si>
  <si>
    <t>D:\21_11_2019 - PC ALGAR TECH\desktop\Contratos para assinatura TIM\ADITIVO FMM-FMT\RES INFORMAÇÃO LPU - FMM-TCO.msg</t>
  </si>
  <si>
    <t>15 - REVISÇO LPU FMT - REV 110516.xlsx</t>
  </si>
  <si>
    <t>32.1 (2c) - Servi‡o de Manuten‡Æo de Campo Rede Sat‚lite.xlsx</t>
  </si>
  <si>
    <t>41- REVISÇO LPU FMT - REV 110516.xlsx</t>
  </si>
  <si>
    <t>42 (3c)- LPU - Servi‡os de Refor‡o Preventivo de Estruturas Verticais - REV1 110216.xls</t>
  </si>
  <si>
    <t>11/21/2019 20:05:28</t>
  </si>
  <si>
    <t>44 (3c)- LPU Manuten‡Æo de Campo VSATs - v3.xlsx</t>
  </si>
  <si>
    <t>45 (3c)- LPU Otimiza‡Æo F¡sica.xlsx</t>
  </si>
  <si>
    <t>46 (3c)- LPU SEGURAN€A DE SITES.xlsx</t>
  </si>
  <si>
    <t>C:\Users\suelenmm\OneDrive - Grupo Algar\desktop\Contratos para assinatura TIM\ADITIVO FMM-FMT\RES RES Combustível pendente _ Utilização GMG AlgarTech_TCO-FMM.msg\s46\</t>
  </si>
  <si>
    <t>A2 - FATURA B - LPU GMG FMM TIM CO_NE - FAT A.xls</t>
  </si>
  <si>
    <t>D:\21_11_2019 - PC ALGAR TECH\desktop\Contratos para assinatura TIM\ADITIVO FMM-FMT\RES RES Combustível pendente _ Utilização GMG AlgarTech_TCO-FMM.msg</t>
  </si>
  <si>
    <t>C:\Users\suelenmm\OneDrive - Grupo Algar\desktop\Contratos para assinatura TIM\Migracao Circuitos\</t>
  </si>
  <si>
    <t>2.1 - Volumetria_1.xlsx</t>
  </si>
  <si>
    <t>D:\21_11_2019 - PC ALGAR TECH\desktop\Contratos para assinatura TIM\Migracao Circuitos\2.1 - Volumetria_1.xlsx</t>
  </si>
  <si>
    <t>3 - LPU - Jumper - CO - TIM.xlsx</t>
  </si>
  <si>
    <t>D:\21_11_2019 - PC ALGAR TECH\desktop\Contratos para assinatura TIM\Migracao Circuitos\3 - LPU - Jumper - CO - TIM.xlsx</t>
  </si>
  <si>
    <t>11/21/2019 20:05:30</t>
  </si>
  <si>
    <t>C:\Users\suelenmm\OneDrive - Grupo Algar\desktop\Contratos para assinatura TIM\Remanejamento de Enlaces\2 - Anexo I - Especificação Técnica Enlace.doc\</t>
  </si>
  <si>
    <t>D:\21_11_2019 - PC ALGAR TECH\desktop\Contratos para assinatura TIM\Remanejamento de Enlaces\2 - Anexo I - Especificação Técnica Enlace.doc</t>
  </si>
  <si>
    <t>C:\Users\suelenmm\OneDrive - Grupo Algar\desktop\Contratos para assinatura TIM\Remanejamento de Enlaces\2 - Anexo I - Especificação Técnica Enlace.doc\s19\</t>
  </si>
  <si>
    <t>C:\Users\suelenmm\OneDrive - Grupo Algar\desktop\Contratos para assinatura TIM\Remanejamento de Enlaces\2 - Anexo I - Especificação Técnica Enlace.doc\Package1.docx\</t>
  </si>
  <si>
    <t>C:\Users\suelenmm\OneDrive - Grupo Algar\desktop\Contratos para assinatura TIM\Remanejamento de Enlaces\</t>
  </si>
  <si>
    <t>3 - Anexo II - LPU Servicos - ENGESET.xlsx</t>
  </si>
  <si>
    <t>D:\21_11_2019 - PC ALGAR TECH\desktop\Contratos para assinatura TIM\Remanejamento de Enlaces\3 - Anexo II - LPU Servicos - ENGESET.xlsx</t>
  </si>
  <si>
    <t>11/21/2019 20:05:35</t>
  </si>
  <si>
    <t>C:\Users\suelenmm\OneDrive - Grupo Algar\desktop\Negociação Anexo Técnico e Fatura B\</t>
  </si>
  <si>
    <t>Cópia de Acionamentos TIM de 01_10_14 a 30_09_16.xlsx</t>
  </si>
  <si>
    <t>D:\21_11_2019 - PC ALGAR TECH\desktop\Negociação Anexo Técnico e Fatura B\Cópia de Acionamentos TIM de 01_10_14 a 30_09_16.xlsx</t>
  </si>
  <si>
    <t>11/21/2019 20:05:36</t>
  </si>
  <si>
    <t>ENGESET LPU FINAL.xls</t>
  </si>
  <si>
    <t>D:\21_11_2019 - PC ALGAR TECH\desktop\Negociação Anexo Técnico e Fatura B\ENGESET LPU FINAL.xls</t>
  </si>
  <si>
    <t>Penalidades TIM.xlsx</t>
  </si>
  <si>
    <t>D:\21_11_2019 - PC ALGAR TECH\desktop\Negociação Anexo Técnico e Fatura B\Penalidades TIM.xlsx</t>
  </si>
  <si>
    <t>Produtos errados.xlsx</t>
  </si>
  <si>
    <t>D:\21_11_2019 - PC ALGAR TECH\desktop\Negociação Anexo Técnico e Fatura B\Produtos errados.xlsx</t>
  </si>
  <si>
    <t>11/21/2019 20:05:37</t>
  </si>
  <si>
    <t>C:\Users\suelenmm\OneDrive - Grupo Algar\desktop\Pendências TIM\Alteração SCO\Ajuste de BOQ via portal.msg\s103\</t>
  </si>
  <si>
    <t>BOQ ENGESET.xlsx</t>
  </si>
  <si>
    <t>D:\21_11_2019 - PC ALGAR TECH\desktop\Pendências TIM\Alteração SCO\Ajuste de BOQ via portal.msg</t>
  </si>
  <si>
    <t>11/21/2019 20:05:38</t>
  </si>
  <si>
    <t>C:\Users\suelenmm\OneDrive - Grupo Algar\desktop\Pendências TIM\Vistoria Palmares\ENC Contrato Tapa Buraco - Seção D.msg\s78\</t>
  </si>
  <si>
    <t>RELATORIO DE VISTORIA INTELIG 06-03-2017 à 10-03-2017.xlsx</t>
  </si>
  <si>
    <t>D:\21_11_2019 - PC ALGAR TECH\desktop\Pendências TIM\Vistoria Palmares\ENC Contrato Tapa Buraco - Seção D.msg</t>
  </si>
  <si>
    <t>Relatorio Vistoria Engeset 02-02 a 06-02-2015.xlsx</t>
  </si>
  <si>
    <t>Relatorio Vistoria Engeset 14-03 a 18-03-2016.xlsx</t>
  </si>
  <si>
    <t>Relatorio Vistoria Engeset 24-03 a 28-03-2014.xlsx</t>
  </si>
  <si>
    <t>11/21/2019 20:06:13</t>
  </si>
  <si>
    <t>C:\Users\suelenmm\OneDrive - Grupo Algar\CEF\</t>
  </si>
  <si>
    <t>Custos e Pricing Estimado.xlsx</t>
  </si>
  <si>
    <t>D:\21_11_2019 - PC ALGAR TECH\CEF\Custos e Pricing Estimado.xlsx</t>
  </si>
  <si>
    <t>11/21/2019 20:06:15</t>
  </si>
  <si>
    <t>C:\Users\suelenmm\OneDrive - Grupo Algar\CEF\LOCALIDADES.msg\s128\</t>
  </si>
  <si>
    <t>Distribuição TFL - 2013.xlsx</t>
  </si>
  <si>
    <t>D:\21_11_2019 - PC ALGAR TECH\CEF\LOCALIDADES.msg</t>
  </si>
  <si>
    <t>11/21/2019 20:06:17</t>
  </si>
  <si>
    <t>C:\Users\suelenmm\OneDrive - Grupo Algar\CEF\RES_ Pontos relevantes Edital CAIXA.msg\s132\</t>
  </si>
  <si>
    <t>Cadastro Agências Lotéricas - 27Set2019.xlsx</t>
  </si>
  <si>
    <t>D:\21_11_2019 - PC ALGAR TECH\CEF\RES_ Pontos relevantes Edital CAIXA.msg</t>
  </si>
  <si>
    <t>11/21/2019 20:12:44</t>
  </si>
  <si>
    <t>D:\21_11_2019 - PC ALGAR TECH\Desktop - 12-11-19\188270_v3 - PAN FINAL.xlsb</t>
  </si>
  <si>
    <t>11/21/2019 20:12:46</t>
  </si>
  <si>
    <t>D:\21_11_2019 - PC ALGAR TECH\Desktop - 12-11-19\188270_v3 - Plan Precificacao C017 B017 Last Call r4 17_10_2019_r3 - suelen.xlsb</t>
  </si>
  <si>
    <t>11/21/2019 20:12:48</t>
  </si>
  <si>
    <t>D:\21_11_2019 - PC ALGAR TECH\Desktop - 12-11-19\199274_IBM_v5_Bodyshop_MULTI_(C017_B0171 - rev5 - BP COM CARGOS ATUALIZADOS.xlsb</t>
  </si>
  <si>
    <t>11/21/2019 20:12:50</t>
  </si>
  <si>
    <t>D:\21_11_2019 - PC ALGAR TECH\Desktop - 12-11-19\214371 - Plan Precificacao C017 B017.xlsb</t>
  </si>
  <si>
    <t>11/21/2019 20:12:56</t>
  </si>
  <si>
    <t>D:\21_11_2019 - PC ALGAR TECH\Desktop - 12-11-19\Apresentacao - Business Performance_Renault v1.0 - Ata.pptx</t>
  </si>
  <si>
    <t>11/21/2019 20:13:03</t>
  </si>
  <si>
    <t>D:\21_11_2019 - PC ALGAR TECH\Desktop - 12-11-19\Apresentacao - Business Performance_Renault v1.0 - Ata.zip</t>
  </si>
  <si>
    <t>11/21/2019 20:13:12</t>
  </si>
  <si>
    <t>D:\21_11_2019 - PC ALGAR TECH\Desktop - 12-11-19\Apresentacao - Business Performance_Renault v1.0 - Suelen.pptx</t>
  </si>
  <si>
    <t>11/21/2019 20:13:13</t>
  </si>
  <si>
    <t>11/21/2019 20:13:24</t>
  </si>
  <si>
    <t>D:\21_11_2019 - PC ALGAR TECH\Desktop - 12-11-19\Apresentacao - Business Performance_Renault v1.0 - Suelen.zip</t>
  </si>
  <si>
    <t>11/21/2019 20:13:58</t>
  </si>
  <si>
    <t>D:\21_11_2019 - PC ALGAR TECH\Desktop - 12-11-19\Base Fusion.xlsx</t>
  </si>
  <si>
    <t>11/21/2019 20:14:01</t>
  </si>
  <si>
    <t>D:\21_11_2019 - PC ALGAR TECH\Desktop - 12-11-19\BP Preço C017 B017-Renault Latam LOT5 (insite) v1.7 - 26%MC (fechamento pós BAFO) - Suelen.xlsb</t>
  </si>
  <si>
    <t>11/21/2019 20:14:02</t>
  </si>
  <si>
    <t>D:\21_11_2019 - PC ALGAR TECH\Desktop - 12-11-19\Capilaridade Field Service GAT v2.xlsx</t>
  </si>
  <si>
    <t>D:\21_11_2019 - PC ALGAR TECH\Desktop - 12-11-19\Catalogo de produtos.xlsx</t>
  </si>
  <si>
    <t>11/21/2019 20:14:04</t>
  </si>
  <si>
    <t>D:\21_11_2019 - PC ALGAR TECH\Desktop - 12-11-19\Cópia de Cópia de 188270_v3 - PAN FINAL - 30_10_2019 rMaluf.xlsb</t>
  </si>
  <si>
    <t>D:\21_11_2019 - PC ALGAR TECH\Desktop - 12-11-19\Cópia de Dimensionamento_SD (Semana).xlsx</t>
  </si>
  <si>
    <t>11/21/2019 20:14:05</t>
  </si>
  <si>
    <t>D:\21_11_2019 - PC ALGAR TECH\Desktop - 12-11-19\Defesa Tecnica Renault v2.5.pptx</t>
  </si>
  <si>
    <t>11/21/2019 20:14:06</t>
  </si>
  <si>
    <t>D:\21_11_2019 - PC ALGAR TECH\Desktop - 12-11-19\Demandas - 11-10.xlsx</t>
  </si>
  <si>
    <t>D:\21_11_2019 - PC ALGAR TECH\Desktop - 12-11-19\Demandas 02-09-19.xlsx</t>
  </si>
  <si>
    <t>11/21/2019 20:14:07</t>
  </si>
  <si>
    <t>D:\21_11_2019 - PC ALGAR TECH\Desktop - 12-11-19\Demandas.xlsx</t>
  </si>
  <si>
    <t>D:\21_11_2019 - PC ALGAR TECH\Desktop - 12-11-19\ErlangXL97.xla</t>
  </si>
  <si>
    <t>D:\21_11_2019 - PC ALGAR TECH\Desktop - 12-11-19\Formulário Solicitações Cancelamento de Férias Fora do Portal.xls</t>
  </si>
  <si>
    <t>D:\21_11_2019 - PC ALGAR TECH\Desktop - 12-11-19\Hierarquia_Pesquisa de Clima_GAT - Suélen.xlsx</t>
  </si>
  <si>
    <t>D:\21_11_2019 - PC ALGAR TECH\Desktop - 12-11-19\Mapa GAT 06-11-2019.xlsx</t>
  </si>
  <si>
    <t>11/21/2019 20:14:08</t>
  </si>
  <si>
    <t>D:\21_11_2019 - PC ALGAR TECH\Desktop - 12-11-19\objetivos.xlsx</t>
  </si>
  <si>
    <t>11/21/2019 20:14:12</t>
  </si>
  <si>
    <t>D:\21_11_2019 - PC ALGAR TECH\Desktop - 12-11-19\Oportunidades por data criação - bu approval - SEM NO GO E DUPLICADAS.xlsx</t>
  </si>
  <si>
    <t>11/21/2019 20:14:13</t>
  </si>
  <si>
    <t>D:\21_11_2019 - PC ALGAR TECH\Desktop - 12-11-19\Pensão e Produtos detamatologista.xlsx</t>
  </si>
  <si>
    <t>11/21/2019 20:14:14</t>
  </si>
  <si>
    <t>D:\21_11_2019 - PC ALGAR TECH\Desktop - 12-11-19\Plan Precificacao C017 B017_v12082018 V2.xlsb</t>
  </si>
  <si>
    <t>11/21/2019 20:14:16</t>
  </si>
  <si>
    <t>D:\21_11_2019 - PC ALGAR TECH\Desktop - 12-11-19\Plan Precificacao C017 B017_v12082018 v3.xlsb</t>
  </si>
  <si>
    <t>11/21/2019 20:14:17</t>
  </si>
  <si>
    <t>D:\21_11_2019 - PC ALGAR TECH\Desktop - 12-11-19\Plan Precificacao C017 B017_v12082018 v4.xlsb</t>
  </si>
  <si>
    <t>11/21/2019 20:14:18</t>
  </si>
  <si>
    <t>D:\21_11_2019 - PC ALGAR TECH\Desktop - 12-11-19\Plan Precificacao C017 B017_v12082018 v5.xlsb</t>
  </si>
  <si>
    <t>11/21/2019 20:14:20</t>
  </si>
  <si>
    <t>D:\21_11_2019 - PC ALGAR TECH\Desktop - 12-11-19\Plan Precificacao C017 B017_v12082018 v6.xlsb</t>
  </si>
  <si>
    <t>11/21/2019 20:14:22</t>
  </si>
  <si>
    <t>D:\21_11_2019 - PC ALGAR TECH\Desktop - 12-11-19\Propostas Pendentes Comitê de Business.xlsx</t>
  </si>
  <si>
    <t>11/21/2019 20:14:23</t>
  </si>
  <si>
    <t>D:\21_11_2019 - PC ALGAR TECH\Desktop - 12-11-19\Quantidade Técnicos x Cidade - SCC.xlsx</t>
  </si>
  <si>
    <t>D:\21_11_2019 - PC ALGAR TECH\Desktop - 12-11-19\Soluções 30-10-2019.pptx</t>
  </si>
  <si>
    <t>11/21/2019 20:14:24</t>
  </si>
  <si>
    <t>D:\21_11_2019 - PC ALGAR TECH\Desktop - 12-11-19\teste de planilha (Latam - Insite) - 26% MC v1.2 (fechamento) - Suelen.xlsx</t>
  </si>
  <si>
    <t>11/21/2019 20:14:41</t>
  </si>
  <si>
    <t>D:\21_11_2019 - PC ALGAR TECH\Desktop - 12-11-19\Vale - Apresentacao - Business Performance_ VF3 18_10_2019.pptx</t>
  </si>
  <si>
    <t>11/21/2019 20:14:42</t>
  </si>
  <si>
    <t>11/21/2019 20:14:43</t>
  </si>
  <si>
    <t>11/21/2019 20:14:44</t>
  </si>
  <si>
    <t>11/21/2019 20:15:04</t>
  </si>
  <si>
    <t>D:\21_11_2019 - PC ALGAR TECH\Desktop - 12-11-19\Vale - Apresentacao - Business Performance_ VF3 18_10_2019.zip</t>
  </si>
  <si>
    <t>11/21/2019 20:15:05</t>
  </si>
  <si>
    <t>11/21/2019 20:15:06</t>
  </si>
  <si>
    <t>11/22/2019 08:46:36</t>
  </si>
  <si>
    <t>11/21/2019 20:15:07</t>
  </si>
  <si>
    <t>11/21/2019 20:15:11</t>
  </si>
  <si>
    <t>D:\21_11_2019 - PC ALGAR TECH\Desktop - 12-11-19\Download\18e139cde2de4372825902960e6dad43.xls</t>
  </si>
  <si>
    <t>11/21/2019 20:15:12</t>
  </si>
  <si>
    <t>D:\21_11_2019 - PC ALGAR TECH\Desktop - 12-11-19\Download\2zrevcce.24l.csv</t>
  </si>
  <si>
    <t>D:\21_11_2019 - PC ALGAR TECH\Desktop - 12-11-19\Download\2zrevcce.24l.csv:Zone.Identifier</t>
  </si>
  <si>
    <t>11/21/2019 20:15:14</t>
  </si>
  <si>
    <t>C:\Users\suelenmm\OneDrive - Grupo Algar\desktop 11-12\</t>
  </si>
  <si>
    <t>1 tri.xlsx</t>
  </si>
  <si>
    <t>D:\21_11_2019 - PC ALGAR TECH\desktop 11-12\1 tri.xlsx</t>
  </si>
  <si>
    <t>11/21/2019 20:15:15</t>
  </si>
  <si>
    <t>D:\21_11_2019 - PC ALGAR TECH\Desktop - 12-11-19\Download\5duox23l.zkt (1).csv</t>
  </si>
  <si>
    <t>D:\21_11_2019 - PC ALGAR TECH\Desktop - 12-11-19\Download\5duox23l.zkt (1).csv:Zone.Identifier</t>
  </si>
  <si>
    <t>D:\21_11_2019 - PC ALGAR TECH\Desktop - 12-11-19\Download\5duox23l.zkt.csv</t>
  </si>
  <si>
    <t>D:\21_11_2019 - PC ALGAR TECH\Desktop - 12-11-19\Download\5duox23l.zkt.csv:Zone.Identifier</t>
  </si>
  <si>
    <t>D:\21_11_2019 - PC ALGAR TECH\Desktop - 12-11-19\Download\77bc503d1f12420b9b06152f04ab7304.csv</t>
  </si>
  <si>
    <t>D:\21_11_2019 - PC ALGAR TECH\Desktop - 12-11-19\Download\77bc503d1f12420b9b06152f04ab7304.csv:Zone.Identifier</t>
  </si>
  <si>
    <t>D:\21_11_2019 - PC ALGAR TECH\Desktop - 12-11-19\Download\a4ojcwdi.3qd.csv</t>
  </si>
  <si>
    <t>D:\21_11_2019 - PC ALGAR TECH\Desktop - 12-11-19\Download\a4ojcwdi.3qd.csv:Zone.Identifier</t>
  </si>
  <si>
    <t>11/21/2019 20:15:23</t>
  </si>
  <si>
    <t>C:\Users\suelenmm\OneDrive - Grupo Algar\desktop 11-12\Anexo Técnico - Manutenção Backbone Nacional.msg\s43\</t>
  </si>
  <si>
    <t>Franquia v2.xlsx</t>
  </si>
  <si>
    <t>D:\21_11_2019 - PC ALGAR TECH\desktop 11-12\Anexo Técnico - Manutenção Backbone Nacional.msg</t>
  </si>
  <si>
    <t>11/21/2019 20:15:25</t>
  </si>
  <si>
    <t>Ativos TIM - Locação.xlsx</t>
  </si>
  <si>
    <t>D:\21_11_2019 - PC ALGAR TECH\desktop 11-12\Ativos TIM - Locação.xlsx</t>
  </si>
  <si>
    <t>Base SG TELECOM - CALCULO COM TAPS APROVADOS v2.xlsx</t>
  </si>
  <si>
    <t>D:\21_11_2019 - PC ALGAR TECH\desktop 11-12\Base SG TELECOM - CALCULO COM TAPS APROVADOS v2.xlsx</t>
  </si>
  <si>
    <t>11/21/2019 20:15:28</t>
  </si>
  <si>
    <t>BP Preço C008 B008 DataCenter.xlsb</t>
  </si>
  <si>
    <t>D:\21_11_2019 - PC ALGAR TECH\desktop 11-12\BP Preço C008 B008 DataCenter.xlsb</t>
  </si>
  <si>
    <t>C:\Users\suelenmm\OneDrive - Grupo Algar\desktop 11-12\BP Preço C008 B008 DataCenter.xlsb\</t>
  </si>
  <si>
    <t>11/21/2019 20:15:29</t>
  </si>
  <si>
    <t>D:\21_11_2019 - PC ALGAR TECH\desktop 11-12\BP Preço C010 B010.xlsb</t>
  </si>
  <si>
    <t>C:\Users\suelenmm\OneDrive - Grupo Algar\desktop 11-12\BP Preço C010 B010.xlsb\</t>
  </si>
  <si>
    <t>11/21/2019 20:15:30</t>
  </si>
  <si>
    <t>BP Preço C010 B011 Desonerada - DFP TIM.xlsb</t>
  </si>
  <si>
    <t>D:\21_11_2019 - PC ALGAR TECH\desktop 11-12\BP Preço C010 B011 Desonerada - DFP TIM.xlsb</t>
  </si>
  <si>
    <t>C:\Users\suelenmm\OneDrive - Grupo Algar\desktop 11-12\BP Preço C010 B011 Desonerada - DFP TIM.xlsb\</t>
  </si>
  <si>
    <t>11/21/2019 20:15:34</t>
  </si>
  <si>
    <t>Carteira_consultores_lista de distribuição.xlsx</t>
  </si>
  <si>
    <t>D:\21_11_2019 - PC ALGAR TECH\desktop 11-12\Carteira_consultores_lista de distribuição.xlsx</t>
  </si>
  <si>
    <t>Comissão.xlsx</t>
  </si>
  <si>
    <t>D:\21_11_2019 - PC ALGAR TECH\desktop 11-12\Comissão.xlsx</t>
  </si>
  <si>
    <t>11/21/2019 20:15:35</t>
  </si>
  <si>
    <t>COW TLE.xlsx</t>
  </si>
  <si>
    <t>D:\21_11_2019 - PC ALGAR TECH\desktop 11-12\COW TLE.xlsx</t>
  </si>
  <si>
    <t>Cópia de 2263_TI_novo.xlsx</t>
  </si>
  <si>
    <t>D:\21_11_2019 - PC ALGAR TECH\desktop 11-12\Cópia de 2263_TI_novo.xlsx</t>
  </si>
  <si>
    <t>11/21/2019 20:15:37</t>
  </si>
  <si>
    <t>Cópia de ACOMPANHAMENTO COMPROMISSADO TIM (002).xlsx</t>
  </si>
  <si>
    <t>D:\21_11_2019 - PC ALGAR TECH\desktop 11-12\Cópia de ACOMPANHAMENTO COMPROMISSADO TIM (002).xlsx</t>
  </si>
  <si>
    <t>11/21/2019 20:15:38</t>
  </si>
  <si>
    <t>Cópia de Acompanhamento Pré-vendas Algar 2016 e 2017 (002).xlsx</t>
  </si>
  <si>
    <t>D:\21_11_2019 - PC ALGAR TECH\desktop 11-12\Cópia de Acompanhamento Pré-vendas Algar 2016 e 2017 (002).xlsx</t>
  </si>
  <si>
    <t>11/21/2019 20:15:39</t>
  </si>
  <si>
    <t>Cópia de Banco Forecast 10-2017.xlsx</t>
  </si>
  <si>
    <t>D:\21_11_2019 - PC ALGAR TECH\desktop 11-12\Cópia de Banco Forecast 10-2017.xlsx</t>
  </si>
  <si>
    <t>Cópia de COMPROMISSADO 2017(CONTRATO 4600022941) (002).xlsx</t>
  </si>
  <si>
    <t>D:\21_11_2019 - PC ALGAR TECH\desktop 11-12\Cópia de COMPROMISSADO 2017(CONTRATO 4600022941) (002).xlsx</t>
  </si>
  <si>
    <t>Cópia de Detalhamento de Itens - TIM FMM FMT - Classificado (002).xlsx</t>
  </si>
  <si>
    <t>D:\21_11_2019 - PC ALGAR TECH\desktop 11-12\Cópia de Detalhamento de Itens - TIM FMM FMT - Classificado (002).xlsx</t>
  </si>
  <si>
    <t>Cópia de Itens em cotação - Michel.xls</t>
  </si>
  <si>
    <t>D:\21_11_2019 - PC ALGAR TECH\desktop 11-12\Cópia de Itens em cotação - Michel.xls</t>
  </si>
  <si>
    <t>11/21/2019 20:15:40</t>
  </si>
  <si>
    <t>Cópia de MATRIZ DE TRIBUTACAO - Algar Tech - out 2016.xlsx</t>
  </si>
  <si>
    <t>D:\21_11_2019 - PC ALGAR TECH\desktop 11-12\Cópia de MATRIZ DE TRIBUTACAO - Algar Tech - out 2016.xlsx</t>
  </si>
  <si>
    <t>11/21/2019 20:15:41</t>
  </si>
  <si>
    <t>Cópia de Oportunidades por data criação - lorena.xlsx</t>
  </si>
  <si>
    <t>D:\21_11_2019 - PC ALGAR TECH\desktop 11-12\Cópia de Oportunidades por data criação - lorena.xlsx</t>
  </si>
  <si>
    <t>Cópia de Opps Abertas Consolidada.xlsx</t>
  </si>
  <si>
    <t>D:\21_11_2019 - PC ALGAR TECH\desktop 11-12\Cópia de Opps Abertas Consolidada.xlsx</t>
  </si>
  <si>
    <t>11/21/2019 20:15:42</t>
  </si>
  <si>
    <t>Cópia de Pre Vendas.xlsx</t>
  </si>
  <si>
    <t>D:\21_11_2019 - PC ALGAR TECH\desktop 11-12\Cópia de Pre Vendas.xlsx</t>
  </si>
  <si>
    <t>Cópia de Projeto PPA.xlsx</t>
  </si>
  <si>
    <t>D:\21_11_2019 - PC ALGAR TECH\desktop 11-12\Cópia de Projeto PPA.xlsx</t>
  </si>
  <si>
    <t>11/21/2019 20:15:43</t>
  </si>
  <si>
    <t>Cópia de RFI - Manutencao - CCR.xlsx</t>
  </si>
  <si>
    <t>D:\21_11_2019 - PC ALGAR TECH\desktop 11-12\Cópia de RFI - Manutencao - CCR.xlsx</t>
  </si>
  <si>
    <t>11/21/2019 20:15:44</t>
  </si>
  <si>
    <t>D:\21_11_2019 - PC ALGAR TECH\desktop 11-12\DFP.xlsx</t>
  </si>
  <si>
    <t>11/21/2019 20:15:45</t>
  </si>
  <si>
    <t>Estrutura REAL DC_AN.xlsx</t>
  </si>
  <si>
    <t>D:\21_11_2019 - PC ALGAR TECH\desktop 11-12\Estrutura REAL DC_AN.xlsx</t>
  </si>
  <si>
    <t>11/21/2019 20:15:47</t>
  </si>
  <si>
    <t>Estrutura REMANEJADA DC_AN.xlsx</t>
  </si>
  <si>
    <t>D:\21_11_2019 - PC ALGAR TECH\desktop 11-12\Estrutura REMANEJADA DC_AN.xlsx</t>
  </si>
  <si>
    <t>11/21/2019 20:15:48</t>
  </si>
  <si>
    <t>ferias.xlsx</t>
  </si>
  <si>
    <t>D:\21_11_2019 - PC ALGAR TECH\desktop 11-12\ferias.xlsx</t>
  </si>
  <si>
    <t>FMM - FATURA B TIM.xlsx</t>
  </si>
  <si>
    <t>D:\21_11_2019 - PC ALGAR TECH\desktop 11-12\FMM - FATURA B TIM.xlsx</t>
  </si>
  <si>
    <t>11/21/2019 20:15:49</t>
  </si>
  <si>
    <t>FMT - FATURA B TIM.xlsx</t>
  </si>
  <si>
    <t>D:\21_11_2019 - PC ALGAR TECH\desktop 11-12\FMT - FATURA B TIM.xlsx</t>
  </si>
  <si>
    <t>11/21/2019 20:15:53</t>
  </si>
  <si>
    <t>Franquia Geral v2.xlsx</t>
  </si>
  <si>
    <t>D:\21_11_2019 - PC ALGAR TECH\desktop 11-12\Franquia Geral v2.xlsx</t>
  </si>
  <si>
    <t>11/21/2019 20:15:57</t>
  </si>
  <si>
    <t>Franquia v3.xlsx</t>
  </si>
  <si>
    <t>D:\21_11_2019 - PC ALGAR TECH\desktop 11-12\Franquia v3.xlsx</t>
  </si>
  <si>
    <t>11/21/2019 20:15:58</t>
  </si>
  <si>
    <t>GNF - BP Revenda_11-12-2017-RevisadoImpostos - rev com st saida.xls</t>
  </si>
  <si>
    <t>D:\21_11_2019 - PC ALGAR TECH\desktop 11-12\GNF - BP Revenda_11-12-2017-RevisadoImpostos - rev com st saida.xls</t>
  </si>
  <si>
    <t>11/21/2019 20:15:59</t>
  </si>
  <si>
    <t>GNF - BP Revenda_11-12-2017-RevisadoImpostos - SUELEN v2.xls</t>
  </si>
  <si>
    <t>D:\21_11_2019 - PC ALGAR TECH\desktop 11-12\GNF - BP Revenda_11-12-2017-RevisadoImpostos - SUELEN v2.xls</t>
  </si>
  <si>
    <t>GNF - BP Revenda_11-12-2017-RevisadoImpostos - SUELEN.xls</t>
  </si>
  <si>
    <t>D:\21_11_2019 - PC ALGAR TECH\desktop 11-12\GNF - BP Revenda_11-12-2017-RevisadoImpostos - SUELEN.xls</t>
  </si>
  <si>
    <t>11/21/2019 20:16:01</t>
  </si>
  <si>
    <t>IMPOSTOS TIM v2.xlsx</t>
  </si>
  <si>
    <t>D:\21_11_2019 - PC ALGAR TECH\desktop 11-12\IMPOSTOS TIM v2.xlsx</t>
  </si>
  <si>
    <t>IMPOSTOS TIM.xlsx</t>
  </si>
  <si>
    <t>D:\21_11_2019 - PC ALGAR TECH\desktop 11-12\IMPOSTOS TIM.xlsx</t>
  </si>
  <si>
    <t>Inventario Documentação Vendas_v2.xlsx</t>
  </si>
  <si>
    <t>D:\21_11_2019 - PC ALGAR TECH\desktop 11-12\Inventario Documentação Vendas_v2.xlsx</t>
  </si>
  <si>
    <t>11/21/2019 20:16:02</t>
  </si>
  <si>
    <t>Lista de Sites.xlsx</t>
  </si>
  <si>
    <t>D:\21_11_2019 - PC ALGAR TECH\desktop 11-12\Lista de Sites.xlsx</t>
  </si>
  <si>
    <t>11/21/2019 20:16:03</t>
  </si>
  <si>
    <t>Logística FMM-FMT TLE.xlsx</t>
  </si>
  <si>
    <t>D:\21_11_2019 - PC ALGAR TECH\desktop 11-12\Logística FMM-FMT TLE.xlsx</t>
  </si>
  <si>
    <t>11/21/2019 20:16:04</t>
  </si>
  <si>
    <t>Logística FMM-FMT v13 - Cenário Tech - 60 dias - GMGs revisado.xlsx</t>
  </si>
  <si>
    <t>D:\21_11_2019 - PC ALGAR TECH\desktop 11-12\Logística FMM-FMT v13 - Cenário Tech - 60 dias - GMGs revisado.xlsx</t>
  </si>
  <si>
    <t>LPU SEGURANCA DE SITES.xlsx</t>
  </si>
  <si>
    <t>D:\21_11_2019 - PC ALGAR TECH\desktop 11-12\LPU SEGURANCA DE SITES.xlsx</t>
  </si>
  <si>
    <t>MATRIZ DE TRIBUTACAO - Algar Tech - out 2016.xlsx</t>
  </si>
  <si>
    <t>D:\21_11_2019 - PC ALGAR TECH\desktop 11-12\MATRIZ DE TRIBUTACAO - Algar Tech - out 2016.xlsx</t>
  </si>
  <si>
    <t>Oportunidades Forecast.xlsx</t>
  </si>
  <si>
    <t>D:\21_11_2019 - PC ALGAR TECH\desktop 11-12\Oportunidades Forecast.xlsx</t>
  </si>
  <si>
    <t>11/21/2019 20:16:06</t>
  </si>
  <si>
    <t>Oportunidades por data criação (System Date) v4 (2) - alçadas de aprovação.xlsx</t>
  </si>
  <si>
    <t>D:\21_11_2019 - PC ALGAR TECH\desktop 11-12\Oportunidades por data criação (System Date) v4 (2) - alçadas de aprovação.xlsx</t>
  </si>
  <si>
    <t>11/21/2019 20:16:07</t>
  </si>
  <si>
    <t>Opps Abertas.xlsx</t>
  </si>
  <si>
    <t>D:\21_11_2019 - PC ALGAR TECH\desktop 11-12\Opps Abertas.xlsx</t>
  </si>
  <si>
    <t>Orçamento Incremental 2018_proposta_SG TELECOM.xlsx</t>
  </si>
  <si>
    <t>D:\21_11_2019 - PC ALGAR TECH\desktop 11-12\Orçamento Incremental 2018_proposta_SG TELECOM.xlsx</t>
  </si>
  <si>
    <t>11/21/2019 20:16:08</t>
  </si>
  <si>
    <t>Orçamento Incremental 2018_proposta_SG TELECOM_v1.xlsx</t>
  </si>
  <si>
    <t>D:\21_11_2019 - PC ALGAR TECH\desktop 11-12\Orçamento Incremental 2018_proposta_SG TELECOM_v1.xlsx</t>
  </si>
  <si>
    <t>Parceiros EGS.xlsx</t>
  </si>
  <si>
    <t>D:\21_11_2019 - PC ALGAR TECH\desktop 11-12\Parceiros EGS.xlsx</t>
  </si>
  <si>
    <t>11/21/2019 20:16:09</t>
  </si>
  <si>
    <t>Pif Paf.xlsx</t>
  </si>
  <si>
    <t>D:\21_11_2019 - PC ALGAR TECH\desktop 11-12\Pif Paf.xlsx</t>
  </si>
  <si>
    <t>Planhilha Base - Prédio de Compressores_V3 (003) - abertura difal.xlsx</t>
  </si>
  <si>
    <t>D:\21_11_2019 - PC ALGAR TECH\desktop 11-12\Planhilha Base - Prédio de Compressores_V3 (003) - abertura difal.xlsx</t>
  </si>
  <si>
    <t>Processo de Compras.xlsx</t>
  </si>
  <si>
    <t>D:\21_11_2019 - PC ALGAR TECH\desktop 11-12\Processo de Compras.xlsx</t>
  </si>
  <si>
    <t>11/21/2019 20:16:10</t>
  </si>
  <si>
    <t>PRODESP.xlsx</t>
  </si>
  <si>
    <t>D:\21_11_2019 - PC ALGAR TECH\desktop 11-12\PRODESP.xlsx</t>
  </si>
  <si>
    <t>Remuneração TIM.xlsx</t>
  </si>
  <si>
    <t>D:\21_11_2019 - PC ALGAR TECH\desktop 11-12\Remuneração TIM.xlsx</t>
  </si>
  <si>
    <t>11/21/2019 20:16:13</t>
  </si>
  <si>
    <t>RFI - Manutencao - CCR.xlsx</t>
  </si>
  <si>
    <t>D:\21_11_2019 - PC ALGAR TECH\desktop 11-12\RFI - Manutencao - CCR.xlsx</t>
  </si>
  <si>
    <t>11/21/2019 20:16:14</t>
  </si>
  <si>
    <t>Segurança de Sites.xlsx</t>
  </si>
  <si>
    <t>D:\21_11_2019 - PC ALGAR TECH\desktop 11-12\Segurança de Sites.xlsx</t>
  </si>
  <si>
    <t>D:\21_11_2019 - PC ALGAR TECH\Desktop - 12-11-19\Download\ca60c31a3ac14c10b930efc1c8a52755.xls</t>
  </si>
  <si>
    <t>Sites FMT.xlsx</t>
  </si>
  <si>
    <t>D:\21_11_2019 - PC ALGAR TECH\desktop 11-12\Sites FMT.xlsx</t>
  </si>
  <si>
    <t>11/21/2019 20:16:18</t>
  </si>
  <si>
    <t>SOP - Gestão de Ambientes de Tecnologia - Agenda 1 - dez-17 GAT.xlsb</t>
  </si>
  <si>
    <t>D:\21_11_2019 - PC ALGAR TECH\desktop 11-12\SOP - Gestão de Ambientes de Tecnologia - Agenda 1 - dez-17 GAT.xlsb</t>
  </si>
  <si>
    <t>11/21/2019 20:16:20</t>
  </si>
  <si>
    <t>SOP - Gestão de Ambientes de Tecnologia - Agenda 1 - GAT.xlsb</t>
  </si>
  <si>
    <t>D:\21_11_2019 - PC ALGAR TECH\desktop 11-12\SOP - Gestão de Ambientes de Tecnologia - Agenda 1 - GAT.xlsb</t>
  </si>
  <si>
    <t>11/21/2019 20:16:21</t>
  </si>
  <si>
    <t>SOP - Gestão de Serviços de Telecom - Agenda 1 - dez-17 - SGT.xlsb</t>
  </si>
  <si>
    <t>D:\21_11_2019 - PC ALGAR TECH\desktop 11-12\SOP - Gestão de Serviços de Telecom - Agenda 1 - dez-17 - SGT.xlsb</t>
  </si>
  <si>
    <t>11/21/2019 20:16:23</t>
  </si>
  <si>
    <t>SOP - Gestão de Serviços de Telecom - Agenda 1 - NOV-17 - SGT.xlsb</t>
  </si>
  <si>
    <t>D:\21_11_2019 - PC ALGAR TECH\desktop 11-12\SOP - Gestão de Serviços de Telecom - Agenda 1 - NOV-17 - SGT.xlsb</t>
  </si>
  <si>
    <t>11/21/2019 20:16:24</t>
  </si>
  <si>
    <t>D:\21_11_2019 - PC ALGAR TECH\Desktop - 12-11-19\Download\DE ACORDO MARGEM - 141417 - WEG - RFP Service Desk (1).msg</t>
  </si>
  <si>
    <t>11/21/2019 20:16:25</t>
  </si>
  <si>
    <t>tabela terceiros.xlsx</t>
  </si>
  <si>
    <t>D:\21_11_2019 - PC ALGAR TECH\desktop 11-12\tabela terceiros.xlsx</t>
  </si>
  <si>
    <t>11/21/2019 20:16:27</t>
  </si>
  <si>
    <t>D:\21_11_2019 - PC ALGAR TECH\Desktop - 12-11-19\Download\DE ACORDO MARGEM - 141417 - WEG - RFP Service Desk (2).msg</t>
  </si>
  <si>
    <t>v_celula11082017 Suelen.xls</t>
  </si>
  <si>
    <t>D:\21_11_2019 - PC ALGAR TECH\desktop 11-12\v_celula11082017 Suelen.xls</t>
  </si>
  <si>
    <t>11/21/2019 20:16:28</t>
  </si>
  <si>
    <t>D:\21_11_2019 - PC ALGAR TECH\Desktop - 12-11-19\Download\DE ACORDO MARGEM - 141417 - WEG - RFP Service Desk.msg</t>
  </si>
  <si>
    <t>11/21/2019 20:16:30</t>
  </si>
  <si>
    <t>C:\Users\suelenmm\OneDrive - Grupo Algar\Desktop 01-02\</t>
  </si>
  <si>
    <t>142999 - Toyota - Supervisores - BP Preço C011 B012 Desonerada - Rev 01.xlsb</t>
  </si>
  <si>
    <t>D:\21_11_2019 - PC ALGAR TECH\Desktop 01-02\142999 - Toyota - Supervisores - BP Preço C011 B012 Desonerada - Rev 01.xlsb</t>
  </si>
  <si>
    <t>C:\Users\suelenmm\OneDrive - Grupo Algar\Desktop 01-02\142999 - Toyota - Supervisores - BP Preço C011 B012 Desonerada - Rev 01.xlsb\</t>
  </si>
  <si>
    <t>11/21/2019 20:16:31</t>
  </si>
  <si>
    <t>C:\Users\suelenmm\OneDrive - Grupo Algar\Desktop 01-02\144783-DesenhoProjeto_TIM_Final v2.pptx\</t>
  </si>
  <si>
    <t>D:\21_11_2019 - PC ALGAR TECH\Desktop 01-02\144783-DesenhoProjeto_TIM_Final v2.pptx</t>
  </si>
  <si>
    <t>11/21/2019 20:16:32</t>
  </si>
  <si>
    <t>145316-2017 - AAM - Body Shop_v3 (com Ferista e target) - BP Preço C011 B012 Desonerada - revisado.xlsb</t>
  </si>
  <si>
    <t>D:\21_11_2019 - PC ALGAR TECH\Desktop 01-02\145316-2017 - AAM - Body Shop_v3 (com Ferista e target) - BP Preço C011 B012 Desonerada - revisado.xlsb</t>
  </si>
  <si>
    <t>C:\Users\suelenmm\OneDrive - Grupo Algar\Desktop 01-02\145316-2017 - AAM - Body Shop_v3 (com Ferista e target) - BP Preço C011 B012 Desonerada - revisado.xlsb\</t>
  </si>
  <si>
    <t>145316-2018 - AAM - Body Shop (Distribuição dos Valores).xlsx</t>
  </si>
  <si>
    <t>D:\21_11_2019 - PC ALGAR TECH\Desktop 01-02\145316-2018 - AAM - Body Shop (Distribuição dos Valores).xlsx</t>
  </si>
  <si>
    <t>11/21/2019 20:16:33</t>
  </si>
  <si>
    <t>Analise PRODESP.xlsx</t>
  </si>
  <si>
    <t>D:\21_11_2019 - PC ALGAR TECH\Desktop 01-02\Analise PRODESP.xlsx</t>
  </si>
  <si>
    <t>11/21/2019 20:16:36</t>
  </si>
  <si>
    <t>apuracao anual aplicacoes v2.xlsx</t>
  </si>
  <si>
    <t>D:\21_11_2019 - PC ALGAR TECH\Desktop 01-02\apuracao anual aplicacoes v2.xlsx</t>
  </si>
  <si>
    <t>D:\21_11_2019 - PC ALGAR TECH\Desktop - 12-11-19\Download\em4yqxpj.hyp.csv</t>
  </si>
  <si>
    <t>D:\21_11_2019 - PC ALGAR TECH\Desktop - 12-11-19\Download\em4yqxpj.hyp.csv:Zone.Identifier</t>
  </si>
  <si>
    <t>CAPEX_2018_Consolidado.xlsx</t>
  </si>
  <si>
    <t>D:\21_11_2019 - PC ALGAR TECH\Desktop 01-02\CAPEX_2018_Consolidado.xlsx</t>
  </si>
  <si>
    <t>11/21/2019 20:16:38</t>
  </si>
  <si>
    <t>C:\Users\suelenmm\OneDrive - Grupo Algar\Desktop 01-02\Coordenação de Soluções de Negócios - Apresentação wkp Cml V3.pptx\</t>
  </si>
  <si>
    <t>D:\21_11_2019 - PC ALGAR TECH\Desktop 01-02\Coordenação de Soluções de Negócios - Apresentação wkp Cml V3.pptx</t>
  </si>
  <si>
    <t>11/21/2019 20:16:41</t>
  </si>
  <si>
    <t>C:\Users\suelenmm\OneDrive - Grupo Algar\Desktop 01-02\Coordenação de Soluções de Negócios v2.pptx\</t>
  </si>
  <si>
    <t>D:\21_11_2019 - PC ALGAR TECH\Desktop 01-02\Coordenação de Soluções de Negócios v2.pptx</t>
  </si>
  <si>
    <t>11/21/2019 20:16:44</t>
  </si>
  <si>
    <t>C:\Users\suelenmm\OneDrive - Grupo Algar\Desktop 01-02\Coordenação de Soluções de Negócios.pptx\</t>
  </si>
  <si>
    <t>D:\21_11_2019 - PC ALGAR TECH\Desktop 01-02\Coordenação de Soluções de Negócios.pptx</t>
  </si>
  <si>
    <t>11/21/2019 20:16:45</t>
  </si>
  <si>
    <t>Cópia de BP Preço C011 B012 Desonerada teste.xlsb</t>
  </si>
  <si>
    <t>D:\21_11_2019 - PC ALGAR TECH\Desktop 01-02\Cópia de BP Preço C011 B012 Desonerada teste.xlsb</t>
  </si>
  <si>
    <t>C:\Users\suelenmm\OneDrive - Grupo Algar\Desktop 01-02\Cópia de BP Preço C011 B012 Desonerada teste.xlsb\</t>
  </si>
  <si>
    <t>Cópia de TI.xlsx</t>
  </si>
  <si>
    <t>D:\21_11_2019 - PC ALGAR TECH\Desktop 01-02\Cópia de TI.xlsx</t>
  </si>
  <si>
    <t>D:\21_11_2019 - PC ALGAR TECH\Desktop 01-02\departamental.csv</t>
  </si>
  <si>
    <t>11/21/2019 20:16:48</t>
  </si>
  <si>
    <t>C:\Users\suelenmm\OneDrive - Grupo Algar\Desktop 01-02\ENC Concurso Manutenção Backbone VIVO - Solicitação de propostas.msg\s56\Caderno_de_encargos_Manut. Backbone Fibra.zip\</t>
  </si>
  <si>
    <t>28 Anexo 07a - Ata de Controle de Qualidade Fibra.xls</t>
  </si>
  <si>
    <t>D:\21_11_2019 - PC ALGAR TECH\Desktop 01-02\ENC Concurso Manutenção Backbone VIVO - Solicitação de propostas.msg</t>
  </si>
  <si>
    <t>30 Anexo 08a - Planilha de Avalia‡Æo Qualidade.xls</t>
  </si>
  <si>
    <t>32 LPU Concurso Manuten‡Æo_jan_18.xlsx</t>
  </si>
  <si>
    <t>Quadro de metas e indicadores e SLAs minimos.xlsx</t>
  </si>
  <si>
    <t>C:\Users\suelenmm\OneDrive - Grupo Algar\Desktop 01-02\ENC Concurso Manutenção Backbone VIVO - Solicitação de propostas.msg\s56\DataRoom e Mapa de Rotas.rar\</t>
  </si>
  <si>
    <t>Data_room_concurso.xlsx</t>
  </si>
  <si>
    <t>C:\Users\suelenmm\OneDrive - Grupo Algar\Desktop 01-02\ENC Concurso Manutenção Backbone VIVO - Solicitação de propostas.msg\s56\Planilhas Comerciais.rar\</t>
  </si>
  <si>
    <t>Planilha Comercial de PreÃ§os padrÃ£o - Lote 1.xls</t>
  </si>
  <si>
    <t>Planilha Comercial de PreÃ§os padrÃ£o - Lote 2.xls</t>
  </si>
  <si>
    <t>Planilha Comercial de PreÃ§os padrÃ£o - Lote 3.xls</t>
  </si>
  <si>
    <t>Planilha Comercial de PreÃ§os padrÃ£o - Lote 4.xls</t>
  </si>
  <si>
    <t>Planilha Comercial de PreÃ§os padrÃ£o - Lote 5.xls</t>
  </si>
  <si>
    <t>Planilha Comercial de PreÃ§os padrÃ£o - Lote 6.xls</t>
  </si>
  <si>
    <t>D:\21_11_2019 - PC ALGAR TECH\Desktop - 12-11-19\Download\Formulario_Ferias_Irregulares_-_Algar_Tech (1).xls</t>
  </si>
  <si>
    <t>D:\21_11_2019 - PC ALGAR TECH\Desktop - 12-11-19\Download\Formulario_Ferias_Irregulares_-_Algar_Tech (2).xls</t>
  </si>
  <si>
    <t>D:\21_11_2019 - PC ALGAR TECH\Desktop - 12-11-19\Download\Formulario_Ferias_Irregulares_-_Algar_Tech.xls</t>
  </si>
  <si>
    <t>C:\Users\suelenmm\OneDrive - Grupo Algar\Desktop 01-02\ENC Formulário de Retirada .msg\s115\</t>
  </si>
  <si>
    <t>Formulário de Liberação de Ativos CLU.xlsx</t>
  </si>
  <si>
    <t>D:\21_11_2019 - PC ALGAR TECH\Desktop 01-02\ENC Formulário de Retirada .msg</t>
  </si>
  <si>
    <t>FATURA B FMM ALGARXEZENTIS.xls</t>
  </si>
  <si>
    <t>D:\21_11_2019 - PC ALGAR TECH\Desktop 01-02\FATURA B FMM ALGARXEZENTIS.xls</t>
  </si>
  <si>
    <t>D:\21_11_2019 - PC ALGAR TECH\Desktop 01-02\FATURAS_B FMM_consolidado regionais_REV2 - para Suprimentos 08122017 V2.xls</t>
  </si>
  <si>
    <t>11/21/2019 20:16:49</t>
  </si>
  <si>
    <t>gmg.xlsx</t>
  </si>
  <si>
    <t>D:\21_11_2019 - PC ALGAR TECH\Desktop 01-02\gmg.xlsx</t>
  </si>
  <si>
    <t>D:\21_11_2019 - PC ALGAR TECH\Desktop - 12-11-19\Download\gbxawqoe.3fv (1).csv</t>
  </si>
  <si>
    <t>D:\21_11_2019 - PC ALGAR TECH\Desktop 01-02\log.csv</t>
  </si>
  <si>
    <t>D:\21_11_2019 - PC ALGAR TECH\Desktop - 12-11-19\Download\gbxawqoe.3fv (1).csv:Zone.Identifier</t>
  </si>
  <si>
    <t>D:\21_11_2019 - PC ALGAR TECH\Desktop - 12-11-19\Download\gbxawqoe.3fv.csv</t>
  </si>
  <si>
    <t>D:\21_11_2019 - PC ALGAR TECH\Desktop - 12-11-19\Download\gbxawqoe.3fv.csv:Zone.Identifier</t>
  </si>
  <si>
    <t>D:\21_11_2019 - PC ALGAR TECH\Desktop 01-02\LPU_DataCenter_Comercial_V2.xlsm</t>
  </si>
  <si>
    <t>D:\21_11_2019 - PC ALGAR TECH\Desktop - 12-11-19\Download\ggdmlw55.tyi.csv</t>
  </si>
  <si>
    <t>D:\21_11_2019 - PC ALGAR TECH\Desktop - 12-11-19\Download\ggdmlw55.tyi.csv:Zone.Identifier</t>
  </si>
  <si>
    <t>Plano de Formação GAT.xlsx</t>
  </si>
  <si>
    <t>D:\21_11_2019 - PC ALGAR TECH\Desktop 01-02\Plano de Formação GAT.xlsx</t>
  </si>
  <si>
    <t>D:\21_11_2019 - PC ALGAR TECH\Desktop 01-02\Processo de Compras.xlsx</t>
  </si>
  <si>
    <t>11/21/2019 20:16:52</t>
  </si>
  <si>
    <t>SOP - Gestão de Ambientes de Tecnologia - Jan-18.xlsb</t>
  </si>
  <si>
    <t>D:\21_11_2019 - PC ALGAR TECH\Desktop 01-02\SOP - Gestão de Ambientes de Tecnologia - Jan-18.xlsb</t>
  </si>
  <si>
    <t>11/21/2019 20:16:55</t>
  </si>
  <si>
    <t>SOP - Gestão de Serviços de Telecom - jan-18.xlsb</t>
  </si>
  <si>
    <t>D:\21_11_2019 - PC ALGAR TECH\Desktop 01-02\SOP - Gestão de Serviços de Telecom - jan-18.xlsb</t>
  </si>
  <si>
    <t>D:\21_11_2019 - PC ALGAR TECH\Desktop - 12-11-19\Download\Mapa GAT 06-11-2019.xlsx</t>
  </si>
  <si>
    <t>11/21/2019 20:16:56</t>
  </si>
  <si>
    <t>D:\21_11_2019 - PC ALGAR TECH\Desktop - 12-11-19\Download\Meta e Real 3º Tri v2 - Inclusao PV na base.xlsx</t>
  </si>
  <si>
    <t>11/21/2019 20:16:58</t>
  </si>
  <si>
    <t>D:\21_11_2019 - PC ALGAR TECH\Desktop 01-02\Vendas Detalhado.xlsx</t>
  </si>
  <si>
    <t>11/21/2019 20:17:02</t>
  </si>
  <si>
    <t>D:\21_11_2019 - PC ALGAR TECH\Desktop - 12-11-19\Download\ok24zv04.05a (1).csv</t>
  </si>
  <si>
    <t>D:\21_11_2019 - PC ALGAR TECH\Desktop - 12-11-19\Download\ok24zv04.05a (1).csv:Zone.Identifier</t>
  </si>
  <si>
    <t>D:\21_11_2019 - PC ALGAR TECH\Desktop - 12-11-19\Download\ok24zv04.05a.csv</t>
  </si>
  <si>
    <t>D:\21_11_2019 - PC ALGAR TECH\Desktop - 12-11-19\Download\ok24zv04.05a.csv:Zone.Identifier</t>
  </si>
  <si>
    <t>D:\21_11_2019 - PC ALGAR TECH\Desktop - 12-11-19\Download\Oportunidades por data criação - bu approval - COM NO GO.xlsx</t>
  </si>
  <si>
    <t>11/21/2019 20:17:03</t>
  </si>
  <si>
    <t>D:\21_11_2019 - PC ALGAR TECH\Desktop - 12-11-19\Download\Oportunidades por data criação - bu approval - SEM NO GO E DUPLICADAS.xlsx</t>
  </si>
  <si>
    <t>11/21/2019 20:17:04</t>
  </si>
  <si>
    <t>D:\21_11_2019 - PC ALGAR TECH\Desktop - 12-11-19\Download\Oportunidades por data criação - bu approval.xlsx</t>
  </si>
  <si>
    <t>11/21/2019 20:17:07</t>
  </si>
  <si>
    <t>D:\21_11_2019 - PC ALGAR TECH\Desktop - 12-11-19\Download\Oportunidades por data criação - detalhado - emissão proposta (1).xlsx</t>
  </si>
  <si>
    <t>11/21/2019 20:17:08</t>
  </si>
  <si>
    <t>D:\21_11_2019 - PC ALGAR TECH\Desktop - 12-11-19\Download\Oportunidades por data criação - detalhado - emissão proposta (2).xlsx</t>
  </si>
  <si>
    <t>11/21/2019 20:17:13</t>
  </si>
  <si>
    <t>D:\21_11_2019 - PC ALGAR TECH\Desktop - 12-11-19\Download\Oportunidades por data criação - detalhado - emissão proposta.xlsx</t>
  </si>
  <si>
    <t>11/21/2019 20:17:15</t>
  </si>
  <si>
    <t>D:\21_11_2019 - PC ALGAR TECH\Desktop - 12-11-19\Download\Pipeline Detalhado emissão proposta (1).xlsx</t>
  </si>
  <si>
    <t>11/21/2019 20:17:19</t>
  </si>
  <si>
    <t>D:\21_11_2019 - PC ALGAR TECH\Desktop 22-07-19\(Rotas)_TIM - BBN.XLSX</t>
  </si>
  <si>
    <t>11/21/2019 20:17:20</t>
  </si>
  <si>
    <t>D:\21_11_2019 - PC ALGAR TECH\Desktop - 12-11-19\Download\Pipeline Detalhado emissão proposta (2).xlsx</t>
  </si>
  <si>
    <t>11/21/2019 20:17:23</t>
  </si>
  <si>
    <t>D:\21_11_2019 - PC ALGAR TECH\Desktop - 12-11-19\Download\Pipeline Detalhado emissão proposta.xlsx</t>
  </si>
  <si>
    <t>D:\21_11_2019 - PC ALGAR TECH\Desktop - 12-11-19\Download\PosicaoHistorico_3044719.xls</t>
  </si>
  <si>
    <t>11/21/2019 20:17:26</t>
  </si>
  <si>
    <t>D:\21_11_2019 - PC ALGAR TECH\Desktop 22-07-19\145999 - BP Preço C011 B012 - sem ad..xlsb</t>
  </si>
  <si>
    <t>11/21/2019 20:17:29</t>
  </si>
  <si>
    <t>D:\21_11_2019 - PC ALGAR TECH\Desktop 22-07-19\167227 - IBM - Rollout - v1 - BP Preço C015 B014 Desonerada v1.xlsb</t>
  </si>
  <si>
    <t>11/21/2019 20:17:30</t>
  </si>
  <si>
    <t>D:\21_11_2019 - PC ALGAR TECH\Desktop - 12-11-19\Download\Vendas Detalhado com CAPEX_OPEX.xlsx</t>
  </si>
  <si>
    <t>11/21/2019 20:17:40</t>
  </si>
  <si>
    <t>D:\21_11_2019 - PC ALGAR TECH\Desktop 22-07-19\20180924_Algar Tech_Vendas Exponenciais.pptx</t>
  </si>
  <si>
    <t>11/21/2019 20:17:41</t>
  </si>
  <si>
    <t>11/21/2019 20:17:42</t>
  </si>
  <si>
    <t>11/21/2019 20:17:43</t>
  </si>
  <si>
    <t>11/21/2019 20:17:44</t>
  </si>
  <si>
    <t>11/21/2019 20:17:45</t>
  </si>
  <si>
    <t>11/21/2019 20:17:46</t>
  </si>
  <si>
    <t>11/21/2019 20:17:47</t>
  </si>
  <si>
    <t>D:\21_11_2019 - PC ALGAR TECH\Desktop - 12-11-19\Download\Vendas Detalhado.xlsx</t>
  </si>
  <si>
    <t>D:\21_11_2019 - PC ALGAR TECH\Desktop - 12-11-19\Download\vkauqcop.0fm (1).csv</t>
  </si>
  <si>
    <t>D:\21_11_2019 - PC ALGAR TECH\Desktop - 12-11-19\Download\vkauqcop.0fm (1).csv:Zone.Identifier</t>
  </si>
  <si>
    <t>11/21/2019 20:17:48</t>
  </si>
  <si>
    <t>D:\21_11_2019 - PC ALGAR TECH\Desktop - 12-11-19\Download\vkauqcop.0fm.csv</t>
  </si>
  <si>
    <t>11/21/2019 20:17:49</t>
  </si>
  <si>
    <t>D:\21_11_2019 - PC ALGAR TECH\Desktop - 12-11-19\Download\vkauqcop.0fm.csv:Zone.Identifier</t>
  </si>
  <si>
    <t>11/21/2019 20:17:50</t>
  </si>
  <si>
    <t>D:\21_11_2019 - PC ALGAR TECH\Desktop 22-07-19\Adicional Noturno - Fabio.xlsx</t>
  </si>
  <si>
    <t>11/21/2019 20:18:22</t>
  </si>
  <si>
    <t>D:\21_11_2019 - PC ALGAR TECH\Desktop 22-07-19\Alliance - GSD - Batch 2 - Financial Spreadsheet_v2b (Algar Tech - insite scenario).xlsx</t>
  </si>
  <si>
    <t>11/21/2019 20:18:23</t>
  </si>
  <si>
    <t>D:\21_11_2019 - PC ALGAR TECH\Desktop - 12-11-19\Download\xjissdhr.3xm (1).csv</t>
  </si>
  <si>
    <t>D:\21_11_2019 - PC ALGAR TECH\Desktop - 12-11-19\Download\xjissdhr.3xm (1).csv:Zone.Identifier</t>
  </si>
  <si>
    <t>D:\21_11_2019 - PC ALGAR TECH\Desktop - 12-11-19\Download\xjissdhr.3xm.csv</t>
  </si>
  <si>
    <t>D:\21_11_2019 - PC ALGAR TECH\Desktop - 12-11-19\Download\xjissdhr.3xm.csv:Zone.Identifier</t>
  </si>
  <si>
    <t>D:\21_11_2019 - PC ALGAR TECH\Desktop - 12-11-19\Download\xq0riycp.55q.csv</t>
  </si>
  <si>
    <t>D:\21_11_2019 - PC ALGAR TECH\Desktop - 12-11-19\Download\xq0riycp.55q.csv:Zone.Identifier</t>
  </si>
  <si>
    <t>11/21/2019 20:18:26</t>
  </si>
  <si>
    <t>D:\21_11_2019 - PC ALGAR TECH\Desktop - 12-11-19\Download\xxxx - BP Preço C015 B014- 4equipe +1 vistoriador v2.xlsb</t>
  </si>
  <si>
    <t>11/21/2019 20:18:27</t>
  </si>
  <si>
    <t>D:\21_11_2019 - PC ALGAR TECH\Desktop - 12-11-19\Download\Meus Arquivos Recebidos\144783-DesenhoProjeto_TIM_Final(1).pptx</t>
  </si>
  <si>
    <t>11/21/2019 20:18:28</t>
  </si>
  <si>
    <t>D:\21_11_2019 - PC ALGAR TECH\Desktop 22-07-19\Apresentação CenturyLink V2.pptx</t>
  </si>
  <si>
    <t>11/21/2019 20:18:31</t>
  </si>
  <si>
    <t>D:\21_11_2019 - PC ALGAR TECH\Desktop 22-07-19\Atividades Pre-Vendas.xlsx</t>
  </si>
  <si>
    <t>11/21/2019 20:18:32</t>
  </si>
  <si>
    <t>D:\21_11_2019 - PC ALGAR TECH\Desktop 22-07-19\Base Planilha - Tipos de Servicos por Negocio - v2.xlsx</t>
  </si>
  <si>
    <t>11/21/2019 20:18:35</t>
  </si>
  <si>
    <t>D:\21_11_2019 - PC ALGAR TECH\Desktop 22-07-19\BP - CFTV Petro - v6 cprb ok.xlsb</t>
  </si>
  <si>
    <t>D:\21_11_2019 - PC ALGAR TECH\Desktop 22-07-19\BP's vendidos.xlsx</t>
  </si>
  <si>
    <t>11/21/2019 20:18:36</t>
  </si>
  <si>
    <t>D:\21_11_2019 - PC ALGAR TECH\Desktop 22-07-19\Capilaridade Field Service GAT.xlsx</t>
  </si>
  <si>
    <t>11/21/2019 20:18:37</t>
  </si>
  <si>
    <t>D:\21_11_2019 - PC ALGAR TECH\Desktop 22-07-19\Century_2018-12_Departamental-GERAL.xlsb</t>
  </si>
  <si>
    <t>D:\21_11_2019 - PC ALGAR TECH\Desktop 22-07-19\Cha da Helena.xlsx</t>
  </si>
  <si>
    <t>11/21/2019 20:18:41</t>
  </si>
  <si>
    <t>D:\21_11_2019 - PC ALGAR TECH\Desktop 22-07-19\Coordenação de Soluções de Negócios - Apresentação wkp Cml V3.pptx</t>
  </si>
  <si>
    <t>11/21/2019 20:18:42</t>
  </si>
  <si>
    <t>D:\21_11_2019 - PC ALGAR TECH\Desktop 22-07-19\csc.xlsx</t>
  </si>
  <si>
    <t>11/21/2019 20:18:46</t>
  </si>
  <si>
    <t>D:\21_11_2019 - PC ALGAR TECH\Desktop 22-07-19\Cópia de 032018_Forecast de Receita Oficial_v08 - PREVIA ABR-18.xlsx</t>
  </si>
  <si>
    <t>11/21/2019 20:18:49</t>
  </si>
  <si>
    <t>D:\21_11_2019 - PC ALGAR TECH\Desktop 22-07-19\Cópia de 149022 - Sodexo - BP Preço C011 B012 Desonerada_ - estudo multiplicador.xlsb</t>
  </si>
  <si>
    <t>11/21/2019 20:18:55</t>
  </si>
  <si>
    <t>D:\21_11_2019 - PC ALGAR TECH\Desktop 22-07-19\Cópia de BP Preço C015 B014 Desonerada_RV PL SL. Mín._Final Sem Aluguel Car_100519 (002).xlsb</t>
  </si>
  <si>
    <t>11/21/2019 20:19:00</t>
  </si>
  <si>
    <t>D:\21_11_2019 - PC ALGAR TECH\Desktop 22-07-19\Cópia de Cópia de Tab Cargos V12 _Correção Pisos e Aux creche _Florianopolis -SC e Mato Groso-MS - Suelen (003).xlsx</t>
  </si>
  <si>
    <t>D:\21_11_2019 - PC ALGAR TECH\Desktop 22-07-19\Cópia de Formulário de Solicitação de Cartões de visita rev 1.xlsx</t>
  </si>
  <si>
    <t>D:\21_11_2019 - PC ALGAR TECH\Desktop 22-07-19\Cópia de Lista Usuários - CRM.xlsx</t>
  </si>
  <si>
    <t>11/21/2019 20:19:06</t>
  </si>
  <si>
    <t>D:\21_11_2019 - PC ALGAR TECH\Desktop 22-07-19\Cópia de Oportunidades por data criação (System Date) v4 (002) 7.xlsx</t>
  </si>
  <si>
    <t>D:\21_11_2019 - PC ALGAR TECH\Desktop 22-07-19\Cópia de Orçamento 2º semestre 2018.xls</t>
  </si>
  <si>
    <t>11/21/2019 20:19:11</t>
  </si>
  <si>
    <t>D:\21_11_2019 - PC ALGAR TECH\Desktop 22-07-19\Cópia de Tab Cargos V12 _Correção Pisos e Aux creche _Florianopolis -SC e Mato Groso-MS - Suelen.xlsx</t>
  </si>
  <si>
    <t>11/21/2019 20:19:12</t>
  </si>
  <si>
    <t>D:\21_11_2019 - PC ALGAR TECH\Desktop 22-07-19\Cópia de Template - Transferencia de GH.xlsx</t>
  </si>
  <si>
    <t>11/21/2019 20:19:14</t>
  </si>
  <si>
    <t>D:\21_11_2019 - PC ALGAR TECH\Desktop 22-07-19\Cópia de V2 148932 - BP Preço C011 B012 Desonerada v7 (004).xlsb</t>
  </si>
  <si>
    <t>11/21/2019 20:19:17</t>
  </si>
  <si>
    <t>D:\21_11_2019 - PC ALGAR TECH\Desktop 22-07-19\Cópia de V2 148932 - BP Preço C011 B012 Desonerada v7 (005).xlsb</t>
  </si>
  <si>
    <t>11/21/2019 20:19:20</t>
  </si>
  <si>
    <t>D:\21_11_2019 - PC ALGAR TECH\Desktop 22-07-19\Cópia de V2 148932 - BP Preço C011 B012 Desonerada v7 (006).xlsb</t>
  </si>
  <si>
    <t>11/21/2019 20:19:24</t>
  </si>
  <si>
    <t>D:\21_11_2019 - PC ALGAR TECH\Desktop 22-07-19\Demandas.xlsx</t>
  </si>
  <si>
    <t>11/21/2019 20:19:25</t>
  </si>
  <si>
    <t>D:\21_11_2019 - PC ALGAR TECH\Desktop 22-07-19\Elegibilidade v1.xlsx</t>
  </si>
  <si>
    <t>D:\21_11_2019 - PC ALGAR TECH\Desktop 22-07-19\Enxoval Helena.xlsx</t>
  </si>
  <si>
    <t>D:\21_11_2019 - PC ALGAR TECH\Desktop 22-07-19\Estrutura 2º semestre - Suelen.xlsx</t>
  </si>
  <si>
    <t>D:\21_11_2019 - PC ALGAR TECH\Desktop 22-07-19\Estrutura De_Para.xlsx</t>
  </si>
  <si>
    <t>D:\21_11_2019 - PC ALGAR TECH\Desktop 22-07-19\Estrutura Lote 6-2018.xlsx</t>
  </si>
  <si>
    <t>11/21/2019 20:19:26</t>
  </si>
  <si>
    <t>D:\21_11_2019 - PC ALGAR TECH\Desktop 22-07-19\Estudo Time Soluções.pptx</t>
  </si>
  <si>
    <t>D:\21_11_2019 - PC ALGAR TECH\Desktop 22-07-19\Expurgo.xlsx</t>
  </si>
  <si>
    <t>11/21/2019 20:19:29</t>
  </si>
  <si>
    <t>D:\21_11_2019 - PC ALGAR TECH\Desktop - 12-11-19\Download\Meus Arquivos Recebidos\BP C011 B012 Deson - Petrobras - Suporte-Melhorias Fabrica.xlsb</t>
  </si>
  <si>
    <t>11/21/2019 20:19:31</t>
  </si>
  <si>
    <t>D:\21_11_2019 - PC ALGAR TECH\Desktop - 12-11-19\Download\Meus Arquivos Recebidos\BP ITI.xlsb</t>
  </si>
  <si>
    <t>11/21/2019 20:19:35</t>
  </si>
  <si>
    <t>D:\21_11_2019 - PC ALGAR TECH\Desktop 22-07-19\Field v2.xlsb</t>
  </si>
  <si>
    <t>11/21/2019 20:19:36</t>
  </si>
  <si>
    <t>D:\21_11_2019 - PC ALGAR TECH\Desktop - 12-11-19\Download\Meus Arquivos Recebidos\BP-GEFCO-FINAL.xlsb</t>
  </si>
  <si>
    <t>11/21/2019 20:19:46</t>
  </si>
  <si>
    <t>D:\21_11_2019 - PC ALGAR TECH\Desktop 22-07-19\Fluxo_de_Caixa_2010_2011_2012_2013_2014_2015_2016 v1.xlsx</t>
  </si>
  <si>
    <t>11/21/2019 20:19:47</t>
  </si>
  <si>
    <t>D:\21_11_2019 - PC ALGAR TECH\Desktop 22-07-19\Formulário de Solicitação de Cartões de visita v2.xlsx</t>
  </si>
  <si>
    <t>D:\21_11_2019 - PC ALGAR TECH\Desktop 22-07-19\Formulário de Solicitação de Cartões de visita.xlsx</t>
  </si>
  <si>
    <t>D:\21_11_2019 - PC ALGAR TECH\Desktop - 12-11-19\Download\Meus Arquivos Recebidos\CAPEX EVOLUÇÃO DE VENDAS.xlsx</t>
  </si>
  <si>
    <t>11/21/2019 20:19:50</t>
  </si>
  <si>
    <t>D:\21_11_2019 - PC ALGAR TECH\Desktop - 12-11-19\Download\Meus Arquivos Recebidos\Comissão Força de Vendas - 3º Tri - 2018 - OFICIAL - Fabiano - CORRETO.xlsb</t>
  </si>
  <si>
    <t>D:\21_11_2019 - PC ALGAR TECH\Desktop 22-07-19\GH ALTERAÇÃO.xlsx</t>
  </si>
  <si>
    <t>11/21/2019 20:19:52</t>
  </si>
  <si>
    <t>D:\21_11_2019 - PC ALGAR TECH\Desktop - 12-11-19\Download\Meus Arquivos Recebidos\consolidado.xlsb</t>
  </si>
  <si>
    <t>11/21/2019 20:19:54</t>
  </si>
  <si>
    <t>D:\21_11_2019 - PC ALGAR TECH\Desktop - 12-11-19\Download\Meus Arquivos Recebidos\CV Moderno - Modelo .xlsx</t>
  </si>
  <si>
    <t>D:\21_11_2019 - PC ALGAR TECH\Desktop - 12-11-19\Download\Meus Arquivos Recebidos\Cópia de Anexo 2 – QQP_v4.xlsx</t>
  </si>
  <si>
    <t>11/21/2019 20:19:56</t>
  </si>
  <si>
    <t>D:\21_11_2019 - PC ALGAR TECH\Desktop 22-07-19\IMPUT HORAS ADICIONAIS.xlsb</t>
  </si>
  <si>
    <t>D:\21_11_2019 - PC ALGAR TECH\Desktop 22-07-19\levantamento_estrutura_bp - GAT.xlsx</t>
  </si>
  <si>
    <t>D:\21_11_2019 - PC ALGAR TECH\Desktop - 12-11-19\Download\Meus Arquivos Recebidos\Distribuição vs Comparativo_v2.xlsx</t>
  </si>
  <si>
    <t>11/21/2019 20:19:57</t>
  </si>
  <si>
    <t>D:\21_11_2019 - PC ALGAR TECH\Desktop 22-07-19\Lista (002).xlsx</t>
  </si>
  <si>
    <t>11/21/2019 20:19:58</t>
  </si>
  <si>
    <t>D:\21_11_2019 - PC ALGAR TECH\Desktop 22-07-19\Logística FMM-FMT v16.4.xlsx</t>
  </si>
  <si>
    <t>11/21/2019 20:20:01</t>
  </si>
  <si>
    <t>D:\21_11_2019 - PC ALGAR TECH\Desktop 22-07-19\Meta.xlsx</t>
  </si>
  <si>
    <t>D:\21_11_2019 - PC ALGAR TECH\Desktop 22-07-19\Niver Helena.xlsx</t>
  </si>
  <si>
    <t>11/21/2019 20:20:03</t>
  </si>
  <si>
    <t>D:\21_11_2019 - PC ALGAR TECH\Desktop 22-07-19\Oportunidades por data criação (System Date) v2.xlsx</t>
  </si>
  <si>
    <t>11/21/2019 20:20:10</t>
  </si>
  <si>
    <t>D:\21_11_2019 - PC ALGAR TECH\Desktop 22-07-19\Oportunidades por data criação (System Date) v3.xlsx</t>
  </si>
  <si>
    <t>11/21/2019 20:20:18</t>
  </si>
  <si>
    <t>D:\21_11_2019 - PC ALGAR TECH\Desktop 22-07-19\Oportunidades por data criação (System Date) v4.xlsx</t>
  </si>
  <si>
    <t>11/21/2019 20:20:33</t>
  </si>
  <si>
    <t>D:\21_11_2019 - PC ALGAR TECH\Desktop 22-07-19\Oportunidades por data fechamento - detalhado - emissão proposta (2) - v2 - alçadas.xlsx</t>
  </si>
  <si>
    <t>11/21/2019 20:20:50</t>
  </si>
  <si>
    <t>D:\21_11_2019 - PC ALGAR TECH\Desktop 22-07-19\Oportunidades por data fechamento - detalhado - emissão proposta (2) - v2.xlsx</t>
  </si>
  <si>
    <t>D:\21_11_2019 - PC ALGAR TECH\Desktop 22-07-19\Opps em Andamento.xlsx</t>
  </si>
  <si>
    <t>11/21/2019 20:20:52</t>
  </si>
  <si>
    <t>D:\21_11_2019 - PC ALGAR TECH\Desktop - 12-11-19\Download\Meus Arquivos Recebidos\Field.xlsb</t>
  </si>
  <si>
    <t>D:\21_11_2019 - PC ALGAR TECH\Desktop 22-07-19\password_2007_2010.xlam</t>
  </si>
  <si>
    <t>D:\21_11_2019 - PC ALGAR TECH\Desktop 22-07-19\PCoE v2.xlsx</t>
  </si>
  <si>
    <t>11/21/2019 20:20:54</t>
  </si>
  <si>
    <t>D:\21_11_2019 - PC ALGAR TECH\Desktop - 12-11-19\Download\Meus Arquivos Recebidos\FLEXFIELDS - Códigos de Contabilização OEBS - Algar Tech .xlsx</t>
  </si>
  <si>
    <t>D:\21_11_2019 - PC ALGAR TECH\Desktop 22-07-19\Pensao.xlsx</t>
  </si>
  <si>
    <t>11/21/2019 20:20:59</t>
  </si>
  <si>
    <t>D:\21_11_2019 - PC ALGAR TECH\Desktop - 12-11-19\Download\Meus Arquivos Recebidos\Forecast de Receita Oficial_2019(1).xlsx</t>
  </si>
  <si>
    <t>D:\21_11_2019 - PC ALGAR TECH\Desktop 22-07-19\Pensão e Produtos detamatologista.xlsx</t>
  </si>
  <si>
    <t>11/21/2019 20:21:02</t>
  </si>
  <si>
    <t>D:\21_11_2019 - PC ALGAR TECH\Desktop - 12-11-19\Download\Meus Arquivos Recebidos\Forecast de Receita Oficial_2019.xlsx</t>
  </si>
  <si>
    <t>D:\21_11_2019 - PC ALGAR TECH\Desktop 22-07-19\PETROBRAS MACAE v7.pptx</t>
  </si>
  <si>
    <t>D:\21_11_2019 - PC ALGAR TECH\Desktop - 12-11-19\Download\Meus Arquivos Recebidos\LPU_DataCenter_Comercial_V2.xlsm</t>
  </si>
  <si>
    <t>D:\21_11_2019 - PC ALGAR TECH\Desktop - 12-11-19\Download\Meus Arquivos Recebidos\LPU_DataCenter_Comercial_V6_Julho-2018.xlsm</t>
  </si>
  <si>
    <t>11/21/2019 20:21:03</t>
  </si>
  <si>
    <t>D:\21_11_2019 - PC ALGAR TECH\Desktop - 12-11-19\Download\Meus Arquivos Recebidos\LPU_DataCenter_Comercial_V8_Maio-2019.xlsm</t>
  </si>
  <si>
    <t>11/21/2019 20:21:04</t>
  </si>
  <si>
    <t>D:\21_11_2019 - PC ALGAR TECH\Desktop 22-07-19\PGP Gerproc atual-1-1.ppt</t>
  </si>
  <si>
    <t>11/21/2019 20:21:05</t>
  </si>
  <si>
    <t>D:\21_11_2019 - PC ALGAR TECH\Desktop - 12-11-19\Download\Meus Arquivos Recebidos\PlanilhaPreco_Base.xlsb</t>
  </si>
  <si>
    <t>D:\21_11_2019 - PC ALGAR TECH\Desktop - 12-11-19\Download\Meus Arquivos Recebidos\pricing.xlsx</t>
  </si>
  <si>
    <t>11/21/2019 20:21:06</t>
  </si>
  <si>
    <t>D:\21_11_2019 - PC ALGAR TECH\Desktop 22-07-19\Pre Sales Location (detail table).xlsx</t>
  </si>
  <si>
    <t>D:\21_11_2019 - PC ALGAR TECH\Desktop 22-07-19\Premissas TH.xlsx</t>
  </si>
  <si>
    <t>11/21/2019 20:21:11</t>
  </si>
  <si>
    <t>D:\21_11_2019 - PC ALGAR TECH\Desktop - 12-11-19\Download\Meus Arquivos Recebidos\Prudential - BP ISD - Versão Novembro 2019.xlsb</t>
  </si>
  <si>
    <t>D:\21_11_2019 - PC ALGAR TECH\Desktop 22-07-19\Product Catalog (3 níveis) (2).xlsx</t>
  </si>
  <si>
    <t>D:\21_11_2019 - PC ALGAR TECH\Desktop 22-07-19\Product Catalog (3 níveis) 22-04-19.xlsx</t>
  </si>
  <si>
    <t>D:\21_11_2019 - PC ALGAR TECH\Desktop 22-07-19\Product Catalog (3 níveis) 26-06-19.xlsx</t>
  </si>
  <si>
    <t>D:\21_11_2019 - PC ALGAR TECH\Desktop - 12-11-19\Download\Meus Arquivos Recebidos\pth_1.xlsx</t>
  </si>
  <si>
    <t>11/21/2019 20:21:12</t>
  </si>
  <si>
    <t>D:\21_11_2019 - PC ALGAR TECH\Desktop 22-07-19\Projeto CSC - Resumo Executivo.pptx</t>
  </si>
  <si>
    <t>D:\21_11_2019 - PC ALGAR TECH\Desktop - 12-11-19\Download\Meus Arquivos Recebidos\PTH_GAT_CML.xlsx</t>
  </si>
  <si>
    <t>11/21/2019 20:21:17</t>
  </si>
  <si>
    <t>D:\21_11_2019 - PC ALGAR TECH\Desktop - 12-11-19\Download\Meus Arquivos Recebidos\STH - Analista de Negócios PL.xlsx</t>
  </si>
  <si>
    <t>11/21/2019 20:21:21</t>
  </si>
  <si>
    <t>D:\21_11_2019 - PC ALGAR TECH\Desktop 22-07-19\Reunião Soluções 07-2019.pptx</t>
  </si>
  <si>
    <t>11/21/2019 20:21:26</t>
  </si>
  <si>
    <t>D:\21_11_2019 - PC ALGAR TECH\Desktop 22-07-19\RFP Prudential - GIAT - Cenário 1 - Fator 2.xlsb</t>
  </si>
  <si>
    <t>11/21/2019 20:21:29</t>
  </si>
  <si>
    <t>D:\21_11_2019 - PC ALGAR TECH\Desktop 22-07-19\Simulação Prodesp - v2.xlsb</t>
  </si>
  <si>
    <t>D:\21_11_2019 - PC ALGAR TECH\Desktop 22-07-19\Simulações comissão suélen.xlsx</t>
  </si>
  <si>
    <t>D:\21_11_2019 - PC ALGAR TECH\Desktop 22-07-19\SLAs Entre as Áreas.pptx</t>
  </si>
  <si>
    <t>D:\21_11_2019 - PC ALGAR TECH\Desktop - 12-11-19\Download\Meus Arquivos Recebidos\Template_Proposta_Transacional.xls</t>
  </si>
  <si>
    <t>D:\21_11_2019 - PC ALGAR TECH\Desktop 22-07-19\SLAs Entre Áreas v1.xlsx</t>
  </si>
  <si>
    <t>11/21/2019 20:21:30</t>
  </si>
  <si>
    <t>D:\21_11_2019 - PC ALGAR TECH\Desktop 22-07-19\SLAs Entre Áreas v2.xlsx</t>
  </si>
  <si>
    <t>D:\21_11_2019 - PC ALGAR TECH\Desktop 22-07-19\SLAs Entre Áreas v3.xlsx</t>
  </si>
  <si>
    <t>D:\21_11_2019 - PC ALGAR TECH\Desktop - 12-11-19\PreVendas - Governo Diogo\cotacao funarte.xlsx</t>
  </si>
  <si>
    <t>D:\21_11_2019 - PC ALGAR TECH\Desktop 22-07-19\SLAs Entre Áreas.xlsx</t>
  </si>
  <si>
    <t>D:\21_11_2019 - PC ALGAR TECH\Desktop - 12-11-19\PreVendas - Governo Diogo\Cálculo de Comissões.xlsx</t>
  </si>
  <si>
    <t>11/21/2019 20:21:32</t>
  </si>
  <si>
    <t>D:\21_11_2019 - PC ALGAR TECH\Desktop 22-07-19\SOP - GAT - Mar-18.xlsb</t>
  </si>
  <si>
    <t>11/21/2019 20:21:37</t>
  </si>
  <si>
    <t>D:\21_11_2019 - PC ALGAR TECH\Desktop 22-07-19\SOP - GST - Mar-18.xlsb</t>
  </si>
  <si>
    <t>11/21/2019 20:21:40</t>
  </si>
  <si>
    <t>D:\21_11_2019 - PC ALGAR TECH\Desktop - 12-11-19\PreVendas - Governo Diogo\Sylvio.xlsb</t>
  </si>
  <si>
    <t>D:\21_11_2019 - PC ALGAR TECH\Desktop - 12-11-19\PreVendas - Governo Diogo\ABDI\cotação Envio.xlsx</t>
  </si>
  <si>
    <t>D:\21_11_2019 - PC ALGAR TECH\Desktop - 12-11-19\PreVendas - Governo Diogo\ABDI\cotação.xlsx</t>
  </si>
  <si>
    <t>D:\21_11_2019 - PC ALGAR TECH\Desktop 22-07-19\Template DE Para para Promoção e Mérito - Suelen Moreira Marques.xlsx</t>
  </si>
  <si>
    <t>11/21/2019 20:21:42</t>
  </si>
  <si>
    <t>D:\21_11_2019 - PC ALGAR TECH\Desktop 22-07-19\Teste Wanessa.xlsb</t>
  </si>
  <si>
    <t>D:\21_11_2019 - PC ALGAR TECH\Desktop - 12-11-19\PreVendas - Governo Diogo\adasa\previa preço.xlsx</t>
  </si>
  <si>
    <t>11/21/2019 20:21:44</t>
  </si>
  <si>
    <t>D:\21_11_2019 - PC ALGAR TECH\Desktop 22-07-19\ULTIMA LOGÍSTICA.msg</t>
  </si>
  <si>
    <t>11/21/2019 20:21:45</t>
  </si>
  <si>
    <t>D:\21_11_2019 - PC ALGAR TECH\Desktop 22-07-19\Vallourec.xlsx</t>
  </si>
  <si>
    <t>D:\21_11_2019 - PC ALGAR TECH\Desktop - 12-11-19\PreVendas - Governo Diogo\ALESP\Preco.xlsb</t>
  </si>
  <si>
    <t>D:\21_11_2019 - PC ALGAR TECH\Desktop 22-07-19\vaoqv2u5.plh.xlsx</t>
  </si>
  <si>
    <t>11/21/2019 20:21:49</t>
  </si>
  <si>
    <t>D:\21_11_2019 - PC ALGAR TECH\Desktop - 12-11-19\PreVendas - Governo Diogo\Alphaville\Per Call Reset Senha.xlsb</t>
  </si>
  <si>
    <t>11/21/2019 20:21:50</t>
  </si>
  <si>
    <t>11/21/2019 20:21:51</t>
  </si>
  <si>
    <t>D:\21_11_2019 - PC ALGAR TECH\Desktop - 12-11-19\PreVendas - Governo Diogo\AMAGGI\Bilíngue compartilhado.xlsb</t>
  </si>
  <si>
    <t>11/21/2019 20:21:54</t>
  </si>
  <si>
    <t>D:\21_11_2019 - PC ALGAR TECH\Desktop - 12-11-19\PreVendas - Governo Diogo\AMAGGI\Bilíngue Dedicado.xlsb</t>
  </si>
  <si>
    <t>11/21/2019 20:21:55</t>
  </si>
  <si>
    <t>D:\21_11_2019 - PC ALGAR TECH\Desktop - 12-11-19\PreVendas - Governo Diogo\AMAGGI\Field.xlsb</t>
  </si>
  <si>
    <t>11/21/2019 20:21:56</t>
  </si>
  <si>
    <t>11/21/2019 20:21:59</t>
  </si>
  <si>
    <t>D:\21_11_2019 - PC ALGAR TECH\Desktop - 12-11-19\PreVendas - Governo Diogo\AMAGGI\NOC.xlsb</t>
  </si>
  <si>
    <t>11/21/2019 20:22:03</t>
  </si>
  <si>
    <t>D:\21_11_2019 - PC ALGAR TECH\Desktop - 12-11-19\PreVendas - Governo Diogo\AMAGGI\PS.xlsb</t>
  </si>
  <si>
    <t>11/21/2019 20:22:05</t>
  </si>
  <si>
    <t>D:\21_11_2019 - PC ALGAR TECH\Desktop - 12-11-19\PreVendas - Governo Diogo\AMAGGI\Revisão 1\Field.xlsb</t>
  </si>
  <si>
    <t>11/21/2019 20:22:11</t>
  </si>
  <si>
    <t>D:\21_11_2019 - PC ALGAR TECH\Desktop - 12-11-19\PreVendas - Governo Diogo\AMAGGI\Revisão 1\Revisão 1.zip</t>
  </si>
  <si>
    <t>11/21/2019 20:22:16</t>
  </si>
  <si>
    <t>D:\21_11_2019 - PC ALGAR TECH\Desktop - 12-11-19\PreVendas - Governo Diogo\AMAGGI\Revisão 1\SD.xlsb</t>
  </si>
  <si>
    <t>11/21/2019 20:22:18</t>
  </si>
  <si>
    <t>D:\21_11_2019 - PC ALGAR TECH\Desktop - 12-11-19\PreVendas - Governo Diogo\AMAGGI\Revisão 2\Field.xlsb</t>
  </si>
  <si>
    <t>11/21/2019 20:22:22</t>
  </si>
  <si>
    <t>D:\21_11_2019 - PC ALGAR TECH\Desktop - 12-11-19\PreVendas - Governo Diogo\AMAGGI\Revisão 2\SD N1.xlsb</t>
  </si>
  <si>
    <t>D:\21_11_2019 - PC ALGAR TECH\Desktop - 12-11-19\PreVendas - Governo Diogo\ANA\Cotação Infra\Proposta de Indicadores.xlsx</t>
  </si>
  <si>
    <t>11/21/2019 20:22:23</t>
  </si>
  <si>
    <t>D:\21_11_2019 - PC ALGAR TECH\Desktop 22-07-19\Download\00koyqtn.oh5.csv</t>
  </si>
  <si>
    <t>D:\21_11_2019 - PC ALGAR TECH\Desktop 22-07-19\Download\00koyqtn.oh5.csv:Zone.Identifier</t>
  </si>
  <si>
    <t>D:\21_11_2019 - PC ALGAR TECH\Desktop 22-07-19\Download\022a8356d9604955bae2bb83dd89378a.xls</t>
  </si>
  <si>
    <t>D:\21_11_2019 - PC ALGAR TECH\Desktop 22-07-19\Download\079ce4ca4d4f41e29e5662a16f8423ad.csv</t>
  </si>
  <si>
    <t>D:\21_11_2019 - PC ALGAR TECH\Desktop 22-07-19\Download\079ce4ca4d4f41e29e5662a16f8423ad.csv:Zone.Identifier</t>
  </si>
  <si>
    <t>11/21/2019 20:22:24</t>
  </si>
  <si>
    <t>D:\21_11_2019 - PC ALGAR TECH\Desktop - 12-11-19\PreVendas - Governo Diogo\ANA\Service-desk Publicado\Planilha de Preço - Serviços Gerenciados.xlsb</t>
  </si>
  <si>
    <t>D:\21_11_2019 - PC ALGAR TECH\Desktop 22-07-19\Download\0v1xz3fz.uu1.csv</t>
  </si>
  <si>
    <t>11/21/2019 20:22:26</t>
  </si>
  <si>
    <t>D:\21_11_2019 - PC ALGAR TECH\Desktop - 12-11-19\PreVendas - Governo Diogo\ANA\Service-desk Publicado\Preço Desonerado.xlsb</t>
  </si>
  <si>
    <t>D:\21_11_2019 - PC ALGAR TECH\Desktop 22-07-19\Download\0wgsdtsq.dfy (1).csv</t>
  </si>
  <si>
    <t>D:\21_11_2019 - PC ALGAR TECH\Desktop 22-07-19\Download\0wgsdtsq.dfy (1).csv:Zone.Identifier</t>
  </si>
  <si>
    <t>D:\21_11_2019 - PC ALGAR TECH\Desktop - 12-11-19\PreVendas - Governo Diogo\ANA\Service-desk Publicado\Volumetria.xlsx</t>
  </si>
  <si>
    <t>D:\21_11_2019 - PC ALGAR TECH\Desktop 22-07-19\Download\0wgsdtsq.dfy (2).csv</t>
  </si>
  <si>
    <t>D:\21_11_2019 - PC ALGAR TECH\Desktop 22-07-19\Download\0wgsdtsq.dfy (2).csv:Zone.Identifier</t>
  </si>
  <si>
    <t>D:\21_11_2019 - PC ALGAR TECH\Desktop - 12-11-19\PreVendas - Governo Diogo\ANAC\Estrutura e preço PS.xlsx</t>
  </si>
  <si>
    <t>D:\21_11_2019 - PC ALGAR TECH\Desktop 22-07-19\Download\0wgsdtsq.dfy.csv</t>
  </si>
  <si>
    <t>D:\21_11_2019 - PC ALGAR TECH\Desktop - 12-11-19\PreVendas - Governo Diogo\ANAC\2017\cotação\Cotação.xlsx</t>
  </si>
  <si>
    <t>11/21/2019 20:22:28</t>
  </si>
  <si>
    <t>D:\21_11_2019 - PC ALGAR TECH\Desktop - 12-11-19\PreVendas - Governo Diogo\ANATEL\Cenário 1.xlsb</t>
  </si>
  <si>
    <t>11/21/2019 20:22:29</t>
  </si>
  <si>
    <t>D:\21_11_2019 - PC ALGAR TECH\Desktop - 12-11-19\PreVendas - Governo Diogo\ANATEL\Cenário 2.xlsb</t>
  </si>
  <si>
    <t>11/21/2019 20:22:30</t>
  </si>
  <si>
    <t>D:\21_11_2019 - PC ALGAR TECH\Desktop - 12-11-19\PreVendas - Governo Diogo\ANATEL\2017\Infra\Cotação\Cotação Infra.xlsx</t>
  </si>
  <si>
    <t>D:\21_11_2019 - PC ALGAR TECH\Desktop 22-07-19\Download\12ae9bbf025c45b88cbfb18ed2134b41.xls</t>
  </si>
  <si>
    <t>11/21/2019 20:22:32</t>
  </si>
  <si>
    <t>D:\21_11_2019 - PC ALGAR TECH\Desktop 22-07-19\Download\13r3fkwf.oic.csv</t>
  </si>
  <si>
    <t>D:\21_11_2019 - PC ALGAR TECH\Desktop 22-07-19\Download\13r3fkwf.oic.csv:Zone.Identifier</t>
  </si>
  <si>
    <t>11/21/2019 20:22:33</t>
  </si>
  <si>
    <t>D:\21_11_2019 - PC ALGAR TECH\Desktop 22-07-19\Download\149032 - BP Preço C011 B012 Desonerada - Atento v1.0 - To Be.xlsb</t>
  </si>
  <si>
    <t>D:\21_11_2019 - PC ALGAR TECH\Desktop - 12-11-19\PreVendas - Governo Diogo\ANCINE\ANEEL\Desenho.xlsx</t>
  </si>
  <si>
    <t>11/21/2019 20:22:37</t>
  </si>
  <si>
    <t>D:\21_11_2019 - PC ALGAR TECH\Desktop - 12-11-19\PreVendas - Governo Diogo\ANCINE\ANEEL\Preço Consolidado.xlsb</t>
  </si>
  <si>
    <t>D:\21_11_2019 - PC ALGAR TECH\Desktop 22-07-19\Download\150tdotz.a22.csv</t>
  </si>
  <si>
    <t>D:\21_11_2019 - PC ALGAR TECH\Desktop 22-07-19\Download\150tdotz.a22.csv:Zone.Identifier</t>
  </si>
  <si>
    <t>D:\21_11_2019 - PC ALGAR TECH\Desktop - 12-11-19\PreVendas - Governo Diogo\ANCINE\ANEEL\Preço Migração + Treinamento.xlsb</t>
  </si>
  <si>
    <t>11/21/2019 20:22:39</t>
  </si>
  <si>
    <t>D:\21_11_2019 - PC ALGAR TECH\Desktop 22-07-19\Download\160191_IBM_SD_IBM_(BP Preço C015 B014).xlsb</t>
  </si>
  <si>
    <t>D:\21_11_2019 - PC ALGAR TECH\Desktop - 12-11-19\PreVendas - Governo Diogo\ANCINE\ANEEL\Preço Operação.xlsb</t>
  </si>
  <si>
    <t>D:\21_11_2019 - PC ALGAR TECH\Desktop 22-07-19\Download\191365982eb44a3bacf9553ecc042b22.xls</t>
  </si>
  <si>
    <t>D:\21_11_2019 - PC ALGAR TECH\Desktop - 12-11-19\PreVendas - Governo Diogo\ANCINE\ANEEL\2015\Cotação.xlsx</t>
  </si>
  <si>
    <t>D:\21_11_2019 - PC ALGAR TECH\Desktop 22-07-19\Download\1nj4bkf3.4mk.csv</t>
  </si>
  <si>
    <t>D:\21_11_2019 - PC ALGAR TECH\Desktop - 12-11-19\PreVendas - Governo Diogo\ANCINE\ANEEL\2018\SD\Pricing.xlsx</t>
  </si>
  <si>
    <t>D:\21_11_2019 - PC ALGAR TECH\Desktop 22-07-19\Download\1nj4bkf3.4mk.csv:Zone.Identifier</t>
  </si>
  <si>
    <t>11/21/2019 20:22:41</t>
  </si>
  <si>
    <t>D:\21_11_2019 - PC ALGAR TECH\Desktop 22-07-19\Download\219f826cc5434b70a09d4c780080f5dd.xls</t>
  </si>
  <si>
    <t>11/21/2019 20:22:42</t>
  </si>
  <si>
    <t>D:\21_11_2019 - PC ALGAR TECH\Desktop 22-07-19\Download\23998a33c8c643a581db32a44d5536ae.xls</t>
  </si>
  <si>
    <t>D:\21_11_2019 - PC ALGAR TECH\Desktop - 12-11-19\PreVendas - Governo Diogo\ANP\2018\Infraestrutura\Cotação\Cotação.xlsx</t>
  </si>
  <si>
    <t>D:\21_11_2019 - PC ALGAR TECH\Desktop - 12-11-19\PreVendas - Governo Diogo\ANS\Cotação.xlsx</t>
  </si>
  <si>
    <t>D:\21_11_2019 - PC ALGAR TECH\Desktop - 12-11-19\PreVendas - Governo Diogo\ANS\2016\Cotação 07-2016\Cotação.xlsx</t>
  </si>
  <si>
    <t>D:\21_11_2019 - PC ALGAR TECH\Desktop 22-07-19\Download\2aa01316e9974157967467ff4ee85385.xls</t>
  </si>
  <si>
    <t>11/21/2019 20:22:43</t>
  </si>
  <si>
    <t>D:\21_11_2019 - PC ALGAR TECH\Desktop 22-07-19\Download\2kbezo4v.xcd.csv</t>
  </si>
  <si>
    <t>D:\21_11_2019 - PC ALGAR TECH\Desktop 22-07-19\Download\2kbezo4v.xcd.csv:Zone.Identifier</t>
  </si>
  <si>
    <t>D:\21_11_2019 - PC ALGAR TECH\Desktop - 12-11-19\PreVendas - Governo Diogo\ANTT\Funcionalidades-Ferramenta-CA.xlsx</t>
  </si>
  <si>
    <t>D:\21_11_2019 - PC ALGAR TECH\Desktop 22-07-19\Download\2n4otkvp.rgd.csv</t>
  </si>
  <si>
    <t>D:\21_11_2019 - PC ALGAR TECH\Desktop 22-07-19\Download\2n4otkvp.rgd.csv:Zone.Identifier</t>
  </si>
  <si>
    <t>11/21/2019 20:22:44</t>
  </si>
  <si>
    <t>D:\21_11_2019 - PC ALGAR TECH\Desktop - 12-11-19\PreVendas - Governo Diogo\ANVISA\2016\SD\COTAÇÃO Planilha de Preços - ANVISA SD.xlsm</t>
  </si>
  <si>
    <t>11/21/2019 20:22:46</t>
  </si>
  <si>
    <t>D:\21_11_2019 - PC ALGAR TECH\Desktop - 12-11-19\PreVendas - Governo Diogo\ANVISA\2017\Cotação N1.xlsb</t>
  </si>
  <si>
    <t>11/21/2019 20:22:47</t>
  </si>
  <si>
    <t>D:\21_11_2019 - PC ALGAR TECH\Desktop - 12-11-19\PreVendas - Governo Diogo\ANVISA\2017\Cotação N2.xlsb</t>
  </si>
  <si>
    <t>11/21/2019 20:22:48</t>
  </si>
  <si>
    <t>D:\21_11_2019 - PC ALGAR TECH\Desktop - 12-11-19\PreVendas - Governo Diogo\ANVISA\2017\Resumo.xlsx</t>
  </si>
  <si>
    <t>11/21/2019 20:22:49</t>
  </si>
  <si>
    <t>D:\21_11_2019 - PC ALGAR TECH\Desktop - 12-11-19\PreVendas - Governo Diogo\ANVISA\2017\Edital Publicado\BP Preço C010 B011 Desonerada.xlsb</t>
  </si>
  <si>
    <t>11/21/2019 20:22:50</t>
  </si>
  <si>
    <t>D:\21_11_2019 - PC ALGAR TECH\Desktop - 12-11-19\PreVendas - Governo Diogo\ANVISA\Cotação\Cotação.xlsb</t>
  </si>
  <si>
    <t>D:\21_11_2019 - PC ALGAR TECH\Desktop 22-07-19\Download\327b6961aff34561a45b9bb95ccd6244.csv</t>
  </si>
  <si>
    <t>D:\21_11_2019 - PC ALGAR TECH\Desktop 22-07-19\Download\327b6961aff34561a45b9bb95ccd6244.csv:Zone.Identifier</t>
  </si>
  <si>
    <t>D:\21_11_2019 - PC ALGAR TECH\Desktop - 12-11-19\PreVendas - Governo Diogo\ANVISA\Cotação\Racional UST Cotação.xlsx</t>
  </si>
  <si>
    <t>D:\21_11_2019 - PC ALGAR TECH\Desktop 22-07-19\Download\332ecd22bcb2485f8303b8552602d269.csv</t>
  </si>
  <si>
    <t>D:\21_11_2019 - PC ALGAR TECH\Desktop 22-07-19\Download\332ecd22bcb2485f8303b8552602d269.csv:Zone.Identifier</t>
  </si>
  <si>
    <t>D:\21_11_2019 - PC ALGAR TECH\Desktop - 12-11-19\PreVendas - Governo Diogo\Arquivo Nacional\Cotação\Cotação.xlsx</t>
  </si>
  <si>
    <t>D:\21_11_2019 - PC ALGAR TECH\Desktop 22-07-19\Download\3c314148775448e9ab1431395be5d893.xls</t>
  </si>
  <si>
    <t>11/21/2019 20:22:52</t>
  </si>
  <si>
    <t>D:\21_11_2019 - PC ALGAR TECH\Desktop 22-07-19\Download\3c6ecf04b26f4f818a80a3f783440cce.xls</t>
  </si>
  <si>
    <t>11/21/2019 20:22:53</t>
  </si>
  <si>
    <t>D:\21_11_2019 - PC ALGAR TECH\Desktop - 12-11-19\PreVendas - Governo Diogo\BACEN\Preco.xlsb</t>
  </si>
  <si>
    <t>D:\21_11_2019 - PC ALGAR TECH\Desktop 22-07-19\Download\3e7d299171334d199183d2cdab9d2dcf.xls</t>
  </si>
  <si>
    <t>11/21/2019 20:22:54</t>
  </si>
  <si>
    <t>D:\21_11_2019 - PC ALGAR TECH\Desktop 22-07-19\Download\3itu5gz4.0is.csv</t>
  </si>
  <si>
    <t>D:\21_11_2019 - PC ALGAR TECH\Desktop - 12-11-19\PreVendas - Governo Diogo\BBTS\BBTS TV\Pricing.xlsx</t>
  </si>
  <si>
    <t>D:\21_11_2019 - PC ALGAR TECH\Desktop 22-07-19\Download\406aee30117c4a259b1527a8038a0cbe v2.xls</t>
  </si>
  <si>
    <t>11/21/2019 20:22:55</t>
  </si>
  <si>
    <t>D:\21_11_2019 - PC ALGAR TECH\Desktop - 12-11-19\PreVendas - Governo Diogo\BDMG\Final\Cotação BDMG.xlsb</t>
  </si>
  <si>
    <t>11/21/2019 20:22:56</t>
  </si>
  <si>
    <t>D:\21_11_2019 - PC ALGAR TECH\Desktop 22-07-19\Download\406aee30117c4a259b1527a8038a0cbe.xls</t>
  </si>
  <si>
    <t>D:\21_11_2019 - PC ALGAR TECH\Desktop - 12-11-19\PreVendas - Governo Diogo\BDMG\Final\dimensionamento Monitoramento.xlsx</t>
  </si>
  <si>
    <t>D:\21_11_2019 - PC ALGAR TECH\Desktop 22-07-19\Download\49236e87dad5407a8c7369d229e6fad2.xls</t>
  </si>
  <si>
    <t>11/21/2019 20:22:57</t>
  </si>
  <si>
    <t>D:\21_11_2019 - PC ALGAR TECH\Desktop 22-07-19\Download\4ad6ca991c6041229e4f172acb0e8947.csv</t>
  </si>
  <si>
    <t>D:\21_11_2019 - PC ALGAR TECH\Desktop 22-07-19\Download\4ad6ca991c6041229e4f172acb0e8947.csv:Zone.Identifier</t>
  </si>
  <si>
    <t>D:\21_11_2019 - PC ALGAR TECH\Desktop - 12-11-19\PreVendas - Governo Diogo\BNB\Map - Sistema de Precificação Novo Portifolio.xlsb</t>
  </si>
  <si>
    <t>11/21/2019 20:22:58</t>
  </si>
  <si>
    <t>D:\21_11_2019 - PC ALGAR TECH\Desktop 22-07-19\Download\4e65aded5c2f4213bfd0c4782bbb0710.xls</t>
  </si>
  <si>
    <t>D:\21_11_2019 - PC ALGAR TECH\Desktop - 12-11-19\PreVendas - Governo Diogo\BNB\Simulação - Valdeira.xlsx</t>
  </si>
  <si>
    <t>D:\21_11_2019 - PC ALGAR TECH\Desktop - 12-11-19\PreVendas - Governo Diogo\BNB\Simulação.xlsx</t>
  </si>
  <si>
    <t>D:\21_11_2019 - PC ALGAR TECH\Desktop 22-07-19\Download\4ow1pbky.ktu.csv</t>
  </si>
  <si>
    <t>D:\21_11_2019 - PC ALGAR TECH\Desktop 22-07-19\Download\4ow1pbky.ktu.csv:Zone.Identifier</t>
  </si>
  <si>
    <t>D:\21_11_2019 - PC ALGAR TECH\Desktop - 12-11-19\PreVendas - Governo Diogo\BNB\2015\Análise Macro BNB 2015.xlsx</t>
  </si>
  <si>
    <t>D:\21_11_2019 - PC ALGAR TECH\Desktop - 12-11-19\PreVendas - Governo Diogo\BNB\2015\Cópia de Map - Precificação MSV 15 &amp; CPRB V (Recuperado).xlsb</t>
  </si>
  <si>
    <t>D:\21_11_2019 - PC ALGAR TECH\Desktop 22-07-19\Download\50530cdee4104485990dd2b42f0ff24e.csv</t>
  </si>
  <si>
    <t>11/21/2019 20:22:59</t>
  </si>
  <si>
    <t>D:\21_11_2019 - PC ALGAR TECH\Desktop 22-07-19\Download\50530cdee4104485990dd2b42f0ff24e.csv:Zone.Identifier</t>
  </si>
  <si>
    <t>D:\21_11_2019 - PC ALGAR TECH\Desktop - 12-11-19\PreVendas - Governo Diogo\BNB\2015\Cópia de Map - Precificação MSV 15 &amp; CPRB V.2015-2-000.xlsb</t>
  </si>
  <si>
    <t>11/21/2019 20:23:01</t>
  </si>
  <si>
    <t>D:\21_11_2019 - PC ALGAR TECH\Desktop 22-07-19\Download\5211543a92f1405992a99a378212fea8.xls</t>
  </si>
  <si>
    <t>D:\21_11_2019 - PC ALGAR TECH\Desktop - 12-11-19\PreVendas - Governo Diogo\BNB\2018\SD\Cotação\Cotação.xlsx</t>
  </si>
  <si>
    <t>11/21/2019 20:23:02</t>
  </si>
  <si>
    <t>D:\21_11_2019 - PC ALGAR TECH\Desktop - 12-11-19\PreVendas - Governo Diogo\BNB\2018\SD\Cotação\Pricing.xlsb</t>
  </si>
  <si>
    <t>D:\21_11_2019 - PC ALGAR TECH\Desktop 22-07-19\Download\54a556d994b2426482df0ac03e789433.xls</t>
  </si>
  <si>
    <t>11/21/2019 20:23:03</t>
  </si>
  <si>
    <t>D:\21_11_2019 - PC ALGAR TECH\Desktop 22-07-19\Download\5828ae5978c24593b49407615e6c76fe.xls</t>
  </si>
  <si>
    <t>11/21/2019 20:23:04</t>
  </si>
  <si>
    <t>D:\21_11_2019 - PC ALGAR TECH\Desktop 22-07-19\Download\5c2b8682fe1a4b2d9d09e205390285ff.xls</t>
  </si>
  <si>
    <t>D:\21_11_2019 - PC ALGAR TECH\Desktop 22-07-19\Download\5xqoj1k1.sx3.csv</t>
  </si>
  <si>
    <t>D:\21_11_2019 - PC ALGAR TECH\Desktop 22-07-19\Download\5xqoj1k1.sx3.csv:Zone.Identifier</t>
  </si>
  <si>
    <t>11/21/2019 20:23:05</t>
  </si>
  <si>
    <t>D:\21_11_2019 - PC ALGAR TECH\Desktop 22-07-19\Download\664afeed755c4958844cbd13d67b2fa1.csv</t>
  </si>
  <si>
    <t>D:\21_11_2019 - PC ALGAR TECH\Desktop 22-07-19\Download\664afeed755c4958844cbd13d67b2fa1.csv:Zone.Identifier</t>
  </si>
  <si>
    <t>D:\21_11_2019 - PC ALGAR TECH\Desktop 22-07-19\Download\6745b0c6493c44cc915fd1f80b970564.xls</t>
  </si>
  <si>
    <t>D:\21_11_2019 - PC ALGAR TECH\Desktop 22-07-19\Download\6a9232a5cc0b45b084f03563d6e15d8e.xls</t>
  </si>
  <si>
    <t>11/21/2019 20:23:06</t>
  </si>
  <si>
    <t>D:\21_11_2019 - PC ALGAR TECH\Desktop - 12-11-19\PreVendas - Governo Diogo\BNB PS\Edital Publicado\Preificacao\BP Viagens.xlsb</t>
  </si>
  <si>
    <t>11/21/2019 20:23:07</t>
  </si>
  <si>
    <t>D:\21_11_2019 - PC ALGAR TECH\Desktop - 12-11-19\PreVendas - Governo Diogo\BNB PS\Edital Publicado\Preificacao\Preco Servico.xlsb</t>
  </si>
  <si>
    <t>D:\21_11_2019 - PC ALGAR TECH\Desktop - 12-11-19\PreVendas - Governo Diogo\BNB PS\Edital Republicado\Cargos_Banco_Nordeste.xls</t>
  </si>
  <si>
    <t>D:\21_11_2019 - PC ALGAR TECH\Desktop 22-07-19\Download\847c58607b734a1580feb1603c24fa34.xls</t>
  </si>
  <si>
    <t>D:\21_11_2019 - PC ALGAR TECH\Desktop - 12-11-19\PreVendas - Governo Diogo\BNB PS\Edital Republicado\Escala Preposto.xlsx</t>
  </si>
  <si>
    <t>D:\21_11_2019 - PC ALGAR TECH\Desktop 22-07-19\Download\87cbd3835e694aa1829dc067f27fcc89.csv</t>
  </si>
  <si>
    <t>11/21/2019 20:23:08</t>
  </si>
  <si>
    <t>D:\21_11_2019 - PC ALGAR TECH\Desktop - 12-11-19\PreVendas - Governo Diogo\BNB PS\Edital Republicado\Pricing Cheio.xlsb</t>
  </si>
  <si>
    <t>D:\21_11_2019 - PC ALGAR TECH\Desktop 22-07-19\Download\87cbd3835e694aa1829dc067f27fcc89.csv:Zone.Identifier</t>
  </si>
  <si>
    <t>11/21/2019 20:23:09</t>
  </si>
  <si>
    <t>D:\21_11_2019 - PC ALGAR TECH\Desktop - 12-11-19\PreVendas - Governo Diogo\BNB PS\Edital Republicado\Pricing Ganho Monitoramento.xlsb</t>
  </si>
  <si>
    <t>D:\21_11_2019 - PC ALGAR TECH\Desktop 22-07-19\Download\8a5230f15e9f4a2bb2eba33a284a086c.xls</t>
  </si>
  <si>
    <t>11/21/2019 20:23:11</t>
  </si>
  <si>
    <t>D:\21_11_2019 - PC ALGAR TECH\Desktop 22-07-19\Download\8f98d4bd6ee84e60bd5dffa56865b26b.xls</t>
  </si>
  <si>
    <t>D:\21_11_2019 - PC ALGAR TECH\Desktop 22-07-19\Download\91356aed355841f0824da5cb62ea6d5b.csv</t>
  </si>
  <si>
    <t>D:\21_11_2019 - PC ALGAR TECH\Desktop 22-07-19\Download\91356aed355841f0824da5cb62ea6d5b.csv:Zone.Identifier</t>
  </si>
  <si>
    <t>D:\21_11_2019 - PC ALGAR TECH\Desktop 22-07-19\Download\93ab01530a164e8a8b700a6cd416dde7.xls</t>
  </si>
  <si>
    <t>11/21/2019 20:23:14</t>
  </si>
  <si>
    <t>D:\21_11_2019 - PC ALGAR TECH\Desktop 22-07-19\Download\947334 - BP Preço C014 B014 Desonerada - ONS v1.10 %28revisão%29 - Cenário1 %28Conv e RV%29.xlsb</t>
  </si>
  <si>
    <t>D:\21_11_2019 - PC ALGAR TECH\Desktop - 12-11-19\PreVendas - Governo Diogo\BNDES\Planilha de Preço por ítem(REVISADO).xlsx</t>
  </si>
  <si>
    <t>11/21/2019 20:23:15</t>
  </si>
  <si>
    <t>D:\21_11_2019 - PC ALGAR TECH\Desktop 22-07-19\Download\aaf441f31d614e00ad3820121889f1a8.xls</t>
  </si>
  <si>
    <t>D:\21_11_2019 - PC ALGAR TECH\Desktop - 12-11-19\PreVendas - Governo Diogo\BNDES\Planilha de Preço por ítem.xlsx</t>
  </si>
  <si>
    <t>D:\21_11_2019 - PC ALGAR TECH\Desktop 22-07-19\Download\abr-19.csv</t>
  </si>
  <si>
    <t>D:\21_11_2019 - PC ALGAR TECH\Desktop 22-07-19\Download\abr-19.csv:Zone.Identifier</t>
  </si>
  <si>
    <t>11/21/2019 20:23:16</t>
  </si>
  <si>
    <t>D:\21_11_2019 - PC ALGAR TECH\Desktop - 12-11-19\PreVendas - Governo Diogo\BRB\Apresentação\Impacto X Urgência.xlsx</t>
  </si>
  <si>
    <t>D:\21_11_2019 - PC ALGAR TECH\Desktop 22-07-19\Download\alvcxg25.rrc.csv</t>
  </si>
  <si>
    <t>D:\21_11_2019 - PC ALGAR TECH\Desktop 22-07-19\Download\alvcxg25.rrc.csv:Zone.Identifier</t>
  </si>
  <si>
    <t>11/21/2019 20:23:17</t>
  </si>
  <si>
    <t>D:\21_11_2019 - PC ALGAR TECH\Desktop 22-07-19\Download\Anexo 4 - Cronograma.xlsx</t>
  </si>
  <si>
    <t>D:\21_11_2019 - PC ALGAR TECH\Desktop 22-07-19\Download\Anexo II - Formulário de Questionamentos (1).xlsx</t>
  </si>
  <si>
    <t>D:\21_11_2019 - PC ALGAR TECH\Desktop - 12-11-19\PreVendas - Governo Diogo\BRB_\Apresentação\Impacto X Urgência.xlsx</t>
  </si>
  <si>
    <t>D:\21_11_2019 - PC ALGAR TECH\Desktop 22-07-19\Download\Anexo II - Formulário de Questionamentos.xlsx</t>
  </si>
  <si>
    <t>11/21/2019 20:23:19</t>
  </si>
  <si>
    <t>D:\21_11_2019 - PC ALGAR TECH\Desktop - 12-11-19\PreVendas - Governo Diogo\CADE\BP Item 1.xlsb</t>
  </si>
  <si>
    <t>11/21/2019 20:23:21</t>
  </si>
  <si>
    <t>D:\21_11_2019 - PC ALGAR TECH\Desktop - 12-11-19\PreVendas - Governo Diogo\CADE\BP Item 2.xlsb</t>
  </si>
  <si>
    <t>D:\21_11_2019 - PC ALGAR TECH\Desktop 22-07-19\Download\aohkkzvd.dpd.csv</t>
  </si>
  <si>
    <t>D:\21_11_2019 - PC ALGAR TECH\Desktop 22-07-19\Download\aohkkzvd.dpd.csv:Zone.Identifier</t>
  </si>
  <si>
    <t>11/21/2019 20:23:22</t>
  </si>
  <si>
    <t>D:\21_11_2019 - PC ALGAR TECH\Desktop - 12-11-19\PreVendas - Governo Diogo\CADE\BP Item 4.xlsb</t>
  </si>
  <si>
    <t>11/21/2019 20:23:23</t>
  </si>
  <si>
    <t>D:\21_11_2019 - PC ALGAR TECH\Desktop - 12-11-19\PreVendas - Governo Diogo\CADE\Cotação.xlsx</t>
  </si>
  <si>
    <t>11/21/2019 20:23:24</t>
  </si>
  <si>
    <t>D:\21_11_2019 - PC ALGAR TECH\Desktop - 12-11-19\PreVendas - Governo Diogo\Caixa\2016\Republicado\Análise.xlsx</t>
  </si>
  <si>
    <t>11/21/2019 20:23:26</t>
  </si>
  <si>
    <t>D:\21_11_2019 - PC ALGAR TECH\Desktop - 12-11-19\PreVendas - Governo Diogo\Caixa\2016\Republicado\BP - BASE.xlsb</t>
  </si>
  <si>
    <t>11/21/2019 20:23:27</t>
  </si>
  <si>
    <t>D:\21_11_2019 - PC ALGAR TECH\Desktop - 12-11-19\PreVendas - Governo Diogo\Caixa\2016\Republicado\BP 1.0.xlsb</t>
  </si>
  <si>
    <t>11/21/2019 20:23:29</t>
  </si>
  <si>
    <t>D:\21_11_2019 - PC ALGAR TECH\Desktop - 12-11-19\PreVendas - Governo Diogo\Caixa\2016\Republicado\BP 1.1.xlsb</t>
  </si>
  <si>
    <t>11/21/2019 20:23:32</t>
  </si>
  <si>
    <t>D:\21_11_2019 - PC ALGAR TECH\Desktop - 12-11-19\PreVendas - Governo Diogo\Caixa\2016\Republicado\BP 1.2.xlsb</t>
  </si>
  <si>
    <t>D:\21_11_2019 - PC ALGAR TECH\Desktop 22-07-19\Download\Apuração de IR em branco (1).xlsx</t>
  </si>
  <si>
    <t>11/21/2019 20:23:34</t>
  </si>
  <si>
    <t>D:\21_11_2019 - PC ALGAR TECH\Desktop - 12-11-19\PreVendas - Governo Diogo\Caixa\2016\Republicado\BP 1.3.xlsb</t>
  </si>
  <si>
    <t>D:\21_11_2019 - PC ALGAR TECH\Desktop 22-07-19\Download\Apuração de IR em branco.xlsx</t>
  </si>
  <si>
    <t>11/21/2019 20:23:36</t>
  </si>
  <si>
    <t>D:\21_11_2019 - PC ALGAR TECH\Desktop - 12-11-19\PreVendas - Governo Diogo\Caixa\2016\Republicado\BP 1.4.xlsb</t>
  </si>
  <si>
    <t>11/21/2019 20:23:39</t>
  </si>
  <si>
    <t>D:\21_11_2019 - PC ALGAR TECH\Desktop - 12-11-19\PreVendas - Governo Diogo\Caixa\2016\Republicado\BP 1.5.xlsb</t>
  </si>
  <si>
    <t>11/21/2019 20:23:41</t>
  </si>
  <si>
    <t>D:\21_11_2019 - PC ALGAR TECH\Desktop - 12-11-19\PreVendas - Governo Diogo\Caixa\2016\Republicado\BP 1.6.xlsb</t>
  </si>
  <si>
    <t>D:\21_11_2019 - PC ALGAR TECH\Desktop 22-07-19\Download\Associados_jan-19 (1).xlsx</t>
  </si>
  <si>
    <t>11/21/2019 20:23:44</t>
  </si>
  <si>
    <t>D:\21_11_2019 - PC ALGAR TECH\Desktop - 12-11-19\PreVendas - Governo Diogo\Caixa\2016\Republicado\BP 1.7.xlsb</t>
  </si>
  <si>
    <t>D:\21_11_2019 - PC ALGAR TECH\Desktop 22-07-19\Download\Associados_jan-19.xlsx</t>
  </si>
  <si>
    <t>11/21/2019 20:23:46</t>
  </si>
  <si>
    <t>D:\21_11_2019 - PC ALGAR TECH\Desktop - 12-11-19\PreVendas - Governo Diogo\Caixa\2016\Republicado\BP 2.0.xlsb</t>
  </si>
  <si>
    <t>11/21/2019 20:23:47</t>
  </si>
  <si>
    <t>D:\21_11_2019 - PC ALGAR TECH\Desktop 22-07-19\Download\Atualização de Documentos %284%29.xlsx</t>
  </si>
  <si>
    <t>11/21/2019 20:23:49</t>
  </si>
  <si>
    <t>D:\21_11_2019 - PC ALGAR TECH\Desktop - 12-11-19\PreVendas - Governo Diogo\Caixa\2016\Republicado\BP 2.1.xlsb</t>
  </si>
  <si>
    <t>11/21/2019 20:23:52</t>
  </si>
  <si>
    <t>D:\21_11_2019 - PC ALGAR TECH\Desktop - 12-11-19\PreVendas - Governo Diogo\Caixa\2016\Republicado\BP 2.2.xlsb</t>
  </si>
  <si>
    <t>D:\21_11_2019 - PC ALGAR TECH\Desktop 22-07-19\Download\b23bdba8041c429b8c99978e29f321b8.xls</t>
  </si>
  <si>
    <t>D:\21_11_2019 - PC ALGAR TECH\Desktop 22-07-19\Download\byhscrxu.gse.csv</t>
  </si>
  <si>
    <t>D:\21_11_2019 - PC ALGAR TECH\Desktop 22-07-19\Download\byhscrxu.gse.csv:Zone.Identifier</t>
  </si>
  <si>
    <t>11/21/2019 20:23:55</t>
  </si>
  <si>
    <t>D:\21_11_2019 - PC ALGAR TECH\Desktop - 12-11-19\PreVendas - Governo Diogo\Caixa\2016\Republicado\BP 2.3.xlsb</t>
  </si>
  <si>
    <t>D:\21_11_2019 - PC ALGAR TECH\Desktop 22-07-19\Download\c23f293163224ec9b3201e6b3467a5fd.xls</t>
  </si>
  <si>
    <t>11/21/2019 20:23:57</t>
  </si>
  <si>
    <t>D:\21_11_2019 - PC ALGAR TECH\Desktop - 12-11-19\PreVendas - Governo Diogo\Caixa\2016\Republicado\BP FLEX.xlsb</t>
  </si>
  <si>
    <t>11/21/2019 20:23:58</t>
  </si>
  <si>
    <t>D:\21_11_2019 - PC ALGAR TECH\Desktop 22-07-19\Download\c31b30692d3b4568abed8f1b5f6c9ddd.xls</t>
  </si>
  <si>
    <t>D:\21_11_2019 - PC ALGAR TECH\Desktop - 12-11-19\PreVendas - Governo Diogo\Caixa\2016\Republicado\Intraday Real Caixa.xlsx</t>
  </si>
  <si>
    <t>11/21/2019 20:24:00</t>
  </si>
  <si>
    <t>D:\21_11_2019 - PC ALGAR TECH\Desktop - 12-11-19\PreVendas - Governo Diogo\Caixa\2016\SD Negócio - CERATI\Cópia de BP Preço C004 B006.xlsb</t>
  </si>
  <si>
    <t>11/21/2019 20:24:02</t>
  </si>
  <si>
    <t>D:\21_11_2019 - PC ALGAR TECH\Desktop - 12-11-19\PreVendas - Governo Diogo\Caixa\2016\SD Negócio - CERATI\Hist¢rico de Demandas do màs.xlsm</t>
  </si>
  <si>
    <t>D:\21_11_2019 - PC ALGAR TECH\Desktop - 12-11-19\PreVendas - Governo Diogo\Caixa\2016\SD Negócio - CERATI\Insumos SITE.xlsx</t>
  </si>
  <si>
    <t>11/21/2019 20:24:04</t>
  </si>
  <si>
    <t>D:\21_11_2019 - PC ALGAR TECH\Desktop - 12-11-19\PreVendas - Governo Diogo\Caixa\2016\SD Negócio - CERATI\Republicado.xlsb</t>
  </si>
  <si>
    <t>D:\21_11_2019 - PC ALGAR TECH\Desktop - 12-11-19\PreVendas - Governo Diogo\Caixa\2016\SD Negócio - CERATI\Resumo de Informação.xlsx</t>
  </si>
  <si>
    <t>11/21/2019 20:24:05</t>
  </si>
  <si>
    <t>D:\21_11_2019 - PC ALGAR TECH\Desktop - 12-11-19\PreVendas - Governo Diogo\Caixa\2016\SD Remoto\Estudos.xlsx</t>
  </si>
  <si>
    <t>D:\21_11_2019 - PC ALGAR TECH\Desktop 22-07-19\Download\cba81ed5fa7b4c9690936579752ba2fa.csv</t>
  </si>
  <si>
    <t>D:\21_11_2019 - PC ALGAR TECH\Desktop - 12-11-19\PreVendas - Governo Diogo\Caixa\2016\SD Remoto\Intraday Padrão SG.xlsx</t>
  </si>
  <si>
    <t>D:\21_11_2019 - PC ALGAR TECH\Desktop 22-07-19\Download\cba81ed5fa7b4c9690936579752ba2fa.csv:Zone.Identifier</t>
  </si>
  <si>
    <t>D:\21_11_2019 - PC ALGAR TECH\Desktop - 12-11-19\PreVendas - Governo Diogo\Caixa\2016\SD Remoto\Pre desenho.xlsx</t>
  </si>
  <si>
    <t>11/21/2019 20:24:07</t>
  </si>
  <si>
    <t>D:\21_11_2019 - PC ALGAR TECH\Desktop 22-07-19\Download\ccdafa3aa4bf49368a6b91e641376752.xls</t>
  </si>
  <si>
    <t>11/21/2019 20:24:08</t>
  </si>
  <si>
    <t>D:\21_11_2019 - PC ALGAR TECH\Desktop 22-07-19\Download\cd8f92f661884232910ef4ef3d80fc6e.xls</t>
  </si>
  <si>
    <t>D:\21_11_2019 - PC ALGAR TECH\Desktop - 12-11-19\PreVendas - Governo Diogo\Caixa Seguros\BP`s\MC28_SEM_PBM.xlsb</t>
  </si>
  <si>
    <t>D:\21_11_2019 - PC ALGAR TECH\Desktop 22-07-19\Download\cec8435c7dc94a61b5e28e3589b202ff.csv</t>
  </si>
  <si>
    <t>D:\21_11_2019 - PC ALGAR TECH\Desktop 22-07-19\Download\cec8435c7dc94a61b5e28e3589b202ff.csv:Zone.Identifier</t>
  </si>
  <si>
    <t>D:\21_11_2019 - PC ALGAR TECH\Desktop 22-07-19\Download\Century_2018-12_Departamental-GERAL.xlsb</t>
  </si>
  <si>
    <t>11/21/2019 20:24:09</t>
  </si>
  <si>
    <t>D:\21_11_2019 - PC ALGAR TECH\Desktop - 12-11-19\PreVendas - Governo Diogo\Caixa Seguros\RFP SD + HaaS 2019\bid_export.xlsx</t>
  </si>
  <si>
    <t>D:\21_11_2019 - PC ALGAR TECH\Desktop 22-07-19\Download\Check List_Algar Tech_v6.xlsx</t>
  </si>
  <si>
    <t>11/21/2019 20:24:10</t>
  </si>
  <si>
    <t>D:\21_11_2019 - PC ALGAR TECH\Desktop - 12-11-19\PreVendas - Governo Diogo\Caixa Seguros\RFP SD + HaaS 2019\BP.xlsb</t>
  </si>
  <si>
    <t>11/21/2019 20:24:12</t>
  </si>
  <si>
    <t>D:\21_11_2019 - PC ALGAR TECH\Desktop 22-07-19\Download\Comissão Força de Vendas - 1º Tri - 2018 - Suelen (1).xlsb</t>
  </si>
  <si>
    <t>11/21/2019 20:24:13</t>
  </si>
  <si>
    <t>D:\21_11_2019 - PC ALGAR TECH\Desktop 22-07-19\Download\Comissão Força de Vendas - 1º Tri - 2018 - Suelen (2).xlsb</t>
  </si>
  <si>
    <t>11/21/2019 20:24:15</t>
  </si>
  <si>
    <t>D:\21_11_2019 - PC ALGAR TECH\Desktop 22-07-19\Download\Comissão Força de Vendas - 1º Tri - 2018 - Suelen.xlsb</t>
  </si>
  <si>
    <t>11/21/2019 20:24:17</t>
  </si>
  <si>
    <t>D:\21_11_2019 - PC ALGAR TECH\Desktop - 12-11-19\PreVendas - Governo Diogo\CAPES\2016\red hat\Consultor.xlsb</t>
  </si>
  <si>
    <t>11/21/2019 20:24:19</t>
  </si>
  <si>
    <t>D:\21_11_2019 - PC ALGAR TECH\Desktop - 12-11-19\PreVendas - Governo Diogo\CAPES\2017\Consulta Pública\Novo SD 09-17\Cotação.xlsb</t>
  </si>
  <si>
    <t>11/21/2019 20:24:20</t>
  </si>
  <si>
    <t>D:\21_11_2019 - PC ALGAR TECH\Desktop 22-07-19\Download\cunr3vcm.nc4.csv</t>
  </si>
  <si>
    <t>D:\21_11_2019 - PC ALGAR TECH\Desktop 22-07-19\Download\cunr3vcm.nc4.csv:Zone.Identifier</t>
  </si>
  <si>
    <t>11/21/2019 20:24:23</t>
  </si>
  <si>
    <t>D:\21_11_2019 - PC ALGAR TECH\Desktop 22-07-19\Download\Cópia de BP Preço C015 B014 Desonerada_RV PL SL. Mín.xlsb</t>
  </si>
  <si>
    <t>11/21/2019 20:24:25</t>
  </si>
  <si>
    <t>11/22/2019 08:47:35</t>
  </si>
  <si>
    <t>D:\21_11_2019 - PC ALGAR TECH\Desktop 22-07-19\Download\Dados Empresa Cidadã 2018 - menor.xlsx</t>
  </si>
  <si>
    <t>D:\21_11_2019 - PC ALGAR TECH\Desktop - 12-11-19\PreVendas - Governo Diogo\CAPES\2018\Cotação\Cotação.xlsx</t>
  </si>
  <si>
    <t>11/21/2019 20:24:27</t>
  </si>
  <si>
    <t>D:\21_11_2019 - PC ALGAR TECH\Desktop - 12-11-19\PreVendas - Governo Diogo\CAPES\2018\Infra\BP CAPES GIAT 2018.xlsb</t>
  </si>
  <si>
    <t>D:\21_11_2019 - PC ALGAR TECH\Desktop - 12-11-19\PreVendas - Governo Diogo\CAPES\2018\Infra\pricing.xlsx</t>
  </si>
  <si>
    <t>D:\21_11_2019 - PC ALGAR TECH\Desktop 22-07-19\Download\db5a2511ab4949828815f9cd71c5d5d7.xls</t>
  </si>
  <si>
    <t>D:\21_11_2019 - PC ALGAR TECH\Desktop 22-07-19\Download\dbcie1v4.krd.csv</t>
  </si>
  <si>
    <t>D:\21_11_2019 - PC ALGAR TECH\Desktop 22-07-19\Download\dbcie1v4.krd.csv:Zone.Identifier</t>
  </si>
  <si>
    <t>11/21/2019 20:24:28</t>
  </si>
  <si>
    <t>D:\21_11_2019 - PC ALGAR TECH\Desktop - 12-11-19\PreVendas - Governo Diogo\CAPES\Infraestrutura\Comitês\Change CAPES - Sustentação de Infra V2.ppt</t>
  </si>
  <si>
    <t>D:\21_11_2019 - PC ALGAR TECH\Desktop - 12-11-19\PreVendas - Governo Diogo\CAPES\Infraestrutura\Comitês\Change CAPES - Sustentação de Infra.ppt</t>
  </si>
  <si>
    <t>D:\21_11_2019 - PC ALGAR TECH\Desktop 22-07-19\Download\de07659b66434acf91d1e8798582b02f.csv</t>
  </si>
  <si>
    <t>D:\21_11_2019 - PC ALGAR TECH\Desktop 22-07-19\Download\de07659b66434acf91d1e8798582b02f.csv:Zone.Identifier</t>
  </si>
  <si>
    <t>11/21/2019 20:24:29</t>
  </si>
  <si>
    <t>D:\21_11_2019 - PC ALGAR TECH\Desktop 22-07-19\Download\Demandas.xlsx</t>
  </si>
  <si>
    <t>11/21/2019 20:24:32</t>
  </si>
  <si>
    <t>D:\21_11_2019 - PC ALGAR TECH\Desktop 22-07-19\Download\Divisao carteira pre vendas recorrente.xlsx</t>
  </si>
  <si>
    <t>D:\21_11_2019 - PC ALGAR TECH\Desktop 22-07-19\Download\dwkj0wh2.tqx.csv</t>
  </si>
  <si>
    <t>D:\21_11_2019 - PC ALGAR TECH\Desktop 22-07-19\Download\dwkj0wh2.tqx.csv:Zone.Identifier</t>
  </si>
  <si>
    <t>11/21/2019 20:24:33</t>
  </si>
  <si>
    <t>D:\21_11_2019 - PC ALGAR TECH\Desktop 22-07-19\Download\e0ixmkzo.c5n.csv</t>
  </si>
  <si>
    <t>D:\21_11_2019 - PC ALGAR TECH\Desktop 22-07-19\Download\e0ixmkzo.c5n.csv:Zone.Identifier</t>
  </si>
  <si>
    <t>D:\21_11_2019 - PC ALGAR TECH\Desktop 22-07-19\Download\ea1f56f9ff154722b4e449dbd9099aad.xls</t>
  </si>
  <si>
    <t>11/21/2019 20:24:34</t>
  </si>
  <si>
    <t>D:\21_11_2019 - PC ALGAR TECH\Desktop 22-07-19\Download\empresa_cidada_10_05_18.xls</t>
  </si>
  <si>
    <t>11/21/2019 20:24:37</t>
  </si>
  <si>
    <t>D:\21_11_2019 - PC ALGAR TECH\Desktop - 12-11-19\PreVendas - Governo Diogo\CAPES\Infraestrutura\IN-02\IN-02 FULL.xlsx</t>
  </si>
  <si>
    <t>D:\21_11_2019 - PC ALGAR TECH\Desktop - 12-11-19\PreVendas - Governo Diogo\CAPES\Infraestrutura\IN-02\Jardini.xls</t>
  </si>
  <si>
    <t>D:\21_11_2019 - PC ALGAR TECH\Desktop - 12-11-19\PreVendas - Governo Diogo\CAPES\Infraestrutura\IN-02\Jardini.xlsx</t>
  </si>
  <si>
    <t>D:\21_11_2019 - PC ALGAR TECH\Desktop - 12-11-19\PreVendas - Governo Diogo\CAPES\Infraestrutura\IN-02\Planilhas da IN02.xlsx</t>
  </si>
  <si>
    <t>11/21/2019 20:24:39</t>
  </si>
  <si>
    <t>D:\21_11_2019 - PC ALGAR TECH\Desktop - 12-11-19\PreVendas - Governo Diogo\CAPES\Infraestrutura\Precificação\Atualizada.xlsb</t>
  </si>
  <si>
    <t>11/21/2019 20:24:40</t>
  </si>
  <si>
    <t>D:\21_11_2019 - PC ALGAR TECH\Desktop - 12-11-19\PreVendas - Governo Diogo\CAPES\Infraestrutura\Precificação\Cargos e Salários.xlsx</t>
  </si>
  <si>
    <t>11/21/2019 20:24:41</t>
  </si>
  <si>
    <t>D:\21_11_2019 - PC ALGAR TECH\Desktop - 12-11-19\PreVendas - Governo Diogo\CAPES\Infraestrutura\Precificação\Com Change V2.xlsb</t>
  </si>
  <si>
    <t>11/21/2019 20:24:44</t>
  </si>
  <si>
    <t>D:\21_11_2019 - PC ALGAR TECH\Desktop - 12-11-19\PreVendas - Governo Diogo\CAPES\Infraestrutura\Precificação\Com Change V3.xlsb</t>
  </si>
  <si>
    <t>11/21/2019 20:24:45</t>
  </si>
  <si>
    <t>D:\21_11_2019 - PC ALGAR TECH\Desktop - 12-11-19\PreVendas - Governo Diogo\CAPES\Infraestrutura\Precificação\Com Change V4.xlsb</t>
  </si>
  <si>
    <t>11/21/2019 20:24:47</t>
  </si>
  <si>
    <t>D:\21_11_2019 - PC ALGAR TECH\Desktop - 12-11-19\PreVendas - Governo Diogo\CAPES\Infraestrutura\Precificação\Com Change.xlsb</t>
  </si>
  <si>
    <t>D:\21_11_2019 - PC ALGAR TECH\Desktop - 12-11-19\PreVendas - Governo Diogo\CAPES\Infraestrutura\Precificação\Desenho.xlsx</t>
  </si>
  <si>
    <t>11/21/2019 20:24:49</t>
  </si>
  <si>
    <t>D:\21_11_2019 - PC ALGAR TECH\Desktop - 12-11-19\PreVendas - Governo Diogo\CAPES\Infraestrutura\Precificação\Precificação com Adoção.xlsb</t>
  </si>
  <si>
    <t>11/21/2019 20:24:50</t>
  </si>
  <si>
    <t>D:\21_11_2019 - PC ALGAR TECH\Desktop - 12-11-19\PreVendas - Governo Diogo\CAPES\Infraestrutura\Pregão\Posicionamento.xlsx</t>
  </si>
  <si>
    <t>D:\21_11_2019 - PC ALGAR TECH\Desktop 22-07-19\Download\Estrutura De_Para.xlsx</t>
  </si>
  <si>
    <t>D:\21_11_2019 - PC ALGAR TECH\Desktop - 12-11-19\PreVendas - Governo Diogo\CAPES\Infraestrutura\Repactuação\Planilhas da IN02.xlsx</t>
  </si>
  <si>
    <t>D:\21_11_2019 - PC ALGAR TECH\Desktop 22-07-19\Download\Exportação para Excel.xlsx</t>
  </si>
  <si>
    <t>11/21/2019 20:24:51</t>
  </si>
  <si>
    <t>D:\21_11_2019 - PC ALGAR TECH\Desktop - 12-11-19\PreVendas - Governo Diogo\CAPES\NOVO\Servicedesk\Estabilização Complementar.xlsb</t>
  </si>
  <si>
    <t>11/21/2019 20:24:52</t>
  </si>
  <si>
    <t>D:\21_11_2019 - PC ALGAR TECH\Desktop 22-07-19\Download\Expurgo.xlsx</t>
  </si>
  <si>
    <t>D:\21_11_2019 - PC ALGAR TECH\Desktop 22-07-19\Download\f9cd9bda6c9b4054a9f9fbd7fad58b65.xls</t>
  </si>
  <si>
    <t>11/21/2019 20:24:53</t>
  </si>
  <si>
    <t>D:\21_11_2019 - PC ALGAR TECH\Desktop - 12-11-19\PreVendas - Governo Diogo\CAPES\NOVO\Servicedesk\Estabilização Regular.xlsb</t>
  </si>
  <si>
    <t>D:\21_11_2019 - PC ALGAR TECH\Desktop 22-07-19\Download\faa618fa2b7a49a3bcac5324a638b0da.xls</t>
  </si>
  <si>
    <t>11/21/2019 20:24:54</t>
  </si>
  <si>
    <t>D:\21_11_2019 - PC ALGAR TECH\Desktop 22-07-19\Download\FATURA B FMM.xls</t>
  </si>
  <si>
    <t>D:\21_11_2019 - PC ALGAR TECH\Desktop 22-07-19\Download\FATURAS_B FMM_consolidado regionais_REV2 - para Suprimentos 08122017 V2.xls</t>
  </si>
  <si>
    <t>D:\21_11_2019 - PC ALGAR TECH\Desktop 22-07-19\Download\fd6eb0f7f19241378788a26a147bb9a7.csv</t>
  </si>
  <si>
    <t>11/21/2019 20:25:05</t>
  </si>
  <si>
    <t>D:\21_11_2019 - PC ALGAR TECH\Desktop - 12-11-19\PreVendas - Governo Diogo\CAPES\NOVO\Servicedesk\Publicado\Comitê de Soluções - CAPES SD.pptx</t>
  </si>
  <si>
    <t>11/21/2019 20:25:06</t>
  </si>
  <si>
    <t>D:\21_11_2019 - PC ALGAR TECH\Desktop 22-07-19\Download\fd6eb0f7f19241378788a26a147bb9a7.csv:Zone.Identifier</t>
  </si>
  <si>
    <t>11/21/2019 20:25:07</t>
  </si>
  <si>
    <t>D:\21_11_2019 - PC ALGAR TECH\Desktop 22-07-19\Download\fe58af34e9ab4a59bc77c4d3bbaed24b.xls</t>
  </si>
  <si>
    <t>D:\21_11_2019 - PC ALGAR TECH\Desktop 22-07-19\Download\fev-19.csv</t>
  </si>
  <si>
    <t>D:\21_11_2019 - PC ALGAR TECH\Desktop 22-07-19\Download\fev-19.csv:Zone.Identifier</t>
  </si>
  <si>
    <t>D:\21_11_2019 - PC ALGAR TECH\Desktop 22-07-19\Download\ff5562ef92764b9bb1752058b5ed0bbb.xls</t>
  </si>
  <si>
    <t>D:\21_11_2019 - PC ALGAR TECH\Desktop 22-07-19\Download\gamk01hy.b3v.csv</t>
  </si>
  <si>
    <t>D:\21_11_2019 - PC ALGAR TECH\Desktop 22-07-19\Download\gamk01hy.b3v.csv:Zone.Identifier</t>
  </si>
  <si>
    <t>11/21/2019 20:25:08</t>
  </si>
  <si>
    <t>D:\21_11_2019 - PC ALGAR TECH\Desktop 22-07-19\Download\GH_ALTERACAO.xlsx</t>
  </si>
  <si>
    <t>D:\21_11_2019 - PC ALGAR TECH\Desktop 22-07-19\Download\gnil5xlz.jf3.csv</t>
  </si>
  <si>
    <t>D:\21_11_2019 - PC ALGAR TECH\Desktop 22-07-19\Download\gnil5xlz.jf3.csv:Zone.Identifier</t>
  </si>
  <si>
    <t>D:\21_11_2019 - PC ALGAR TECH\Desktop - 12-11-19\PreVendas - Governo Diogo\CAPES\NOVO\Servicedesk\Publicado\dimensionamento.xlsx</t>
  </si>
  <si>
    <t>11/21/2019 20:25:11</t>
  </si>
  <si>
    <t>D:\21_11_2019 - PC ALGAR TECH\Desktop - 12-11-19\PreVendas - Governo Diogo\CAPES\NOVO\Servicedesk\Publicado\Equipe de Suporte.xlsb</t>
  </si>
  <si>
    <t>11/21/2019 20:25:15</t>
  </si>
  <si>
    <t>D:\21_11_2019 - PC ALGAR TECH\Desktop - 12-11-19\PreVendas - Governo Diogo\CAPES\NOVO\Servicedesk\Publicado\Estabilização Complementar.xlsb</t>
  </si>
  <si>
    <t>11/21/2019 20:25:18</t>
  </si>
  <si>
    <t>D:\21_11_2019 - PC ALGAR TECH\Desktop - 12-11-19\PreVendas - Governo Diogo\CAPES\NOVO\Servicedesk\Publicado\Estabilização Regular.xlsb</t>
  </si>
  <si>
    <t>D:\21_11_2019 - PC ALGAR TECH\Desktop - 12-11-19\PreVendas - Governo Diogo\CAPES\NOVO\Servicedesk\Publicado\PCP - Cenários e Premissas - CAPES.xlsx</t>
  </si>
  <si>
    <t>11/21/2019 20:25:19</t>
  </si>
  <si>
    <t>D:\21_11_2019 - PC ALGAR TECH\Desktop - 12-11-19\PreVendas - Governo Diogo\CAPES\NOVO\Servicedesk\Publicado\Perfis Profissionais.xlsx</t>
  </si>
  <si>
    <t>11/21/2019 20:25:21</t>
  </si>
  <si>
    <t>D:\21_11_2019 - PC ALGAR TECH\Desktop - 12-11-19\PreVendas - Governo Diogo\CEB\2017\Infra\Cotação\Cotaçãoxlsb.xlsb</t>
  </si>
  <si>
    <t>11/21/2019 20:25:22</t>
  </si>
  <si>
    <t>D:\21_11_2019 - PC ALGAR TECH\Desktop - 12-11-19\PreVendas - Governo Diogo\CEB\2017\Infra\Publicado\Preço Infra - MC20.xlsb</t>
  </si>
  <si>
    <t>11/21/2019 20:25:23</t>
  </si>
  <si>
    <t>D:\21_11_2019 - PC ALGAR TECH\Desktop - 12-11-19\PreVendas - Governo Diogo\CEB\2017\Infra\Publicado\Preço Infra.xlsb</t>
  </si>
  <si>
    <t>11/21/2019 20:25:25</t>
  </si>
  <si>
    <t>D:\21_11_2019 - PC ALGAR TECH\Desktop - 12-11-19\PreVendas - Governo Diogo\CEB\2017\Infra\Publicado\Preço Projetos - MC20.xlsb</t>
  </si>
  <si>
    <t>11/21/2019 20:25:26</t>
  </si>
  <si>
    <t>D:\21_11_2019 - PC ALGAR TECH\Desktop - 12-11-19\PreVendas - Governo Diogo\CEB\2017\Infra\Publicado\Preço Projetos.xlsb</t>
  </si>
  <si>
    <t>D:\21_11_2019 - PC ALGAR TECH\Desktop - 12-11-19\PreVendas - Governo Diogo\CEB\2017\Infra\Publicado\Proposta - MC20.xlsx</t>
  </si>
  <si>
    <t>D:\21_11_2019 - PC ALGAR TECH\Desktop - 12-11-19\PreVendas - Governo Diogo\CEB\2017\Infra\Publicado\Proposta.xlsx</t>
  </si>
  <si>
    <t>11/21/2019 20:25:27</t>
  </si>
  <si>
    <t>D:\21_11_2019 - PC ALGAR TECH\Desktop - 12-11-19\PreVendas - Governo Diogo\CEB\Adesão\adoção.xlsx</t>
  </si>
  <si>
    <t>D:\21_11_2019 - PC ALGAR TECH\Desktop - 12-11-19\PreVendas - Governo Diogo\CEB\Adesão\Catálogo Revisado.xlsx</t>
  </si>
  <si>
    <t>11/21/2019 20:25:29</t>
  </si>
  <si>
    <t>D:\21_11_2019 - PC ALGAR TECH\Desktop - 12-11-19\PreVendas - Governo Diogo\CEB\Adesão\Precificação com Adoção.xlsb</t>
  </si>
  <si>
    <t>11/21/2019 20:25:31</t>
  </si>
  <si>
    <t>D:\21_11_2019 - PC ALGAR TECH\Desktop 22-07-19\Download\IBM_HSBC_Técnico_Pleno_(BP Preço C015 B014)_v2.xlsb</t>
  </si>
  <si>
    <t>D:\21_11_2019 - PC ALGAR TECH\Desktop - 12-11-19\PreVendas - Governo Diogo\CEB\Adesão\Comitês\Change - CEB Sustentação de Infraestrutura.ppt</t>
  </si>
  <si>
    <t>D:\21_11_2019 - PC ALGAR TECH\Desktop - 12-11-19\PreVendas - Governo Diogo\CEB\Pregão\dimensionamento Monitoramento.xlsx</t>
  </si>
  <si>
    <t>D:\21_11_2019 - PC ALGAR TECH\Desktop - 12-11-19\PreVendas - Governo Diogo\CEB\Pregão\Planilha da Proposta.xlsx</t>
  </si>
  <si>
    <t>11/21/2019 20:25:33</t>
  </si>
  <si>
    <t>D:\21_11_2019 - PC ALGAR TECH\Desktop - 12-11-19\PreVendas - Governo Diogo\CEB\Pregão\Precificação com Adoção ano 2.xlsb</t>
  </si>
  <si>
    <t>11/21/2019 20:25:35</t>
  </si>
  <si>
    <t>D:\21_11_2019 - PC ALGAR TECH\Desktop - 12-11-19\PreVendas - Governo Diogo\CEB\Pregão\Precificação com Adoção.xlsb</t>
  </si>
  <si>
    <t>11/21/2019 20:25:37</t>
  </si>
  <si>
    <t>D:\21_11_2019 - PC ALGAR TECH\Desktop - 12-11-19\PreVendas - Governo Diogo\CENTRUS\Cópia de Planilha de Preço - Serviços Gerenciados.xlsb</t>
  </si>
  <si>
    <t>11/21/2019 20:25:38</t>
  </si>
  <si>
    <t>D:\21_11_2019 - PC ALGAR TECH\Desktop - 12-11-19\PreVendas - Governo Diogo\CEPEL\BP1 6 Suporte Jr.xlsb</t>
  </si>
  <si>
    <t>11/21/2019 20:25:39</t>
  </si>
  <si>
    <t>D:\21_11_2019 - PC ALGAR TECH\Desktop 22-07-19\Download\jan-19.csv</t>
  </si>
  <si>
    <t>D:\21_11_2019 - PC ALGAR TECH\Desktop 22-07-19\Download\jan-19.csv:Zone.Identifier</t>
  </si>
  <si>
    <t>D:\21_11_2019 - PC ALGAR TECH\Desktop - 12-11-19\PreVendas - Governo Diogo\CGU\Atividade Scripts.xlsb</t>
  </si>
  <si>
    <t>D:\21_11_2019 - PC ALGAR TECH\Desktop 22-07-19\Download\jun-19.csv</t>
  </si>
  <si>
    <t>11/21/2019 20:25:40</t>
  </si>
  <si>
    <t>D:\21_11_2019 - PC ALGAR TECH\Desktop 22-07-19\Download\jun-19.csv:Zone.Identifier</t>
  </si>
  <si>
    <t>11/21/2019 20:25:41</t>
  </si>
  <si>
    <t>D:\21_11_2019 - PC ALGAR TECH\Desktop - 12-11-19\PreVendas - Governo Diogo\CGU\Atividades de Redes.xlsb</t>
  </si>
  <si>
    <t>D:\21_11_2019 - PC ALGAR TECH\Desktop 22-07-19\Download\kaok33oc.x2t.csv</t>
  </si>
  <si>
    <t>D:\21_11_2019 - PC ALGAR TECH\Desktop 22-07-19\Download\kaok33oc.x2t.csv:Zone.Identifier</t>
  </si>
  <si>
    <t>D:\21_11_2019 - PC ALGAR TECH\Desktop 22-07-19\Download\kqcc1nbh.113.csv</t>
  </si>
  <si>
    <t>D:\21_11_2019 - PC ALGAR TECH\Desktop 22-07-19\Download\kqcc1nbh.113.csv:Zone.Identifier</t>
  </si>
  <si>
    <t>D:\21_11_2019 - PC ALGAR TECH\Desktop 22-07-19\Download\kytsdjt3.uha.csv</t>
  </si>
  <si>
    <t>D:\21_11_2019 - PC ALGAR TECH\Desktop 22-07-19\Download\kytsdjt3.uha.csv:Zone.Identifier</t>
  </si>
  <si>
    <t>11/21/2019 20:25:42</t>
  </si>
  <si>
    <t>D:\21_11_2019 - PC ALGAR TECH\Desktop 22-07-19\Download\l10b0nkr.ccy.csv</t>
  </si>
  <si>
    <t>D:\21_11_2019 - PC ALGAR TECH\Desktop 22-07-19\Download\l10b0nkr.ccy.csv:Zone.Identifier</t>
  </si>
  <si>
    <t>D:\21_11_2019 - PC ALGAR TECH\Desktop 22-07-19\Download\l3ubv1qa.ybi.csv</t>
  </si>
  <si>
    <t>D:\21_11_2019 - PC ALGAR TECH\Desktop 22-07-19\Download\l3ubv1qa.ybi.csv:Zone.Identifier</t>
  </si>
  <si>
    <t>11/21/2019 20:25:43</t>
  </si>
  <si>
    <t>D:\21_11_2019 - PC ALGAR TECH\Desktop - 12-11-19\PreVendas - Governo Diogo\CGU\2016\Infra\cotação.xlsx</t>
  </si>
  <si>
    <t>D:\21_11_2019 - PC ALGAR TECH\Desktop - 12-11-19\PreVendas - Governo Diogo\CGU\2017\Cotação\Cotação 1.xlsx</t>
  </si>
  <si>
    <t>D:\21_11_2019 - PC ALGAR TECH\Desktop - 12-11-19\PreVendas - Governo Diogo\CGU\2017\Cotação\Infra\Monitoramento 27-06.xlsx</t>
  </si>
  <si>
    <t>D:\21_11_2019 - PC ALGAR TECH\Desktop 22-07-19\Download\lj0s00ea.oa5.csv</t>
  </si>
  <si>
    <t>D:\21_11_2019 - PC ALGAR TECH\Desktop 22-07-19\Download\lj0s00ea.oa5.csv:Zone.Identifier</t>
  </si>
  <si>
    <t>11/21/2019 20:25:44</t>
  </si>
  <si>
    <t>D:\21_11_2019 - PC ALGAR TECH\Desktop - 12-11-19\PreVendas - Governo Diogo\CGU\2017\Edital\Infra\BP Preço C010 B011 Desonerada.xlsb</t>
  </si>
  <si>
    <t>D:\21_11_2019 - PC ALGAR TECH\Desktop 22-07-19\Download\LPU ENGESET FMM&amp;FMT.xlsx</t>
  </si>
  <si>
    <t>11/21/2019 20:25:45</t>
  </si>
  <si>
    <t>D:\21_11_2019 - PC ALGAR TECH\Desktop 22-07-19\Download\mai-19.csv</t>
  </si>
  <si>
    <t>11/21/2019 20:25:47</t>
  </si>
  <si>
    <t>D:\21_11_2019 - PC ALGAR TECH\Desktop - 12-11-19\PreVendas - Governo Diogo\CGU\2017\Edital\Infra\CGU Revisado Operação-Novembro.xlsb</t>
  </si>
  <si>
    <t>D:\21_11_2019 - PC ALGAR TECH\Desktop 22-07-19\Download\mai-19.csv:Zone.Identifier</t>
  </si>
  <si>
    <t>11/21/2019 20:25:48</t>
  </si>
  <si>
    <t>D:\21_11_2019 - PC ALGAR TECH\Desktop - 12-11-19\PreVendas - Governo Diogo\CGU\2017\Edital\Infra\CGU Revisado Operação.xlsb</t>
  </si>
  <si>
    <t>D:\21_11_2019 - PC ALGAR TECH\Desktop 22-07-19\Download\mar-19.csv</t>
  </si>
  <si>
    <t>D:\21_11_2019 - PC ALGAR TECH\Desktop 22-07-19\Download\mar-19.csv:Zone.Identifier</t>
  </si>
  <si>
    <t>11/21/2019 20:25:51</t>
  </si>
  <si>
    <t>D:\21_11_2019 - PC ALGAR TECH\Desktop - 12-11-19\PreVendas - Governo Diogo\CGU\2017\Edital\SD\BP Preço C010 B010.xlsb</t>
  </si>
  <si>
    <t>11/21/2019 20:25:53</t>
  </si>
  <si>
    <t>D:\21_11_2019 - PC ALGAR TECH\Desktop - 12-11-19\PreVendas - Governo Diogo\CGU\2017\Edital\SD\Cenário 1.xlsb</t>
  </si>
  <si>
    <t>11/21/2019 20:25:55</t>
  </si>
  <si>
    <t>D:\21_11_2019 - PC ALGAR TECH\Desktop 22-07-19\Download\MRS - Operação - v3 - Com Cervello - BP Preço C011 B012 Desonerada.xlsb</t>
  </si>
  <si>
    <t>11/21/2019 20:25:56</t>
  </si>
  <si>
    <t>D:\21_11_2019 - PC ALGAR TECH\Desktop - 12-11-19\PreVendas - Governo Diogo\CGU\2017\Edital\SD\Cenário 2.xlsb</t>
  </si>
  <si>
    <t>D:\21_11_2019 - PC ALGAR TECH\Desktop 22-07-19\Download\mvigainb.3ge.csv</t>
  </si>
  <si>
    <t>D:\21_11_2019 - PC ALGAR TECH\Desktop 22-07-19\Download\mvigainb.3ge.csv:Zone.Identifier</t>
  </si>
  <si>
    <t>11/21/2019 20:25:59</t>
  </si>
  <si>
    <t>D:\21_11_2019 - PC ALGAR TECH\Desktop - 12-11-19\PreVendas - Governo Diogo\CGU\2017\Edital\SD\Cenário 3.xlsb</t>
  </si>
  <si>
    <t>11/21/2019 20:26:00</t>
  </si>
  <si>
    <t>D:\21_11_2019 - PC ALGAR TECH\Desktop - 12-11-19\PreVendas - Governo Diogo\CGU\2017\Edital\SD\Compartilhado 10.xlsb</t>
  </si>
  <si>
    <t>11/21/2019 20:26:02</t>
  </si>
  <si>
    <t>D:\21_11_2019 - PC ALGAR TECH\Desktop - 12-11-19\PreVendas - Governo Diogo\CGU\2017\Edital\SD\Compartilhado 16.xlsb</t>
  </si>
  <si>
    <t>11/21/2019 20:26:04</t>
  </si>
  <si>
    <t>D:\21_11_2019 - PC ALGAR TECH\Desktop - 12-11-19\PreVendas - Governo Diogo\CGU\2017\Edital\SD\Compartilhado 23.xlsb</t>
  </si>
  <si>
    <t>D:\21_11_2019 - PC ALGAR TECH\Desktop 22-07-19\Download\nbjuitwb.rht.csv</t>
  </si>
  <si>
    <t>D:\21_11_2019 - PC ALGAR TECH\Desktop 22-07-19\Download\nbjuitwb.rht.csv:Zone.Identifier</t>
  </si>
  <si>
    <t>11/21/2019 20:26:05</t>
  </si>
  <si>
    <t>D:\21_11_2019 - PC ALGAR TECH\Desktop - 12-11-19\PreVendas - Governo Diogo\CGU\2017\Edital\SD\Custo Torre Onerado.xlsb</t>
  </si>
  <si>
    <t>11/21/2019 20:26:07</t>
  </si>
  <si>
    <t>D:\21_11_2019 - PC ALGAR TECH\Desktop - 12-11-19\PreVendas - Governo Diogo\CGU\2017\Edital\SD\Custo Torre VPL Ano 1 50%.xlsb</t>
  </si>
  <si>
    <t>11/21/2019 20:26:08</t>
  </si>
  <si>
    <t>D:\21_11_2019 - PC ALGAR TECH\Desktop - 12-11-19\PreVendas - Governo Diogo\CGU\2017\Edital\SD\Custo Torre VPL Ano 1.xlsb</t>
  </si>
  <si>
    <t>11/21/2019 20:26:10</t>
  </si>
  <si>
    <t>D:\21_11_2019 - PC ALGAR TECH\Desktop - 12-11-19\PreVendas - Governo Diogo\CGU\2017\Edital\SD\Custo Torre.xlsb</t>
  </si>
  <si>
    <t>D:\21_11_2019 - PC ALGAR TECH\Desktop 22-07-19\Download\omvn2wuq.1u0.csv</t>
  </si>
  <si>
    <t>D:\21_11_2019 - PC ALGAR TECH\Desktop 22-07-19\Download\omvn2wuq.1u0.csv:Zone.Identifier</t>
  </si>
  <si>
    <t>D:\21_11_2019 - PC ALGAR TECH\Desktop - 12-11-19\PreVendas - Governo Diogo\CGU\2018\SD\Cotação\Cotação.xlsx</t>
  </si>
  <si>
    <t>11/21/2019 20:26:12</t>
  </si>
  <si>
    <t>D:\21_11_2019 - PC ALGAR TECH\Desktop - 12-11-19\PreVendas - Governo Diogo\CGU\2018\SD\Publicado\Pricing CGU.xlsx</t>
  </si>
  <si>
    <t>11/21/2019 20:26:15</t>
  </si>
  <si>
    <t>D:\21_11_2019 - PC ALGAR TECH\Desktop 22-07-19\Download\Oportunidades por data criação (System Date).xlsx</t>
  </si>
  <si>
    <t>D:\21_11_2019 - PC ALGAR TECH\Desktop - 12-11-19\PreVendas - Governo Diogo\CGU\2019\cotação.xlsx</t>
  </si>
  <si>
    <t>D:\21_11_2019 - PC ALGAR TECH\Desktop 22-07-19\Download\Oportunidades por data criação - bu approval (1).xlsx</t>
  </si>
  <si>
    <t>11/21/2019 20:26:19</t>
  </si>
  <si>
    <t>D:\21_11_2019 - PC ALGAR TECH\Desktop 22-07-19\Download\Oportunidades por data criação - bu approval (10).xlsx</t>
  </si>
  <si>
    <t>11/21/2019 20:26:22</t>
  </si>
  <si>
    <t>D:\21_11_2019 - PC ALGAR TECH\Desktop 22-07-19\Download\Oportunidades por data criação - bu approval (11).xlsx</t>
  </si>
  <si>
    <t>11/21/2019 20:26:26</t>
  </si>
  <si>
    <t>D:\21_11_2019 - PC ALGAR TECH\Desktop 22-07-19\Download\Oportunidades por data criação - bu approval (12).xlsx</t>
  </si>
  <si>
    <t>11/21/2019 20:26:29</t>
  </si>
  <si>
    <t>D:\21_11_2019 - PC ALGAR TECH\Desktop 22-07-19\Download\Oportunidades por data criação - bu approval (13).xlsx</t>
  </si>
  <si>
    <t>11/21/2019 20:26:32</t>
  </si>
  <si>
    <t>D:\21_11_2019 - PC ALGAR TECH\Desktop 22-07-19\Download\Oportunidades por data criação - bu approval (14).xlsx</t>
  </si>
  <si>
    <t>11/21/2019 20:26:36</t>
  </si>
  <si>
    <t>D:\21_11_2019 - PC ALGAR TECH\Desktop 22-07-19\Download\Oportunidades por data criação - bu approval (15).xlsx</t>
  </si>
  <si>
    <t>D:\21_11_2019 - PC ALGAR TECH\Desktop - 12-11-19\PreVendas - Governo Diogo\CGU\Supressao\suporte local.xlsb</t>
  </si>
  <si>
    <t>11/21/2019 20:26:39</t>
  </si>
  <si>
    <t>D:\21_11_2019 - PC ALGAR TECH\Desktop 22-07-19\Download\Oportunidades por data criação - bu approval (16).xlsx</t>
  </si>
  <si>
    <t>11/21/2019 20:26:40</t>
  </si>
  <si>
    <t>D:\21_11_2019 - PC ALGAR TECH\Desktop - 12-11-19\PreVendas - Governo Diogo\CHS Sorocaba\Cotacao.xlsb</t>
  </si>
  <si>
    <t>11/21/2019 20:26:43</t>
  </si>
  <si>
    <t>D:\21_11_2019 - PC ALGAR TECH\Desktop 22-07-19\Download\Oportunidades por data criação - bu approval (17).xlsx</t>
  </si>
  <si>
    <t>11/21/2019 20:26:47</t>
  </si>
  <si>
    <t>D:\21_11_2019 - PC ALGAR TECH\Desktop 22-07-19\Download\Oportunidades por data criação - bu approval (18).xlsx</t>
  </si>
  <si>
    <t>11/21/2019 20:26:48</t>
  </si>
  <si>
    <t>D:\21_11_2019 - PC ALGAR TECH\Desktop - 12-11-19\PreVendas - Governo Diogo\Cidadão Digital\BP_Matheus.xlsb</t>
  </si>
  <si>
    <t>11/21/2019 20:26:52</t>
  </si>
  <si>
    <t>D:\21_11_2019 - PC ALGAR TECH\Desktop 22-07-19\Download\Oportunidades por data criação - bu approval (19).xlsx</t>
  </si>
  <si>
    <t>D:\21_11_2019 - PC ALGAR TECH\Desktop - 12-11-19\PreVendas - Governo Diogo\Cidadão Digital\Indicadores BP.xlsx</t>
  </si>
  <si>
    <t>D:\21_11_2019 - PC ALGAR TECH\Desktop - 12-11-19\PreVendas - Governo Diogo\CJF\Pontos Relevantes.xlsx</t>
  </si>
  <si>
    <t>11/21/2019 20:26:55</t>
  </si>
  <si>
    <t>D:\21_11_2019 - PC ALGAR TECH\Desktop 22-07-19\Download\Oportunidades por data criação - bu approval (2).xlsx</t>
  </si>
  <si>
    <t>11/21/2019 20:26:58</t>
  </si>
  <si>
    <t>D:\21_11_2019 - PC ALGAR TECH\Desktop 22-07-19\Download\Oportunidades por data criação - bu approval (20).xlsx</t>
  </si>
  <si>
    <t>11/21/2019 20:27:02</t>
  </si>
  <si>
    <t>D:\21_11_2019 - PC ALGAR TECH\Desktop 22-07-19\Download\Oportunidades por data criação - bu approval (21).xlsx</t>
  </si>
  <si>
    <t>D:\21_11_2019 - PC ALGAR TECH\Desktop 22-07-19\Download\Oportunidades por data criação - bu approval (22).xlsx</t>
  </si>
  <si>
    <t>11/21/2019 20:27:06</t>
  </si>
  <si>
    <t>D:\21_11_2019 - PC ALGAR TECH\Desktop 22-07-19\Download\Oportunidades por data criação - bu approval (23).xlsx</t>
  </si>
  <si>
    <t>11/21/2019 20:27:09</t>
  </si>
  <si>
    <t>D:\21_11_2019 - PC ALGAR TECH\Desktop 22-07-19\Download\Oportunidades por data criação - bu approval (24).xlsx</t>
  </si>
  <si>
    <t>D:\21_11_2019 - PC ALGAR TECH\Desktop - 12-11-19\PreVendas - Governo Diogo\CJF\2014\Infraestrutura\C&amp;R.xlsx</t>
  </si>
  <si>
    <t>11/21/2019 20:27:13</t>
  </si>
  <si>
    <t>D:\21_11_2019 - PC ALGAR TECH\Desktop 22-07-19\Download\Oportunidades por data criação - bu approval (3).xlsx</t>
  </si>
  <si>
    <t>D:\21_11_2019 - PC ALGAR TECH\Desktop - 12-11-19\PreVendas - Governo Diogo\CJF\2014\Infraestrutura\CJF Estudos Preliminares.xlsx</t>
  </si>
  <si>
    <t>D:\21_11_2019 - PC ALGAR TECH\Desktop - 12-11-19\PreVendas - Governo Diogo\CJF\2014\Infraestrutura\CJF Final.xlsx</t>
  </si>
  <si>
    <t>11/21/2019 20:27:16</t>
  </si>
  <si>
    <t>D:\21_11_2019 - PC ALGAR TECH\Desktop 22-07-19\Download\Oportunidades por data criação - bu approval (4).xlsx</t>
  </si>
  <si>
    <t>D:\21_11_2019 - PC ALGAR TECH\Desktop - 12-11-19\PreVendas - Governo Diogo\CJF\2014\Infraestrutura\Curva de OPEX.xlsx</t>
  </si>
  <si>
    <t>D:\21_11_2019 - PC ALGAR TECH\Desktop - 12-11-19\PreVendas - Governo Diogo\CJF\2014\Infraestrutura\Estratificação da Adoção.xlsx</t>
  </si>
  <si>
    <t>11/21/2019 20:27:19</t>
  </si>
  <si>
    <t>D:\21_11_2019 - PC ALGAR TECH\Desktop 22-07-19\Download\Oportunidades por data criação - bu approval (5).xlsx</t>
  </si>
  <si>
    <t>11/21/2019 20:27:20</t>
  </si>
  <si>
    <t>D:\21_11_2019 - PC ALGAR TECH\Desktop - 12-11-19\PreVendas - Governo Diogo\CJF\2014\Infraestrutura\Lote 1.xlsb</t>
  </si>
  <si>
    <t>11/21/2019 20:27:23</t>
  </si>
  <si>
    <t>D:\21_11_2019 - PC ALGAR TECH\Desktop 22-07-19\Download\Oportunidades por data criação - bu approval (6).xlsx</t>
  </si>
  <si>
    <t>11/21/2019 20:27:24</t>
  </si>
  <si>
    <t>D:\21_11_2019 - PC ALGAR TECH\Desktop - 12-11-19\PreVendas - Governo Diogo\CJF\2014\Infraestrutura\Lote 2.xlsb</t>
  </si>
  <si>
    <t>11/21/2019 20:27:27</t>
  </si>
  <si>
    <t>D:\21_11_2019 - PC ALGAR TECH\Desktop 22-07-19\Download\Oportunidades por data criação - bu approval (7).xlsx</t>
  </si>
  <si>
    <t>D:\21_11_2019 - PC ALGAR TECH\Desktop - 12-11-19\PreVendas - Governo Diogo\CJF\2014\Infraestrutura\Lote 3.xlsb</t>
  </si>
  <si>
    <t>11/21/2019 20:27:31</t>
  </si>
  <si>
    <t>D:\21_11_2019 - PC ALGAR TECH\Desktop 22-07-19\Download\Oportunidades por data criação - bu approval (8).xlsx</t>
  </si>
  <si>
    <t>D:\21_11_2019 - PC ALGAR TECH\Desktop - 12-11-19\PreVendas - Governo Diogo\CJF\2014\Segurança\Item 1.xlsb</t>
  </si>
  <si>
    <t>11/21/2019 20:27:34</t>
  </si>
  <si>
    <t>D:\21_11_2019 - PC ALGAR TECH\Desktop 22-07-19\Download\Oportunidades por data criação - bu approval (9).xlsx</t>
  </si>
  <si>
    <t>11/21/2019 20:28:36</t>
  </si>
  <si>
    <t>D:\21_11_2019 - PC ALGAR TECH\Desktop 22-07-19\Download\Oportunidades por data criação - bu approval 04-12.xlsx</t>
  </si>
  <si>
    <t>11/21/2019 20:28:37</t>
  </si>
  <si>
    <t>D:\21_11_2019 - PC ALGAR TECH\Desktop - 12-11-19\PreVendas - Governo Diogo\CJF\2016\SD\Pré Publicação\05-2016\Cotação.xlsx</t>
  </si>
  <si>
    <t>11/21/2019 20:28:38</t>
  </si>
  <si>
    <t>D:\21_11_2019 - PC ALGAR TECH\Desktop 22-07-19\Download\Oportunidades por data criação - bu approval.xlsx</t>
  </si>
  <si>
    <t>11/21/2019 20:28:40</t>
  </si>
  <si>
    <t>D:\21_11_2019 - PC ALGAR TECH\Desktop 22-07-19\Download\Oportunidades por data de fechamento v2 (sem filtros).xlsx</t>
  </si>
  <si>
    <t>11/21/2019 20:28:43</t>
  </si>
  <si>
    <t>D:\21_11_2019 - PC ALGAR TECH\Desktop 22-07-19\Download\Oportunidades por data fechamento - detalhado - emissão proposta (1).xlsx</t>
  </si>
  <si>
    <t>11/21/2019 20:28:47</t>
  </si>
  <si>
    <t>D:\21_11_2019 - PC ALGAR TECH\Desktop 22-07-19\Download\Oportunidades por data fechamento - detalhado - emissão proposta (2).xlsx</t>
  </si>
  <si>
    <t>11/21/2019 20:28:48</t>
  </si>
  <si>
    <t>D:\21_11_2019 - PC ALGAR TECH\Desktop 22-07-19\Download\Oportunidades por data fechamento - detalhado - emissão proposta (3).xlsx</t>
  </si>
  <si>
    <t>11/21/2019 20:28:49</t>
  </si>
  <si>
    <t>D:\21_11_2019 - PC ALGAR TECH\Desktop - 12-11-19\PreVendas - Governo Diogo\CJF\2016\SD\Publicado\BP.xlsb</t>
  </si>
  <si>
    <t>11/21/2019 20:28:51</t>
  </si>
  <si>
    <t>D:\21_11_2019 - PC ALGAR TECH\Desktop 22-07-19\Download\Oportunidades por data fechamento - detalhado - emissão proposta (4).xlsx</t>
  </si>
  <si>
    <t>11/21/2019 20:28:54</t>
  </si>
  <si>
    <t>D:\21_11_2019 - PC ALGAR TECH\Desktop 22-07-19\Download\Oportunidades por data fechamento - detalhado - emissão proposta (5).xlsx</t>
  </si>
  <si>
    <t>11/21/2019 20:28:55</t>
  </si>
  <si>
    <t>D:\21_11_2019 - PC ALGAR TECH\Desktop - 12-11-19\PreVendas - Governo Diogo\CJF\2016\SD\Publicado\Republicado\BP.xlsb</t>
  </si>
  <si>
    <t>11/21/2019 20:28:56</t>
  </si>
  <si>
    <t>D:\21_11_2019 - PC ALGAR TECH\Desktop 22-07-19\Download\Oportunidades por data fechamento - detalhado - emissão proposta (6).xlsx</t>
  </si>
  <si>
    <t>D:\21_11_2019 - PC ALGAR TECH\Desktop - 12-11-19\PreVendas - Governo Diogo\CJF\2016\SD\Publicado\Republicado\Insumos.xlsx</t>
  </si>
  <si>
    <t>11/21/2019 20:28:57</t>
  </si>
  <si>
    <t>D:\21_11_2019 - PC ALGAR TECH\Desktop - 12-11-19\PreVendas - Governo Diogo\CJF\2019\Infra\Cotação\Pricing 04-04.xlsx</t>
  </si>
  <si>
    <t>11/21/2019 20:29:00</t>
  </si>
  <si>
    <t>D:\21_11_2019 - PC ALGAR TECH\Desktop 22-07-19\Download\Oportunidades por data fechamento - detalhado - emissão proposta.xlsx</t>
  </si>
  <si>
    <t>11/21/2019 20:29:04</t>
  </si>
  <si>
    <t>D:\21_11_2019 - PC ALGAR TECH\Desktop 22-07-19\Download\Oportunidades por data fechamento DETALHADO.xlsx</t>
  </si>
  <si>
    <t>11/21/2019 20:29:05</t>
  </si>
  <si>
    <t>D:\21_11_2019 - PC ALGAR TECH\Desktop - 12-11-19\PreVendas - Governo Diogo\CMOC\Recorrente.xlsb</t>
  </si>
  <si>
    <t>11/21/2019 20:29:06</t>
  </si>
  <si>
    <t>D:\21_11_2019 - PC ALGAR TECH\Desktop - 12-11-19\PreVendas - Governo Diogo\CMOC\SETUP.xlsb</t>
  </si>
  <si>
    <t>11/21/2019 20:29:07</t>
  </si>
  <si>
    <t>D:\21_11_2019 - PC ALGAR TECH\Desktop 22-07-19\Download\Oportunidades por data fechamento v3.xlsx</t>
  </si>
  <si>
    <t>11/21/2019 20:29:08</t>
  </si>
  <si>
    <t>D:\21_11_2019 - PC ALGAR TECH\Desktop - 12-11-19\PreVendas - Governo Diogo\CNEN RJ\BP.xlsb</t>
  </si>
  <si>
    <t>D:\21_11_2019 - PC ALGAR TECH\Desktop 22-07-19\Download\ouwqxyth.12k.csv</t>
  </si>
  <si>
    <t>D:\21_11_2019 - PC ALGAR TECH\Desktop 22-07-19\Download\ouwqxyth.12k.csv:Zone.Identifier</t>
  </si>
  <si>
    <t>D:\21_11_2019 - PC ALGAR TECH\Desktop 22-07-19\Download\p2hdnsxn.5it.csv</t>
  </si>
  <si>
    <t>11/21/2019 20:29:09</t>
  </si>
  <si>
    <t>D:\21_11_2019 - PC ALGAR TECH\Desktop 22-07-19\Download\p2hdnsxn.5it.csv:Zone.Identifier</t>
  </si>
  <si>
    <t>11/21/2019 20:29:10</t>
  </si>
  <si>
    <t>D:\21_11_2019 - PC ALGAR TECH\Desktop - 12-11-19\PreVendas - Governo Diogo\CNJ\2015\Infra\Cópia de BP de Preços Projetos _Nova Início - V 2015-6-009.xlsb</t>
  </si>
  <si>
    <t>D:\21_11_2019 - PC ALGAR TECH\Desktop 22-07-19\Download\Pacote completo (1).xlsx</t>
  </si>
  <si>
    <t>11/21/2019 20:29:11</t>
  </si>
  <si>
    <t>D:\21_11_2019 - PC ALGAR TECH\Desktop 22-07-19\Download\Pacote completo.xlsx</t>
  </si>
  <si>
    <t>11/21/2019 20:29:13</t>
  </si>
  <si>
    <t>D:\21_11_2019 - PC ALGAR TECH\Desktop - 12-11-19\PreVendas - Governo Diogo\CNJ\2015\Infra\republicado\Cópia de BP de Preços Projetos _Nova Início - V 2015-6-009.xlsb</t>
  </si>
  <si>
    <t>D:\21_11_2019 - PC ALGAR TECH\Desktop - 12-11-19\PreVendas - Governo Diogo\CNJ\2015\Infra\republicado\Desenho.xlsx</t>
  </si>
  <si>
    <t>D:\21_11_2019 - PC ALGAR TECH\Desktop 22-07-19\Download\password_2007_2010.xlam</t>
  </si>
  <si>
    <t>D:\21_11_2019 - PC ALGAR TECH\Desktop - 12-11-19\PreVendas - Governo Diogo\CNJ\2015\Infra\republicado\IN-02-Diogo_note.xls</t>
  </si>
  <si>
    <t>D:\21_11_2019 - PC ALGAR TECH\Desktop - 12-11-19\PreVendas - Governo Diogo\CNJ\2015\Infra\republicado\IN-02.xls</t>
  </si>
  <si>
    <t>11/21/2019 20:29:14</t>
  </si>
  <si>
    <t>D:\21_11_2019 - PC ALGAR TECH\Desktop 22-07-19\Download\Pensao (1).xlsx</t>
  </si>
  <si>
    <t>D:\21_11_2019 - PC ALGAR TECH\Desktop 22-07-19\Download\Pensao.xlsx</t>
  </si>
  <si>
    <t>11/21/2019 20:29:15</t>
  </si>
  <si>
    <t>D:\21_11_2019 - PC ALGAR TECH\Desktop 22-07-19\Download\Petrobrás - 169229 - Análise de riscos.xlsx</t>
  </si>
  <si>
    <t>11/21/2019 20:29:17</t>
  </si>
  <si>
    <t>D:\21_11_2019 - PC ALGAR TECH\Desktop 22-07-19\Download\Pipeline Detalhado com CAPEX_ OPEX (1).xlsx</t>
  </si>
  <si>
    <t>11/21/2019 20:29:18</t>
  </si>
  <si>
    <t>D:\21_11_2019 - PC ALGAR TECH\Desktop - 12-11-19\PreVendas - Governo Diogo\CNJ\2017\SD\BP Preço C010 B009.xlsb</t>
  </si>
  <si>
    <t>11/21/2019 20:29:20</t>
  </si>
  <si>
    <t>D:\21_11_2019 - PC ALGAR TECH\Desktop 22-07-19\Download\Pipeline Detalhado com CAPEX_ OPEX (2).xlsx</t>
  </si>
  <si>
    <t>11/21/2019 20:29:21</t>
  </si>
  <si>
    <t>D:\21_11_2019 - PC ALGAR TECH\Desktop - 12-11-19\PreVendas - Governo Diogo\CNJ\2017\SD\desonerado.xlsb</t>
  </si>
  <si>
    <t>11/21/2019 20:29:23</t>
  </si>
  <si>
    <t>D:\21_11_2019 - PC ALGAR TECH\Desktop 22-07-19\Download\Pipeline Detalhado com CAPEX_ OPEX (3).xlsx</t>
  </si>
  <si>
    <t>D:\21_11_2019 - PC ALGAR TECH\Desktop - 12-11-19\PreVendas - Governo Diogo\CNJ\2017\SD\IN02 - GERAL.xlsx</t>
  </si>
  <si>
    <t>D:\21_11_2019 - PC ALGAR TECH\Desktop - 12-11-19\PreVendas - Governo Diogo\CNJ\2017\SD\Pasta de trabalho1.xlsx</t>
  </si>
  <si>
    <t>11/21/2019 20:29:24</t>
  </si>
  <si>
    <t>D:\21_11_2019 - PC ALGAR TECH\Desktop 22-07-19\Download\Pipeline Detalhado com CAPEX_ OPEX.xlsx</t>
  </si>
  <si>
    <t>11/21/2019 20:29:25</t>
  </si>
  <si>
    <t>D:\21_11_2019 - PC ALGAR TECH\Desktop - 12-11-19\PreVendas - Governo Diogo\CNJ\2017\SD\Republicado\144406 - 2017 - CNJ SD - Novembro.xlsb</t>
  </si>
  <si>
    <t>11/21/2019 20:29:27</t>
  </si>
  <si>
    <t>D:\21_11_2019 - PC ALGAR TECH\Desktop 22-07-19\Download\Pipeline Detalhado emissão proposta.xlsx</t>
  </si>
  <si>
    <t>11/21/2019 20:29:28</t>
  </si>
  <si>
    <t>D:\21_11_2019 - PC ALGAR TECH\Desktop - 12-11-19\PreVendas - Governo Diogo\CNJ\2017\SD\Republicado\CNJ_-_Pregão_Eletrônico_nº_22%2f2017_-_Edital_e_esclarecimentos.zip</t>
  </si>
  <si>
    <t>11/21/2019 20:29:30</t>
  </si>
  <si>
    <t>D:\21_11_2019 - PC ALGAR TECH\Desktop 22-07-19\Download\Pipeline Detalhado v2 (1).xlsx</t>
  </si>
  <si>
    <t>11/21/2019 20:29:31</t>
  </si>
  <si>
    <t>D:\21_11_2019 - PC ALGAR TECH\Desktop - 12-11-19\PreVendas - Governo Diogo\CNJ\2017\SD\Republicado\Cópia de BP Preço C010 B011 Desonerada.xlsb</t>
  </si>
  <si>
    <t>11/21/2019 20:29:33</t>
  </si>
  <si>
    <t>D:\21_11_2019 - PC ALGAR TECH\Desktop 22-07-19\Download\Pipeline Detalhado v2.xlsx</t>
  </si>
  <si>
    <t>D:\21_11_2019 - PC ALGAR TECH\Desktop - 12-11-19\PreVendas - Governo Diogo\CNJ\2017\SD\Republicado\CNJ_-_Pregão_Eletrônico_nº_22%2f2017_-_Edital_e_esclarecimentos\Planilha_de_Formacao_de_Precos_TIC_v2.xls</t>
  </si>
  <si>
    <t>D:\21_11_2019 - PC ALGAR TECH\Desktop - 12-11-19\PreVendas - Governo Diogo\CNJ\2017\SD\Republicado\CNJ_-_Pregão_Eletrônico_nº_22%2f2017_-_Edital_e_esclarecimentos\Planilha_de_Formacao_de_Precos_TIC_v3.xls</t>
  </si>
  <si>
    <t>D:\21_11_2019 - PC ALGAR TECH\Desktop 22-07-19\Download\Planilha - Gestão de Fornecedores de TI - Kraljic 21_11_18.xlsm</t>
  </si>
  <si>
    <t>11/21/2019 20:29:34</t>
  </si>
  <si>
    <t>D:\21_11_2019 - PC ALGAR TECH\Desktop 22-07-19\Download\Plan_Atualizada.xlsx</t>
  </si>
  <si>
    <t>11/21/2019 20:29:36</t>
  </si>
  <si>
    <t>D:\21_11_2019 - PC ALGAR TECH\Desktop - 12-11-19\PreVendas - Governo Diogo\CNJ\2019\Emergencial Segurança\BP de Preço.xlsb</t>
  </si>
  <si>
    <t>D:\21_11_2019 - PC ALGAR TECH\Desktop 22-07-19\Download\ppqb3kea.3o5.csv</t>
  </si>
  <si>
    <t>D:\21_11_2019 - PC ALGAR TECH\Desktop 22-07-19\Download\ppqb3kea.3o5.csv:Zone.Identifier</t>
  </si>
  <si>
    <t>11/21/2019 20:29:37</t>
  </si>
  <si>
    <t>D:\21_11_2019 - PC ALGAR TECH\Desktop 22-07-19\Download\Pre Sales Location (detail table).csv</t>
  </si>
  <si>
    <t>D:\21_11_2019 - PC ALGAR TECH\Desktop 22-07-19\Download\Pre Sales Location (detail table).csv:Zone.Identifier</t>
  </si>
  <si>
    <t>11/21/2019 20:29:38</t>
  </si>
  <si>
    <t>D:\21_11_2019 - PC ALGAR TECH\Desktop 22-07-19\Download\Pre Sales Location (detail table).xlsx</t>
  </si>
  <si>
    <t>11/21/2019 20:29:39</t>
  </si>
  <si>
    <t>D:\21_11_2019 - PC ALGAR TECH\Desktop - 12-11-19\PreVendas - Governo Diogo\CNJ\2019\INFRA ADITIVO\BP Aditivo CNJ Sobreaviso.xlsb</t>
  </si>
  <si>
    <t>D:\21_11_2019 - PC ALGAR TECH\Desktop 22-07-19\Download\Pre Sales Location (graph).xlsx</t>
  </si>
  <si>
    <t>11/21/2019 20:29:41</t>
  </si>
  <si>
    <t>D:\21_11_2019 - PC ALGAR TECH\Desktop - 12-11-19\PreVendas - Governo Diogo\CNJ\2019\INFRA ADITIVO\BP de Preço Recuperado.xlsb</t>
  </si>
  <si>
    <t>D:\21_11_2019 - PC ALGAR TECH\Desktop 22-07-19\Download\Preço final cliente.xlsx</t>
  </si>
  <si>
    <t>D:\21_11_2019 - PC ALGAR TECH\Desktop 22-07-19\Download\pricing.xlsx</t>
  </si>
  <si>
    <t>11/21/2019 20:29:42</t>
  </si>
  <si>
    <t>D:\21_11_2019 - PC ALGAR TECH\Desktop - 12-11-19\PreVendas - Governo Diogo\CNJ\2019\INFRA ADITIVO\BP de Preço.xlsb</t>
  </si>
  <si>
    <t>D:\21_11_2019 - PC ALGAR TECH\Desktop - 12-11-19\PreVendas - Governo Diogo\CNJ\2019\INFRA ADITIVO\IN-02.xls</t>
  </si>
  <si>
    <t>D:\21_11_2019 - PC ALGAR TECH\Desktop - 12-11-19\PreVendas - Governo Diogo\CNJ\2019\Monitoramento\BP CNJ NOC.xlsb</t>
  </si>
  <si>
    <t>D:\21_11_2019 - PC ALGAR TECH\Desktop - 12-11-19\PreVendas - Governo Diogo\CNJ\2019\Monitoramento\Dimensionamento NOC - CNJ.xlsx</t>
  </si>
  <si>
    <t>D:\21_11_2019 - PC ALGAR TECH\Desktop - 12-11-19\PreVendas - Governo Diogo\CNJ\2019\Monitoramento\Cotação\Cópia de BP Preço C012 B013 Desonerada.xlsb</t>
  </si>
  <si>
    <t>11/21/2019 20:29:48</t>
  </si>
  <si>
    <t>D:\21_11_2019 - PC ALGAR TECH\Desktop - 12-11-19\PreVendas - Governo Diogo\CNJ\2019\Repactuação INFRA\BP Repactuação Consolidado.xlsb</t>
  </si>
  <si>
    <t>11/21/2019 20:29:59</t>
  </si>
  <si>
    <t>D:\21_11_2019 - PC ALGAR TECH\Desktop 22-07-19\Download\Proposta Reajuste Soluções - 07_2019.pptx</t>
  </si>
  <si>
    <t>11/21/2019 20:30:00</t>
  </si>
  <si>
    <t>D:\21_11_2019 - PC ALGAR TECH\Desktop - 12-11-19\PreVendas - Governo Diogo\CNJ\2019\SD Aditivo\Aditivo 6x1150.xlsb</t>
  </si>
  <si>
    <t>11/21/2019 20:30:01</t>
  </si>
  <si>
    <t>D:\21_11_2019 - PC ALGAR TECH\Desktop - 12-11-19\PreVendas - Governo Diogo\CNJ\Pre-Publicação\BP.xlsm</t>
  </si>
  <si>
    <t>11/21/2019 20:30:03</t>
  </si>
  <si>
    <t>D:\21_11_2019 - PC ALGAR TECH\Desktop - 12-11-19\PreVendas - Governo Diogo\CNJ\Publicado\Planilha de Preço - Serviços Gerenciados.xlsb</t>
  </si>
  <si>
    <t>D:\21_11_2019 - PC ALGAR TECH\Desktop - 12-11-19\PreVendas - Governo Diogo\CNJ\Publicado\Premissas.xlsx</t>
  </si>
  <si>
    <t>D:\21_11_2019 - PC ALGAR TECH\Desktop - 12-11-19\PreVendas - Governo Diogo\CNMP\Racional.xlsx</t>
  </si>
  <si>
    <t>D:\21_11_2019 - PC ALGAR TECH\Desktop - 12-11-19\PreVendas - Governo Diogo\CNPq\CNPq.1.zip</t>
  </si>
  <si>
    <t>D:\21_11_2019 - PC ALGAR TECH\Desktop 22-07-19\Download\pze34qxf.2ua.csv</t>
  </si>
  <si>
    <t>D:\21_11_2019 - PC ALGAR TECH\Desktop 22-07-19\Download\pze34qxf.2ua.csv:Zone.Identifier</t>
  </si>
  <si>
    <t>D:\21_11_2019 - PC ALGAR TECH\Desktop 22-07-19\Download\qqhmsbcq.bai.csv</t>
  </si>
  <si>
    <t>11/21/2019 20:30:04</t>
  </si>
  <si>
    <t>D:\21_11_2019 - PC ALGAR TECH\Desktop 22-07-19\Download\qqhmsbcq.bai.csv:Zone.Identifier</t>
  </si>
  <si>
    <t>D:\21_11_2019 - PC ALGAR TECH\Desktop 22-07-19\Download\Quotation Number 7719171154 Suporte Grupo Profarma.msg</t>
  </si>
  <si>
    <t>11/21/2019 20:30:05</t>
  </si>
  <si>
    <t>D:\21_11_2019 - PC ALGAR TECH\Desktop 22-07-19\Download\qusye0ar.xed.csv</t>
  </si>
  <si>
    <t>D:\21_11_2019 - PC ALGAR TECH\Desktop 22-07-19\Download\qusye0ar.xed.csv:Zone.Identifier</t>
  </si>
  <si>
    <t>D:\21_11_2019 - PC ALGAR TECH\Desktop - 12-11-19\PreVendas - Governo Diogo\CNPq\2016\Desenho.xlsx</t>
  </si>
  <si>
    <t>D:\21_11_2019 - PC ALGAR TECH\Desktop - 12-11-19\PreVendas - Governo Diogo\CNPq\2016\LOTE 1 - IN02.xlsx</t>
  </si>
  <si>
    <t>D:\21_11_2019 - PC ALGAR TECH\Desktop - 12-11-19\PreVendas - Governo Diogo\CNPq\2016\LOTE 2 - IN02.xlsx</t>
  </si>
  <si>
    <t>D:\21_11_2019 - PC ALGAR TECH\Desktop - 12-11-19\PreVendas - Governo Diogo\CNPq\2016\LOTE 3 - IN02.xlsx</t>
  </si>
  <si>
    <t>11/21/2019 20:30:06</t>
  </si>
  <si>
    <t>D:\21_11_2019 - PC ALGAR TECH\Desktop - 12-11-19\PreVendas - Governo Diogo\CNPq\2016\Lote I.xlsb</t>
  </si>
  <si>
    <t>11/21/2019 20:30:08</t>
  </si>
  <si>
    <t>D:\21_11_2019 - PC ALGAR TECH\Desktop - 12-11-19\PreVendas - Governo Diogo\CNPq\2016\Lote II.xlsb</t>
  </si>
  <si>
    <t>11/21/2019 20:30:10</t>
  </si>
  <si>
    <t>D:\21_11_2019 - PC ALGAR TECH\Desktop - 12-11-19\PreVendas - Governo Diogo\CNPq\2018\1. DESENHO_SOLUÇÃO_SG_TI_V10.3.xlsx</t>
  </si>
  <si>
    <t>D:\21_11_2019 - PC ALGAR TECH\Desktop - 12-11-19\PreVendas - Governo Diogo\CNPq\2018\bckp.xlsx</t>
  </si>
  <si>
    <t>11/21/2019 20:30:11</t>
  </si>
  <si>
    <t>D:\21_11_2019 - PC ALGAR TECH\Desktop - 12-11-19\PreVendas - Governo Diogo\CNPq\2018\BP CNPq - BROADCOM.xlsb</t>
  </si>
  <si>
    <t>D:\21_11_2019 - PC ALGAR TECH\Desktop 22-07-19\Download\Relatório de Comprovação de Envio das Oportunidades (1).xlsx</t>
  </si>
  <si>
    <t>11/21/2019 20:30:13</t>
  </si>
  <si>
    <t>D:\21_11_2019 - PC ALGAR TECH\Desktop - 12-11-19\PreVendas - Governo Diogo\CNPq\2018\BP CNPq.xlsb</t>
  </si>
  <si>
    <t>D:\21_11_2019 - PC ALGAR TECH\Desktop 22-07-19\Download\Relatório de Comprovação de Envio das Oportunidades.xlsx</t>
  </si>
  <si>
    <t>D:\21_11_2019 - PC ALGAR TECH\Desktop - 12-11-19\PreVendas - Governo Diogo\CNPq\2018\CNPq - GIAT SD.xlsx</t>
  </si>
  <si>
    <t>D:\21_11_2019 - PC ALGAR TECH\Desktop 22-07-19\Download\Relatório de Comprovação de Envio do Relatório Executivo.xlsx</t>
  </si>
  <si>
    <t>D:\21_11_2019 - PC ALGAR TECH\Desktop - 12-11-19\PreVendas - Governo Diogo\CNPq\2018\Dimensionamento NOC_2018 v1.0.xlsx</t>
  </si>
  <si>
    <t>D:\21_11_2019 - PC ALGAR TECH\Desktop 22-07-19\Download\Relatório de Comprovação de Envio dos E-mails (1).xlsx</t>
  </si>
  <si>
    <t>D:\21_11_2019 - PC ALGAR TECH\Desktop 22-07-19\Download\Relatório de Comprovação de Envio dos E-mails (2).xlsx</t>
  </si>
  <si>
    <t>11/21/2019 20:30:15</t>
  </si>
  <si>
    <t>D:\21_11_2019 - PC ALGAR TECH\Desktop 22-07-19\Download\Relatório de Comprovação de Envio dos E-mails.xlsx</t>
  </si>
  <si>
    <t>D:\21_11_2019 - PC ALGAR TECH\Desktop - 12-11-19\PreVendas - Governo Diogo\CNPq\2018\FINAL CNPq - GIAT SD.xlsx</t>
  </si>
  <si>
    <t>D:\21_11_2019 - PC ALGAR TECH\Desktop 22-07-19\Download\RES RES Proposta Técnica e comercial Telcomp - Boulevard Barueri.msg</t>
  </si>
  <si>
    <t>11/21/2019 20:30:16</t>
  </si>
  <si>
    <t>D:\21_11_2019 - PC ALGAR TECH\Desktop - 12-11-19\PreVendas - Governo Diogo\CNPq\2019\Análise CNPJ Infra\Impactos.xlsx</t>
  </si>
  <si>
    <t>11/21/2019 20:30:19</t>
  </si>
  <si>
    <t>D:\21_11_2019 - PC ALGAR TECH\Desktop 22-07-19\Download\RES Você foi convidado para participar do evento Concurso SBE .msg</t>
  </si>
  <si>
    <t>D:\21_11_2019 - PC ALGAR TECH\Desktop - 12-11-19\PreVendas - Governo Diogo\CNPq\CNPq.1\Formulário de Proposta Comercial - Lote 4.xls</t>
  </si>
  <si>
    <t>11/21/2019 20:30:20</t>
  </si>
  <si>
    <t>D:\21_11_2019 - PC ALGAR TECH\Desktop - 12-11-19\PreVendas - Governo Diogo\CNPq\CNPq.1 2\2.1 - ADMINISTRADOR DE BANCO DE DADOS.xlsx</t>
  </si>
  <si>
    <t>D:\21_11_2019 - PC ALGAR TECH\Desktop - 12-11-19\PreVendas - Governo Diogo\CNPq\CNPq.1 2\2.2 - ANALISTA DE MIDLEWARE.xlsx</t>
  </si>
  <si>
    <t>D:\21_11_2019 - PC ALGAR TECH\Desktop 22-07-19\Download\RESPOSTA AOS QUESTIONAMENTOS E LPUS.zip</t>
  </si>
  <si>
    <t>D:\21_11_2019 - PC ALGAR TECH\Desktop - 12-11-19\PreVendas - Governo Diogo\CNPq\CNPq.1 2\2.3 - ANALISTA DE INTERNET_WEB.xlsx</t>
  </si>
  <si>
    <t>D:\21_11_2019 - PC ALGAR TECH\Desktop - 12-11-19\PreVendas - Governo Diogo\CNPq\CNPq.1 2\2.4 - ANALISTA DE MENSAGERIA E COLABORAÇÃO.xlsx</t>
  </si>
  <si>
    <t>11/21/2019 20:30:21</t>
  </si>
  <si>
    <t>D:\21_11_2019 - PC ALGAR TECH\Desktop - 12-11-19\PreVendas - Governo Diogo\CNPq\CNPq.1 2\Formulário de Proposta Comercial - Lote 4.xls</t>
  </si>
  <si>
    <t>D:\21_11_2019 - PC ALGAR TECH\Desktop 22-07-19\Download\Resumo estrutura.xlsx</t>
  </si>
  <si>
    <t>11/21/2019 20:31:09</t>
  </si>
  <si>
    <t>D:\21_11_2019 - PC ALGAR TECH\Desktop 22-07-19\Download\Revisão TIM.msg</t>
  </si>
  <si>
    <t>11/21/2019 20:31:10</t>
  </si>
  <si>
    <t>11/21/2019 20:31:11</t>
  </si>
  <si>
    <t>D:\21_11_2019 - PC ALGAR TECH\Desktop 22-07-19\Download\RFQ Instalação Servidores Trend Micro (1).xls</t>
  </si>
  <si>
    <t>D:\21_11_2019 - PC ALGAR TECH\Desktop 22-07-19\Download\RFQ Instalação Servidores Trend Micro (2).xls</t>
  </si>
  <si>
    <t>11/21/2019 20:31:12</t>
  </si>
  <si>
    <t>D:\21_11_2019 - PC ALGAR TECH\Desktop 22-07-19\Download\RFQ Instalação Servidores Trend Micro.xls</t>
  </si>
  <si>
    <t>D:\21_11_2019 - PC ALGAR TECH\Desktop - 12-11-19\PreVendas - Governo Diogo\CODEVASF\2019\Republicado\Cálculos USTs.xlsx</t>
  </si>
  <si>
    <t>D:\21_11_2019 - PC ALGAR TECH\Desktop 22-07-19\Download\rorbjjnz.kfn.csv</t>
  </si>
  <si>
    <t>D:\21_11_2019 - PC ALGAR TECH\Desktop 22-07-19\Download\rorbjjnz.kfn.csv:Zone.Identifier</t>
  </si>
  <si>
    <t>11/21/2019 20:31:15</t>
  </si>
  <si>
    <t>D:\21_11_2019 - PC ALGAR TECH\Desktop - 12-11-19\PreVendas - Governo Diogo\CODEVASF\2019\Republicado\Plan Precificacao C017 B017.xlsb</t>
  </si>
  <si>
    <t>D:\21_11_2019 - PC ALGAR TECH\Desktop 22-07-19\Download\s1esqymq.5cq.csv</t>
  </si>
  <si>
    <t>11/21/2019 20:31:16</t>
  </si>
  <si>
    <t>D:\21_11_2019 - PC ALGAR TECH\Desktop - 12-11-19\PreVendas - Governo Diogo\CODEVASF\2019\Republicado\Preço.xlsb</t>
  </si>
  <si>
    <t>D:\21_11_2019 - PC ALGAR TECH\Desktop 22-07-19\Download\sm1mnbkd.mtn.csv</t>
  </si>
  <si>
    <t>D:\21_11_2019 - PC ALGAR TECH\Desktop 22-07-19\Download\sm1mnbkd.mtn.csv:Zone.Identifier</t>
  </si>
  <si>
    <t>11/21/2019 20:31:17</t>
  </si>
  <si>
    <t>D:\21_11_2019 - PC ALGAR TECH\Desktop - 12-11-19\PreVendas - Governo Diogo\Compucenter\Rollout Bodyshop\Computacenter - Bodyshop - Rollout.xlsb</t>
  </si>
  <si>
    <t>11/21/2019 20:33:17</t>
  </si>
  <si>
    <t>D:\21_11_2019 - PC ALGAR TECH\Desktop - 12-11-19\PreVendas - Governo Diogo\CPFL\BP Central Algar.xlsb</t>
  </si>
  <si>
    <t>11/21/2019 20:33:18</t>
  </si>
  <si>
    <t>D:\21_11_2019 - PC ALGAR TECH\Desktop 22-07-19\Download\SUELEN_MOREIRA_MARQUES_-_CM_02.2019.xlsx</t>
  </si>
  <si>
    <t>11/21/2019 20:33:19</t>
  </si>
  <si>
    <t>D:\21_11_2019 - PC ALGAR TECH\Desktop - 12-11-19\PreVendas - Governo Diogo\CPFL\BP Preço C010 B011 Desonerada.xlsb</t>
  </si>
  <si>
    <t>11/21/2019 20:33:20</t>
  </si>
  <si>
    <t>D:\21_11_2019 - PC ALGAR TECH\Desktop - 12-11-19\PreVendas - Governo Diogo\CPFL\Duvidas_Respostas_CPFL.XLSX</t>
  </si>
  <si>
    <t>11/21/2019 20:33:21</t>
  </si>
  <si>
    <t>D:\21_11_2019 - PC ALGAR TECH\Desktop - 12-11-19\PreVendas - Governo Diogo\CPFL\Sizing.xlsx</t>
  </si>
  <si>
    <t>11/21/2019 20:33:28</t>
  </si>
  <si>
    <t>D:\21_11_2019 - PC ALGAR TECH\Desktop - 12-11-19\PreVendas - Governo Diogo\CPFL\TI Operação - Base .xlsx</t>
  </si>
  <si>
    <t>11/21/2019 20:33:31</t>
  </si>
  <si>
    <t>D:\21_11_2019 - PC ALGAR TECH\Desktop - 12-11-19\PreVendas - Governo Diogo\CPFL\Revisão 3\CPFL Cenário 02_v4_BP Preço C010 B011 Desonerada.xlsb</t>
  </si>
  <si>
    <t>11/21/2019 20:33:32</t>
  </si>
  <si>
    <t>D:\21_11_2019 - PC ALGAR TECH\Desktop - 12-11-19\PreVendas - Governo Diogo\CPFL\Revisão 3\CPFL Cenário 02_v4_REV3.xlsb</t>
  </si>
  <si>
    <t>D:\21_11_2019 - PC ALGAR TECH\Desktop 22-07-19\Download\Template_-_TRANSFERENCIA_ENTRE_EMPRESAS_-_Suelen.xlsx</t>
  </si>
  <si>
    <t>11/21/2019 20:33:33</t>
  </si>
  <si>
    <t>D:\21_11_2019 - PC ALGAR TECH\Desktop 22-07-19\Download\Template_Alteracao_CR_ou_Sindicato_(1).xlsx</t>
  </si>
  <si>
    <t>D:\21_11_2019 - PC ALGAR TECH\Desktop 22-07-19\Download\Template_Padrao_-_Transferencia.xlsx</t>
  </si>
  <si>
    <t>D:\21_11_2019 - PC ALGAR TECH\Desktop 22-07-19\Download\tmoypp14.dch.csv</t>
  </si>
  <si>
    <t>D:\21_11_2019 - PC ALGAR TECH\Desktop - 12-11-19\PreVendas - Governo Diogo\CPRM\Racionais.xlsx</t>
  </si>
  <si>
    <t>11/21/2019 20:33:34</t>
  </si>
  <si>
    <t>D:\21_11_2019 - PC ALGAR TECH\Desktop - 12-11-19\PreVendas - Governo Diogo\CREA-SP\BP_Final_36_Meses.xlsb</t>
  </si>
  <si>
    <t>D:\21_11_2019 - PC ALGAR TECH\Desktop 22-07-19\Download\twnlwyl0.fva.csv</t>
  </si>
  <si>
    <t>D:\21_11_2019 - PC ALGAR TECH\Desktop 22-07-19\Download\twnlwyl0.fva.csv:Zone.Identifier</t>
  </si>
  <si>
    <t>D:\21_11_2019 - PC ALGAR TECH\Desktop 22-07-19\Download\uaac1vus.mbb.csv</t>
  </si>
  <si>
    <t>D:\21_11_2019 - PC ALGAR TECH\Desktop 22-07-19\Download\uaac1vus.mbb.csv:Zone.Identifier</t>
  </si>
  <si>
    <t>11/21/2019 20:33:35</t>
  </si>
  <si>
    <t>D:\21_11_2019 - PC ALGAR TECH\Desktop 22-07-19\Download\uny1uzft.3ro.csv</t>
  </si>
  <si>
    <t>11/21/2019 20:33:36</t>
  </si>
  <si>
    <t>D:\21_11_2019 - PC ALGAR TECH\Desktop - 12-11-19\PreVendas - Governo Diogo\Cyrella\BS Field\Cyrella BS FS.xlsb</t>
  </si>
  <si>
    <t>D:\21_11_2019 - PC ALGAR TECH\Desktop 22-07-19\Download\uny1uzft.3ro.csv:Zone.Identifier</t>
  </si>
  <si>
    <t>11/21/2019 20:33:37</t>
  </si>
  <si>
    <t>D:\21_11_2019 - PC ALGAR TECH\Desktop - 12-11-19\PreVendas - Governo Diogo\Câmara\Cópia de Planilha de Preço - Serviços Gerenciados.xlsb</t>
  </si>
  <si>
    <t>D:\21_11_2019 - PC ALGAR TECH\Desktop 22-07-19\Download\vaoqv2u5.plh.csv</t>
  </si>
  <si>
    <t>D:\21_11_2019 - PC ALGAR TECH\Desktop 22-07-19\Download\vaoqv2u5.plh.csv:Zone.Identifier</t>
  </si>
  <si>
    <t>11/21/2019 20:33:39</t>
  </si>
  <si>
    <t>D:\21_11_2019 - PC ALGAR TECH\Desktop 22-07-19\Download\Vendas Detalhado (1).xlsx</t>
  </si>
  <si>
    <t>D:\21_11_2019 - PC ALGAR TECH\Desktop - 12-11-19\PreVendas - Governo Diogo\Câmara\Pasta1.xlsx</t>
  </si>
  <si>
    <t>D:\21_11_2019 - PC ALGAR TECH\Desktop 22-07-19\Download\Vendas Detalhado (2).xlsx</t>
  </si>
  <si>
    <t>11/21/2019 20:33:40</t>
  </si>
  <si>
    <t>D:\21_11_2019 - PC ALGAR TECH\Desktop - 12-11-19\PreVendas - Governo Diogo\Câmara\Planilha de Preço - Serviços Gerenciados.xlsb</t>
  </si>
  <si>
    <t>11/21/2019 20:33:41</t>
  </si>
  <si>
    <t>D:\21_11_2019 - PC ALGAR TECH\Desktop 22-07-19\Download\Vendas Detalhado (3).xlsx</t>
  </si>
  <si>
    <t>D:\21_11_2019 - PC ALGAR TECH\Desktop - 12-11-19\PreVendas - Governo Diogo\Câmara\Preço - Serviços Gerenciados COM PBM Aux. Alim..xlsb</t>
  </si>
  <si>
    <t>11/21/2019 20:33:42</t>
  </si>
  <si>
    <t>D:\21_11_2019 - PC ALGAR TECH\Desktop 22-07-19\Download\Vendas Detalhado (4).xlsx</t>
  </si>
  <si>
    <t>D:\21_11_2019 - PC ALGAR TECH\Desktop - 12-11-19\PreVendas - Governo Diogo\Câmara\Preço - Serviços Gerenciados COM PBM.xlsb</t>
  </si>
  <si>
    <t>D:\21_11_2019 - PC ALGAR TECH\Desktop 22-07-19\Download\Vendas Detalhado (5).xlsx</t>
  </si>
  <si>
    <t>11/21/2019 20:33:43</t>
  </si>
  <si>
    <t>D:\21_11_2019 - PC ALGAR TECH\Desktop - 12-11-19\PreVendas - Governo Diogo\Câmara\Preço - Serviços Gerenciados SEM PBM.xlsb</t>
  </si>
  <si>
    <t>D:\21_11_2019 - PC ALGAR TECH\Desktop 22-07-19\Download\Vendas Detalhado (6).xlsx</t>
  </si>
  <si>
    <t>11/21/2019 20:33:45</t>
  </si>
  <si>
    <t>D:\21_11_2019 - PC ALGAR TECH\Desktop - 12-11-19\PreVendas - Governo Diogo\Câmara\Atualizado\ABERTO - Planilha de Preço - Serviços Gerenciados V2.xlsb</t>
  </si>
  <si>
    <t>D:\21_11_2019 - PC ALGAR TECH\Desktop 22-07-19\Download\Vendas Detalhado - alteração fusion.xlsx</t>
  </si>
  <si>
    <t>D:\21_11_2019 - PC ALGAR TECH\Desktop - 12-11-19\PreVendas - Governo Diogo\Câmara\Atualizado\ABERTO - SEM MENOR E INSS.xlsb</t>
  </si>
  <si>
    <t>11/21/2019 20:33:50</t>
  </si>
  <si>
    <t>D:\21_11_2019 - PC ALGAR TECH\Desktop 22-07-19\Download\Vendas Detalhado v2.xlsx</t>
  </si>
  <si>
    <t>D:\21_11_2019 - PC ALGAR TECH\Desktop - 12-11-19\PreVendas - Governo Diogo\Câmara\Atualizado\custos câmara.xlsx</t>
  </si>
  <si>
    <t>11/21/2019 20:33:51</t>
  </si>
  <si>
    <t>D:\21_11_2019 - PC ALGAR TECH\Desktop - 12-11-19\PreVendas - Governo Diogo\Câmara\Atualizado\Planilha de Preço - Serviços Gerenciados V2.xlsb</t>
  </si>
  <si>
    <t>11/21/2019 20:33:52</t>
  </si>
  <si>
    <t>D:\21_11_2019 - PC ALGAR TECH\Desktop 22-07-19\Download\Vendas Detalhado.xlsx</t>
  </si>
  <si>
    <t>11/21/2019 20:33:53</t>
  </si>
  <si>
    <t>D:\21_11_2019 - PC ALGAR TECH\Desktop - 12-11-19\PreVendas - Governo Diogo\Câmara\Cervello SaaS\1.2 Parametrização.xlsb</t>
  </si>
  <si>
    <t>11/21/2019 20:33:54</t>
  </si>
  <si>
    <t>D:\21_11_2019 - PC ALGAR TECH\Desktop 22-07-19\Download\Vendas Resumido v6 (1).xlsx</t>
  </si>
  <si>
    <t>11/21/2019 20:33:55</t>
  </si>
  <si>
    <t>D:\21_11_2019 - PC ALGAR TECH\Desktop - 12-11-19\PreVendas - Governo Diogo\Câmara\Cervello SaaS\1.3 1.4 1.5 Treinamentos.xlsb</t>
  </si>
  <si>
    <t>11/21/2019 20:33:56</t>
  </si>
  <si>
    <t>D:\21_11_2019 - PC ALGAR TECH\Desktop 22-07-19\Download\Vendas Resumido v6.xlsx</t>
  </si>
  <si>
    <t>D:\21_11_2019 - PC ALGAR TECH\Desktop - 12-11-19\PreVendas - Governo Diogo\Câmara\Cervello SaaS\Consolidado.xlsx</t>
  </si>
  <si>
    <t>11/21/2019 20:33:58</t>
  </si>
  <si>
    <t>D:\21_11_2019 - PC ALGAR TECH\Desktop - 12-11-19\PreVendas - Governo Diogo\Câmara\Cervello SaaS\Licenças.xlsb</t>
  </si>
  <si>
    <t>D:\21_11_2019 - PC ALGAR TECH\Desktop 22-07-19\Download\vmifeiun.3hf.csv</t>
  </si>
  <si>
    <t>D:\21_11_2019 - PC ALGAR TECH\Desktop - 12-11-19\PreVendas - Governo Diogo\Câmara\Igor\Cópia de Planilha de Preço - Serviços Gerenciados.xlsb</t>
  </si>
  <si>
    <t>11/21/2019 20:33:59</t>
  </si>
  <si>
    <t>D:\21_11_2019 - PC ALGAR TECH\Desktop 22-07-19\Download\vqfdw1vb.o0r.csv</t>
  </si>
  <si>
    <t>D:\21_11_2019 - PC ALGAR TECH\Desktop 22-07-19\Download\vqfdw1vb.o0r.csv:Zone.Identifier</t>
  </si>
  <si>
    <t>D:\21_11_2019 - PC ALGAR TECH\Desktop - 12-11-19\PreVendas - Governo Diogo\Câmara\Igor\DRE.xlsx</t>
  </si>
  <si>
    <t>D:\21_11_2019 - PC ALGAR TECH\Desktop - 12-11-19\PreVendas - Governo Diogo\Câmara\Igor\Matriz Favorabilidade.xlsx</t>
  </si>
  <si>
    <t>11/21/2019 20:34:01</t>
  </si>
  <si>
    <t>D:\21_11_2019 - PC ALGAR TECH\Desktop - 12-11-19\PreVendas - Governo Diogo\Câmara Legislativa\BP.xlsb</t>
  </si>
  <si>
    <t>11/21/2019 20:34:02</t>
  </si>
  <si>
    <t>D:\21_11_2019 - PC ALGAR TECH\Desktop - 12-11-19\PreVendas - Governo Diogo\Datasus\2013\Catálogo.xlsx</t>
  </si>
  <si>
    <t>D:\21_11_2019 - PC ALGAR TECH\Desktop - 12-11-19\PreVendas - Governo Diogo\Datasus\2013\Dimensionamento Produtividade.xlsx</t>
  </si>
  <si>
    <t>11/21/2019 20:34:04</t>
  </si>
  <si>
    <t>D:\21_11_2019 - PC ALGAR TECH\Desktop - 12-11-19\PreVendas - Governo Diogo\Datasus\2013\Preço.xlsm</t>
  </si>
  <si>
    <t>D:\21_11_2019 - PC ALGAR TECH\Desktop - 12-11-19\PreVendas - Governo Diogo\Datasus\2017\SD\Auxiliar.xlsx</t>
  </si>
  <si>
    <t>11/21/2019 20:34:05</t>
  </si>
  <si>
    <t>D:\21_11_2019 - PC ALGAR TECH\Desktop - 12-11-19\PreVendas - Governo Diogo\Datasus\2017\SD\BP Preço C009 B009.xlsb</t>
  </si>
  <si>
    <t>D:\21_11_2019 - PC ALGAR TECH\Desktop - 12-11-19\PreVendas - Governo Diogo\Datasus\Assessoria\Pré Publicação\Documentos Enviados\Catálogo Macro.xlsx</t>
  </si>
  <si>
    <t>11/21/2019 20:34:06</t>
  </si>
  <si>
    <t>D:\21_11_2019 - PC ALGAR TECH\Desktop - 12-11-19\PreVendas - Governo Diogo\Datasus\Cotação\Cotação 2018.xlsx</t>
  </si>
  <si>
    <t>D:\21_11_2019 - PC ALGAR TECH\Desktop - 12-11-19\PreVendas - Governo Diogo\Datasus\Cotação\Desenho Cotação.xlsx</t>
  </si>
  <si>
    <t>D:\21_11_2019 - PC ALGAR TECH\Desktop 22-07-19\Download\wjnmksrp.o3d.csv</t>
  </si>
  <si>
    <t>D:\21_11_2019 - PC ALGAR TECH\Desktop - 12-11-19\PreVendas - Governo Diogo\DETRAN SP\Cotação.xlsx</t>
  </si>
  <si>
    <t>D:\21_11_2019 - PC ALGAR TECH\Desktop 22-07-19\Download\wnlksv3u.wy4.csv</t>
  </si>
  <si>
    <t>D:\21_11_2019 - PC ALGAR TECH\Desktop 22-07-19\Download\wnlksv3u.wy4.csv:Zone.Identifier</t>
  </si>
  <si>
    <t>D:\21_11_2019 - PC ALGAR TECH\Desktop - 12-11-19\PreVendas - Governo Diogo\DNIT\2019\Cotação\Cotação.xlsx</t>
  </si>
  <si>
    <t>D:\21_11_2019 - PC ALGAR TECH\Desktop 22-07-19\Download\wrlbx2jt.tv4.csv</t>
  </si>
  <si>
    <t>D:\21_11_2019 - PC ALGAR TECH\Desktop 22-07-19\Download\wrlbx2jt.tv4.csv:Zone.Identifier</t>
  </si>
  <si>
    <t>11/21/2019 20:34:08</t>
  </si>
  <si>
    <t>D:\21_11_2019 - PC ALGAR TECH\Desktop 22-07-19\Download\wsycc1ff.eye.csv</t>
  </si>
  <si>
    <t>D:\21_11_2019 - PC ALGAR TECH\Desktop 22-07-19\Download\wsycc1ff.eye.csv:Zone.Identifier</t>
  </si>
  <si>
    <t>D:\21_11_2019 - PC ALGAR TECH\Desktop 22-07-19\Download\ygucw45w.ttg.csv</t>
  </si>
  <si>
    <t>D:\21_11_2019 - PC ALGAR TECH\Desktop 22-07-19\Download\ygucw45w.ttg.csv:Zone.Identifier</t>
  </si>
  <si>
    <t>D:\21_11_2019 - PC ALGAR TECH\Desktop 22-07-19\Download\ywhxo2cu.j5y.csv</t>
  </si>
  <si>
    <t>11/21/2019 20:34:09</t>
  </si>
  <si>
    <t>D:\21_11_2019 - PC ALGAR TECH\Desktop 22-07-19\Download\ywhxo2cu.j5y.csv:Zone.Identifier</t>
  </si>
  <si>
    <t>D:\21_11_2019 - PC ALGAR TECH\Desktop 22-07-19\Download\zd1i0uvj.jbc.csv</t>
  </si>
  <si>
    <t>D:\21_11_2019 - PC ALGAR TECH\Desktop - 12-11-19\PreVendas - Governo Diogo\Documentação de Apoio\Cargos e Salários.xlsx</t>
  </si>
  <si>
    <t>D:\21_11_2019 - PC ALGAR TECH\Desktop - 12-11-19\PreVendas - Governo Diogo\Documentação de Apoio\Departamental - set11.xlsx</t>
  </si>
  <si>
    <t>D:\21_11_2019 - PC ALGAR TECH\Desktop - 12-11-19\PreVendas - Governo Diogo\Documentação de Apoio\dimensionamento Monitoramento.xlsx</t>
  </si>
  <si>
    <t>D:\21_11_2019 - PC ALGAR TECH\Desktop - 12-11-19\PreVendas - Governo Diogo\Documentação de Apoio\Impacto X Urgência.xlsx</t>
  </si>
  <si>
    <t>D:\21_11_2019 - PC ALGAR TECH\Desktop - 12-11-19\PreVendas - Governo Diogo\Documentação de Apoio\IN-02.xlsx</t>
  </si>
  <si>
    <t>11/21/2019 20:34:10</t>
  </si>
  <si>
    <t>D:\21_11_2019 - PC ALGAR TECH\Desktop - 12-11-19\PreVendas - Governo Diogo\Documentação de Apoio\Intradiario DIOGO.xls</t>
  </si>
  <si>
    <t>11/21/2019 20:34:11</t>
  </si>
  <si>
    <t>D:\21_11_2019 - PC ALGAR TECH\Desktop - 12-11-19\PreVendas - Governo Diogo\Documentação de Apoio\Planilha de Custos - Resumo e IN-02.xlsx</t>
  </si>
  <si>
    <t>11/21/2019 20:34:13</t>
  </si>
  <si>
    <t>D:\21_11_2019 - PC ALGAR TECH\Desktop - 12-11-19\PreVendas - Governo Diogo\Documentação de Apoio\Precificação com Adoção.xlsb</t>
  </si>
  <si>
    <t>D:\21_11_2019 - PC ALGAR TECH\Desktop - 12-11-19\PreVendas - Governo Diogo\Documentação de Apoio\Proposta de Resumo Executivo_v2.xlsx</t>
  </si>
  <si>
    <t>11/21/2019 20:34:14</t>
  </si>
  <si>
    <t>D:\21_11_2019 - PC ALGAR TECH\Desktop - 12-11-19\PreVendas - Governo Diogo\Documentação de Apoio\Simulação REAJUSTE.xlsx</t>
  </si>
  <si>
    <t>11/21/2019 20:34:15</t>
  </si>
  <si>
    <t>D:\21_11_2019 - PC ALGAR TECH\Desktop - 12-11-19\PreVendas - Governo Diogo\Documentação de Apoio\Sist. Precificação TI - BPO - BSA.xlsb</t>
  </si>
  <si>
    <t>11/21/2019 20:34:16</t>
  </si>
  <si>
    <t>D:\21_11_2019 - PC ALGAR TECH\Desktop - 12-11-19\PreVendas - Governo Diogo\Documentação de Apoio\Apoio a TR\SLA Infra.xlsx</t>
  </si>
  <si>
    <t>11/21/2019 20:34:17</t>
  </si>
  <si>
    <t>D:\21_11_2019 - PC ALGAR TECH\Desktop - 12-11-19\PreVendas - Governo Diogo\DPDF\BP Preço C009 B009.xlsb</t>
  </si>
  <si>
    <t>11/21/2019 20:34:18</t>
  </si>
  <si>
    <t>D:\21_11_2019 - PC ALGAR TECH\Desktop - 12-11-19\PreVendas - Governo Diogo\DPDF\Desenho.xlsx</t>
  </si>
  <si>
    <t>11/21/2019 20:34:19</t>
  </si>
  <si>
    <t>D:\21_11_2019 - PC ALGAR TECH\Desktop - 12-11-19\PreVendas - Governo Diogo\DPDF\Preço Final.xlsb</t>
  </si>
  <si>
    <t>D:\21_11_2019 - PC ALGAR TECH\Desktop - 12-11-19\PreVendas - Governo Diogo\DPF\Anexo 1 - Detalhe das macro-atividades.xlsx</t>
  </si>
  <si>
    <t>11/21/2019 20:34:21</t>
  </si>
  <si>
    <t>D:\21_11_2019 - PC ALGAR TECH\Desktop - 12-11-19\PreVendas - Governo Diogo\DPF\2015\Desenho.xlsx</t>
  </si>
  <si>
    <t>11/21/2019 20:34:23</t>
  </si>
  <si>
    <t>D:\21_11_2019 - PC ALGAR TECH\Desktop - 12-11-19\PreVendas - Governo Diogo\DPF\2015\INC\PS.xlsb</t>
  </si>
  <si>
    <t>11/21/2019 20:34:25</t>
  </si>
  <si>
    <t>D:\21_11_2019 - PC ALGAR TECH\Desktop - 12-11-19\PreVendas - Governo Diogo\DPF\2015\INC\SD.xlsb</t>
  </si>
  <si>
    <t>11/21/2019 20:34:28</t>
  </si>
  <si>
    <t>D:\21_11_2019 - PC ALGAR TECH\Desktop 22-07-19\GAS BRASILIANO\BP C015 B014_Desonerada - Suporte SAP AMS - Gas Brasiliano v4.xlsb</t>
  </si>
  <si>
    <t>D:\21_11_2019 - PC ALGAR TECH\Desktop 22-07-19\GAS BRASILIANO\BP C015 B014_Desonerada - Suporte SAP AMS - Gas Brasiliano.xlsb</t>
  </si>
  <si>
    <t>11/21/2019 20:34:31</t>
  </si>
  <si>
    <t>D:\21_11_2019 - PC ALGAR TECH\Desktop 22-07-19\GAS BRASILIANO\Anexos\ANEXO_12_-_QUESTIONÁRIO_DE_DDI_PARA_APLICAÇÃO_DO_GRI.XLSX</t>
  </si>
  <si>
    <t>11/21/2019 20:34:32</t>
  </si>
  <si>
    <t>D:\21_11_2019 - PC ALGAR TECH\Desktop 22-07-19\GAS BRASILIANO\Anexos\ANEXO_2_-_PLANILHA_DE_PREÇOS_UNITÁRIOS.XLS</t>
  </si>
  <si>
    <t>11/21/2019 20:34:35</t>
  </si>
  <si>
    <t>D:\21_11_2019 - PC ALGAR TECH\Desktop - 12-11-19\PreVendas - Governo Diogo\DPF\2015\Publicado Suporte e Infra\Republicado\BP CA 2017.xlsb</t>
  </si>
  <si>
    <t>11/21/2019 20:34:37</t>
  </si>
  <si>
    <t>D:\21_11_2019 - PC ALGAR TECH\Desktop - 12-11-19\PreVendas - Governo Diogo\DPF\2015\Publicado Suporte e Infra\Republicado\BP Cenário Aprovado.xlsb</t>
  </si>
  <si>
    <t>11/21/2019 20:34:39</t>
  </si>
  <si>
    <t>D:\21_11_2019 - PC ALGAR TECH\Desktop - 12-11-19\PreVendas - Governo Diogo\DPF\2015\Publicado Suporte e Infra\Republicado\BP Change 18-01-2016.xlsb</t>
  </si>
  <si>
    <t>11/21/2019 20:34:42</t>
  </si>
  <si>
    <t>D:\21_11_2019 - PC ALGAR TECH\Desktop - 12-11-19\PreVendas - Governo Diogo\DPF\2015\Publicado Suporte e Infra\Republicado\BP Change 22-12-2015.xlsb</t>
  </si>
  <si>
    <t>11/21/2019 20:34:44</t>
  </si>
  <si>
    <t>D:\21_11_2019 - PC ALGAR TECH\Desktop - 12-11-19\PreVendas - Governo Diogo\DPF\2015\Publicado Suporte e Infra\Republicado\BP Change CA Completa 36 meses.xlsb</t>
  </si>
  <si>
    <t>D:\21_11_2019 - PC ALGAR TECH\Desktop 22-07-19\GAS BRASILIANO\ok\Edital_PE-015-2018.zip</t>
  </si>
  <si>
    <t>11/21/2019 20:34:46</t>
  </si>
  <si>
    <t>D:\21_11_2019 - PC ALGAR TECH\Desktop - 12-11-19\PreVendas - Governo Diogo\DPF\2015\Publicado Suporte e Infra\Republicado\BP Change Implantação CA 2016 - 1,2MM.xlsb</t>
  </si>
  <si>
    <t>D:\21_11_2019 - PC ALGAR TECH\Desktop 22-07-19\GAS BRASILIANO\ok\Ficha da Oportunidade.xlsx</t>
  </si>
  <si>
    <t>11/21/2019 20:35:17</t>
  </si>
  <si>
    <t>D:\21_11_2019 - PC ALGAR TECH\Desktop 22-07-19\ITALTEL\AIT000230214 (Economic).zip</t>
  </si>
  <si>
    <t>11/21/2019 20:35:19</t>
  </si>
  <si>
    <t>D:\21_11_2019 - PC ALGAR TECH\Desktop - 12-11-19\PreVendas - Governo Diogo\DPF\2015\Publicado Suporte e Infra\Republicado\BP Change Implantação CA 2016 - 744K.xlsb</t>
  </si>
  <si>
    <t>11/21/2019 20:35:22</t>
  </si>
  <si>
    <t>D:\21_11_2019 - PC ALGAR TECH\Desktop - 12-11-19\PreVendas - Governo Diogo\DPF\2015\Publicado Suporte e Infra\Republicado\BP Change Implantação CA 2016 656k.xlsb</t>
  </si>
  <si>
    <t>11/21/2019 20:35:24</t>
  </si>
  <si>
    <t>D:\21_11_2019 - PC ALGAR TECH\Desktop - 12-11-19\PreVendas - Governo Diogo\DPF\2015\Publicado Suporte e Infra\Republicado\BP Change Implantação CA 2016.xlsb</t>
  </si>
  <si>
    <t>11/21/2019 20:35:26</t>
  </si>
  <si>
    <t>D:\21_11_2019 - PC ALGAR TECH\Desktop - 12-11-19\PreVendas - Governo Diogo\DPF\2015\Publicado Suporte e Infra\Republicado\BP Change Pessoas.xlsb</t>
  </si>
  <si>
    <t>D:\21_11_2019 - PC ALGAR TECH\Desktop - 12-11-19\PreVendas - Governo Diogo\DPF\2015\Publicado Suporte e Infra\Republicado\Diferença link.xlsx</t>
  </si>
  <si>
    <t>D:\21_11_2019 - PC ALGAR TECH\Desktop - 12-11-19\PreVendas - Governo Diogo\DPF\2015\Publicado Suporte e Infra\Republicado\IN-02.xls</t>
  </si>
  <si>
    <t>11/21/2019 20:35:28</t>
  </si>
  <si>
    <t>D:\21_11_2019 - PC ALGAR TECH\Desktop - 12-11-19\PreVendas - Governo Diogo\DPF\2015\SRDPF SP\BP.xlsb</t>
  </si>
  <si>
    <t>11/21/2019 20:35:40</t>
  </si>
  <si>
    <t>D:\21_11_2019 - PC ALGAR TECH\Desktop 22-07-19\Pendrive 05-03\Fluxo_de_Caixa_2010_2011_2012_2013_2014_2015_2016 v1.xlsx</t>
  </si>
  <si>
    <t>11/21/2019 20:35:42</t>
  </si>
  <si>
    <t>D:\21_11_2019 - PC ALGAR TECH\Desktop - 12-11-19\PreVendas - Governo Diogo\DPF\2016\EP\BP-EP.xlsb</t>
  </si>
  <si>
    <t>D:\21_11_2019 - PC ALGAR TECH\Desktop - 12-11-19\PreVendas - Governo Diogo\DPF\2017\Field + N3 Unidades\Consolidado.xlsx</t>
  </si>
  <si>
    <t>11/21/2019 20:35:43</t>
  </si>
  <si>
    <t>D:\21_11_2019 - PC ALGAR TECH\Desktop 22-07-19\Pendrive 05-03\Backup 01-07\BP de Preços Projetos _Nova Início - V 2015-6-009.xlsb</t>
  </si>
  <si>
    <t>11/21/2019 20:35:44</t>
  </si>
  <si>
    <t>D:\21_11_2019 - PC ALGAR TECH\Desktop - 12-11-19\PreVendas - Governo Diogo\DPF\2017\Field + N3 Unidades\Suporte Jr.xlsb</t>
  </si>
  <si>
    <t>D:\21_11_2019 - PC ALGAR TECH\Desktop 22-07-19\Pendrive 05-03\Backup 01-07\Fluxo_de_Caixa_2010_2011_2012_2013_2014_2015.xls</t>
  </si>
  <si>
    <t>11/21/2019 20:35:45</t>
  </si>
  <si>
    <t>D:\21_11_2019 - PC ALGAR TECH\Desktop - 12-11-19\PreVendas - Governo Diogo\DPF\2017\Field + N3 Unidades\SRSE\N2.xlsb</t>
  </si>
  <si>
    <t>D:\21_11_2019 - PC ALGAR TECH\Desktop 22-07-19\Pendrive 05-03\Backup 01-07\Processos de Mapeamento - Hardware_v1.pptx</t>
  </si>
  <si>
    <t>11/21/2019 20:35:46</t>
  </si>
  <si>
    <t>D:\21_11_2019 - PC ALGAR TECH\Desktop - 12-11-19\PreVendas - Governo Diogo\DPF\2017\Field + N3 Unidades\SRSE\N3.xlsb</t>
  </si>
  <si>
    <t>D:\21_11_2019 - PC ALGAR TECH\Desktop 22-07-19\Pendrive 05-03\Backup 01-07\viagem.xlsx</t>
  </si>
  <si>
    <t>11/21/2019 20:35:47</t>
  </si>
  <si>
    <t>D:\21_11_2019 - PC ALGAR TECH\Desktop 22-07-19\Pendrive 05-03\Backup 01-07\45233 - RFQ _ A4216_RFQ_29020 - Manutenção RJ_ES_SUL\RES Comissão TIM e Cálculos Jacimara.msg</t>
  </si>
  <si>
    <t>11/21/2019 20:35:48</t>
  </si>
  <si>
    <t>D:\21_11_2019 - PC ALGAR TECH\Desktop - 12-11-19\PreVendas - Governo Diogo\DPF\2017\Field + N3 Unidades\SRSE\Cenário 2\N2.xlsb</t>
  </si>
  <si>
    <t>11/21/2019 20:35:50</t>
  </si>
  <si>
    <t>D:\21_11_2019 - PC ALGAR TECH\Desktop 22-07-19\Pendrive 05-03\Backup 01-07\45233 - RFQ _ A4216_RFQ_29020 - Manutenção RJ_ES_SUL\1. Precificação\Antigos\45233 - BP Campo v1.xlsb</t>
  </si>
  <si>
    <t>11/21/2019 20:35:51</t>
  </si>
  <si>
    <t>D:\21_11_2019 - PC ALGAR TECH\Desktop - 12-11-19\PreVendas - Governo Diogo\DPF\2017\Field + N3 Unidades\SRSE\Cenário 2\N3.xlsb</t>
  </si>
  <si>
    <t>11/21/2019 20:35:52</t>
  </si>
  <si>
    <t>D:\21_11_2019 - PC ALGAR TECH\Desktop 22-07-19\Pendrive 05-03\Backup 01-07\45233 - RFQ _ A4216_RFQ_29020 - Manutenção RJ_ES_SUL\1. Precificação\Antigos\45233 - BP Campo v12 - Alterado Rogerio.xlsb</t>
  </si>
  <si>
    <t>11/21/2019 20:35:53</t>
  </si>
  <si>
    <t>D:\21_11_2019 - PC ALGAR TECH\Desktop - 12-11-19\PreVendas - Governo Diogo\DPF\2018\EP\VPL zero.xlsb</t>
  </si>
  <si>
    <t>11/21/2019 20:35:56</t>
  </si>
  <si>
    <t>D:\21_11_2019 - PC ALGAR TECH\Desktop 22-07-19\Pendrive 05-03\Backup 01-07\45233 - RFQ _ A4216_RFQ_29020 - Manutenção RJ_ES_SUL\1. Precificação\Antigos\45233 - BP Campo v12.xlsb</t>
  </si>
  <si>
    <t>D:\21_11_2019 - PC ALGAR TECH\Desktop - 12-11-19\PreVendas - Governo Diogo\DPF\2018\EP\Cotação\Racional.xlsx</t>
  </si>
  <si>
    <t>11/21/2019 20:35:58</t>
  </si>
  <si>
    <t>D:\21_11_2019 - PC ALGAR TECH\Desktop 22-07-19\Pendrive 05-03\Backup 01-07\45233 - RFQ _ A4216_RFQ_29020 - Manutenção RJ_ES_SUL\1. Precificação\Antigos\45233 - BP Campo v2 - + preventiva (2).xlsb</t>
  </si>
  <si>
    <t>D:\21_11_2019 - PC ALGAR TECH\Desktop - 12-11-19\PreVendas - Governo Diogo\DPF\2018\Suporte RJ\Habilitação.xlsx</t>
  </si>
  <si>
    <t>11/21/2019 20:36:01</t>
  </si>
  <si>
    <t>D:\21_11_2019 - PC ALGAR TECH\Desktop 22-07-19\Pendrive 05-03\Backup 01-07\45233 - RFQ _ A4216_RFQ_29020 - Manutenção RJ_ES_SUL\1. Precificação\Antigos\45233 - BP Campo v2 - + preventiva.xlsb</t>
  </si>
  <si>
    <t>11/21/2019 20:36:03</t>
  </si>
  <si>
    <t>D:\21_11_2019 - PC ALGAR TECH\Desktop 22-07-19\Pendrive 05-03\Backup 01-07\45233 - RFQ _ A4216_RFQ_29020 - Manutenção RJ_ES_SUL\1. Precificação\Antigos\45233 - BP Campo v2 - otimizado (2).xlsb</t>
  </si>
  <si>
    <t>D:\21_11_2019 - PC ALGAR TECH\Desktop - 12-11-19\PreVendas - Governo Diogo\DPF\2019\aditivo\Levantamento_aditivo_pf.xlsx</t>
  </si>
  <si>
    <t>D:\21_11_2019 - PC ALGAR TECH\Desktop - 12-11-19\PreVendas - Governo Diogo\DPF\2019\aditivo\racional.xlsx</t>
  </si>
  <si>
    <t>11/21/2019 20:36:04</t>
  </si>
  <si>
    <t>D:\21_11_2019 - PC ALGAR TECH\Desktop 22-07-19\Pendrive 05-03\Backup 01-07\45233 - RFQ _ A4216_RFQ_29020 - Manutenção RJ_ES_SUL\1. Precificação\Antigos\45233 - BP Campo v2 - otimizado.xlsb</t>
  </si>
  <si>
    <t>D:\21_11_2019 - PC ALGAR TECH\Desktop - 12-11-19\PreVendas - Governo Diogo\DPF\Repactuação\Lote 4\Lote 4.zip</t>
  </si>
  <si>
    <t>11/21/2019 20:36:07</t>
  </si>
  <si>
    <t>D:\21_11_2019 - PC ALGAR TECH\Desktop 22-07-19\Pendrive 05-03\Backup 01-07\45233 - RFQ _ A4216_RFQ_29020 - Manutenção RJ_ES_SUL\1. Precificação\Antigos\45233 - BP Campo v3 - + preventiva.xlsb</t>
  </si>
  <si>
    <t>D:\21_11_2019 - PC ALGAR TECH\Desktop - 12-11-19\PreVendas - Governo Diogo\DPF\Repactuação\Lote 4\5,49%\2 - Lote 4 - Consolidaá∆o dos preáos.xls</t>
  </si>
  <si>
    <t>11/21/2019 20:36:08</t>
  </si>
  <si>
    <t>D:\21_11_2019 - PC ALGAR TECH\Desktop 22-07-19\Pendrive 05-03\Backup 01-07\45233 - RFQ _ A4216_RFQ_29020 - Manutenção RJ_ES_SUL\1. Precificação\Antigos\45233 - BP Campo v3 - otimizado (2).xlsb</t>
  </si>
  <si>
    <t>D:\21_11_2019 - PC ALGAR TECH\Desktop - 12-11-19\PreVendas - Governo Diogo\DPF\Repactuação\Lote 4\5,49%\2.1 - Lote 4 - Assistente de Gerente de Projetos.xlsx</t>
  </si>
  <si>
    <t>11/21/2019 20:36:10</t>
  </si>
  <si>
    <t>D:\21_11_2019 - PC ALGAR TECH\Desktop - 12-11-19\PreVendas - Governo Diogo\DPF\Repactuação\Lote 4\5,49%\2.2 - Lote 4 - Gerente de Projetos Pleno.xlsx</t>
  </si>
  <si>
    <t>11/21/2019 20:36:12</t>
  </si>
  <si>
    <t>D:\21_11_2019 - PC ALGAR TECH\Desktop 22-07-19\Pendrive 05-03\Backup 01-07\45233 - RFQ _ A4216_RFQ_29020 - Manutenção RJ_ES_SUL\1. Precificação\Antigos\45233 - BP Campo v3 - otimizado.xlsb</t>
  </si>
  <si>
    <t>D:\21_11_2019 - PC ALGAR TECH\Desktop - 12-11-19\PreVendas - Governo Diogo\DPF\Repactuação\Lote 4\7%\2 - Lote 4 - Consolidaá∆o dos preáos.xls</t>
  </si>
  <si>
    <t>D:\21_11_2019 - PC ALGAR TECH\Desktop - 12-11-19\PreVendas - Governo Diogo\DPF\Repactuação\Lote 4\7%\2.1 - Lote 4 - Assistente de Gerente de Projetos.xlsx</t>
  </si>
  <si>
    <t>11/21/2019 20:36:14</t>
  </si>
  <si>
    <t>D:\21_11_2019 - PC ALGAR TECH\Desktop 22-07-19\Pendrive 05-03\Backup 01-07\45233 - RFQ _ A4216_RFQ_29020 - Manutenção RJ_ES_SUL\1. Precificação\Antigos\45233 - BP Campo v4 - + preventiva.xlsb</t>
  </si>
  <si>
    <t>D:\21_11_2019 - PC ALGAR TECH\Desktop - 12-11-19\PreVendas - Governo Diogo\DPF\Repactuação\Lote 4\7%\2.2 - Lote 4 - Gerente de Projetos Pleno.xlsx</t>
  </si>
  <si>
    <t>D:\21_11_2019 - PC ALGAR TECH\Desktop - 12-11-19\PreVendas - Governo Diogo\DPF\Repactuação\Lote 4\7%\2.3 - Lote 4 - Coordenador de Projetos.xlsx</t>
  </si>
  <si>
    <t>11/21/2019 20:36:16</t>
  </si>
  <si>
    <t>D:\21_11_2019 - PC ALGAR TECH\Desktop 22-07-19\Pendrive 05-03\Backup 01-07\45233 - RFQ _ A4216_RFQ_29020 - Manutenção RJ_ES_SUL\1. Precificação\Antigos\45233 - BP Campo v5 - + preventiva.xlsb</t>
  </si>
  <si>
    <t>D:\21_11_2019 - PC ALGAR TECH\Desktop - 12-11-19\PreVendas - Governo Diogo\DPF\Repactuação\Lote 4\Original\2 - Lote 4 - Consolidaá∆o dos preáos.xls</t>
  </si>
  <si>
    <t>D:\21_11_2019 - PC ALGAR TECH\Desktop - 12-11-19\PreVendas - Governo Diogo\DPF\Repactuação\Lote 4\Original\2.1 - Lote 4 - Assistente de Gerente de Projetos.xlsx</t>
  </si>
  <si>
    <t>D:\21_11_2019 - PC ALGAR TECH\Desktop 22-07-19\Pendrive 05-03\Backup 01-07\45233 - RFQ _ A4216_RFQ_29020 - Manutenção RJ_ES_SUL\1. Precificação\Antigos\45233 - BP Equipamentos v1.xlsb</t>
  </si>
  <si>
    <t>D:\21_11_2019 - PC ALGAR TECH\Desktop - 12-11-19\PreVendas - Governo Diogo\DPF\Repactuação\Lote 4\Original\2.2 - Lote 4 - Gerente de Projetos Pleno.xlsx</t>
  </si>
  <si>
    <t>D:\21_11_2019 - PC ALGAR TECH\Desktop - 12-11-19\PreVendas - Governo Diogo\DPF\Repactuação\Lote 4\Original\2.3 - Lote 4 - Coordenador de Projetos.xlsx</t>
  </si>
  <si>
    <t>11/21/2019 20:36:20</t>
  </si>
  <si>
    <t>D:\21_11_2019 - PC ALGAR TECH\Desktop 22-07-19\Pendrive 05-03\Backup 01-07\45233 - RFQ _ A4216_RFQ_29020 - Manutenção RJ_ES_SUL\1. Precificação\Antigos\45233 - BP Equipamentos v2 TRJ.xlsb</t>
  </si>
  <si>
    <t>D:\21_11_2019 - PC ALGAR TECH\Desktop - 12-11-19\PreVendas - Governo Diogo\DPRF\cotação.xlsx</t>
  </si>
  <si>
    <t>D:\21_11_2019 - PC ALGAR TECH\Desktop - 12-11-19\PreVendas - Governo Diogo\DPRF\2017\RFQ.xlsx</t>
  </si>
  <si>
    <t>11/21/2019 20:36:24</t>
  </si>
  <si>
    <t>D:\21_11_2019 - PC ALGAR TECH\Desktop 22-07-19\Pendrive 05-03\Backup 01-07\45233 - RFQ _ A4216_RFQ_29020 - Manutenção RJ_ES_SUL\1. Precificação\Antigos\45233 - BP Equipamentos v2 TSL.xlsb</t>
  </si>
  <si>
    <t>11/21/2019 20:36:27</t>
  </si>
  <si>
    <t>D:\21_11_2019 - PC ALGAR TECH\Desktop 22-07-19\Pendrive 05-03\Backup 01-07\45233 - RFQ _ A4216_RFQ_29020 - Manutenção RJ_ES_SUL\1. Precificação\Antigos\BP TIM - revisado 25-04.xlsb</t>
  </si>
  <si>
    <t>11/21/2019 20:36:29</t>
  </si>
  <si>
    <t>D:\21_11_2019 - PC ALGAR TECH\Desktop - 12-11-19\PreVendas - Governo Diogo\DPRF\2017\INFRA + SD\DPRF\Pricing (CAPEX) Com reajuste.xlsb</t>
  </si>
  <si>
    <t>11/21/2019 20:36:30</t>
  </si>
  <si>
    <t>D:\21_11_2019 - PC ALGAR TECH\Desktop 22-07-19\Pendrive 05-03\Backup 01-07\45233 - RFQ _ A4216_RFQ_29020 - Manutenção RJ_ES_SUL\1. Precificação\Antigos\BP TIM - REVISAO - 2.xlsb</t>
  </si>
  <si>
    <t>11/21/2019 20:36:33</t>
  </si>
  <si>
    <t>D:\21_11_2019 - PC ALGAR TECH\Desktop - 12-11-19\PreVendas - Governo Diogo\DPRF\2017\INFRA + SD\DPRF\Pricing (CAPEX).xlsb</t>
  </si>
  <si>
    <t>11/21/2019 20:36:34</t>
  </si>
  <si>
    <t>D:\21_11_2019 - PC ALGAR TECH\Desktop 22-07-19\Pendrive 05-03\Backup 01-07\45233 - RFQ _ A4216_RFQ_29020 - Manutenção RJ_ES_SUL\1. Precificação\Antigos\BP TIM - REVISAO - 3.xlsb</t>
  </si>
  <si>
    <t>11/21/2019 20:36:36</t>
  </si>
  <si>
    <t>D:\21_11_2019 - PC ALGAR TECH\Desktop - 12-11-19\PreVendas - Governo Diogo\DPRF\2017\INFRA + SD\DPRF\Pricing.xlsb</t>
  </si>
  <si>
    <t>11/21/2019 20:36:37</t>
  </si>
  <si>
    <t>D:\21_11_2019 - PC ALGAR TECH\Desktop 22-07-19\Pendrive 05-03\Backup 01-07\45233 - RFQ _ A4216_RFQ_29020 - Manutenção RJ_ES_SUL\1. Precificação\Antigos\BP TIM - REVISAO - 4.xlsb</t>
  </si>
  <si>
    <t>11/21/2019 20:36:38</t>
  </si>
  <si>
    <t>D:\21_11_2019 - PC ALGAR TECH\Desktop 22-07-19\Pendrive 05-03\Backup 01-07\45233 - RFQ _ A4216_RFQ_29020 - Manutenção RJ_ES_SUL\1. Precificação\Antigos\BP TIM - REVISAO - 5.xlsb</t>
  </si>
  <si>
    <t>11/21/2019 20:36:40</t>
  </si>
  <si>
    <t>D:\21_11_2019 - PC ALGAR TECH\Desktop 22-07-19\Pendrive 05-03\Backup 01-07\45233 - RFQ _ A4216_RFQ_29020 - Manutenção RJ_ES_SUL\1. Precificação\Antigos\BP TIM - REVISAO - 6.xlsb</t>
  </si>
  <si>
    <t>11/21/2019 20:36:41</t>
  </si>
  <si>
    <t>D:\21_11_2019 - PC ALGAR TECH\Desktop 22-07-19\Pendrive 05-03\Backup 01-07\45233 - RFQ _ A4216_RFQ_29020 - Manutenção RJ_ES_SUL\1. Precificação\Antigos\BP TIM - REVISAO.xlsb</t>
  </si>
  <si>
    <t>D:\21_11_2019 - PC ALGAR TECH\Desktop - 12-11-19\PreVendas - Governo Diogo\DPRF\2017\INFRA + SD\DPRF\PROPOSTA CIMCORP\CUSTOS DE MÃO DE OBRA.xlsx</t>
  </si>
  <si>
    <t>11/21/2019 20:36:42</t>
  </si>
  <si>
    <t>D:\21_11_2019 - PC ALGAR TECH\Desktop 22-07-19\Pendrive 05-03\Backup 01-07\45233 - RFQ _ A4216_RFQ_29020 - Manutenção RJ_ES_SUL\1. Precificação\Antigos\bp tim.xlsb</t>
  </si>
  <si>
    <t>11/21/2019 20:36:44</t>
  </si>
  <si>
    <t>D:\21_11_2019 - PC ALGAR TECH\Desktop 22-07-19\Pendrive 05-03\Backup 01-07\45233 - RFQ _ A4216_RFQ_29020 - Manutenção RJ_ES_SUL\1. Precificação\Antigos\Cópia de 45233 - BP Equipamentos v1 - pacote 1 a 10 correto.xlsb</t>
  </si>
  <si>
    <t>11/21/2019 20:36:46</t>
  </si>
  <si>
    <t>D:\21_11_2019 - PC ALGAR TECH\Desktop 22-07-19\Pendrive 05-03\Backup 01-07\45233 - RFQ _ A4216_RFQ_29020 - Manutenção RJ_ES_SUL\1. Precificação\Antigos\Cópia de 45233 - BP Equipamentos v1 - pacote 1 a 10.xlsb</t>
  </si>
  <si>
    <t>11/21/2019 20:36:49</t>
  </si>
  <si>
    <t>D:\21_11_2019 - PC ALGAR TECH\Desktop 22-07-19\Pendrive 05-03\Backup 01-07\45233 - RFQ _ A4216_RFQ_29020 - Manutenção RJ_ES_SUL\1. Precificação\Antigos\Cópia de 45233 - BP Equipamentos v1 - pacote 1 a 4.xlsb</t>
  </si>
  <si>
    <t>11/21/2019 20:36:50</t>
  </si>
  <si>
    <t>D:\21_11_2019 - PC ALGAR TECH\Desktop 22-07-19\Pendrive 05-03\Backup 01-07\45233 - RFQ _ A4216_RFQ_29020 - Manutenção RJ_ES_SUL\1. Precificação\Antigos\Cópia de 45233 - BP Equipamentos v1 - pacote 1 correto (2).xlsb</t>
  </si>
  <si>
    <t>11/21/2019 20:36:51</t>
  </si>
  <si>
    <t>D:\21_11_2019 - PC ALGAR TECH\Desktop 22-07-19\Pendrive 05-03\Backup 01-07\45233 - RFQ _ A4216_RFQ_29020 - Manutenção RJ_ES_SUL\1. Precificação\Antigos\Cópia de 45233 - BP Equipamentos v1 - pacote 1 correto.xlsb</t>
  </si>
  <si>
    <t>11/21/2019 20:36:52</t>
  </si>
  <si>
    <t>D:\21_11_2019 - PC ALGAR TECH\Desktop 22-07-19\Pendrive 05-03\Backup 01-07\45233 - RFQ _ A4216_RFQ_29020 - Manutenção RJ_ES_SUL\1. Precificação\Antigos\Cópia de 45233 - BP Equipamentos v1 - pacote 1 e 2.xlsb</t>
  </si>
  <si>
    <t>11/21/2019 20:36:53</t>
  </si>
  <si>
    <t>D:\21_11_2019 - PC ALGAR TECH\Desktop 22-07-19\Pendrive 05-03\Backup 01-07\45233 - RFQ _ A4216_RFQ_29020 - Manutenção RJ_ES_SUL\1. Precificação\Antigos\Cópia de 45233 - BP Equipamentos v1 - pacote 1.xlsb</t>
  </si>
  <si>
    <t>11/21/2019 20:36:54</t>
  </si>
  <si>
    <t>D:\21_11_2019 - PC ALGAR TECH\Desktop 22-07-19\Pendrive 05-03\Backup 01-07\45233 - RFQ _ A4216_RFQ_29020 - Manutenção RJ_ES_SUL\1. Precificação\Antigos\Cópia de 45233 - BP Equipamentos v1 - pacote 2 correto.xlsb</t>
  </si>
  <si>
    <t>11/21/2019 20:36:55</t>
  </si>
  <si>
    <t>D:\21_11_2019 - PC ALGAR TECH\Desktop 22-07-19\Pendrive 05-03\Backup 01-07\45233 - RFQ _ A4216_RFQ_29020 - Manutenção RJ_ES_SUL\1. Precificação\Antigos\Cópia de 45233 - BP Equipamentos v1 - pacote 2.xlsb</t>
  </si>
  <si>
    <t>11/21/2019 20:36:56</t>
  </si>
  <si>
    <t>D:\21_11_2019 - PC ALGAR TECH\Desktop 22-07-19\Pendrive 05-03\Backup 01-07\45233 - RFQ _ A4216_RFQ_29020 - Manutenção RJ_ES_SUL\1. Precificação\Antigos\Cópia de 45233 - BP Equipamentos v1 - pacote 3 correto.xlsb</t>
  </si>
  <si>
    <t>11/21/2019 20:36:59</t>
  </si>
  <si>
    <t>D:\21_11_2019 - PC ALGAR TECH\Desktop 22-07-19\Pendrive 05-03\Backup 01-07\45233 - RFQ _ A4216_RFQ_29020 - Manutenção RJ_ES_SUL\1. Precificação\Antigos\Cópia de 45233 - BP Equipamentos v1 - pacote 5 a 8.xlsb</t>
  </si>
  <si>
    <t>11/21/2019 20:37:01</t>
  </si>
  <si>
    <t>D:\21_11_2019 - PC ALGAR TECH\Desktop 22-07-19\Pendrive 05-03\Backup 01-07\45233 - RFQ _ A4216_RFQ_29020 - Manutenção RJ_ES_SUL\1. Precificação\Antigos\Cópia de BP TIM - revisado 25-04 v2.xlsb</t>
  </si>
  <si>
    <t>11/21/2019 20:37:02</t>
  </si>
  <si>
    <t>D:\21_11_2019 - PC ALGAR TECH\Desktop 22-07-19\Pendrive 05-03\Backup 01-07\45233 - RFQ _ A4216_RFQ_29020 - Manutenção RJ_ES_SUL\1. Precificação\Antigos\Cópia de BP TIM - revisado 25-04.xlsb</t>
  </si>
  <si>
    <t>11/21/2019 20:37:04</t>
  </si>
  <si>
    <t>D:\21_11_2019 - PC ALGAR TECH\Desktop 22-07-19\Pendrive 05-03\Backup 01-07\45233 - RFQ _ A4216_RFQ_29020 - Manutenção RJ_ES_SUL\1. Precificação\Antigos\Kits.xlsb</t>
  </si>
  <si>
    <t>D:\21_11_2019 - PC ALGAR TECH\Desktop 22-07-19\Pendrive 05-03\Backup 01-07\45233 - RFQ _ A4216_RFQ_29020 - Manutenção RJ_ES_SUL\1. Precificação\Antigos\Map - Precificação MSV 15 &amp; CPRB V. 2015-3-009.xlsb</t>
  </si>
  <si>
    <t>11/21/2019 20:37:05</t>
  </si>
  <si>
    <t>D:\21_11_2019 - PC ALGAR TECH\Desktop 22-07-19\Pendrive 05-03\Backup 01-07\45233 - RFQ _ A4216_RFQ_29020 - Manutenção RJ_ES_SUL\1. Precificação\Antigos\Map - Precificação MSV 15 &amp; CPRB V.2015-2-000 - Cópia.xlsb</t>
  </si>
  <si>
    <t>D:\21_11_2019 - PC ALGAR TECH\Desktop 22-07-19\Pendrive 05-03\Backup 01-07\45233 - RFQ _ A4216_RFQ_29020 - Manutenção RJ_ES_SUL\1. Precificação\Antigos\Map - Precificação MSV 15 &amp; CPRB V.2015-2-000.xlsb</t>
  </si>
  <si>
    <t>11/21/2019 20:37:06</t>
  </si>
  <si>
    <t>D:\21_11_2019 - PC ALGAR TECH\Desktop 22-07-19\Pendrive 05-03\Backup 01-07\45233 - RFQ _ A4216_RFQ_29020 - Manutenção RJ_ES_SUL\1. Precificação\Antigos\Revisao TIM v3.xlsx</t>
  </si>
  <si>
    <t>11/21/2019 20:37:08</t>
  </si>
  <si>
    <t>D:\21_11_2019 - PC ALGAR TECH\Desktop 22-07-19\Pendrive 05-03\Backup 01-07\45233 - RFQ _ A4216_RFQ_29020 - Manutenção RJ_ES_SUL\1. Precificação\Antigos\Equipamentos\45233 - BP Equipamentos v1 - pacote 1 a 10 quase final.xlsb</t>
  </si>
  <si>
    <t>11/21/2019 20:37:10</t>
  </si>
  <si>
    <t>D:\21_11_2019 - PC ALGAR TECH\Desktop 22-07-19\Pendrive 05-03\Backup 01-07\45233 - RFQ _ A4216_RFQ_29020 - Manutenção RJ_ES_SUL\1. Precificação\Antigos\Equipamentos\45233 - BP Equipamentos v1 - pacote 1 a 3 final.xlsb</t>
  </si>
  <si>
    <t>11/21/2019 20:37:13</t>
  </si>
  <si>
    <t>D:\21_11_2019 - PC ALGAR TECH\Desktop 22-07-19\Pendrive 05-03\Backup 01-07\45233 - RFQ _ A4216_RFQ_29020 - Manutenção RJ_ES_SUL\1. Precificação\Antigos\Equipamentos\45233 - BP Equipamentos v1 - pacote 10 final.xlsb</t>
  </si>
  <si>
    <t>11/21/2019 20:37:15</t>
  </si>
  <si>
    <t>D:\21_11_2019 - PC ALGAR TECH\Desktop 22-07-19\Pendrive 05-03\Backup 01-07\45233 - RFQ _ A4216_RFQ_29020 - Manutenção RJ_ES_SUL\1. Precificação\Antigos\Equipamentos\45233 - BP Equipamentos v1 - pacote 4 a 6 final.xlsb</t>
  </si>
  <si>
    <t>11/21/2019 20:37:17</t>
  </si>
  <si>
    <t>D:\21_11_2019 - PC ALGAR TECH\Desktop 22-07-19\Pendrive 05-03\Backup 01-07\45233 - RFQ _ A4216_RFQ_29020 - Manutenção RJ_ES_SUL\1. Precificação\Antigos\Equipamentos\45233 - BP Equipamentos v1 - pacote 7 a 9 final.xlsb</t>
  </si>
  <si>
    <t>11/21/2019 20:37:18</t>
  </si>
  <si>
    <t>D:\21_11_2019 - PC ALGAR TECH\Desktop 22-07-19\Pendrive 05-03\Backup 01-07\45233 - RFQ _ A4216_RFQ_29020 - Manutenção RJ_ES_SUL\1. Precificação\Antigos\v3\45233 - BP Equipamentos v1 (Salvo automaticamente).xlsb</t>
  </si>
  <si>
    <t>11/21/2019 20:37:20</t>
  </si>
  <si>
    <t>D:\21_11_2019 - PC ALGAR TECH\Desktop 22-07-19\Pendrive 05-03\Backup 01-07\45233 - RFQ _ A4216_RFQ_29020 - Manutenção RJ_ES_SUL\1. Precificação\Antigos\v3\45233 - BP Equipamentos v1.xlsb</t>
  </si>
  <si>
    <t>D:\21_11_2019 - PC ALGAR TECH\Desktop - 12-11-19\PreVendas - Governo Diogo\DPRF\2017\RFQ Sede\RFQ.xlsx</t>
  </si>
  <si>
    <t>11/21/2019 20:37:22</t>
  </si>
  <si>
    <t>D:\21_11_2019 - PC ALGAR TECH\Desktop 22-07-19\Pendrive 05-03\Backup 01-07\45233 - RFQ _ A4216_RFQ_29020 - Manutenção RJ_ES_SUL\1. Precificação\Antigos\v3\BP de Preços Projetos_ Nova Início - V. 2015-5-005.xlsb</t>
  </si>
  <si>
    <t>D:\21_11_2019 - PC ALGAR TECH\Desktop 22-07-19\Pendrive 05-03\Backup 01-07\45233 - RFQ _ A4216_RFQ_29020 - Manutenção RJ_ES_SUL\1. Precificação\Antigos\v3\Logistica equipamentos.xlsx</t>
  </si>
  <si>
    <t>11/21/2019 20:37:24</t>
  </si>
  <si>
    <t>D:\21_11_2019 - PC ALGAR TECH\Desktop 22-07-19\Pendrive 05-03\Backup 01-07\45233 - RFQ _ A4216_RFQ_29020 - Manutenção RJ_ES_SUL\1. Precificação\v1\45233 - BP Campo v1 - FINAL.xlsb</t>
  </si>
  <si>
    <t>11/21/2019 20:37:27</t>
  </si>
  <si>
    <t>D:\21_11_2019 - PC ALGAR TECH\Desktop 22-07-19\Pendrive 05-03\Backup 01-07\45233 - RFQ _ A4216_RFQ_29020 - Manutenção RJ_ES_SUL\1. Precificação\v1\45233 - BP Equipamentos v1 TRJ - FINAL.xlsb</t>
  </si>
  <si>
    <t>11/21/2019 20:37:31</t>
  </si>
  <si>
    <t>D:\21_11_2019 - PC ALGAR TECH\Desktop 22-07-19\Pendrive 05-03\Backup 01-07\45233 - RFQ _ A4216_RFQ_29020 - Manutenção RJ_ES_SUL\1. Precificação\v1\45233 - BP Equipamentos v1 TSL - FINAL.xlsb</t>
  </si>
  <si>
    <t>11/21/2019 20:37:33</t>
  </si>
  <si>
    <t>D:\21_11_2019 - PC ALGAR TECH\Desktop 22-07-19\Pendrive 05-03\Backup 01-07\45233 - RFQ _ A4216_RFQ_29020 - Manutenção RJ_ES_SUL\1. Precificação\v2\Campo\45233 - BP Campo v6.xlsb</t>
  </si>
  <si>
    <t>D:\21_11_2019 - PC ALGAR TECH\Desktop - 12-11-19\PreVendas - Governo Diogo\DPRF\2018\Cotação Envio.xlsx</t>
  </si>
  <si>
    <t>D:\21_11_2019 - PC ALGAR TECH\Desktop - 12-11-19\PreVendas - Governo Diogo\DPRF\2018\Cotação.xlsx</t>
  </si>
  <si>
    <t>D:\21_11_2019 - PC ALGAR TECH\Desktop 22-07-19\Pendrive 05-03\Backup 01-07\45233 - RFQ _ A4216_RFQ_29020 - Manutenção RJ_ES_SUL\1. Precificação\v2\Equipamentos\2 - LPU EQUIPAMENTOS - BOM - REV_01 - Memoria de calculo.xlsx</t>
  </si>
  <si>
    <t>D:\21_11_2019 - PC ALGAR TECH\Desktop - 12-11-19\PreVendas - Governo Diogo\DPRF\2018\CotaçãoNovo.xlsx</t>
  </si>
  <si>
    <t>11/21/2019 20:37:36</t>
  </si>
  <si>
    <t>D:\21_11_2019 - PC ALGAR TECH\Desktop 22-07-19\Pendrive 05-03\Backup 01-07\45233 - RFQ _ A4216_RFQ_29020 - Manutenção RJ_ES_SUL\1. Precificação\v2\Equipamentos\45233 - BP Equipamentos v2 pacote 1-10 - corretiva.xlsb</t>
  </si>
  <si>
    <t>D:\21_11_2019 - PC ALGAR TECH\Desktop - 12-11-19\PreVendas - Governo Diogo\DPRF\2018\F255E300</t>
  </si>
  <si>
    <t>11/21/2019 20:37:37</t>
  </si>
  <si>
    <t>D:\21_11_2019 - PC ALGAR TECH\Desktop 22-07-19\Pendrive 05-03\Backup 01-07\45233 - RFQ _ A4216_RFQ_29020 - Manutenção RJ_ES_SUL\1. Precificação\v2\Equipamentos\45233 - BP Equipamentos v2 preventiva.xlsb</t>
  </si>
  <si>
    <t>D:\21_11_2019 - PC ALGAR TECH\Desktop - 12-11-19\PreVendas - Governo Diogo\DPU-RN\Impantação DPE.xlsx</t>
  </si>
  <si>
    <t>11/21/2019 20:37:38</t>
  </si>
  <si>
    <t>D:\21_11_2019 - PC ALGAR TECH\Desktop 22-07-19\Pendrive 05-03\Backup 01-07\45233 - RFQ _ A4216_RFQ_29020 - Manutenção RJ_ES_SUL\1. Precificação\v2\Equipamentos\Logistica equipamentos.xlsx</t>
  </si>
  <si>
    <t>11/21/2019 20:37:39</t>
  </si>
  <si>
    <t>D:\21_11_2019 - PC ALGAR TECH\Desktop - 12-11-19\PreVendas - Governo Diogo\DPU-RN\Preço (6hs) (Cheio).xlsb</t>
  </si>
  <si>
    <t>11/21/2019 20:37:41</t>
  </si>
  <si>
    <t>D:\21_11_2019 - PC ALGAR TECH\Desktop 22-07-19\Pendrive 05-03\Backup 01-07\45233 - RFQ _ A4216_RFQ_29020 - Manutenção RJ_ES_SUL\1. Precificação\v3\BP CAMPO v3.2.xlsb</t>
  </si>
  <si>
    <t>11/21/2019 20:37:43</t>
  </si>
  <si>
    <t>D:\21_11_2019 - PC ALGAR TECH\Desktop - 12-11-19\PreVendas - Governo Diogo\DPU-RN\Preço (6hs).xlsb</t>
  </si>
  <si>
    <t>11/21/2019 20:37:48</t>
  </si>
  <si>
    <t>D:\21_11_2019 - PC ALGAR TECH\Desktop 22-07-19\Pendrive 05-03\Backup 01-07\45233 - RFQ _ A4216_RFQ_29020 - Manutenção RJ_ES_SUL\1. Precificação\v3\BP EQUIPAMENTOS v3.2.xlsb</t>
  </si>
  <si>
    <t>11/21/2019 20:37:49</t>
  </si>
  <si>
    <t>D:\21_11_2019 - PC ALGAR TECH\Desktop - 12-11-19\PreVendas - Governo Diogo\DPU-RN\Preço.xlsb</t>
  </si>
  <si>
    <t>11/21/2019 20:37:50</t>
  </si>
  <si>
    <t>D:\21_11_2019 - PC ALGAR TECH\Desktop 22-07-19\Pendrive 05-03\Backup 01-07\45233 - RFQ _ A4216_RFQ_29020 - Manutenção RJ_ES_SUL\1. Precificação\v3\Logística Equipamentos v3.2.xlsx</t>
  </si>
  <si>
    <t>D:\21_11_2019 - PC ALGAR TECH\Desktop - 12-11-19\PreVendas - Governo Diogo\DPU-RN\Simulação.xlsx</t>
  </si>
  <si>
    <t>11/21/2019 20:37:51</t>
  </si>
  <si>
    <t>D:\21_11_2019 - PC ALGAR TECH\Desktop 22-07-19\Pendrive 05-03\Backup 01-07\45233 - RFQ _ A4216_RFQ_29020 - Manutenção RJ_ES_SUL\1. Precificação\v3\Antigos\45233 - BP Equipamentos v1 (Salvo automaticamente).xlsb</t>
  </si>
  <si>
    <t>11/21/2019 20:37:52</t>
  </si>
  <si>
    <t>D:\21_11_2019 - PC ALGAR TECH\Desktop - 12-11-19\PreVendas - Governo Diogo\Drogaria Araújo\COTAÇÃO.xlsb</t>
  </si>
  <si>
    <t>11/21/2019 20:37:53</t>
  </si>
  <si>
    <t>D:\21_11_2019 - PC ALGAR TECH\Desktop 22-07-19\Pendrive 05-03\Backup 01-07\45233 - RFQ _ A4216_RFQ_29020 - Manutenção RJ_ES_SUL\1. Precificação\v3\Antigos\BP CAMPO modelo novo - v3.1.xlsb</t>
  </si>
  <si>
    <t>11/21/2019 20:37:58</t>
  </si>
  <si>
    <t>D:\21_11_2019 - PC ALGAR TECH\Desktop 22-07-19\Pendrive 05-03\Backup 01-07\45233 - RFQ _ A4216_RFQ_29020 - Manutenção RJ_ES_SUL\1. Precificação\v3\Antigos\BP EQUIPAMENTOS v3.1.xlsb</t>
  </si>
  <si>
    <t>11/21/2019 20:37:59</t>
  </si>
  <si>
    <t>D:\21_11_2019 - PC ALGAR TECH\Desktop - 12-11-19\PreVendas - Governo Diogo\EBC\2014\cotacao.xlsb</t>
  </si>
  <si>
    <t>D:\21_11_2019 - PC ALGAR TECH\Desktop 22-07-19\Pendrive 05-03\Backup 01-07\45233 - RFQ _ A4216_RFQ_29020 - Manutenção RJ_ES_SUL\1. Precificação\v3\Antigos\Logistica equipamentos.xlsx</t>
  </si>
  <si>
    <t>D:\21_11_2019 - PC ALGAR TECH\Desktop - 12-11-19\PreVendas - Governo Diogo\EBC\2014\monitoramento.xlsb</t>
  </si>
  <si>
    <t>11/21/2019 20:38:00</t>
  </si>
  <si>
    <t>D:\21_11_2019 - PC ALGAR TECH\Desktop 22-07-19\Pendrive 05-03\Backup 01-07\45233 - RFQ _ A4216_RFQ_29020 - Manutenção RJ_ES_SUL\1. Precificação\v3\Antigos\Logística Equipamentos v3.1.xlsx</t>
  </si>
  <si>
    <t>D:\21_11_2019 - PC ALGAR TECH\Desktop - 12-11-19\PreVendas - Governo Diogo\EBC\2014\SD.xlsb</t>
  </si>
  <si>
    <t>11/21/2019 20:38:02</t>
  </si>
  <si>
    <t>D:\21_11_2019 - PC ALGAR TECH\Desktop 22-07-19\Pendrive 05-03\Backup 01-07\45233 - RFQ _ A4216_RFQ_29020 - Manutenção RJ_ES_SUL\1. Precificação\v4\BP CAMPO v.3.6.xlsb</t>
  </si>
  <si>
    <t>11/21/2019 20:38:07</t>
  </si>
  <si>
    <t>D:\21_11_2019 - PC ALGAR TECH\Desktop 22-07-19\Pendrive 05-03\Backup 01-07\45233 - RFQ _ A4216_RFQ_29020 - Manutenção RJ_ES_SUL\1. Precificação\v4\BP EQUIPAMENTOS v3.5 - planilha antiga ok.xlsb</t>
  </si>
  <si>
    <t>11/21/2019 20:38:08</t>
  </si>
  <si>
    <t>D:\21_11_2019 - PC ALGAR TECH\Desktop 22-07-19\Pendrive 05-03\Backup 01-07\45233 - RFQ _ A4216_RFQ_29020 - Manutenção RJ_ES_SUL\1. Precificação\v4\Antigos\BP CAMPO v.3.4.xlsb</t>
  </si>
  <si>
    <t>11/21/2019 20:38:10</t>
  </si>
  <si>
    <t>D:\21_11_2019 - PC ALGAR TECH\Desktop 22-07-19\Pendrive 05-03\Backup 01-07\45233 - RFQ _ A4216_RFQ_29020 - Manutenção RJ_ES_SUL\1. Precificação\v4\Antigos\BP CAMPO v.3.5.xlsb</t>
  </si>
  <si>
    <t>11/21/2019 20:38:15</t>
  </si>
  <si>
    <t>D:\21_11_2019 - PC ALGAR TECH\Desktop 22-07-19\Pendrive 05-03\Backup 01-07\45233 - RFQ _ A4216_RFQ_29020 - Manutenção RJ_ES_SUL\1. Precificação\v4\Antigos\BP EQUIPAMENTOS v3.4 - não funciona.xlsb</t>
  </si>
  <si>
    <t>11/21/2019 20:38:17</t>
  </si>
  <si>
    <t>D:\21_11_2019 - PC ALGAR TECH\Desktop 22-07-19\Pendrive 05-03\Backup 01-07\45233 - RFQ _ A4216_RFQ_29020 - Manutenção RJ_ES_SUL\1. Precificação\v4\Antigos\Cópia de BP CAMPO v3.3.xlsb</t>
  </si>
  <si>
    <t>11/21/2019 20:38:20</t>
  </si>
  <si>
    <t>D:\21_11_2019 - PC ALGAR TECH\Desktop 22-07-19\Pendrive 05-03\Backup 01-07\45233 - RFQ _ A4216_RFQ_29020 - Manutenção RJ_ES_SUL\1. Precificação\v4 alternativa\BP CAMPO v.3.7.xlsb</t>
  </si>
  <si>
    <t>11/21/2019 20:38:24</t>
  </si>
  <si>
    <t>D:\21_11_2019 - PC ALGAR TECH\Desktop 22-07-19\Pendrive 05-03\Backup 01-07\45233 - RFQ _ A4216_RFQ_29020 - Manutenção RJ_ES_SUL\1. Precificação\v4 alternativa\BP EQUIPAMENTOS v3.5 - planilha antiga ok.xlsb</t>
  </si>
  <si>
    <t>11/21/2019 20:38:25</t>
  </si>
  <si>
    <t>D:\21_11_2019 - PC ALGAR TECH\Desktop - 12-11-19\PreVendas - Governo Diogo\EBC\2016\Novo TR\EBC\Fatores de Complexidades.xlsx</t>
  </si>
  <si>
    <t>D:\21_11_2019 - PC ALGAR TECH\Desktop - 12-11-19\PreVendas - Governo Diogo\EBC\2016\Novo TR\EBC\Modelo INFRA.xlsx</t>
  </si>
  <si>
    <t>D:\21_11_2019 - PC ALGAR TECH\Desktop 22-07-19\Pendrive 05-03\Backup 01-07\45233 - RFQ _ A4216_RFQ_29020 - Manutenção RJ_ES_SUL\2. Propostas\Antigos\2 - ANEXO II - LPU - LPU de Manutencao Equipamentos REV_01_1.xls</t>
  </si>
  <si>
    <t>D:\21_11_2019 - PC ALGAR TECH\Desktop 22-07-19\Pendrive 05-03\Backup 01-07\45233 - RFQ _ A4216_RFQ_29020 - Manutenção RJ_ES_SUL\2. Propostas\Antigos\2 - ANEXO II - LPU INFRA FM TRJ e TSL - FAT A REV_01.xls</t>
  </si>
  <si>
    <t>11/21/2019 20:38:26</t>
  </si>
  <si>
    <t>D:\21_11_2019 - PC ALGAR TECH\Desktop 22-07-19\Pendrive 05-03\Backup 01-07\45233 - RFQ _ A4216_RFQ_29020 - Manutenção RJ_ES_SUL\2. Propostas\v1\2 - ANEXO II - LPU - LPU de Manutencao Equipamentos REV_01.xls</t>
  </si>
  <si>
    <t>D:\21_11_2019 - PC ALGAR TECH\Desktop 22-07-19\Pendrive 05-03\Backup 01-07\45233 - RFQ _ A4216_RFQ_29020 - Manutenção RJ_ES_SUL\2. Propostas\v1\2 - ANEXO II - LPU INFRA FM TRJ e TSL - FAT A.xls</t>
  </si>
  <si>
    <t>11/21/2019 20:38:27</t>
  </si>
  <si>
    <t>D:\21_11_2019 - PC ALGAR TECH\Desktop 22-07-19\Pendrive 05-03\Backup 01-07\45233 - RFQ _ A4216_RFQ_29020 - Manutenção RJ_ES_SUL\2. Propostas\v1\2 - ANEXO II - LPU INFRA FM TRJ e TSL - FAT B - APENDICE A.xls</t>
  </si>
  <si>
    <t>D:\21_11_2019 - PC ALGAR TECH\Desktop 22-07-19\Pendrive 05-03\Backup 01-07\45233 - RFQ _ A4216_RFQ_29020 - Manutenção RJ_ES_SUL\2. Propostas\v1\2 - ANEXO II - LPU INFRA FM TRJ e TSL - FAT B - APENDICE B.xls</t>
  </si>
  <si>
    <t>D:\21_11_2019 - PC ALGAR TECH\Desktop - 12-11-19\PreVendas - Governo Diogo\EBC\2016\Novo TR\EBC\Sustentação de Infraestrutura\Fatores de Complexidades.xlsx</t>
  </si>
  <si>
    <t>D:\21_11_2019 - PC ALGAR TECH\Desktop - 12-11-19\PreVendas - Governo Diogo\EBC\2016\Novo TR\EBC\Sustentação de Infraestrutura\Perfis Básicos.xlsx</t>
  </si>
  <si>
    <t>D:\21_11_2019 - PC ALGAR TECH\Desktop - 12-11-19\PreVendas - Governo Diogo\EBSERH\Pasta de trabalho2.xlsx</t>
  </si>
  <si>
    <t>11/21/2019 20:38:34</t>
  </si>
  <si>
    <t>D:\21_11_2019 - PC ALGAR TECH\Desktop - 12-11-19\PreVendas - Governo Diogo\ect\Brasília.xlsm</t>
  </si>
  <si>
    <t>11/21/2019 20:38:42</t>
  </si>
  <si>
    <t>D:\21_11_2019 - PC ALGAR TECH\Desktop - 12-11-19\PreVendas - Governo Diogo\ect\Precificação + Adoção.xlsm</t>
  </si>
  <si>
    <t>D:\21_11_2019 - PC ALGAR TECH\Desktop 22-07-19\Pendrive 05-03\Backup 01-07\45233 - RFQ _ A4216_RFQ_29020 - Manutenção RJ_ES_SUL\2. Propostas\v1\Resposta Atendimento Técnico.xlsx</t>
  </si>
  <si>
    <t>D:\21_11_2019 - PC ALGAR TECH\Desktop - 12-11-19\PreVendas - Governo Diogo\ect\ECT MG\DESCRICAO TECNICA\Apendice_1_Relaá∆o de marcas e modelos dos equipamentos.xls</t>
  </si>
  <si>
    <t>11/21/2019 20:38:43</t>
  </si>
  <si>
    <t>D:\21_11_2019 - PC ALGAR TECH\Desktop 22-07-19\Pendrive 05-03\Backup 01-07\45233 - RFQ _ A4216_RFQ_29020 - Manutenção RJ_ES_SUL\2. Propostas\v2\01. v2\Proposta Comercial\2 - ANEXO II - LPU INFRA FM TRJ e TSL - FAT B - APENDICE A REV_01.xls</t>
  </si>
  <si>
    <t>D:\21_11_2019 - PC ALGAR TECH\Desktop 22-07-19\Pendrive 05-03\Backup 01-07\45233 - RFQ _ A4216_RFQ_29020 - Manutenção RJ_ES_SUL\2. Propostas\v2\01. v2\Proposta Comercial\2 - ANEXO II - LPU INFRA FM TRJ e TSL - FAT B - APENDICE B REV_01.xls</t>
  </si>
  <si>
    <t>D:\21_11_2019 - PC ALGAR TECH\Desktop 22-07-19\Pendrive 05-03\Backup 01-07\45233 - RFQ _ A4216_RFQ_29020 - Manutenção RJ_ES_SUL\2. Propostas\v2\01. v2\Proposta Comercial\2 - LPU EQUIPAMENTOS - BOM - REV_01.xlsx</t>
  </si>
  <si>
    <t>D:\21_11_2019 - PC ALGAR TECH\Desktop 22-07-19\Pendrive 05-03\Backup 01-07\45233 - RFQ _ A4216_RFQ_29020 - Manutenção RJ_ES_SUL\2. Propostas\v2\01. v2\Proposta Comercial\2_-_ANEXO_II_-_LPU_INFRA_FM_TRJ_e_TSL_-_FAT_A_REV_02.xls</t>
  </si>
  <si>
    <t>11/21/2019 20:38:44</t>
  </si>
  <si>
    <t>D:\21_11_2019 - PC ALGAR TECH\Desktop - 12-11-19\PreVendas - Governo Diogo\ect\ECT MG\DESCRICAO TECNICA\DESCRICAO TECNICA.zip</t>
  </si>
  <si>
    <t>D:\21_11_2019 - PC ALGAR TECH\Desktop - 12-11-19\PreVendas - Governo Diogo\Eletrobrás\Estudo.xlsx</t>
  </si>
  <si>
    <t>11/21/2019 20:38:46</t>
  </si>
  <si>
    <t>D:\21_11_2019 - PC ALGAR TECH\Desktop - 12-11-19\PreVendas - Governo Diogo\Eletronorte\BP1.xlsb</t>
  </si>
  <si>
    <t>11/21/2019 20:38:48</t>
  </si>
  <si>
    <t>D:\21_11_2019 - PC ALGAR TECH\Desktop - 12-11-19\PreVendas - Governo Diogo\Eletronorte\Precificação com Adoção.xlsb</t>
  </si>
  <si>
    <t>11/21/2019 20:38:49</t>
  </si>
  <si>
    <t>D:\21_11_2019 - PC ALGAR TECH\Desktop 22-07-19\Pendrive 05-03\Backup 01-07\45233 - RFQ _ A4216_RFQ_29020 - Manutenção RJ_ES_SUL\2. Propostas\v2\02. Reenvio v2\d) LPU´s\2 - ANEXO II - LPU INFRA FM TRJ e TSL - FAT B - APENDICE A REV_01.xls</t>
  </si>
  <si>
    <t>D:\21_11_2019 - PC ALGAR TECH\Desktop - 12-11-19\PreVendas - Governo Diogo\Eletronorte\Racional de Manutenção.xlsx</t>
  </si>
  <si>
    <t>D:\21_11_2019 - PC ALGAR TECH\Desktop 22-07-19\Pendrive 05-03\Backup 01-07\45233 - RFQ _ A4216_RFQ_29020 - Manutenção RJ_ES_SUL\2. Propostas\v2\02. Reenvio v2\d) LPU´s\2 - ANEXO II - LPU INFRA FM TRJ e TSL - FAT B - APENDICE B REV_01.xls</t>
  </si>
  <si>
    <t>D:\21_11_2019 - PC ALGAR TECH\Desktop - 12-11-19\PreVendas - Governo Diogo\Eletronorte\Eletrobrás\Design Thinking - Propostas de Soluções.xlsx</t>
  </si>
  <si>
    <t>D:\21_11_2019 - PC ALGAR TECH\Desktop 22-07-19\Pendrive 05-03\Backup 01-07\45233 - RFQ _ A4216_RFQ_29020 - Manutenção RJ_ES_SUL\2. Propostas\v2\02. Reenvio v2\d) LPU´s\2 - LPU EQUIPAMENTOS - BOM - REV_01.xlsx</t>
  </si>
  <si>
    <t>D:\21_11_2019 - PC ALGAR TECH\Desktop 22-07-19\Pendrive 05-03\Backup 01-07\45233 - RFQ _ A4216_RFQ_29020 - Manutenção RJ_ES_SUL\2. Propostas\v2\02. Reenvio v2\d) LPU´s\2_-_ANEXO_II_-_LPU_INFRA_FM_TRJ_e_TSL_-_FAT_A_REV_02.xls</t>
  </si>
  <si>
    <t>11/21/2019 20:38:50</t>
  </si>
  <si>
    <t>D:\21_11_2019 - PC ALGAR TECH\Desktop 22-07-19\Pendrive 05-03\Backup 01-07\45233 - RFQ _ A4216_RFQ_29020 - Manutenção RJ_ES_SUL\2. Propostas\v3\Pacote Econômico\2 - ANEXO II - LPU FMM INFRA FM TIM RJ_SUL - FAT A REV_04.xls</t>
  </si>
  <si>
    <t>D:\21_11_2019 - PC ALGAR TECH\Desktop 22-07-19\Pendrive 05-03\Backup 01-07\45233 - RFQ _ A4216_RFQ_29020 - Manutenção RJ_ES_SUL\2. Propostas\v3\Pacote Econômico\2 - ANEXO II - LPU FMM INFRA FM TIM RJ_SUL - FAT B - APENDICE A REV_04_2.xls</t>
  </si>
  <si>
    <t>D:\21_11_2019 - PC ALGAR TECH\Desktop 22-07-19\Pendrive 05-03\Backup 01-07\45233 - RFQ _ A4216_RFQ_29020 - Manutenção RJ_ES_SUL\2. Propostas\v3\Pacote Econômico\2 - ANEXO II - LPU FMM INFRA FM TIM RJ_SUL- FAT B - APENDICE B REV_04.xls</t>
  </si>
  <si>
    <t>11/21/2019 20:38:51</t>
  </si>
  <si>
    <t>D:\21_11_2019 - PC ALGAR TECH\Desktop 22-07-19\Pendrive 05-03\Backup 01-07\45233 - RFQ _ A4216_RFQ_29020 - Manutenção RJ_ES_SUL\2. Propostas\v3\Pacote Econômico\2 - LPU FMT - TIM RJ SUL - REV_04.xlsx</t>
  </si>
  <si>
    <t>11/21/2019 20:38:53</t>
  </si>
  <si>
    <t>D:\21_11_2019 - PC ALGAR TECH\Desktop 22-07-19\Pendrive 05-03\Backup 01-07\45233 - RFQ _ A4216_RFQ_29020 - Manutenção RJ_ES_SUL\2. Propostas\v3\Pacote Técnico\Resposta Atendimento Tecnico v3.xlsx</t>
  </si>
  <si>
    <t>11/21/2019 20:38:54</t>
  </si>
  <si>
    <t>D:\21_11_2019 - PC ALGAR TECH\Desktop - 12-11-19\PreVendas - Governo Diogo\Eletronorte\Suporte 2015\Precificação.xlsb</t>
  </si>
  <si>
    <t>D:\21_11_2019 - PC ALGAR TECH\Desktop 22-07-19\Pendrive 05-03\Backup 01-07\45233 - RFQ _ A4216_RFQ_29020 - Manutenção RJ_ES_SUL\2. Propostas\v5\Pacote Comercial\2 - ANEXO II - LPU FMM INFRA FM TIM RJ SUL - FAT A REV_05.xls</t>
  </si>
  <si>
    <t>D:\21_11_2019 - PC ALGAR TECH\Desktop 22-07-19\Pendrive 05-03\Backup 01-07\45233 - RFQ _ A4216_RFQ_29020 - Manutenção RJ_ES_SUL\2. Propostas\v5\Pacote Comercial\2 - ANEXO II - LPU FMM INFRA FM TIM RJ_SUL - FAT B - APENDICE A REV_05.xls</t>
  </si>
  <si>
    <t>D:\21_11_2019 - PC ALGAR TECH\Desktop - 12-11-19\PreVendas - Governo Diogo\Eletronorte\Suporte 2015\Preço por item.xlsx</t>
  </si>
  <si>
    <t>D:\21_11_2019 - PC ALGAR TECH\Desktop 22-07-19\Pendrive 05-03\Backup 01-07\45233 - RFQ _ A4216_RFQ_29020 - Manutenção RJ_ES_SUL\2. Propostas\v5\Pacote Comercial\2 - ANEXO II - LPU FMM INFRA FM TIM RJ_SUL- FAT B - APENDICE B REV_05.xls</t>
  </si>
  <si>
    <t>D:\21_11_2019 - PC ALGAR TECH\Desktop 22-07-19\Pendrive 05-03\Backup 01-07\45233 - RFQ _ A4216_RFQ_29020 - Manutenção RJ_ES_SUL\2. Propostas\v5\Pacote Comercial\2 - LPU FMT - TIM RJ SUL - REV_05.xlsx</t>
  </si>
  <si>
    <t>D:\21_11_2019 - PC ALGAR TECH\Desktop - 12-11-19\PreVendas - Governo Diogo\Eletronorte\Suporte 2015\racional Peças.xlsx</t>
  </si>
  <si>
    <t>11/21/2019 20:39:35</t>
  </si>
  <si>
    <t>D:\21_11_2019 - PC ALGAR TECH\Desktop 22-07-19\Pendrive 05-03\Backup 01-07\45233 - RFQ _ A4216_RFQ_29020 - Manutenção RJ_ES_SUL\2. Propostas\v5\Pacote Técnico\Resposta Atendimento Técnico v5.xlsx</t>
  </si>
  <si>
    <t>11/21/2019 20:39:36</t>
  </si>
  <si>
    <t>D:\21_11_2019 - PC ALGAR TECH\Desktop 22-07-19\Pendrive 05-03\Backup 01-07\45233 - RFQ _ A4216_RFQ_29020 - Manutenção RJ_ES_SUL\2. Propostas\v6 - alternativa da v5\Pacote Comercial\2 - ANEXO II - LPU FMM INFRA FM TIM RJ SUL - FAT A REV_06.xls</t>
  </si>
  <si>
    <t>D:\21_11_2019 - PC ALGAR TECH\Desktop 22-07-19\Pendrive 05-03\Backup 01-07\45233 - RFQ _ A4216_RFQ_29020 - Manutenção RJ_ES_SUL\2. Propostas\v6 - alternativa da v5\Pacote Comercial\</t>
  </si>
  <si>
    <t>D:\21_11_2019 - PC ALGAR TECH\Desktop 22-07-19\Pendrive 05-03\Backup 01-07\45233 - RFQ _ A4216_RFQ_29020 - Manutenção RJ_ES_SUL\2. Propostas\v6 - alternativa da v5\Pacote Comercial\2 - ANEXO II - LPU FMM INFRA FM TIM RJ_SUL - FAT B - APENDICE A REV_06.xls</t>
  </si>
  <si>
    <t>D:\21_11_2019 - PC ALGAR TECH\Desktop 22-07-19\Pendrive 05-03\Backup 01-07\45233 - RFQ _ A4216_RFQ_29020 - Manutenção RJ_ES_SUL\2. Propostas\v6 - alternativa da v5\Pacote Comercial\2 - ANEXO II - LPU FMM INFRA FM TIM RJ_SUL- FAT B - APENDICE B REV_06.xls</t>
  </si>
  <si>
    <t>D:\21_11_2019 - PC ALGAR TECH\Desktop 22-07-19\Pendrive 05-03\Backup 01-07\45233 - RFQ _ A4216_RFQ_29020 - Manutenção RJ_ES_SUL\2. Propostas\v6 - alternativa da v5\Pacote Comercial\2 - LPU FMT - TIM RJ SUL - REV_06.xlsx</t>
  </si>
  <si>
    <t>11/21/2019 20:39:37</t>
  </si>
  <si>
    <t>D:\21_11_2019 - PC ALGAR TECH\Desktop - 12-11-19\PreVendas - Governo Diogo\EMBRATUR\Precificação.xlsb</t>
  </si>
  <si>
    <t>11/21/2019 20:39:38</t>
  </si>
  <si>
    <t>D:\21_11_2019 - PC ALGAR TECH\Desktop 22-07-19\Pendrive 05-03\Backup 01-07\45233 - RFQ _ A4216_RFQ_29020 - Manutenção RJ_ES_SUL\2. Propostas\v6 - alternativa da v5\Pacote Técnico\Resposta Atendimento Técnico v6.xlsx</t>
  </si>
  <si>
    <t>D:\21_11_2019 - PC ALGAR TECH\Desktop - 12-11-19\PreVendas - Governo Diogo\Exercito\Cotação.xlsx</t>
  </si>
  <si>
    <t>11/21/2019 20:39:41</t>
  </si>
  <si>
    <t>D:\21_11_2019 - PC ALGAR TECH\Desktop 22-07-19\Pendrive 05-03\Backup 01-07\45233 - RFQ _ A4216_RFQ_29020 - Manutenção RJ_ES_SUL\3. Documentos\1. Editais\Doc TIM RJ_SL - 12-06\Especificacao Tecnica FMM.zip</t>
  </si>
  <si>
    <t>11/21/2019 20:39:43</t>
  </si>
  <si>
    <t>D:\21_11_2019 - PC ALGAR TECH\Desktop - 12-11-19\PreVendas - Governo Diogo\FAPESP\BP (Com SA assistente N1).xlsb</t>
  </si>
  <si>
    <t>11/21/2019 20:39:50</t>
  </si>
  <si>
    <t>D:\21_11_2019 - PC ALGAR TECH\Desktop 22-07-19\Pendrive 05-03\Backup 01-07\45233 - RFQ _ A4216_RFQ_29020 - Manutenção RJ_ES_SUL\3. Documentos\1. Editais\Doc TIM RJ_SL - 12-06\Especificacao Tecnica FMT Rev05.zip</t>
  </si>
  <si>
    <t>11/21/2019 20:39:52</t>
  </si>
  <si>
    <t>D:\21_11_2019 - PC ALGAR TECH\Desktop - 12-11-19\PreVendas - Governo Diogo\FAPESP\BP (Com SA SEM N1).xlsb</t>
  </si>
  <si>
    <t>D:\21_11_2019 - PC ALGAR TECH\Desktop 22-07-19\Pendrive 05-03\Backup 01-07\45233 - RFQ _ A4216_RFQ_29020 - Manutenção RJ_ES_SUL\3. Documentos\1. Editais\Doc TIM RJ_SL - 12-06\LPUS ATUALIZADAS.zip</t>
  </si>
  <si>
    <t>11/21/2019 20:39:54</t>
  </si>
  <si>
    <t>D:\21_11_2019 - PC ALGAR TECH\Desktop - 12-11-19\PreVendas - Governo Diogo\FAPESP\BP (Com SA).xlsb</t>
  </si>
  <si>
    <t>11/21/2019 20:39:56</t>
  </si>
  <si>
    <t>D:\21_11_2019 - PC ALGAR TECH\Desktop - 12-11-19\PreVendas - Governo Diogo\FAPESP\BP (Sem SA assistente N1 Metade HE).xlsb</t>
  </si>
  <si>
    <t>11/21/2019 20:39:57</t>
  </si>
  <si>
    <t>D:\21_11_2019 - PC ALGAR TECH\Desktop - 12-11-19\PreVendas - Governo Diogo\FAPESP\BP (Sem SA assistente N1).xlsb</t>
  </si>
  <si>
    <t>11/21/2019 20:39:59</t>
  </si>
  <si>
    <t>D:\21_11_2019 - PC ALGAR TECH\Desktop - 12-11-19\PreVendas - Governo Diogo\FAPESP\BP (SEM SA SEM N1).xlsb</t>
  </si>
  <si>
    <t>11/21/2019 20:40:01</t>
  </si>
  <si>
    <t>D:\21_11_2019 - PC ALGAR TECH\Desktop - 12-11-19\PreVendas - Governo Diogo\FAPESP\BP (SEM SA).xlsb</t>
  </si>
  <si>
    <t>D:\21_11_2019 - PC ALGAR TECH\Desktop - 12-11-19\PreVendas - Governo Diogo\FAPESP\Desenho.xlsx</t>
  </si>
  <si>
    <t>11/21/2019 20:40:02</t>
  </si>
  <si>
    <t>D:\21_11_2019 - PC ALGAR TECH\Desktop - 12-11-19\PreVendas - Governo Diogo\FAPESP\Planilha de Preços COM SOBREAVISO.xlsx</t>
  </si>
  <si>
    <t>D:\21_11_2019 - PC ALGAR TECH\Desktop 22-07-19\Pendrive 05-03\Backup 01-07\45233 - RFQ _ A4216_RFQ_29020 - Manutenção RJ_ES_SUL\3. Documentos\1. Editais\Doc TIM RJ_SL - 12-06\Especificacao Tecnica FMM\</t>
  </si>
  <si>
    <t>D:\21_11_2019 - PC ALGAR TECH\Desktop 22-07-19\Pendrive 05-03\Backup 01-07\45233 - RFQ _ A4216_RFQ_29020 - Manutenção RJ_ES_SUL\3. Documentos\1. Editais\Doc TIM RJ_SL - 12-06\Especificacao Tecnica FMM\ok - ANEXO VIII LPU FM TRJ e TSL - FAT A_v120150612.xlsx</t>
  </si>
  <si>
    <t>D:\21_11_2019 - PC ALGAR TECH\Desktop - 12-11-19\PreVendas - Governo Diogo\FAPESP\Planilha de Preços SEM SOBREAVISO Metade HE.xlsx</t>
  </si>
  <si>
    <t>D:\21_11_2019 - PC ALGAR TECH\Desktop 22-07-19\Pendrive 05-03\Backup 01-07\45233 - RFQ _ A4216_RFQ_29020 - Manutenção RJ_ES_SUL\3. Documentos\1. Editais\Doc TIM RJ_SL - 12-06\Especificacao Tecnica FMM\ok - ANEXO VIII LPU FM TRJ e TSL - FAT A_v20150608.xlsx</t>
  </si>
  <si>
    <t>D:\21_11_2019 - PC ALGAR TECH\Desktop - 12-11-19\PreVendas - Governo Diogo\FAPESP\Planilha de Preços SEM SOBREAVISO.xlsx</t>
  </si>
  <si>
    <t>D:\21_11_2019 - PC ALGAR TECH\Desktop - 12-11-19\PreVendas - Governo Diogo\FNDE\Cenários e Premissas.xlsx</t>
  </si>
  <si>
    <t>11/22/2019 08:48:36</t>
  </si>
  <si>
    <t>D:\21_11_2019 - PC ALGAR TECH\Desktop 22-07-19\Pendrive 05-03\Backup 01-07\45233 - RFQ _ A4216_RFQ_29020 - Manutenção RJ_ES_SUL\3. Documentos\1. Editais\Doc TIM RJ_SL - 12-06\Especificacao Tecnica FMM\ok - ANEXO XII - Programação Preventiva v20150603.xls</t>
  </si>
  <si>
    <t>D:\21_11_2019 - PC ALGAR TECH\Desktop - 12-11-19\PreVendas - Governo Diogo\FNDE\Premissas.xlsx</t>
  </si>
  <si>
    <t>11/21/2019 20:40:03</t>
  </si>
  <si>
    <t>D:\21_11_2019 - PC ALGAR TECH\Desktop - 12-11-19\PreVendas - Governo Diogo\FNDE\Preço Fixo 60 meses.xlsb</t>
  </si>
  <si>
    <t>D:\21_11_2019 - PC ALGAR TECH\Desktop 22-07-19\Pendrive 05-03\Backup 01-07\45233 - RFQ _ A4216_RFQ_29020 - Manutenção RJ_ES_SUL\3. Documentos\1. Editais\Doc TIM RJ_SL - 12-06\Especificacao Tecnica FMM\ok - Dados Rede TSL e TRJ v20150608.xlsx</t>
  </si>
  <si>
    <t>11/21/2019 20:40:04</t>
  </si>
  <si>
    <t>D:\21_11_2019 - PC ALGAR TECH\Desktop - 12-11-19\PreVendas - Governo Diogo\FNDE\Preço Fixo.xlsb</t>
  </si>
  <si>
    <t>D:\21_11_2019 - PC ALGAR TECH\Desktop 22-07-19\Pendrive 05-03\Backup 01-07\45233 - RFQ _ A4216_RFQ_29020 - Manutenção RJ_ES_SUL\3. Documentos\1. Editais\Doc TIM RJ_SL - 12-06\Especificacao Tecnica FMM\ok - Sites Industriais TRJ e TSL v20150608.xlsx</t>
  </si>
  <si>
    <t>11/21/2019 20:40:05</t>
  </si>
  <si>
    <t>D:\21_11_2019 - PC ALGAR TECH\Desktop - 12-11-19\PreVendas - Governo Diogo\FNDE\UST sob Demanda.xlsb</t>
  </si>
  <si>
    <t>D:\21_11_2019 - PC ALGAR TECH\Desktop 22-07-19\Pendrive 05-03\Backup 01-07\45233 - RFQ _ A4216_RFQ_29020 - Manutenção RJ_ES_SUL\3. Documentos\1. Editais\Doc TIM RJ_SL - 12-06\Especificacao Tecnica FMT Rev05\ok - Proposta de LPU Rev 4 050515.xlsx</t>
  </si>
  <si>
    <t>11/21/2019 20:40:07</t>
  </si>
  <si>
    <t>D:\21_11_2019 - PC ALGAR TECH\Desktop - 12-11-19\PreVendas - Governo Diogo\FNDE\2016\Adesão Ata\Cópia de BP Preço C002 B004 _Encargos.xlsb</t>
  </si>
  <si>
    <t>D:\21_11_2019 - PC ALGAR TECH\Desktop 22-07-19\Pendrive 05-03\Backup 01-07\45233 - RFQ _ A4216_RFQ_29020 - Manutenção RJ_ES_SUL\3. Documentos\1. Editais\Doc TIM RJ_SL - 12-06\LPUS ATUALIZADAS\2 - ANEXO II - LPU FMM INFRA FM TIM RJ SUL - FAT A REV_05.xls</t>
  </si>
  <si>
    <t>D:\21_11_2019 - PC ALGAR TECH\Desktop - 12-11-19\PreVendas - Governo Diogo\FNDE\2016\Adesão Ata\DRE.xlsx</t>
  </si>
  <si>
    <t>11/21/2019 20:40:08</t>
  </si>
  <si>
    <t>D:\21_11_2019 - PC ALGAR TECH\Desktop 22-07-19\Pendrive 05-03\Backup 01-07\45233 - RFQ _ A4216_RFQ_29020 - Manutenção RJ_ES_SUL\3. Documentos\1. Editais\Doc TIM RJ_SL - 12-06\LPUS ATUALIZADAS\2 - LPU FMT - TIM RJ SUL - REV_05.xlsx</t>
  </si>
  <si>
    <t>11/21/2019 20:40:09</t>
  </si>
  <si>
    <t>D:\21_11_2019 - PC ALGAR TECH\Desktop - 12-11-19\PreVendas - Governo Diogo\FNDE\2016\Adesão Ata\FNDE - Adesão ATA TSE - Final.xlsb</t>
  </si>
  <si>
    <t>11/21/2019 20:40:17</t>
  </si>
  <si>
    <t>D:\21_11_2019 - PC ALGAR TECH\Desktop 22-07-19\Pendrive 05-03\Backup 01-07\45233 - RFQ _ A4216_RFQ_29020 - Manutenção RJ_ES_SUL\3. Documentos\1. Editais\Reabertura de RFQ - 28-05\1 - ANEXO I - Eespecificacoes tecnicas FMT_TRJ_TSUL_Rev 4 050515.zip</t>
  </si>
  <si>
    <t>11/21/2019 20:40:19</t>
  </si>
  <si>
    <t>D:\21_11_2019 - PC ALGAR TECH\Desktop - 12-11-19\PreVendas - Governo Diogo\FNDE\2017\Cotação\Cotação.xlsb</t>
  </si>
  <si>
    <t>11/21/2019 20:40:21</t>
  </si>
  <si>
    <t>D:\21_11_2019 - PC ALGAR TECH\Desktop 22-07-19\Pendrive 05-03\Backup 01-07\45233 - RFQ _ A4216_RFQ_29020 - Manutenção RJ_ES_SUL\3. Documentos\1. Editais\Reabertura de RFQ - 28-05\1 - ANEXO I - Especificações Tecnicas FMM (TRJ e TSL) 20150526.zip</t>
  </si>
  <si>
    <t>11/21/2019 20:40:23</t>
  </si>
  <si>
    <t>D:\21_11_2019 - PC ALGAR TECH\Desktop - 12-11-19\PreVendas - Governo Diogo\FNDE\2018\Assessoria Sistemas\BP Preço.xlsb</t>
  </si>
  <si>
    <t>D:\21_11_2019 - PC ALGAR TECH\Desktop 22-07-19\Pendrive 05-03\Backup 01-07\45233 - RFQ _ A4216_RFQ_29020 - Manutenção RJ_ES_SUL\3. Documentos\1. Editais\Reabertura de RFQ - 28-05\2 - ANEXO II - LPU FMM INFRA FM TIM RJ_SUL - FAT A REV_04.xls</t>
  </si>
  <si>
    <t>D:\21_11_2019 - PC ALGAR TECH\Desktop - 12-11-19\PreVendas - Governo Diogo\FNDE\2018\Assessoria Sistemas\catálogo.xlsx</t>
  </si>
  <si>
    <t>D:\21_11_2019 - PC ALGAR TECH\Desktop 22-07-19\Pendrive 05-03\Backup 01-07\45233 - RFQ _ A4216_RFQ_29020 - Manutenção RJ_ES_SUL\3. Documentos\1. Editais\Reabertura de RFQ - 28-05\2 - ANEXO II - LPU FMM INFRA FM TIM RJ_SUL - FAT B - APENDICE A REV_04_2.xls</t>
  </si>
  <si>
    <t>D:\21_11_2019 - PC ALGAR TECH\Desktop 22-07-19\Pendrive 05-03\Backup 01-07\45233 - RFQ _ A4216_RFQ_29020 - Manutenção RJ_ES_SUL\3. Documentos\1. Editais\Reabertura de RFQ - 28-05\2 - ANEXO II - LPU FMM INFRA FM TIM RJ_SUL- FAT B - APENDICE B REV_04.xls</t>
  </si>
  <si>
    <t>D:\21_11_2019 - PC ALGAR TECH\Desktop - 12-11-19\PreVendas - Governo Diogo\FNDE\2018\Cotação\Para Envio.xlsx</t>
  </si>
  <si>
    <t>D:\21_11_2019 - PC ALGAR TECH\Desktop 22-07-19\Pendrive 05-03\Backup 01-07\45233 - RFQ _ A4216_RFQ_29020 - Manutenção RJ_ES_SUL\3. Documentos\1. Editais\Reabertura de RFQ - 28-05\2 - LPU FMT - TIM RJ SUL - REV_04.xlsx</t>
  </si>
  <si>
    <t>D:\21_11_2019 - PC ALGAR TECH\Desktop - 12-11-19\PreVendas - Governo Diogo\FNDE\2018\Cotação\Racional.xlsx</t>
  </si>
  <si>
    <t>11/21/2019 20:40:24</t>
  </si>
  <si>
    <t>D:\21_11_2019 - PC ALGAR TECH\Desktop - 12-11-19\PreVendas - Governo Diogo\FNDE\2018\SD\Cotação\Pasta1.xlsx</t>
  </si>
  <si>
    <t>11/21/2019 20:40:25</t>
  </si>
  <si>
    <t>D:\21_11_2019 - PC ALGAR TECH\Desktop - 12-11-19\PreVendas - Governo Diogo\FNDE\2018\SD\Edital\BP.xlsb</t>
  </si>
  <si>
    <t>D:\21_11_2019 - PC ALGAR TECH\Desktop - 12-11-19\PreVendas - Governo Diogo\FNDE\2018\SD\Edital\FNDE.xlsx</t>
  </si>
  <si>
    <t>11/21/2019 20:40:29</t>
  </si>
  <si>
    <t>D:\21_11_2019 - PC ALGAR TECH\Desktop - 12-11-19\PreVendas - Governo Diogo\FNDE\Infraestrutura\Analise de Riscos.xlsx</t>
  </si>
  <si>
    <t>D:\21_11_2019 - PC ALGAR TECH\Desktop - 12-11-19\PreVendas - Governo Diogo\FNDE\Infraestrutura\Matriz Favorabilidade.xlsx</t>
  </si>
  <si>
    <t>11/21/2019 20:40:30</t>
  </si>
  <si>
    <t>D:\21_11_2019 - PC ALGAR TECH\Desktop 22-07-19\Pendrive 05-03\Backup 01-07\45233 - RFQ _ A4216_RFQ_29020 - Manutenção RJ_ES_SUL\3. Documentos\1. Editais\Reabertura de RFQ - 28-05\1 - FMM\ANEXO VIII LPU FM TRJ e TSL - FAT A.xlsx</t>
  </si>
  <si>
    <t>D:\21_11_2019 - PC ALGAR TECH\Desktop 22-07-19\Pendrive 05-03\Backup 01-07\45233 - RFQ _ A4216_RFQ_29020 - Manutenção RJ_ES_SUL\3. Documentos\1. Editais\Reabertura de RFQ - 28-05\1 - FMM\ANEXO VIII LPU FM TRJ e TSL - FAT B - APENDICE A.xls</t>
  </si>
  <si>
    <t>D:\21_11_2019 - PC ALGAR TECH\Desktop 22-07-19\Pendrive 05-03\Backup 01-07\45233 - RFQ _ A4216_RFQ_29020 - Manutenção RJ_ES_SUL\3. Documentos\1. Editais\Reabertura de RFQ - 28-05\1 - FMM\ANEXO VIII LPU FM TRJ e TSL - FAT B - APENDICE B.xls</t>
  </si>
  <si>
    <t>11/21/2019 20:40:31</t>
  </si>
  <si>
    <t>D:\21_11_2019 - PC ALGAR TECH\Desktop 22-07-19\Pendrive 05-03\Backup 01-07\45233 - RFQ _ A4216_RFQ_29020 - Manutenção RJ_ES_SUL\3. Documentos\1. Editais\Reabertura de RFQ - 28-05\1 - FMM\ANEXO X - Ficha de Intervenção Corretiva.xls</t>
  </si>
  <si>
    <t>D:\21_11_2019 - PC ALGAR TECH\Desktop 22-07-19\Pendrive 05-03\Backup 01-07\45233 - RFQ _ A4216_RFQ_29020 - Manutenção RJ_ES_SUL\3. Documentos\1. Editais\Reabertura de RFQ - 28-05\1 - FMM\ANEXO XI - Laudo Vistoria Estrutura Vertical.xls</t>
  </si>
  <si>
    <t>D:\21_11_2019 - PC ALGAR TECH\Desktop 22-07-19\Pendrive 05-03\Backup 01-07\45233 - RFQ _ A4216_RFQ_29020 - Manutenção RJ_ES_SUL\3. Documentos\1. Editais\Reabertura de RFQ - 28-05\1 - FMM\ANEXO XII - Programação Preventiva.xls</t>
  </si>
  <si>
    <t>11/21/2019 20:40:33</t>
  </si>
  <si>
    <t>D:\21_11_2019 - PC ALGAR TECH\Desktop - 12-11-19\PreVendas - Governo Diogo\FUNAI\Preço.xlsb</t>
  </si>
  <si>
    <t>11/21/2019 20:40:34</t>
  </si>
  <si>
    <t>D:\21_11_2019 - PC ALGAR TECH\Desktop - 12-11-19\PreVendas - Governo Diogo\FUNASA\31.2011\Edital dia 21\Atividades Edital.xlsx</t>
  </si>
  <si>
    <t>D:\21_11_2019 - PC ALGAR TECH\Desktop - 12-11-19\PreVendas - Governo Diogo\FUNASA\31.2011\Edital dia 21\Cargos e Salários FUNASA.xlsx</t>
  </si>
  <si>
    <t>11/21/2019 20:40:35</t>
  </si>
  <si>
    <t>D:\21_11_2019 - PC ALGAR TECH\Desktop 22-07-19\Pendrive 05-03\Backup 01-07\45233 - RFQ _ A4216_RFQ_29020 - Manutenção RJ_ES_SUL\3. Documentos\1. Editais\Reabertura de RFQ - 28-05\1 - FMM\Dados Rede TSL e TRJ 1.xlsx</t>
  </si>
  <si>
    <t>D:\21_11_2019 - PC ALGAR TECH\Desktop - 12-11-19\PreVendas - Governo Diogo\FUNASA\31.2011\Edital dia 21\Estratégias e Preços.xlsx</t>
  </si>
  <si>
    <t>11/21/2019 20:40:36</t>
  </si>
  <si>
    <t>D:\21_11_2019 - PC ALGAR TECH\Desktop - 12-11-19\PreVendas - Governo Diogo\FUNASA\31.2011\Edital dia 21\Lote II - SEM PPR 5% LOTE 1 GANHO.xlsb</t>
  </si>
  <si>
    <t>11/21/2019 20:40:37</t>
  </si>
  <si>
    <t>D:\21_11_2019 - PC ALGAR TECH\Desktop 22-07-19\Pendrive 05-03\Backup 01-07\45233 - RFQ _ A4216_RFQ_29020 - Manutenção RJ_ES_SUL\3. Documentos\1. Editais\Reabertura de RFQ - 28-05\1 - FMM\</t>
  </si>
  <si>
    <t>D:\21_11_2019 - PC ALGAR TECH\Desktop 22-07-19\Pendrive 05-03\Backup 01-07\45233 - RFQ _ A4216_RFQ_29020 - Manutenção RJ_ES_SUL\3. Documentos\1. Editais\Reabertura de RFQ - 28-05\1 - FMM\Indicação da infraestrutura para a prestação do serviço TRJ e TSL.xls</t>
  </si>
  <si>
    <t>11/21/2019 20:40:38</t>
  </si>
  <si>
    <t>D:\21_11_2019 - PC ALGAR TECH\Desktop - 12-11-19\PreVendas - Governo Diogo\FUNASA\31.2011\Edital dia 21\Lote II - SEM PPR 5%.xlsb</t>
  </si>
  <si>
    <t>11/21/2019 20:40:39</t>
  </si>
  <si>
    <t>D:\21_11_2019 - PC ALGAR TECH\Desktop 22-07-19\Pendrive 05-03\Backup 01-07\45233 - RFQ _ A4216_RFQ_29020 - Manutenção RJ_ES_SUL\3. Documentos\1. Editais\Reabertura de RFQ - 28-05\1 - FMM\Prédios Industriais TRJ e TSL.xlsx</t>
  </si>
  <si>
    <t>D:\21_11_2019 - PC ALGAR TECH\Desktop - 12-11-19\PreVendas - Governo Diogo\FUNASA\31.2011\Edital dia 21\Níveis de Serviço.xlsx</t>
  </si>
  <si>
    <t>D:\21_11_2019 - PC ALGAR TECH\Desktop 22-07-19\Pendrive 05-03\Backup 01-07\45233 - RFQ _ A4216_RFQ_29020 - Manutenção RJ_ES_SUL\3. Documentos\1. Editais\Reabertura de RFQ - 28-05\1 - FMM\Sites 2015 - TRJ e TSL.xlsx</t>
  </si>
  <si>
    <t>11/21/2019 20:40:40</t>
  </si>
  <si>
    <t>D:\21_11_2019 - PC ALGAR TECH\Desktop - 12-11-19\PreVendas - Governo Diogo\FUNASA\31.2011\Edital dia 21\Planilha de Custos - IN-02 LoteII.xlsx</t>
  </si>
  <si>
    <t>D:\21_11_2019 - PC ALGAR TECH\Desktop - 12-11-19\PreVendas - Governo Diogo\FUNASA\31.2011\Edital dia 21\Planilha de Custos - IN-02 LoteII.xlsx.zip</t>
  </si>
  <si>
    <t>D:\21_11_2019 - PC ALGAR TECH\Desktop 22-07-19\Pendrive 05-03\Backup 01-07\45233 - RFQ _ A4216_RFQ_29020 - Manutenção RJ_ES_SUL\3. Documentos\1. Editais\Reabertura de RFQ - 28-05\1 - FMT\Proposta de LPU Rev 4 050515.xlsx</t>
  </si>
  <si>
    <t>D:\21_11_2019 - PC ALGAR TECH\Desktop - 12-11-19\PreVendas - Governo Diogo\FUNASA\31.2011\Edital dia 21\Planilha de Custos - Resumo e IN-02 Lote 1.xlsx</t>
  </si>
  <si>
    <t>11/21/2019 20:40:41</t>
  </si>
  <si>
    <t>D:\21_11_2019 - PC ALGAR TECH\Desktop - 12-11-19\PreVendas - Governo Diogo\FUNASA\31.2011\Edital dia 21\Planilha de Custos - Resumo e IN-02.xlsx</t>
  </si>
  <si>
    <t>D:\21_11_2019 - PC ALGAR TECH\Desktop 22-07-19\Pendrive 05-03\Backup 01-07\45233 - RFQ _ A4216_RFQ_29020 - Manutenção RJ_ES_SUL\3. Documentos\2. Doc Habilitação\Documentação de habilitação.zip</t>
  </si>
  <si>
    <t>11/21/2019 20:40:42</t>
  </si>
  <si>
    <t>D:\21_11_2019 - PC ALGAR TECH\Desktop - 12-11-19\PreVendas - Governo Diogo\FUNASA\31.2011\Edital dia 21\Service-Desk Com Licenças - SEM PPR.xlsb</t>
  </si>
  <si>
    <t>11/21/2019 20:40:45</t>
  </si>
  <si>
    <t>D:\21_11_2019 - PC ALGAR TECH\Desktop - 12-11-19\PreVendas - Governo Diogo\FUNASA\FUNASA 30.2012\Precificação com Adoção.xlsb</t>
  </si>
  <si>
    <t>11/21/2019 20:40:46</t>
  </si>
  <si>
    <t>D:\21_11_2019 - PC ALGAR TECH\Desktop 22-07-19\Pendrive 05-03\Backup 01-07\45233 - RFQ _ A4216_RFQ_29020 - Manutenção RJ_ES_SUL\3. Documentos\4. Análises\Re Edital TIM.msg</t>
  </si>
  <si>
    <t>11/21/2019 20:40:48</t>
  </si>
  <si>
    <t>D:\21_11_2019 - PC ALGAR TECH\Desktop - 12-11-19\PreVendas - Governo Diogo\FUNASA\SD Nacional\BP1.xlsb</t>
  </si>
  <si>
    <t>11/21/2019 20:40:49</t>
  </si>
  <si>
    <t>D:\21_11_2019 - PC ALGAR TECH\Desktop 22-07-19\Pendrive 05-03\Backup 01-07\45233 - RFQ _ A4216_RFQ_29020 - Manutenção RJ_ES_SUL\3. Documentos\6. Outros\Logística - 06-03 2 (2).xls</t>
  </si>
  <si>
    <t>11/21/2019 20:40:50</t>
  </si>
  <si>
    <t>D:\21_11_2019 - PC ALGAR TECH\Desktop 22-07-19\Pendrive 05-03\Backup 01-07\45233 - RFQ _ A4216_RFQ_29020 - Manutenção RJ_ES_SUL\3. Documentos\6. Outros\Logística - 06-03 2.xls</t>
  </si>
  <si>
    <t>11/21/2019 20:40:55</t>
  </si>
  <si>
    <t>D:\21_11_2019 - PC ALGAR TECH\Desktop - 12-11-19\PreVendas - Governo Diogo\FUNASA\SD Nacional\Comitê_Soluções.pptx</t>
  </si>
  <si>
    <t>11/21/2019 20:40:56</t>
  </si>
  <si>
    <t>D:\21_11_2019 - PC ALGAR TECH\Desktop 22-07-19\Pendrive 05-03\Backup 01-07\45233 - RFQ _ A4216_RFQ_29020 - Manutenção RJ_ES_SUL\3. Documentos\6. Outros\Requisitos Final 2 (Salvo automaticamente) (Salvo automaticamente).xlsx</t>
  </si>
  <si>
    <t>D:\21_11_2019 - PC ALGAR TECH\Desktop 22-07-19\Pendrive 05-03\Backup 01-07\45233 - RFQ _ A4216_RFQ_29020 - Manutenção RJ_ES_SUL\4. Cotações\Cotação TIM - FUTURE PARTE 1.msg</t>
  </si>
  <si>
    <t>11/21/2019 20:40:57</t>
  </si>
  <si>
    <t>D:\21_11_2019 - PC ALGAR TECH\Desktop - 12-11-19\PreVendas - Governo Diogo\FUNASA\SD Nacional\Planilha de Custos.xlsx</t>
  </si>
  <si>
    <t>D:\21_11_2019 - PC ALGAR TECH\Desktop - 12-11-19\PreVendas - Governo Diogo\FUNASA\SD Nacional\racionais.xlsx</t>
  </si>
  <si>
    <t>D:\21_11_2019 - PC ALGAR TECH\Desktop 22-07-19\Pendrive 05-03\Backup 01-07\45233 - RFQ _ A4216_RFQ_29020 - Manutenção RJ_ES_SUL\4. Cotações\Cotação TIM - FUTURE PARTE 4.msg</t>
  </si>
  <si>
    <t>11/21/2019 20:40:58</t>
  </si>
  <si>
    <t>D:\21_11_2019 - PC ALGAR TECH\Desktop 22-07-19\Pendrive 05-03\Backup 01-07\45233 - RFQ _ A4216_RFQ_29020 - Manutenção RJ_ES_SUL\4. Cotações\Enc Contatoe.msg</t>
  </si>
  <si>
    <t>11/21/2019 20:40:59</t>
  </si>
  <si>
    <t>D:\21_11_2019 - PC ALGAR TECH\Desktop - 12-11-19\PreVendas - Governo Diogo\FUNASA\SD Nacional\2017\COTAÇÃO\Cópia de BP Preço C011 B012 Desonerada.xlsb</t>
  </si>
  <si>
    <t>D:\21_11_2019 - PC ALGAR TECH\Desktop 22-07-19\Pendrive 05-03\Backup 01-07\45233 - RFQ _ A4216_RFQ_29020 - Manutenção RJ_ES_SUL\4. Cotações\ENC Equipamentos TIM.msg</t>
  </si>
  <si>
    <t>11/21/2019 20:41:00</t>
  </si>
  <si>
    <t>D:\21_11_2019 - PC ALGAR TECH\Desktop 22-07-19\Pendrive 05-03\Backup 01-07\45233 - RFQ _ A4216_RFQ_29020 - Manutenção RJ_ES_SUL\4. Cotações\RES LPU TIM - ATUAL ELETRICA.msg</t>
  </si>
  <si>
    <t>D:\21_11_2019 - PC ALGAR TECH\Desktop 22-07-19\Pendrive 05-03\Backup 01-07\45233 - RFQ _ A4216_RFQ_29020 - Manutenção RJ_ES_SUL\4. Cotações\RES LPU TIM - FUTURE PARTE 2.msg</t>
  </si>
  <si>
    <t>11/21/2019 20:41:01</t>
  </si>
  <si>
    <t>D:\21_11_2019 - PC ALGAR TECH\Desktop 22-07-19\Pendrive 05-03\Backup 01-07\45233 - RFQ _ A4216_RFQ_29020 - Manutenção RJ_ES_SUL\4. Cotações\RES LPU TIM - LOJA ELETRICA PARTE 2.msg</t>
  </si>
  <si>
    <t>11/21/2019 20:41:02</t>
  </si>
  <si>
    <t>D:\21_11_2019 - PC ALGAR TECH\Desktop 22-07-19\Pendrive 05-03\Backup 01-07\45233 - RFQ _ A4216_RFQ_29020 - Manutenção RJ_ES_SUL\5. Rascunhos\Capex TIM.xlsx</t>
  </si>
  <si>
    <t>11/21/2019 20:41:04</t>
  </si>
  <si>
    <t>D:\21_11_2019 - PC ALGAR TECH\Desktop 22-07-19\Pendrive 05-03\Backup 01-07\45233 - RFQ _ A4216_RFQ_29020 - Manutenção RJ_ES_SUL\5. Rascunhos\Cópia de CONTRATOS - TODOS - editado2 (1).xlsx</t>
  </si>
  <si>
    <t>D:\21_11_2019 - PC ALGAR TECH\Desktop 22-07-19\Pendrive 05-03\Backup 01-07\45233 - RFQ _ A4216_RFQ_29020 - Manutenção RJ_ES_SUL\5. Rascunhos\Equipamentos TIM original.xlsx</t>
  </si>
  <si>
    <t>D:\21_11_2019 - PC ALGAR TECH\Desktop 22-07-19\Pendrive 05-03\Backup 01-07\45233 - RFQ _ A4216_RFQ_29020 - Manutenção RJ_ES_SUL\5. Rascunhos\Equipamentos TIM preenchido.xlsx</t>
  </si>
  <si>
    <t>D:\21_11_2019 - PC ALGAR TECH\Desktop 22-07-19\Pendrive 05-03\Backup 01-07\45233 - RFQ _ A4216_RFQ_29020 - Manutenção RJ_ES_SUL\5. Rascunhos\Equipamentos TIM.xlsx</t>
  </si>
  <si>
    <t>11/21/2019 20:41:05</t>
  </si>
  <si>
    <t>D:\21_11_2019 - PC ALGAR TECH\Desktop - 12-11-19\PreVendas - Governo Diogo\FUNDACENTRO\COTAÇÃO.xlsb</t>
  </si>
  <si>
    <t>D:\21_11_2019 - PC ALGAR TECH\Desktop 22-07-19\Pendrive 05-03\Backup 01-07\45233 - RFQ _ A4216_RFQ_29020 - Manutenção RJ_ES_SUL\5. Rascunhos\EQUIPAMENTO_INFRA.xlsx</t>
  </si>
  <si>
    <t>11/21/2019 20:41:06</t>
  </si>
  <si>
    <t>D:\21_11_2019 - PC ALGAR TECH\Desktop - 12-11-19\PreVendas - Governo Diogo\FUNDACENTRO\Sustentação 2015\BP Atualizado após pregão.xlsb</t>
  </si>
  <si>
    <t>D:\21_11_2019 - PC ALGAR TECH\Desktop - 12-11-19\PreVendas - Governo Diogo\FUNDACENTRO\Sustentação 2015\Custo da Implantação.xls</t>
  </si>
  <si>
    <t>D:\21_11_2019 - PC ALGAR TECH\Desktop 22-07-19\Pendrive 05-03\Backup 01-07\45233 - RFQ _ A4216_RFQ_29020 - Manutenção RJ_ES_SUL\5. Rascunhos\ETD_POP_SHELTER.xlsx</t>
  </si>
  <si>
    <t>11/21/2019 20:41:10</t>
  </si>
  <si>
    <t>D:\21_11_2019 - PC ALGAR TECH\Desktop 22-07-19\Pendrive 05-03\Backup 01-07\45233 - RFQ _ A4216_RFQ_29020 - Manutenção RJ_ES_SUL\5. Rascunhos\FEMTOCEL EQUIPAMENTOS.xlsm</t>
  </si>
  <si>
    <t>11/21/2019 20:41:11</t>
  </si>
  <si>
    <t>D:\21_11_2019 - PC ALGAR TECH\Desktop - 12-11-19\PreVendas - Governo Diogo\FUNDACENTRO\Sustentação 2015\Documentação para TAP.zip</t>
  </si>
  <si>
    <t>D:\21_11_2019 - PC ALGAR TECH\Desktop 22-07-19\Pendrive 05-03\Backup 01-07\45233 - RFQ _ A4216_RFQ_29020 - Manutenção RJ_ES_SUL\5. Rascunhos\FEMTOCEL.xlsx</t>
  </si>
  <si>
    <t>D:\21_11_2019 - PC ALGAR TECH\Desktop 22-07-19\Pendrive 05-03\Backup 01-07\45233 - RFQ _ A4216_RFQ_29020 - Manutenção RJ_ES_SUL\5. Rascunhos\Ferramentas e equipamentos.xlsx</t>
  </si>
  <si>
    <t>D:\21_11_2019 - PC ALGAR TECH\Desktop - 12-11-19\PreVendas - Governo Diogo\FUNDACENTRO\Sustentação 2015\Planilhas IN.xlsx</t>
  </si>
  <si>
    <t>D:\21_11_2019 - PC ALGAR TECH\Desktop 22-07-19\Pendrive 05-03\Backup 01-07\45233 - RFQ _ A4216_RFQ_29020 - Manutenção RJ_ES_SUL\5. Rascunhos\Folha TIM.xlsx</t>
  </si>
  <si>
    <t>11/21/2019 20:41:12</t>
  </si>
  <si>
    <t>D:\21_11_2019 - PC ALGAR TECH\Desktop - 12-11-19\PreVendas - Governo Diogo\FUNDACENTRO\Sustentação 2015\Precificação MSV 15 &amp; CPRB.xlsb</t>
  </si>
  <si>
    <t>D:\21_11_2019 - PC ALGAR TECH\Desktop 22-07-19\Pendrive 05-03\Backup 01-07\45233 - RFQ _ A4216_RFQ_29020 - Manutenção RJ_ES_SUL\5. Rascunhos\Info importante.docx</t>
  </si>
  <si>
    <t>D:\21_11_2019 - PC ALGAR TECH\Desktop 22-07-19\Pendrive 05-03\Backup 01-07\45233 - RFQ _ A4216_RFQ_29020 - Manutenção RJ_ES_SUL\5. Rascunhos\Logística - 06-03.xls</t>
  </si>
  <si>
    <t>11/21/2019 20:41:13</t>
  </si>
  <si>
    <t>D:\21_11_2019 - PC ALGAR TECH\Desktop 22-07-19\Pendrive 05-03\Backup 01-07\45233 - RFQ _ A4216_RFQ_29020 - Manutenção RJ_ES_SUL\5. Rascunhos\Logística1 (Salvo automaticamente).xls</t>
  </si>
  <si>
    <t>11/21/2019 20:41:14</t>
  </si>
  <si>
    <t>D:\21_11_2019 - PC ALGAR TECH\Desktop - 12-11-19\PreVendas - Governo Diogo\FUNDACENTRO\Sustentação 2015\Documentação para TAP\BP Atualizado.xlsb</t>
  </si>
  <si>
    <t>11/21/2019 20:41:15</t>
  </si>
  <si>
    <t>D:\21_11_2019 - PC ALGAR TECH\Desktop 22-07-19\Pendrive 05-03\Backup 01-07\45233 - RFQ _ A4216_RFQ_29020 - Manutenção RJ_ES_SUL\5. Rascunhos\Logística1.xls</t>
  </si>
  <si>
    <t>D:\21_11_2019 - PC ALGAR TECH\Desktop - 12-11-19\PreVendas - Governo Diogo\FUNDACENTRO\Sustentação 2015\Documentação para TAP\Custo da Implantação.xls</t>
  </si>
  <si>
    <t>D:\21_11_2019 - PC ALGAR TECH\Desktop 22-07-19\Pendrive 05-03\Backup 01-07\45233 - RFQ _ A4216_RFQ_29020 - Manutenção RJ_ES_SUL\5. Rascunhos\Manut Eqptos Tx e Clientes Corporativos.xls</t>
  </si>
  <si>
    <t>D:\21_11_2019 - PC ALGAR TECH\Desktop 22-07-19\Pendrive 05-03\Backup 01-07\45233 - RFQ _ A4216_RFQ_29020 - Manutenção RJ_ES_SUL\5. Rascunhos\mapa femtocel.xlsx</t>
  </si>
  <si>
    <t>D:\21_11_2019 - PC ALGAR TECH\Desktop 22-07-19\Pendrive 05-03\Backup 01-07\45233 - RFQ _ A4216_RFQ_29020 - Manutenção RJ_ES_SUL\5. Rascunhos\Materiais TIM com preços - V2.xlsx</t>
  </si>
  <si>
    <t>D:\21_11_2019 - PC ALGAR TECH\Desktop - 12-11-19\PreVendas - Governo Diogo\FUNDACENTRO\Sustentação 2015\Documentação para TAP\Planilhas IN02.xlsx</t>
  </si>
  <si>
    <t>11/21/2019 20:41:16</t>
  </si>
  <si>
    <t>D:\21_11_2019 - PC ALGAR TECH\Desktop 22-07-19\Pendrive 05-03\Backup 01-07\45233 - RFQ _ A4216_RFQ_29020 - Manutenção RJ_ES_SUL\5. Rascunhos\Materiais TIM com preços - V3.xlsx</t>
  </si>
  <si>
    <t>D:\21_11_2019 - PC ALGAR TECH\Desktop 22-07-19\Pendrive 05-03\Backup 01-07\45233 - RFQ _ A4216_RFQ_29020 - Manutenção RJ_ES_SUL\5. Rascunhos\Materiais TIM com preços.xlsx</t>
  </si>
  <si>
    <t>D:\21_11_2019 - PC ALGAR TECH\Desktop 22-07-19\Pendrive 05-03\Backup 01-07\45233 - RFQ _ A4216_RFQ_29020 - Manutenção RJ_ES_SUL\5. Rascunhos\MSANs.xlsx</t>
  </si>
  <si>
    <t>11/21/2019 20:41:17</t>
  </si>
  <si>
    <t>D:\21_11_2019 - PC ALGAR TECH\Desktop - 12-11-19\PreVendas - Governo Diogo\FUNDACENTRO\Sustentação 2015\Revisão\BP_Revisado.xlsb</t>
  </si>
  <si>
    <t>D:\21_11_2019 - PC ALGAR TECH\Desktop 22-07-19\Pendrive 05-03\Backup 01-07\45233 - RFQ _ A4216_RFQ_29020 - Manutenção RJ_ES_SUL\5. Rascunhos\PRAs.xlsx</t>
  </si>
  <si>
    <t>D:\21_11_2019 - PC ALGAR TECH\Desktop 22-07-19\Pendrive 05-03\Backup 01-07\45233 - RFQ _ A4216_RFQ_29020 - Manutenção RJ_ES_SUL\5. Rascunhos\PREDIOS_ABCDE.xlsx</t>
  </si>
  <si>
    <t>11/21/2019 20:41:18</t>
  </si>
  <si>
    <t>D:\21_11_2019 - PC ALGAR TECH\Desktop 22-07-19\Pendrive 05-03\Backup 01-07\45233 - RFQ _ A4216_RFQ_29020 - Manutenção RJ_ES_SUL\5. Rascunhos\proposta.xlsx</t>
  </si>
  <si>
    <t>D:\21_11_2019 - PC ALGAR TECH\Desktop - 12-11-19\PreVendas - Governo Diogo\Fundação Renova\Anexo 2 – QQP.XLSX</t>
  </si>
  <si>
    <t>11/21/2019 20:41:19</t>
  </si>
  <si>
    <t>D:\21_11_2019 - PC ALGAR TECH\Desktop 22-07-19\Pendrive 05-03\Backup 01-07\45233 - RFQ _ A4216_RFQ_29020 - Manutenção RJ_ES_SUL\5. Rascunhos\Prédios Industriais TRJ e TSL - ABCDE.xlsx</t>
  </si>
  <si>
    <t>D:\21_11_2019 - PC ALGAR TECH\Desktop - 12-11-19\PreVendas - Governo Diogo\Fundação Renova\Anexo 3 - QDD_Fundação.xlsx</t>
  </si>
  <si>
    <t>D:\21_11_2019 - PC ALGAR TECH\Desktop 22-07-19\Pendrive 05-03\Backup 01-07\45233 - RFQ _ A4216_RFQ_29020 - Manutenção RJ_ES_SUL\5. Rascunhos\Quadro a seguir prestação do serviço TRJ e TSL.xls</t>
  </si>
  <si>
    <t>11/21/2019 20:41:20</t>
  </si>
  <si>
    <t>D:\21_11_2019 - PC ALGAR TECH\Desktop 22-07-19\Pendrive 05-03\Backup 01-07\45233 - RFQ _ A4216_RFQ_29020 - Manutenção RJ_ES_SUL\5. Rascunhos\Requisitos Final 2 (Salvo automaticamente).xlsx</t>
  </si>
  <si>
    <t>D:\21_11_2019 - PC ALGAR TECH\Desktop 22-07-19\Pendrive 05-03\Backup 01-07\45233 - RFQ _ A4216_RFQ_29020 - Manutenção RJ_ES_SUL\5. Rascunhos\Requisitos Final 2.xlsx</t>
  </si>
  <si>
    <t>D:\21_11_2019 - PC ALGAR TECH\Desktop 22-07-19\Pendrive 05-03\Backup 01-07\45233 - RFQ _ A4216_RFQ_29020 - Manutenção RJ_ES_SUL\5. Rascunhos\Requisitos Final.xlsx</t>
  </si>
  <si>
    <t>D:\21_11_2019 - PC ALGAR TECH\Desktop 22-07-19\Pendrive 05-03\Backup 01-07\45233 - RFQ _ A4216_RFQ_29020 - Manutenção RJ_ES_SUL\5. Rascunhos\Revisao TIM v2.xlsx</t>
  </si>
  <si>
    <t>D:\21_11_2019 - PC ALGAR TECH\Desktop - 12-11-19\PreVendas - Governo Diogo\Fundação Renova\Pricing\Anexo 2 – QQP.xlsx</t>
  </si>
  <si>
    <t>D:\21_11_2019 - PC ALGAR TECH\Desktop 22-07-19\Pendrive 05-03\Backup 01-07\45233 - RFQ _ A4216_RFQ_29020 - Manutenção RJ_ES_SUL\5. Rascunhos\Revisao TIM v3.xlsx</t>
  </si>
  <si>
    <t>11/21/2019 20:41:22</t>
  </si>
  <si>
    <t>D:\21_11_2019 - PC ALGAR TECH\Desktop - 12-11-19\PreVendas - Governo Diogo\Fundação Renova\Pricing\consolidado.xlsb</t>
  </si>
  <si>
    <t>D:\21_11_2019 - PC ALGAR TECH\Desktop 22-07-19\Pendrive 05-03\Backup 01-07\45233 - RFQ _ A4216_RFQ_29020 - Manutenção RJ_ES_SUL\5. Rascunhos\Revisao TIM.xlsx</t>
  </si>
  <si>
    <t>D:\21_11_2019 - PC ALGAR TECH\Desktop 22-07-19\Pendrive 05-03\Backup 01-07\45233 - RFQ _ A4216_RFQ_29020 - Manutenção RJ_ES_SUL\5. Rascunhos\SHELTER.xlsx</t>
  </si>
  <si>
    <t>11/21/2019 20:41:24</t>
  </si>
  <si>
    <t>D:\21_11_2019 - PC ALGAR TECH\Desktop - 12-11-19\PreVendas - Governo Diogo\Fundação Renova\Pricing\Field Com Carro.xlsb</t>
  </si>
  <si>
    <t>D:\21_11_2019 - PC ALGAR TECH\Desktop 22-07-19\Pendrive 05-03\Backup 01-07\45233 - RFQ _ A4216_RFQ_29020 - Manutenção RJ_ES_SUL\5. Rascunhos\Sites 2014 - TRJ e TSL - EQUIPAMENTO+INFRA.xlsx</t>
  </si>
  <si>
    <t>11/21/2019 20:41:25</t>
  </si>
  <si>
    <t>D:\21_11_2019 - PC ALGAR TECH\Desktop - 12-11-19\PreVendas - Governo Diogo\Fundação Renova\Pricing\Field HORA EXTRA.xlsb</t>
  </si>
  <si>
    <t>D:\21_11_2019 - PC ALGAR TECH\Desktop 22-07-19\Pendrive 05-03\Backup 01-07\45233 - RFQ _ A4216_RFQ_29020 - Manutenção RJ_ES_SUL\5. Rascunhos\SITES ETD POP SHELTER EQUIPAMENTO.xls</t>
  </si>
  <si>
    <t>11/21/2019 20:41:27</t>
  </si>
  <si>
    <t>D:\21_11_2019 - PC ALGAR TECH\Desktop - 12-11-19\PreVendas - Governo Diogo\Fundação Renova\Pricing\Field Sem Carro.xlsb</t>
  </si>
  <si>
    <t>D:\21_11_2019 - PC ALGAR TECH\Desktop 22-07-19\Pendrive 05-03\Backup 01-07\45233 - RFQ _ A4216_RFQ_29020 - Manutenção RJ_ES_SUL\5. Rascunhos\Tabela Resumo ppt.xlsx</t>
  </si>
  <si>
    <t>11/21/2019 20:41:28</t>
  </si>
  <si>
    <t>D:\21_11_2019 - PC ALGAR TECH\Desktop - 12-11-19\PreVendas - Governo Diogo\Fundação Renova\Pricing\Preço Service-desk.xlsb</t>
  </si>
  <si>
    <t>11/21/2019 20:41:30</t>
  </si>
  <si>
    <t>D:\21_11_2019 - PC ALGAR TECH\Desktop 22-07-19\Pendrive 05-03\Backup 01-07\45233 - RFQ _ A4216_RFQ_29020 - Manutenção RJ_ES_SUL\5. Rascunhos\45233 - RFQ _ A4216_RFQ_29020 - Manutenção RJ_ES_SUL - REDE\Cópia de CONTRATOS - TODOS - editado2 (1).xlsx</t>
  </si>
  <si>
    <t>D:\21_11_2019 - PC ALGAR TECH\Desktop - 12-11-19\PreVendas - Governo Diogo\Fundação Renova\Pricing\Revisão\Cópia de Anexo 2 – QQP_v4.xlsx</t>
  </si>
  <si>
    <t>11/21/2019 20:41:32</t>
  </si>
  <si>
    <t>D:\21_11_2019 - PC ALGAR TECH\Desktop - 12-11-19\PreVendas - Governo Diogo\Fundação Renova\Pricing\Revisão\Cenário Carlos Maurício\Field.xlsb</t>
  </si>
  <si>
    <t>D:\21_11_2019 - PC ALGAR TECH\Desktop 22-07-19\Pendrive 05-03\Backup 01-07\45233 - RFQ _ A4216_RFQ_29020 - Manutenção RJ_ES_SUL\5. Rascunhos\45233 - RFQ _ A4216_RFQ_29020 - Manutenção RJ_ES_SUL - REDE\EQUIPAMENTO_INFRA.xlsx</t>
  </si>
  <si>
    <t>D:\21_11_2019 - PC ALGAR TECH\Desktop - 12-11-19\PreVendas - Governo Diogo\Fundação Renova\Pricing\Revisão\Cenário Carlos Maurício\QQP.xlsx</t>
  </si>
  <si>
    <t>D:\21_11_2019 - PC ALGAR TECH\Desktop 22-07-19\Pendrive 05-03\Backup 01-07\45233 - RFQ _ A4216_RFQ_29020 - Manutenção RJ_ES_SUL\5. Rascunhos\45233 - RFQ _ A4216_RFQ_29020 - Manutenção RJ_ES_SUL - REDE\ETD_POP_SHELTER.xlsx</t>
  </si>
  <si>
    <t>11/21/2019 20:41:36</t>
  </si>
  <si>
    <t>D:\21_11_2019 - PC ALGAR TECH\Desktop 22-07-19\Pendrive 05-03\Backup 01-07\45233 - RFQ _ A4216_RFQ_29020 - Manutenção RJ_ES_SUL\5. Rascunhos\45233 - RFQ _ A4216_RFQ_29020 - Manutenção RJ_ES_SUL - REDE\FEMTOCEL EQUIPAMENTOS.xlsm</t>
  </si>
  <si>
    <t>D:\21_11_2019 - PC ALGAR TECH\Desktop 22-07-19\Pendrive 05-03\Backup 01-07\45233 - RFQ _ A4216_RFQ_29020 - Manutenção RJ_ES_SUL\5. Rascunhos\45233 - RFQ _ A4216_RFQ_29020 - Manutenção RJ_ES_SUL - REDE\FEMTOCEL.xlsx</t>
  </si>
  <si>
    <t>D:\21_11_2019 - PC ALGAR TECH\Desktop 22-07-19\Pendrive 05-03\Backup 01-07\45233 - RFQ _ A4216_RFQ_29020 - Manutenção RJ_ES_SUL\5. Rascunhos\45233 - RFQ _ A4216_RFQ_29020 - Manutenção RJ_ES_SUL - REDE\Ferramentas e equipamentos.xlsx</t>
  </si>
  <si>
    <t>11/21/2019 20:41:37</t>
  </si>
  <si>
    <t>D:\21_11_2019 - PC ALGAR TECH\Desktop 22-07-19\Pendrive 05-03\Backup 01-07\45233 - RFQ _ A4216_RFQ_29020 - Manutenção RJ_ES_SUL\5. Rascunhos\45233 - RFQ _ A4216_RFQ_29020 - Manutenção RJ_ES_SUL - REDE\Info importante.docx</t>
  </si>
  <si>
    <t>D:\21_11_2019 - PC ALGAR TECH\Desktop 22-07-19\Pendrive 05-03\Backup 01-07\45233 - RFQ _ A4216_RFQ_29020 - Manutenção RJ_ES_SUL\5. Rascunhos\45233 - RFQ _ A4216_RFQ_29020 - Manutenção RJ_ES_SUL - REDE\Logística - 06-03 2.xls</t>
  </si>
  <si>
    <t>11/21/2019 20:41:38</t>
  </si>
  <si>
    <t>D:\21_11_2019 - PC ALGAR TECH\Desktop 22-07-19\Pendrive 05-03\Backup 01-07\45233 - RFQ _ A4216_RFQ_29020 - Manutenção RJ_ES_SUL\5. Rascunhos\45233 - RFQ _ A4216_RFQ_29020 - Manutenção RJ_ES_SUL - REDE\Logística - 06-03.xls</t>
  </si>
  <si>
    <t>D:\21_11_2019 - PC ALGAR TECH\Desktop 22-07-19\Pendrive 05-03\Backup 01-07\45233 - RFQ _ A4216_RFQ_29020 - Manutenção RJ_ES_SUL\5. Rascunhos\45233 - RFQ _ A4216_RFQ_29020 - Manutenção RJ_ES_SUL - REDE\Logística1 (Salvo automaticamente).xls</t>
  </si>
  <si>
    <t>D:\21_11_2019 - PC ALGAR TECH\Desktop - 12-11-19\PreVendas - Governo Diogo\Fundação Renova\Proposta\IN02.xlsx</t>
  </si>
  <si>
    <t>11/21/2019 20:41:39</t>
  </si>
  <si>
    <t>D:\21_11_2019 - PC ALGAR TECH\Desktop 22-07-19\Pendrive 05-03\Backup 01-07\45233 - RFQ _ A4216_RFQ_29020 - Manutenção RJ_ES_SUL\5. Rascunhos\45233 - RFQ _ A4216_RFQ_29020 - Manutenção RJ_ES_SUL - REDE\Logística1.xls</t>
  </si>
  <si>
    <t>11/21/2019 20:41:40</t>
  </si>
  <si>
    <t>D:\21_11_2019 - PC ALGAR TECH\Desktop 22-07-19\Pendrive 05-03\Backup 01-07\45233 - RFQ _ A4216_RFQ_29020 - Manutenção RJ_ES_SUL\5. Rascunhos\45233 - RFQ _ A4216_RFQ_29020 - Manutenção RJ_ES_SUL - REDE\Manut Eqptos Tx e Clientes Corporativos.xls</t>
  </si>
  <si>
    <t>11/21/2019 20:41:41</t>
  </si>
  <si>
    <t>D:\21_11_2019 - PC ALGAR TECH\Desktop 22-07-19\Pendrive 05-03\Backup 01-07\45233 - RFQ _ A4216_RFQ_29020 - Manutenção RJ_ES_SUL\5. Rascunhos\45233 - RFQ _ A4216_RFQ_29020 - Manutenção RJ_ES_SUL - REDE\mapa femtocel.xlsx</t>
  </si>
  <si>
    <t>D:\21_11_2019 - PC ALGAR TECH\Desktop 22-07-19\Pendrive 05-03\Backup 01-07\45233 - RFQ _ A4216_RFQ_29020 - Manutenção RJ_ES_SUL\5. Rascunhos\45233 - RFQ _ A4216_RFQ_29020 - Manutenção RJ_ES_SUL - REDE\Materiais TIM com preços - V2.xlsx</t>
  </si>
  <si>
    <t>11/21/2019 20:41:42</t>
  </si>
  <si>
    <t>D:\21_11_2019 - PC ALGAR TECH\Desktop 22-07-19\Pendrive 05-03\Backup 01-07\45233 - RFQ _ A4216_RFQ_29020 - Manutenção RJ_ES_SUL\5. Rascunhos\45233 - RFQ _ A4216_RFQ_29020 - Manutenção RJ_ES_SUL - REDE\Materiais TIM com preços.xlsx</t>
  </si>
  <si>
    <t>D:\21_11_2019 - PC ALGAR TECH\Desktop 22-07-19\Pendrive 05-03\Backup 01-07\45233 - RFQ _ A4216_RFQ_29020 - Manutenção RJ_ES_SUL\5. Rascunhos\45233 - RFQ _ A4216_RFQ_29020 - Manutenção RJ_ES_SUL - REDE\MSANs.xlsx</t>
  </si>
  <si>
    <t>11/21/2019 20:41:43</t>
  </si>
  <si>
    <t>D:\21_11_2019 - PC ALGAR TECH\Desktop 22-07-19\Pendrive 05-03\Backup 01-07\45233 - RFQ _ A4216_RFQ_29020 - Manutenção RJ_ES_SUL\5. Rascunhos\45233 - RFQ _ A4216_RFQ_29020 - Manutenção RJ_ES_SUL - REDE\PRAs.xlsx</t>
  </si>
  <si>
    <t>D:\21_11_2019 - PC ALGAR TECH\Desktop 22-07-19\Pendrive 05-03\Backup 01-07\45233 - RFQ _ A4216_RFQ_29020 - Manutenção RJ_ES_SUL\5. Rascunhos\45233 - RFQ _ A4216_RFQ_29020 - Manutenção RJ_ES_SUL - REDE\PREDIOS_ABCDE.xlsx</t>
  </si>
  <si>
    <t>D:\21_11_2019 - PC ALGAR TECH\Desktop 22-07-19\Pendrive 05-03\Backup 01-07\45233 - RFQ _ A4216_RFQ_29020 - Manutenção RJ_ES_SUL\5. Rascunhos\45233 - RFQ _ A4216_RFQ_29020 - Manutenção RJ_ES_SUL - REDE\Prédios Industriais TRJ e TSL - ABCDE.xlsx</t>
  </si>
  <si>
    <t>D:\21_11_2019 - PC ALGAR TECH\Desktop 22-07-19\Pendrive 05-03\Backup 01-07\45233 - RFQ _ A4216_RFQ_29020 - Manutenção RJ_ES_SUL\5. Rascunhos\45233 - RFQ _ A4216_RFQ_29020 - Manutenção RJ_ES_SUL - REDE\Quadro a seguir prestação do serviço TRJ e TSL.xls</t>
  </si>
  <si>
    <t>11/21/2019 20:41:44</t>
  </si>
  <si>
    <t>D:\21_11_2019 - PC ALGAR TECH\Desktop 22-07-19\Pendrive 05-03\Backup 01-07\45233 - RFQ _ A4216_RFQ_29020 - Manutenção RJ_ES_SUL\5. Rascunhos\45233 - RFQ _ A4216_RFQ_29020 - Manutenção RJ_ES_SUL - REDE\SHELTER.xlsx</t>
  </si>
  <si>
    <t>D:\21_11_2019 - PC ALGAR TECH\Desktop 22-07-19\Pendrive 05-03\Backup 01-07\45233 - RFQ _ A4216_RFQ_29020 - Manutenção RJ_ES_SUL\5. Rascunhos\45233 - RFQ _ A4216_RFQ_29020 - Manutenção RJ_ES_SUL - REDE\Sites 2014 - TRJ e TSL - EQUIPAMENTO+INFRA.xlsx</t>
  </si>
  <si>
    <t>D:\21_11_2019 - PC ALGAR TECH\Desktop 22-07-19\Pendrive 05-03\Backup 01-07\45233 - RFQ _ A4216_RFQ_29020 - Manutenção RJ_ES_SUL\5. Rascunhos\45233 - RFQ _ A4216_RFQ_29020 - Manutenção RJ_ES_SUL - REDE\SITES ETD POP SHELTER EQUIPAMENTO.xls</t>
  </si>
  <si>
    <t>11/21/2019 20:41:46</t>
  </si>
  <si>
    <t>D:\21_11_2019 - PC ALGAR TECH\Desktop 22-07-19\Pendrive 05-03\Backup 01-07\45233 - RFQ _ A4216_RFQ_29020 - Manutenção RJ_ES_SUL\5. Rascunhos\45233 - RFQ _ A4216_RFQ_29020 - Manutenção RJ_ES_SUL - REDE\1. Precificação\45233 - BP Campo v1.xlsb</t>
  </si>
  <si>
    <t>11/21/2019 20:41:48</t>
  </si>
  <si>
    <t>D:\21_11_2019 - PC ALGAR TECH\Desktop 22-07-19\Pendrive 05-03\Backup 01-07\45233 - RFQ _ A4216_RFQ_29020 - Manutenção RJ_ES_SUL\5. Rascunhos\45233 - RFQ _ A4216_RFQ_29020 - Manutenção RJ_ES_SUL - REDE\1. Precificação\45233 - BP Campo v12.xlsb</t>
  </si>
  <si>
    <t>D:\21_11_2019 - PC ALGAR TECH\Desktop - 12-11-19\PreVendas - Governo Diogo\Fundação Renova\Proposta\Para Envio\BDI V3.xls</t>
  </si>
  <si>
    <t>11/21/2019 20:41:50</t>
  </si>
  <si>
    <t>D:\21_11_2019 - PC ALGAR TECH\Desktop 22-07-19\Pendrive 05-03\Backup 01-07\45233 - RFQ _ A4216_RFQ_29020 - Manutenção RJ_ES_SUL\5. Rascunhos\45233 - RFQ _ A4216_RFQ_29020 - Manutenção RJ_ES_SUL - REDE\1. Precificação\bp tim.xlsb</t>
  </si>
  <si>
    <t>11/21/2019 20:41:51</t>
  </si>
  <si>
    <t>D:\21_11_2019 - PC ALGAR TECH\Desktop 22-07-19\Pendrive 05-03\Backup 01-07\45233 - RFQ _ A4216_RFQ_29020 - Manutenção RJ_ES_SUL\5. Rascunhos\45233 - RFQ _ A4216_RFQ_29020 - Manutenção RJ_ES_SUL - REDE\1. Precificação\Kits.xlsb</t>
  </si>
  <si>
    <t>11/21/2019 20:41:52</t>
  </si>
  <si>
    <t>D:\21_11_2019 - PC ALGAR TECH\Desktop 22-07-19\Pendrive 05-03\Backup 01-07\45233 - RFQ _ A4216_RFQ_29020 - Manutenção RJ_ES_SUL\5. Rascunhos\45233 - RFQ _ A4216_RFQ_29020 - Manutenção RJ_ES_SUL - REDE\1. Precificação\Antigos\</t>
  </si>
  <si>
    <t>D:\21_11_2019 - PC ALGAR TECH\Desktop 22-07-19\Pendrive 05-03\Backup 01-07\45233 - RFQ _ A4216_RFQ_29020 - Manutenção RJ_ES_SUL\5. Rascunhos\45233 - RFQ _ A4216_RFQ_29020 - Manutenção RJ_ES_SUL - REDE\1. Precificação\Antigos\45233 - BP Equipamentos v1.xlsb</t>
  </si>
  <si>
    <t>D:\21_11_2019 - PC ALGAR TECH\Desktop 22-07-19\Pendrive 05-03\Backup 01-07\45233 - RFQ _ A4216_RFQ_29020 - Manutenção RJ_ES_SUL\5. Rascunhos\45233 - RFQ _ A4216_RFQ_29020 - Manutenção RJ_ES_SUL - REDE\1. Precificação\Antigos\bp tim.xlsb</t>
  </si>
  <si>
    <t>11/21/2019 20:41:53</t>
  </si>
  <si>
    <t>D:\21_11_2019 - PC ALGAR TECH\Desktop - 12-11-19\PreVendas - Governo Diogo\Fundação Renova\Proposta\Para Envio\QQP V3.xlsx</t>
  </si>
  <si>
    <t>D:\21_11_2019 - PC ALGAR TECH\Desktop - 12-11-19\PreVendas - Governo Diogo\FURNAS\Dimensionamento.xlsx</t>
  </si>
  <si>
    <t>11/21/2019 20:41:56</t>
  </si>
  <si>
    <t>D:\21_11_2019 - PC ALGAR TECH\Desktop - 12-11-19\PreVendas - Governo Diogo\FURNAS\Preço.xlsb</t>
  </si>
  <si>
    <t>11/21/2019 20:41:57</t>
  </si>
  <si>
    <t>D:\21_11_2019 - PC ALGAR TECH\Desktop - 12-11-19\PreVendas - Governo Diogo\FURNAS\FIELD TI\Racional de calculo.xlsx</t>
  </si>
  <si>
    <t>11/21/2019 20:42:00</t>
  </si>
  <si>
    <t>D:\21_11_2019 - PC ALGAR TECH\Desktop - 12-11-19\PreVendas - Governo Diogo\GEFCO\Equipe Sinergia.xlsb</t>
  </si>
  <si>
    <t>11/21/2019 20:42:01</t>
  </si>
  <si>
    <t>D:\21_11_2019 - PC ALGAR TECH\Desktop - 12-11-19\PreVendas - Governo Diogo\GEFCO\Pricing.xlsb</t>
  </si>
  <si>
    <t>11/21/2019 20:42:03</t>
  </si>
  <si>
    <t>D:\21_11_2019 - PC ALGAR TECH\Desktop 22-07-19\Pendrive 05-03\Backup 01-07\45233 - RFQ _ A4216_RFQ_29020 - Manutenção RJ_ES_SUL\5. Rascunhos\45233 - RFQ _ A4216_RFQ_29020 - Manutenção RJ_ES_SUL - REDE\3. Documentos\1. Editais\edital baixado 04-02\RFQ TIM.z</t>
  </si>
  <si>
    <t>D:\21_11_2019 - PC ALGAR TECH\Desktop 22-07-19\Pendrive 05-03\Backup 01-07\45233 - RFQ _ A4216_RFQ_29020 - Manutenção RJ_ES_SUL\5. Rascunhos\45233 - RFQ _ A4216_RFQ_29020 - Manutenção RJ_ES_SUL - REDE\3. Documentos\1. Editais\edital baixado 04-02\RFQ TIM.zip</t>
  </si>
  <si>
    <t>11/21/2019 20:42:04</t>
  </si>
  <si>
    <t>11/21/2019 20:42:06</t>
  </si>
  <si>
    <t>D:\21_11_2019 - PC ALGAR TECH\Desktop - 12-11-19\PreVendas - Governo Diogo\GEFCO\SD 24x5 - 24 meses.xlsb</t>
  </si>
  <si>
    <t>11/21/2019 20:42:07</t>
  </si>
  <si>
    <t>D:\21_11_2019 - PC ALGAR TECH\Desktop - 12-11-19\PreVendas - Governo Diogo\GEFCO\SD 24x5 - 36 meses.xlsb</t>
  </si>
  <si>
    <t>11/21/2019 20:42:09</t>
  </si>
  <si>
    <t>D:\21_11_2019 - PC ALGAR TECH\Desktop - 12-11-19\PreVendas - Governo Diogo\GEFCO\SD 24x6 - 24 meses.xlsb</t>
  </si>
  <si>
    <t>11/21/2019 20:42:11</t>
  </si>
  <si>
    <t>D:\21_11_2019 - PC ALGAR TECH\Desktop - 12-11-19\PreVendas - Governo Diogo\GEFCO\SD 24x6 - 36 meses.xlsb</t>
  </si>
  <si>
    <t>D:\21_11_2019 - PC ALGAR TECH\Desktop 22-07-19\Pendrive 05-03\Backup 01-07\45233 - RFQ _ A4216_RFQ_29020 - Manutenção RJ_ES_SUL\5. Rascunhos\45233 - RFQ _ A4216_RFQ_29020 - Manutenção RJ_ES_SUL - REDE\3. Documentos\4. Análises\Re Edital TIM.msg</t>
  </si>
  <si>
    <t>D:\21_11_2019 - PC ALGAR TECH\Desktop - 12-11-19\PreVendas - Governo Diogo\GEFCO\Sizing.xlsx</t>
  </si>
  <si>
    <t>11/21/2019 20:42:12</t>
  </si>
  <si>
    <t>D:\21_11_2019 - PC ALGAR TECH\Desktop - 12-11-19\PreVendas - Governo Diogo\GEFCO\Processos\BP GEFCO Processos V1.xlsb</t>
  </si>
  <si>
    <t>11/21/2019 20:42:15</t>
  </si>
  <si>
    <t>D:\21_11_2019 - PC ALGAR TECH\Desktop - 12-11-19\PreVendas - Governo Diogo\GEFCO\Processos\BP GEFCO Processos V2.xlsb</t>
  </si>
  <si>
    <t>D:\21_11_2019 - PC ALGAR TECH\Desktop 22-07-19\Pendrive 05-03\Backup 01-07\45233 - RFQ _ A4216_RFQ_29020 - Manutenção RJ_ES_SUL\5. Rascunhos\45233 - RFQ _ A4216_RFQ_29020 - Manutenção RJ_ES_SUL - REDE\3. Documentos\6. Outros\Requisitos Final 2.xlsx</t>
  </si>
  <si>
    <t>D:\21_11_2019 - PC ALGAR TECH\Desktop 22-07-19\Pendrive 05-03\Backup 01-07\45233 - RFQ _ A4216_RFQ_29020 - Manutenção RJ_ES_SUL\5. Rascunhos\45233 - RFQ _ A4216_RFQ_29020 - Manutenção RJ_ES_SUL - REDE\3. Documentos\6. Outros\Requisitos Final.xlsx</t>
  </si>
  <si>
    <t>D:\21_11_2019 - PC ALGAR TECH\Desktop 22-07-19\Pendrive 05-03\Backup 01-07\45233 - RFQ _ A4216_RFQ_29020 - Manutenção RJ_ES_SUL\5. Rascunhos\45233 - RFQ _ A4216_RFQ_29020 - Manutenção RJ_ES_SUL - REDE\4. Cotações\Cotação TIM - FUTURE PARTE 1.msg</t>
  </si>
  <si>
    <t>11/21/2019 20:42:16</t>
  </si>
  <si>
    <t>D:\21_11_2019 - PC ALGAR TECH\Desktop 22-07-19\Pendrive 05-03\Backup 01-07\45233 - RFQ _ A4216_RFQ_29020 - Manutenção RJ_ES_SUL\5. Rascunhos\45233 - RFQ _ A4216_RFQ_29020 - Manutenção RJ_ES_SUL - REDE\4. Cotações\RES LPU TIM - ATUAL ELETRICA.msg</t>
  </si>
  <si>
    <t>D:\21_11_2019 - PC ALGAR TECH\Desktop 22-07-19\Pendrive 05-03\Backup 01-07\45233 - RFQ _ A4216_RFQ_29020 - Manutenção RJ_ES_SUL\5. Rascunhos\45233 - RFQ _ A4216_RFQ_29020 - Manutenção RJ_ES_SUL - REDE\4. Cotações\RES LPU TIM - FUTURE PARTE 2.msg</t>
  </si>
  <si>
    <t>11/21/2019 20:42:17</t>
  </si>
  <si>
    <t>D:\21_11_2019 - PC ALGAR TECH\Desktop 22-07-19\Pendrive 05-03\Backup 01-07\45233 - RFQ _ A4216_RFQ_29020 - Manutenção RJ_ES_SUL\5. Rascunhos\45233 - RFQ _ A4216_RFQ_29020 - Manutenção RJ_ES_SUL - REDE\4. Cotações\RES LPU TIM - LOJA ELETRICA PARTE 2.msg\s91</t>
  </si>
  <si>
    <t>D:\21_11_2019 - PC ALGAR TECH\Desktop 22-07-19\Pendrive 05-03\Backup 01-07\45233 - RFQ _ A4216_RFQ_29020 - Manutenção RJ_ES_SUL\5. Rascunhos\45233 - RFQ _ A4216_RFQ_29020 - Manutenção RJ_ES_SUL - REDE\4. Cotações\RES LPU TIM - LOJA ELETRICA PARTE 2.msg</t>
  </si>
  <si>
    <t>11/21/2019 20:42:18</t>
  </si>
  <si>
    <t>D:\21_11_2019 - PC ALGAR TECH\Desktop - 12-11-19\PreVendas - Governo Diogo\GEFCO\Proposta Ferista\Pricing.xlsx</t>
  </si>
  <si>
    <t>11/21/2019 20:42:19</t>
  </si>
  <si>
    <t>D:\21_11_2019 - PC ALGAR TECH\Desktop 22-07-19\Pendrive 05-03\Backup 01-07\45233 - RFQ _ A4216_RFQ_29020 - Manutenção RJ_ES_SUL\6. Envio\v1\RESPOSTA DE QUALIFICAÇÃO 1.zip</t>
  </si>
  <si>
    <t>11/21/2019 20:42:20</t>
  </si>
  <si>
    <t>D:\21_11_2019 - PC ALGAR TECH\Desktop 22-07-19\Pendrive 05-03\Backup 01-07\45233 - RFQ _ A4216_RFQ_29020 - Manutenção RJ_ES_SUL\6. Envio\v1\RESPOSTA ECONÔMICA.zip</t>
  </si>
  <si>
    <t>11/21/2019 20:42:23</t>
  </si>
  <si>
    <t>D:\21_11_2019 - PC ALGAR TECH\Desktop - 12-11-19\PreVendas - Governo Diogo\GEFCO\Revisão Sinergia\1. DESENHO_SOLUÇÃO_SG_TI_V10.3.xlsx</t>
  </si>
  <si>
    <t>11/21/2019 20:42:24</t>
  </si>
  <si>
    <t>D:\21_11_2019 - PC ALGAR TECH\Desktop 22-07-19\Pendrive 05-03\Backup 01-07\45233 - RFQ _ A4216_RFQ_29020 - Manutenção RJ_ES_SUL\6. Envio\v1\RESPOSTA TÉCNICA.zip</t>
  </si>
  <si>
    <t>11/21/2019 20:42:26</t>
  </si>
  <si>
    <t>D:\21_11_2019 - PC ALGAR TECH\Desktop - 12-11-19\PreVendas - Governo Diogo\GEFCO\Revisão Sinergia\Equipe Sinergia.xlsb</t>
  </si>
  <si>
    <t>11/21/2019 20:42:27</t>
  </si>
  <si>
    <t>D:\21_11_2019 - PC ALGAR TECH\Desktop 22-07-19\Pendrive 05-03\Backup 01-07\45233 - RFQ _ A4216_RFQ_29020 - Manutenção RJ_ES_SUL\6. Envio\v1\RESPOSTA DE QUALIFICAÇÃO 1\2. Balancete - 09-2014.xlsx</t>
  </si>
  <si>
    <t>11/21/2019 20:42:29</t>
  </si>
  <si>
    <t>D:\21_11_2019 - PC ALGAR TECH\Desktop - 12-11-19\PreVendas - Governo Diogo\GEFCO\Revisão Sinergia\SD 24x5 - 24 meses.xlsb</t>
  </si>
  <si>
    <t>11/21/2019 20:42:31</t>
  </si>
  <si>
    <t>D:\21_11_2019 - PC ALGAR TECH\Desktop - 12-11-19\PreVendas - Governo Diogo\GEFCO\Revisão Sinergia\SD 24x5 - 36 meses.xlsb</t>
  </si>
  <si>
    <t>11/21/2019 20:42:32</t>
  </si>
  <si>
    <t>D:\21_11_2019 - PC ALGAR TECH\Desktop - 12-11-19\PreVendas - Governo Diogo\GEFCO\Revisão Sinergia\SD 24x6 - 24 meses.xlsb</t>
  </si>
  <si>
    <t>11/21/2019 20:42:33</t>
  </si>
  <si>
    <t>D:\21_11_2019 - PC ALGAR TECH\Desktop - 12-11-19\PreVendas - Governo Diogo\GEFCO\Revisão Sinergia\SD 24x6 - 36 meses.xlsb</t>
  </si>
  <si>
    <t>D:\21_11_2019 - PC ALGAR TECH\Desktop - 12-11-19\PreVendas - Governo Diogo\GEFCO\Revisão Sinergia\Sizing.xlsx</t>
  </si>
  <si>
    <t>11/21/2019 20:42:35</t>
  </si>
  <si>
    <t>D:\21_11_2019 - PC ALGAR TECH\Desktop - 12-11-19\PreVendas - Governo Diogo\GEFCO\Revisão Sinergia\Cenário Final\BP-GEFCO-FINAL.xlsb</t>
  </si>
  <si>
    <t>D:\21_11_2019 - PC ALGAR TECH\Desktop 22-07-19\Pendrive 05-03\Backup 01-07\45233 - RFQ _ A4216_RFQ_29020 - Manutenção RJ_ES_SUL\6. Envio\v1\RESPOSTA ECONÔMICA\2 - ANEXO II - LPU - LPU de Manutencao Equipamentos REV_01.xls</t>
  </si>
  <si>
    <t>D:\21_11_2019 - PC ALGAR TECH\Desktop 22-07-19\Pendrive 05-03\Backup 01-07\45233 - RFQ _ A4216_RFQ_29020 - Manutenção RJ_ES_SUL\6. Envio\v1\RESPOSTA ECONÔMICA\2 - ANEXO II - LPU INFRA FM TRJ e TSL - FAT A.xls</t>
  </si>
  <si>
    <t>D:\21_11_2019 - PC ALGAR TECH\Desktop 22-07-19\Pendrive 05-03\Backup 01-07\45233 - RFQ _ A4216_RFQ_29020 - Manutenção RJ_ES_SUL\6. Envio\v1\RESPOSTA ECONÔMICA\2 - ANEXO II - LPU INFRA FM TRJ e TSL - FAT B - APENDICE A.xls</t>
  </si>
  <si>
    <t>D:\21_11_2019 - PC ALGAR TECH\Desktop 22-07-19\Pendrive 05-03\Backup 01-07\45233 - RFQ _ A4216_RFQ_29020 - Manutenção RJ_ES_SUL\6. Envio\v1\RESPOSTA ECONÔMICA\2 - ANEXO II - LPU INFRA FM TRJ e TSL - FAT B - APENDICE B.xls</t>
  </si>
  <si>
    <t>11/21/2019 20:42:36</t>
  </si>
  <si>
    <t>D:\21_11_2019 - PC ALGAR TECH\Desktop - 12-11-19\PreVendas - Governo Diogo\GEFCO\Revisão Sinergia\Cenário Final\Sizing.xlsx</t>
  </si>
  <si>
    <t>11/21/2019 20:42:38</t>
  </si>
  <si>
    <t>D:\21_11_2019 - PC ALGAR TECH\Desktop - 12-11-19\PreVendas - Governo Diogo\GEFCO\Revisão Sinergia\Cenário LATAM\1. DESENHO_SOLUÇÃO_SG_TI_V10.3.xlsx</t>
  </si>
  <si>
    <t>11/21/2019 20:42:40</t>
  </si>
  <si>
    <t>D:\21_11_2019 - PC ALGAR TECH\Desktop - 12-11-19\PreVendas - Governo Diogo\GEFCO\Revisão Sinergia\Cenário LATAM\Equipe Sinergia.xlsb</t>
  </si>
  <si>
    <t>D:\21_11_2019 - PC ALGAR TECH\Desktop 22-07-19\Pendrive 05-03\Backup 01-07\45233 - RFQ _ A4216_RFQ_29020 - Manutenção RJ_ES_SUL\6. Envio\v1\RESPOSTA TÉCNICA\Resposta Atendimento Técnico.xlsx</t>
  </si>
  <si>
    <t>D:\21_11_2019 - PC ALGAR TECH\Desktop 22-07-19\Pendrive 05-03\Backup 01-07\45233 - RFQ _ A4216_RFQ_29020 - Manutenção RJ_ES_SUL\6. Envio\v2\1º envio v2\Proposta Comercial - v2 - 28_04.zip</t>
  </si>
  <si>
    <t>11/21/2019 20:42:43</t>
  </si>
  <si>
    <t>D:\21_11_2019 - PC ALGAR TECH\Desktop - 12-11-19\PreVendas - Governo Diogo\GEFCO\Revisão Sinergia\Cenário LATAM\SD 24x5 - 24 meses.xlsb</t>
  </si>
  <si>
    <t>11/21/2019 20:42:45</t>
  </si>
  <si>
    <t>D:\21_11_2019 - PC ALGAR TECH\Desktop - 12-11-19\PreVendas - Governo Diogo\GEFCO\Revisão Sinergia\Cenário LATAM\SD 24x5 - 36 meses.xlsb</t>
  </si>
  <si>
    <t>11/21/2019 20:42:46</t>
  </si>
  <si>
    <t>D:\21_11_2019 - PC ALGAR TECH\Desktop - 12-11-19\PreVendas - Governo Diogo\GEFCO\Revisão Sinergia\Cenário LATAM\SD 24x6 - 24 meses.xlsb</t>
  </si>
  <si>
    <t>D:\21_11_2019 - PC ALGAR TECH\Desktop 22-07-19\Pendrive 05-03\Backup 01-07\45233 - RFQ _ A4216_RFQ_29020 - Manutenção RJ_ES_SUL\6. Envio\v2\2º envio v2\d) LPU´s.zip</t>
  </si>
  <si>
    <t>11/21/2019 20:42:48</t>
  </si>
  <si>
    <t>D:\21_11_2019 - PC ALGAR TECH\Desktop - 12-11-19\PreVendas - Governo Diogo\GEFCO\Revisão Sinergia\Cenário LATAM\SD 24x6 - 36 meses.xlsb</t>
  </si>
  <si>
    <t>D:\21_11_2019 - PC ALGAR TECH\Desktop - 12-11-19\PreVendas - Governo Diogo\GEFCO\Revisão Sinergia\Cenário LATAM\Sizing.xlsx</t>
  </si>
  <si>
    <t>D:\21_11_2019 - PC ALGAR TECH\Desktop - 12-11-19\PreVendas - Governo Diogo\GEFCO\Revisão Sinergia\Novos Cenários\Sizing.xlsx</t>
  </si>
  <si>
    <t>D:\21_11_2019 - PC ALGAR TECH\Desktop - 12-11-19\PreVendas - Governo Diogo\GEFCO\Revisão Sinergia\Novos Cenários - SEM SUPERVISOR\Sizing.xlsx</t>
  </si>
  <si>
    <t>11/21/2019 20:42:49</t>
  </si>
  <si>
    <t>D:\21_11_2019 - PC ALGAR TECH\Desktop 22-07-19\Pendrive 05-03\Backup 01-07\45233 - RFQ _ A4216_RFQ_29020 - Manutenção RJ_ES_SUL\6. Envio\v2\2º envio v2\d) LPU´s\2 - ANEXO II - LPU INFRA FM TRJ e TSL - FAT B - APENDICE A REV_01.xls</t>
  </si>
  <si>
    <t>D:\21_11_2019 - PC ALGAR TECH\Desktop 22-07-19\Pendrive 05-03\Backup 01-07\45233 - RFQ _ A4216_RFQ_29020 - Manutenção RJ_ES_SUL\6. Envio\v2\2º envio v2\d) LPU´s\2 - ANEXO II - LPU INFRA FM TRJ e TSL - FAT B - APENDICE B REV_01.xls</t>
  </si>
  <si>
    <t>D:\21_11_2019 - PC ALGAR TECH\Desktop 22-07-19\Pendrive 05-03\Backup 01-07\45233 - RFQ _ A4216_RFQ_29020 - Manutenção RJ_ES_SUL\6. Envio\v2\2º envio v2\d) LPU´s\2 - LPU EQUIPAMENTOS - BOM - REV_01.xlsx</t>
  </si>
  <si>
    <t>D:\21_11_2019 - PC ALGAR TECH\Desktop - 12-11-19\PreVendas - Governo Diogo\GEFCO\Revisão Sinergia\Sem Field\Sizing.xlsx</t>
  </si>
  <si>
    <t>D:\21_11_2019 - PC ALGAR TECH\Desktop 22-07-19\Pendrive 05-03\Backup 01-07\45233 - RFQ _ A4216_RFQ_29020 - Manutenção RJ_ES_SUL\6. Envio\v2\2º envio v2\d) LPU´s\2_-_ANEXO_II_-_LPU_INFRA_FM_TRJ_e_TSL_-_FAT_A_REV_02.xls</t>
  </si>
  <si>
    <t>D:\21_11_2019 - PC ALGAR TECH\Desktop 22-07-19\Pendrive 05-03\Backup 01-07\45233 - RFQ _ A4216_RFQ_29020 - Manutenção RJ_ES_SUL\6. Envio\v2\Luciano\Retificando Resposta Atendimento Técnico.xlsx</t>
  </si>
  <si>
    <t>11/21/2019 20:42:51</t>
  </si>
  <si>
    <t>D:\21_11_2019 - PC ALGAR TECH\Desktop - 12-11-19\PreVendas - Governo Diogo\Grupo Petrópolis\Questionamentos Consolidados.xlsx</t>
  </si>
  <si>
    <t>D:\21_11_2019 - PC ALGAR TECH\Desktop 22-07-19\Pendrive 05-03\Backup 01-07\45233 - RFQ _ A4216_RFQ_29020 - Manutenção RJ_ES_SUL\6. Envio\v3\Pacote Comercial v5.zip</t>
  </si>
  <si>
    <t>11/21/2019 20:42:52</t>
  </si>
  <si>
    <t>D:\21_11_2019 - PC ALGAR TECH\Desktop 22-07-19\Pendrive 05-03\Backup 01-07\45233 - RFQ _ A4216_RFQ_29020 - Manutenção RJ_ES_SUL\6. Envio\v3\Pacote Técnico v5.zip</t>
  </si>
  <si>
    <t>D:\21_11_2019 - PC ALGAR TECH\Desktop - 12-11-19\PreVendas - Governo Diogo\Grupo Petrópolis\RFQ (ANEXO A).xlsx</t>
  </si>
  <si>
    <t>D:\21_11_2019 - PC ALGAR TECH\Desktop - 12-11-19\PreVendas - Governo Diogo\Grupo Petrópolis\Tecnologias das Revendas (ANEXO B).xlsx</t>
  </si>
  <si>
    <t>D:\21_11_2019 - PC ALGAR TECH\Desktop 22-07-19\Pendrive 05-03\Backup 01-07\45233 - RFQ _ A4216_RFQ_29020 - Manutenção RJ_ES_SUL\6. Envio\v4\Pacote Comercial v6 - alternativa da v5.zip</t>
  </si>
  <si>
    <t>11/21/2019 20:42:53</t>
  </si>
  <si>
    <t>D:\21_11_2019 - PC ALGAR TECH\Desktop 22-07-19\Pendrive 05-03\Backup 01-07\45233 - RFQ _ A4216_RFQ_29020 - Manutenção RJ_ES_SUL\6. Envio\v4\Pacote Técnico v6 - alternativa da v5.zip</t>
  </si>
  <si>
    <t>11/21/2019 20:42:56</t>
  </si>
  <si>
    <t>D:\21_11_2019 - PC ALGAR TECH\Desktop 22-07-19\Pendrive 05-03\Backup 01-07\45233 - RFQ _ A4216_RFQ_29020 - Manutenção RJ_ES_SUL\Info Huawei\Fwd ContratoTIM.msg</t>
  </si>
  <si>
    <t>11/21/2019 20:42:57</t>
  </si>
  <si>
    <t>D:\21_11_2019 - PC ALGAR TECH\Desktop 22-07-19\Pendrive 05-03\Backup 01-07\45233 - RFQ _ A4216_RFQ_29020 - Manutenção RJ_ES_SUL\Info Huawei\Fwd Fatura A e B de Julho-2014.msg</t>
  </si>
  <si>
    <t>11/21/2019 20:42:59</t>
  </si>
  <si>
    <t>D:\21_11_2019 - PC ALGAR TECH\Desktop - 12-11-19\PreVendas - Governo Diogo\IBAMA\Desenho_Especialistas.xlsb</t>
  </si>
  <si>
    <t>D:\21_11_2019 - PC ALGAR TECH\Desktop 22-07-19\Pendrive 05-03\Backup 01-07\45233 - RFQ _ A4216_RFQ_29020 - Manutenção RJ_ES_SUL\Info Huawei\Fwd LPU projeto TIM.msg</t>
  </si>
  <si>
    <t>D:\21_11_2019 - PC ALGAR TECH\Desktop 22-07-19\Pendrive 05-03\Backup 01-07\45233 - RFQ _ A4216_RFQ_29020 - Manutenção RJ_ES_SUL\Info Huawei\Fwd Projeto TIM.msg</t>
  </si>
  <si>
    <t>11/21/2019 20:43:01</t>
  </si>
  <si>
    <t>D:\21_11_2019 - PC ALGAR TECH\Desktop 22-07-19\Pendrive 05-03\Backup 01-07\70208 - RFQ _ A4216_RFQ_29095 - Manutenção TCO_TNE_TNO\Logística 29-06.xlsx</t>
  </si>
  <si>
    <t>11/21/2019 20:43:03</t>
  </si>
  <si>
    <t>D:\21_11_2019 - PC ALGAR TECH\Desktop - 12-11-19\PreVendas - Governo Diogo\IBAMA\Precificação com Adoção.xlsb</t>
  </si>
  <si>
    <t>D:\21_11_2019 - PC ALGAR TECH\Desktop 22-07-19\Pendrive 05-03\Backup 01-07\70208 - RFQ _ A4216_RFQ_29095 - Manutenção TCO_TNE_TNO\PRAs.xlsx</t>
  </si>
  <si>
    <t>11/21/2019 20:43:04</t>
  </si>
  <si>
    <t>D:\21_11_2019 - PC ALGAR TECH\Desktop - 12-11-19\PreVendas - Governo Diogo\IBAMA\Preço_Ajustado.xlsb</t>
  </si>
  <si>
    <t>11/21/2019 20:43:05</t>
  </si>
  <si>
    <t>D:\21_11_2019 - PC ALGAR TECH\Desktop 22-07-19\Pendrive 05-03\Backup 01-07\70208 - RFQ _ A4216_RFQ_29095 - Manutenção TCO_TNE_TNO\Relatório PoM - 201505 - Nordeste.xlsx</t>
  </si>
  <si>
    <t>11/21/2019 20:43:06</t>
  </si>
  <si>
    <t>D:\21_11_2019 - PC ALGAR TECH\Desktop 22-07-19\Pendrive 05-03\Backup 01-07\70208 - RFQ _ A4216_RFQ_29095 - Manutenção TCO_TNE_TNO\Reunião 18-06 - Renato TIM.xlsx</t>
  </si>
  <si>
    <t>11/21/2019 20:43:07</t>
  </si>
  <si>
    <t>D:\21_11_2019 - PC ALGAR TECH\Desktop 22-07-19\Pendrive 05-03\Backup 01-07\70208 - RFQ _ A4216_RFQ_29095 - Manutenção TCO_TNE_TNO\Sites de Acesso Ativos_TCO TNE TNO REV_01.xlsx</t>
  </si>
  <si>
    <t>11/21/2019 20:43:08</t>
  </si>
  <si>
    <t>D:\21_11_2019 - PC ALGAR TECH\Desktop - 12-11-19\PreVendas - Governo Diogo\IBAMA\Comitês\PMO Governança - Solicitação de Mudança - IBAMA - Sustentação Oracle.ppt</t>
  </si>
  <si>
    <t>11/21/2019 20:43:09</t>
  </si>
  <si>
    <t>D:\21_11_2019 - PC ALGAR TECH\Desktop - 12-11-19\PreVendas - Governo Diogo\IBM\Cópia de BP Preço C015 B015 Desonerada Ajustes Finais-DiogoNote.xlsb</t>
  </si>
  <si>
    <t>11/21/2019 20:43:12</t>
  </si>
  <si>
    <t>D:\21_11_2019 - PC ALGAR TECH\Desktop - 12-11-19\PreVendas - Governo Diogo\IBM\Cópia de BP Preço C015 B015 Desonerada Ajustes Finais.xlsb</t>
  </si>
  <si>
    <t>11/21/2019 20:43:13</t>
  </si>
  <si>
    <t>D:\21_11_2019 - PC ALGAR TECH\Desktop - 12-11-19\PreVendas - Governo Diogo\IBM\Pricing.xlsb</t>
  </si>
  <si>
    <t>D:\21_11_2019 - PC ALGAR TECH\Desktop - 12-11-19\PreVendas - Governo Diogo\IBM\Recursologia_Volumetria_Revisadas.xlsx</t>
  </si>
  <si>
    <t>11/21/2019 20:43:16</t>
  </si>
  <si>
    <t>D:\21_11_2019 - PC ALGAR TECH\Desktop - 12-11-19\PreVendas - Governo Diogo\ICMBIO\Preço.xlsb</t>
  </si>
  <si>
    <t>D:\21_11_2019 - PC ALGAR TECH\Desktop - 12-11-19\PreVendas - Governo Diogo\ICMBIO\Rampa.xlsx</t>
  </si>
  <si>
    <t>11/21/2019 20:43:18</t>
  </si>
  <si>
    <t>D:\21_11_2019 - PC ALGAR TECH\Desktop - 12-11-19\PreVendas - Governo Diogo\INCRA\BP 01.xlsb</t>
  </si>
  <si>
    <t>D:\21_11_2019 - PC ALGAR TECH\Desktop - 12-11-19\PreVendas - Governo Diogo\INCRA\Estudo.xlsx</t>
  </si>
  <si>
    <t>D:\21_11_2019 - PC ALGAR TECH\Desktop 22-07-19\Pendrive 05-03\Backup 01-07\70208 - RFQ _ A4216_RFQ_29095 - Manutenção TCO_TNE_TNO\Envio\PACOTE COMERCIAL.zip</t>
  </si>
  <si>
    <t>11/21/2019 20:43:20</t>
  </si>
  <si>
    <t>D:\21_11_2019 - PC ALGAR TECH\Desktop 22-07-19\Pendrive 05-03\Backup 01-07\70208 - RFQ _ A4216_RFQ_29095 - Manutenção TCO_TNE_TNO\Envio\PACOTE TÉCNICO.zip</t>
  </si>
  <si>
    <t>D:\21_11_2019 - PC ALGAR TECH\Desktop 22-07-19\Pendrive 05-03\Backup 01-07\70208 - RFQ _ A4216_RFQ_29095 - Manutenção TCO_TNE_TNO\Envio\PACOTE COMERCIAL\2 - ANEXO II - LPU FMM INFRA FM TIM CO_NO_NE - FAT A REV_05.xls</t>
  </si>
  <si>
    <t>D:\21_11_2019 - PC ALGAR TECH\Desktop 22-07-19\Pendrive 05-03\Backup 01-07\70208 - RFQ _ A4216_RFQ_29095 - Manutenção TCO_TNE_TNO\Envio\PACOTE COMERCIAL\2 - ANEXO II - LPU FMM INFRA FM TIM CO_NO_NE - FAT B - APENDICE A REV_05.xls</t>
  </si>
  <si>
    <t>11/21/2019 20:43:21</t>
  </si>
  <si>
    <t>D:\21_11_2019 - PC ALGAR TECH\Desktop - 12-11-19\PreVendas - Governo Diogo\INEP\2016\SD + Infra Cotação\Arquivo Comprimido.zip</t>
  </si>
  <si>
    <t>D:\21_11_2019 - PC ALGAR TECH\Desktop 22-07-19\Pendrive 05-03\Backup 01-07\70208 - RFQ _ A4216_RFQ_29095 - Manutenção TCO_TNE_TNO\Envio\PACOTE COMERCIAL\2 - ANEXO II - LPU FMM INFRA FM TIM CO_NO_NE - FAT B - APENDICE B REV_05.xls</t>
  </si>
  <si>
    <t>11/21/2019 20:43:22</t>
  </si>
  <si>
    <t>D:\21_11_2019 - PC ALGAR TECH\Desktop 22-07-19\Pendrive 05-03\Backup 01-07\70208 - RFQ _ A4216_RFQ_29095 - Manutenção TCO_TNE_TNO\Envio\PACOTE COMERCIAL\2 - ANEXO II - LPU FMT - TIM CO - REV_01.xlsx</t>
  </si>
  <si>
    <t>D:\21_11_2019 - PC ALGAR TECH\Desktop - 12-11-19\PreVendas - Governo Diogo\INEP\2016\SD + Infra Cotação\CatalogoDeServicos_infra-novo.xlsx</t>
  </si>
  <si>
    <t>11/21/2019 20:43:23</t>
  </si>
  <si>
    <t>D:\21_11_2019 - PC ALGAR TECH\Desktop - 12-11-19\PreVendas - Governo Diogo\INEP\2016\SD + Infra Cotação\Preço Cotação.xlsx</t>
  </si>
  <si>
    <t>D:\21_11_2019 - PC ALGAR TECH\Desktop - 12-11-19\PreVendas - Governo Diogo\Infraero\Anexo_VII_Plan_Custos.xls</t>
  </si>
  <si>
    <t>11/21/2019 20:43:30</t>
  </si>
  <si>
    <t>D:\21_11_2019 - PC ALGAR TECH\Desktop - 12-11-19\PreVendas - Governo Diogo\Infraero\Precificação+Adoção.xlsm</t>
  </si>
  <si>
    <t>11/21/2019 20:43:31</t>
  </si>
  <si>
    <t>D:\21_11_2019 - PC ALGAR TECH\Desktop - 12-11-19\PreVendas - Governo Diogo\Infraero\INFRAESTRUTURA\Anexo_IX_Or%e7_Estimado.xls</t>
  </si>
  <si>
    <t>D:\21_11_2019 - PC ALGAR TECH\Desktop - 12-11-19\PreVendas - Governo Diogo\Infraero\INFRAESTRUTURA\Anexo_VIII_Planilha_Custos.xls</t>
  </si>
  <si>
    <t>D:\21_11_2019 - PC ALGAR TECH\Desktop - 12-11-19\PreVendas - Governo Diogo\Infraero\INFRAESTRUTURA\Anexo_V_TR_Ficha_Av_Desemp.xls</t>
  </si>
  <si>
    <t>11/21/2019 20:43:33</t>
  </si>
  <si>
    <t>D:\21_11_2019 - PC ALGAR TECH\Desktop 22-07-19\Pendrive 05-03\Backup 01-07\70208 - RFQ _ A4216_RFQ_29095 - Manutenção TCO_TNE_TNO\Envio\PACOTE TÉCNICO\Resposta Atendimento Técnico v1.xlsx</t>
  </si>
  <si>
    <t>11/21/2019 20:43:36</t>
  </si>
  <si>
    <t>D:\21_11_2019 - PC ALGAR TECH\Desktop - 12-11-19\PreVendas - Governo Diogo\INMETRO\2015\PRODUÇÃO ASSISTIDA_ ANO BASE 2015_NOVO BP PREÇO - V 2015-10-01.xlsb</t>
  </si>
  <si>
    <t>11/21/2019 20:43:37</t>
  </si>
  <si>
    <t>D:\21_11_2019 - PC ALGAR TECH\Desktop 22-07-19\Pendrive 05-03\Backup 01-07\70208 - RFQ _ A4216_RFQ_29095 - Manutenção TCO_TNE_TNO\ok - Doc TIM CO_NE_NO - 19-06\ok - Pacote Comercial\ok - 2 - ANEXO II - LPUs.zip</t>
  </si>
  <si>
    <t>11/21/2019 20:43:39</t>
  </si>
  <si>
    <t>D:\21_11_2019 - PC ALGAR TECH\Desktop 22-07-19\Pendrive 05-03\Backup 01-07\70208 - RFQ _ A4216_RFQ_29095 - Manutenção TCO_TNE_TNO\ok - Doc TIM CO_NE_NO - 19-06\ok - Pacote Comercial\ok - 2 - ANEXO II - LPUs\2 - ANEXO II - LPU FMT - TIM CO - REV_01.xlsx</t>
  </si>
  <si>
    <t>11/21/2019 20:43:47</t>
  </si>
  <si>
    <t>D:\21_11_2019 - PC ALGAR TECH\Desktop 22-07-19\Pendrive 05-03\Backup 01-07\70208 - RFQ _ A4216_RFQ_29095 - Manutenção TCO_TNE_TNO\ok - Doc TIM CO_NE_NO - 19-06\ok - Pacote Tecnico\ok - Especificacao Tecnica FMT Rev 5 050515.zip</t>
  </si>
  <si>
    <t>11/21/2019 20:43:48</t>
  </si>
  <si>
    <t>11/21/2019 20:43:50</t>
  </si>
  <si>
    <t>D:\21_11_2019 - PC ALGAR TECH\Desktop 22-07-19\Pendrive 05-03\Backup 01-07\70208 - RFQ _ A4216_RFQ_29095 - Manutenção TCO_TNE_TNO\ok - Doc TIM CO_NE_NO - 19-06\ok - Pacote Tecnico\ok - Especificacoes Tecnicas de FMM Rev. 06.zip</t>
  </si>
  <si>
    <t>11/21/2019 20:43:51</t>
  </si>
  <si>
    <t>D:\21_11_2019 - PC ALGAR TECH\Desktop - 12-11-19\PreVendas - Governo Diogo\INMETRO\Pregão 020-2011\Modelo de planilha de custos.xlsx</t>
  </si>
  <si>
    <t>11/21/2019 20:43:53</t>
  </si>
  <si>
    <t>D:\21_11_2019 - PC ALGAR TECH\Desktop - 12-11-19\PreVendas - Governo Diogo\INPI\BP Preço C010 B009.xlsb</t>
  </si>
  <si>
    <t>D:\21_11_2019 - PC ALGAR TECH\Desktop - 12-11-19\PreVendas - Governo Diogo\INPI\Desenho.xlsx</t>
  </si>
  <si>
    <t>D:\21_11_2019 - PC ALGAR TECH\Desktop - 12-11-19\PreVendas - Governo Diogo\IPEA\Cotação V2.xlsx</t>
  </si>
  <si>
    <t>11/21/2019 20:43:54</t>
  </si>
  <si>
    <t>D:\21_11_2019 - PC ALGAR TECH\Desktop - 12-11-19\PreVendas - Governo Diogo\IPEA\Cotação.xlsx</t>
  </si>
  <si>
    <t>D:\21_11_2019 - PC ALGAR TECH\Desktop 22-07-19\Pendrive 05-03\Backup 01-07\Reembolso\7 - Formulário - Protocolo Relatório de Despesas Capgemini.xls</t>
  </si>
  <si>
    <t>D:\21_11_2019 - PC ALGAR TECH\Desktop - 12-11-19\PreVendas - Governo Diogo\IPEA\Racional V2.xlsx</t>
  </si>
  <si>
    <t>D:\21_11_2019 - PC ALGAR TECH\Desktop - 12-11-19\PreVendas - Governo Diogo\IPEA\Racional.xlsx</t>
  </si>
  <si>
    <t>11/21/2019 20:43:57</t>
  </si>
  <si>
    <t>D:\21_11_2019 - PC ALGAR TECH\Desktop - 12-11-19\PreVendas - Governo Diogo\IPHAN\Preço\componentes IPHAN.xlsx</t>
  </si>
  <si>
    <t>11/21/2019 20:43:58</t>
  </si>
  <si>
    <t>D:\21_11_2019 - PC ALGAR TECH\Desktop - 12-11-19\PreVendas - Governo Diogo\IPHAN\Preço\Preço.xlsb</t>
  </si>
  <si>
    <t>D:\21_11_2019 - PC ALGAR TECH\Desktop 22-07-19\Pendrive 05-03\Mary Kay\Silvania\Mary Kay - Silvania v2.xlsx</t>
  </si>
  <si>
    <t>11/21/2019 20:43:59</t>
  </si>
  <si>
    <t>D:\21_11_2019 - PC ALGAR TECH\Desktop 22-07-19\Pendrive 05-03\Mary Kay\Silvania\Mary Kay - Silvania.xlsx</t>
  </si>
  <si>
    <t>D:\21_11_2019 - PC ALGAR TECH\Desktop - 12-11-19\PreVendas - Governo Diogo\ITAIPU\NC 2329-17 Anexo III - Planilha de Preços.xls</t>
  </si>
  <si>
    <t>11/21/2019 20:44:00</t>
  </si>
  <si>
    <t>D:\21_11_2019 - PC ALGAR TECH\Desktop 22-07-19\Pendrive 05-03\Mary Kay\Suélen\Mary Kay - Nomes.xlsx</t>
  </si>
  <si>
    <t>11/21/2019 20:44:02</t>
  </si>
  <si>
    <t>D:\21_11_2019 - PC ALGAR TECH\Desktop - 12-11-19\PreVendas - Governo Diogo\ITAIPU\Preço.xlsb</t>
  </si>
  <si>
    <t>D:\21_11_2019 - PC ALGAR TECH\Desktop 22-07-19\Pendrive 05-03\Mary Kay\Suélen\Tarefas.xlsx</t>
  </si>
  <si>
    <t>11/21/2019 20:44:04</t>
  </si>
  <si>
    <t>D:\21_11_2019 - PC ALGAR TECH\Desktop - 12-11-19\PreVendas - Governo Diogo\ITAÚ\Proposta Comercial.xlsx</t>
  </si>
  <si>
    <t>11/21/2019 20:44:06</t>
  </si>
  <si>
    <t>D:\21_11_2019 - PC ALGAR TECH\Desktop - 12-11-19\PreVendas - Governo Diogo\ITAÚ\SIZING + Resumo.xlsx</t>
  </si>
  <si>
    <t>11/21/2019 20:44:09</t>
  </si>
  <si>
    <t>D:\21_11_2019 - PC ALGAR TECH\Desktop - 12-11-19\PreVendas - Governo Diogo\ITI\BP ITI.xlsb</t>
  </si>
  <si>
    <t>D:\21_11_2019 - PC ALGAR TECH\Desktop 22-07-19\Pendrive 05-03\Mary Kay\Suélen\Cartão\cartao.xlsx</t>
  </si>
  <si>
    <t>D:\21_11_2019 - PC ALGAR TECH\Desktop 22-07-19\Pendrive 05-03\Mary Kay\Suélen\Consórcio\1AFA047F.tmp</t>
  </si>
  <si>
    <t>D:\21_11_2019 - PC ALGAR TECH\Desktop 22-07-19\Pendrive 05-03\Mary Kay\Suélen\Consórcio\Consorcio.xlsx</t>
  </si>
  <si>
    <t>11/21/2019 20:44:11</t>
  </si>
  <si>
    <t>D:\21_11_2019 - PC ALGAR TECH\Desktop - 12-11-19\PreVendas - Governo Diogo\lexmark\ISD Linha - Componentização dos Custos_V1.1.xlsx</t>
  </si>
  <si>
    <t>D:\21_11_2019 - PC ALGAR TECH\Desktop - 12-11-19\PreVendas - Governo Diogo\lexmark\Pricing.xlsm</t>
  </si>
  <si>
    <t>D:\21_11_2019 - PC ALGAR TECH\Desktop 22-07-19\Pendrive 05-03\Mary Kay\Suélen\Pedidos\67DB0308.tmp</t>
  </si>
  <si>
    <t>D:\21_11_2019 - PC ALGAR TECH\Desktop 22-07-19\Pendrive 05-03\Mary Kay\Suélen\Pedidos\6D30D65F.tmp</t>
  </si>
  <si>
    <t>D:\21_11_2019 - PC ALGAR TECH\Desktop 22-07-19\Pendrive 05-03\Mary Kay\Suélen\Pedidos\ED93CB3A.tmp</t>
  </si>
  <si>
    <t>11/21/2019 20:44:12</t>
  </si>
  <si>
    <t>D:\21_11_2019 - PC ALGAR TECH\Desktop 22-07-19\Pendrive 05-03\Mary Kay\Suélen\Pedidos\Mary Kay - Suélen.xlsx</t>
  </si>
  <si>
    <t>D:\21_11_2019 - PC ALGAR TECH\Desktop - 12-11-19\PreVendas - Governo Diogo\MCTi\Análise.xlsx</t>
  </si>
  <si>
    <t>11/21/2019 20:44:13</t>
  </si>
  <si>
    <t>D:\21_11_2019 - PC ALGAR TECH\Desktop - 12-11-19\PreVendas - Governo Diogo\MCTi\Cenário_Protocolado.xlsb</t>
  </si>
  <si>
    <t>11/21/2019 20:44:15</t>
  </si>
  <si>
    <t>D:\21_11_2019 - PC ALGAR TECH\Desktop - 12-11-19\PreVendas - Governo Diogo\MCTi\Cenário_Real.xlsb</t>
  </si>
  <si>
    <t>11/21/2019 20:44:16</t>
  </si>
  <si>
    <t>D:\21_11_2019 - PC ALGAR TECH\Desktop - 12-11-19\PreVendas - Governo Diogo\MCTi\Componentes.xlsx</t>
  </si>
  <si>
    <t>D:\21_11_2019 - PC ALGAR TECH\Desktop - 12-11-19\PreVendas - Governo Diogo\MCTi\curva de receita.xlsx</t>
  </si>
  <si>
    <t>11/21/2019 20:44:17</t>
  </si>
  <si>
    <t>D:\21_11_2019 - PC ALGAR TECH\Desktop - 12-11-19\PreVendas - Governo Diogo\MCTi\Cópia de CATALOGO DE TAREFAS MCTI-V8.xlsx</t>
  </si>
  <si>
    <t>11/21/2019 20:44:19</t>
  </si>
  <si>
    <t>D:\21_11_2019 - PC ALGAR TECH\Desktop - 12-11-19\PreVendas - Governo Diogo\MCTi\EMERGENCIAL.xlsb</t>
  </si>
  <si>
    <t>11/21/2019 20:44:21</t>
  </si>
  <si>
    <t>D:\21_11_2019 - PC ALGAR TECH\Desktop - 12-11-19\PreVendas - Governo Diogo\MCTi\MCT - Final - Cenario pos vistoria_Validado Adocao.xlsb</t>
  </si>
  <si>
    <t>11/21/2019 20:44:22</t>
  </si>
  <si>
    <t>D:\21_11_2019 - PC ALGAR TECH\Desktop - 12-11-19\PreVendas - Governo Diogo\MCTi\Planilha de Custos - Algar Tecnologia - v2.xlsx</t>
  </si>
  <si>
    <t>11/21/2019 20:44:24</t>
  </si>
  <si>
    <t>D:\21_11_2019 - PC ALGAR TECH\Desktop - 12-11-19\PreVendas - Governo Diogo\MCTi\Prospecção_demandas.xlsb</t>
  </si>
  <si>
    <t>11/21/2019 20:44:25</t>
  </si>
  <si>
    <t>D:\21_11_2019 - PC ALGAR TECH\Desktop - 12-11-19\PreVendas - Governo Diogo\MCTi\2016\Cotação\08-09-2016.xlsx</t>
  </si>
  <si>
    <t>11/21/2019 20:44:30</t>
  </si>
  <si>
    <t>D:\21_11_2019 - PC ALGAR TECH\Desktop 22-07-19\Pendrive 05-03\Procedimentos Atuais\Controle de terceiros.xlsx</t>
  </si>
  <si>
    <t>D:\21_11_2019 - PC ALGAR TECH\Desktop 22-07-19\Pendrive 05-03\Procedimentos Atuais\MATRIZ DE PRECIFICACAO - Algar Tech - abr14.xlsx</t>
  </si>
  <si>
    <t>D:\21_11_2019 - PC ALGAR TECH\Desktop 22-07-19\Pendrive 05-03\Procedimentos Atuais\MATRIZ DE TRIBUTACAO - Algar Tech - DEZ14.xlsx</t>
  </si>
  <si>
    <t>11/21/2019 20:44:41</t>
  </si>
  <si>
    <t>D:\21_11_2019 - PC ALGAR TECH\Desktop 22-07-19\Pendrive 05-03\Procedimentos Atuais\MATRIZ TRIBUTACAO - Algar Tec - Synos - Engeset -------2014.xlsx</t>
  </si>
  <si>
    <t>11/21/2019 20:44:42</t>
  </si>
  <si>
    <t>D:\21_11_2019 - PC ALGAR TECH\Desktop - 12-11-19\PreVendas - Governo Diogo\MD\Equipe Senior.xlsb</t>
  </si>
  <si>
    <t>D:\21_11_2019 - PC ALGAR TECH\Desktop 22-07-19\Pendrive 05-03\Procedimentos Atuais\Relação Filiais Algar Tech.xls</t>
  </si>
  <si>
    <t>11/21/2019 20:44:43</t>
  </si>
  <si>
    <t>D:\21_11_2019 - PC ALGAR TECH\Desktop - 12-11-19\PreVendas - Governo Diogo\MD\Renovacao.xlsb</t>
  </si>
  <si>
    <t>D:\21_11_2019 - PC ALGAR TECH\Desktop - 12-11-19\PreVendas - Governo Diogo\MD\SIMULADO 25%.xlsx</t>
  </si>
  <si>
    <t>11/21/2019 20:44:44</t>
  </si>
  <si>
    <t>D:\21_11_2019 - PC ALGAR TECH\Desktop - 12-11-19\PreVendas - Governo Diogo\MDIC\Precificação.xlsb</t>
  </si>
  <si>
    <t>11/21/2019 20:44:46</t>
  </si>
  <si>
    <t>D:\21_11_2019 - PC ALGAR TECH\Desktop - 12-11-19\PreVendas - Governo Diogo\MDS\Cenário Simulado1.xlsb</t>
  </si>
  <si>
    <t>D:\21_11_2019 - PC ALGAR TECH\Desktop 22-07-19\Pendrive 05-03\Procedimentos Atuais\Backup\Caixas\ANEXO 1A - ANALISE ECONÔMICA FINANCEIRA DETALHADA.xls</t>
  </si>
  <si>
    <t>11/21/2019 20:44:49</t>
  </si>
  <si>
    <t>D:\21_11_2019 - PC ALGAR TECH\Desktop - 12-11-19\PreVendas - Governo Diogo\MDS\Adesão Redes\BP Atualizado.xlsb</t>
  </si>
  <si>
    <t>D:\21_11_2019 - PC ALGAR TECH\Desktop 22-07-19\Pendrive 05-03\Procedimentos Atuais\Backup\Caixas\ANEXO 2A - ANÁLISE ECONÔMICA FINANCEIRA SIMPLIFICADA - rev 28_08_13.xls</t>
  </si>
  <si>
    <t>11/21/2019 20:44:50</t>
  </si>
  <si>
    <t>D:\21_11_2019 - PC ALGAR TECH\Desktop 22-07-19\Pendrive 05-03\Procedimentos Atuais\Backup\Caixas\REVENDA PADRÃO COMSTOR.xls</t>
  </si>
  <si>
    <t>D:\21_11_2019 - PC ALGAR TECH\Desktop 22-07-19\Pendrive 05-03\Procedimentos Atuais\Backup\Caixas\Diversos\ANEXO 1B - ANALISE ECONÔMICA FINANCEIRA DETALHADA - 60 MESES.xls</t>
  </si>
  <si>
    <t>11/21/2019 20:44:51</t>
  </si>
  <si>
    <t>D:\21_11_2019 - PC ALGAR TECH\Desktop 22-07-19\Pendrive 05-03\Procedimentos Atuais\Backup\Caixas\Diversos\ANEXO 2B - ANÁLISE ECONÔMICA FINANCEIRA SIMPLIFICADA CONST REDES.xls</t>
  </si>
  <si>
    <t>D:\21_11_2019 - PC ALGAR TECH\Desktop - 12-11-19\PreVendas - Governo Diogo\MDS\Adesão Redes\Cenario Real\Análise Financeira.xlsx</t>
  </si>
  <si>
    <t>D:\21_11_2019 - PC ALGAR TECH\Desktop - 12-11-19\PreVendas - Governo Diogo\MDS\Adesão Redes\Cenario Real\Cargos e Salários Validados.xlsx</t>
  </si>
  <si>
    <t>D:\21_11_2019 - PC ALGAR TECH\Desktop - 12-11-19\PreVendas - Governo Diogo\MDS\Adesão Redes\Cenario Real\Desenho com Operação.xlsx</t>
  </si>
  <si>
    <t>D:\21_11_2019 - PC ALGAR TECH\Desktop - 12-11-19\PreVendas - Governo Diogo\MDS\Adesão Redes\Cenario Real\Estrutura.xlsx</t>
  </si>
  <si>
    <t>D:\21_11_2019 - PC ALGAR TECH\Desktop - 12-11-19\PreVendas - Governo Diogo\MDS\Adesão Redes\Cenario Real\Monitoramento Compartilhado.xlsx</t>
  </si>
  <si>
    <t>11/21/2019 20:44:52</t>
  </si>
  <si>
    <t>D:\21_11_2019 - PC ALGAR TECH\Desktop - 12-11-19\PreVendas - Governo Diogo\MDS\Adesão Redes\Cenario Real\Planilha de Preço - Serviços Gerenciados-V1.xlsb</t>
  </si>
  <si>
    <t>11/21/2019 20:44:53</t>
  </si>
  <si>
    <t>D:\21_11_2019 - PC ALGAR TECH\Desktop - 12-11-19\PreVendas - Governo Diogo\MDS\Adesão Redes\Cenario Real\Planilha de Preço - Serviços Gerenciados-V2.xlsb</t>
  </si>
  <si>
    <t>11/21/2019 20:44:54</t>
  </si>
  <si>
    <t>D:\21_11_2019 - PC ALGAR TECH\Desktop - 12-11-19\PreVendas - Governo Diogo\MDS\Adesão Redes\Cenario Real\Planilha de Preço - Serviços Gerenciados-V3.xlsb</t>
  </si>
  <si>
    <t>11/21/2019 20:44:55</t>
  </si>
  <si>
    <t>D:\21_11_2019 - PC ALGAR TECH\Desktop - 12-11-19\PreVendas - Governo Diogo\MDS\Adesão Redes\Cenario Real\Planilha de Preço - Serviços Gerenciados-V4.xlsb</t>
  </si>
  <si>
    <t>D:\21_11_2019 - PC ALGAR TECH\Desktop - 12-11-19\PreVendas - Governo Diogo\MDS\Adesão Redes\Cenario Real\IN-02\Original MCTi\Planilha de Custos - Algar Tecnologia - v2.xlsx</t>
  </si>
  <si>
    <t>11/21/2019 20:44:56</t>
  </si>
  <si>
    <t>D:\21_11_2019 - PC ALGAR TECH\Desktop - 12-11-19\PreVendas - Governo Diogo\MDS\Adesão Redes\Cenario Real\IN-02\Repactuação 13-14\Repactuação Envio.xlsx</t>
  </si>
  <si>
    <t>D:\21_11_2019 - PC ALGAR TECH\Desktop - 12-11-19\PreVendas - Governo Diogo\MDS\Adesão Redes\Cenario Real\IN-02\Repactuação 13-14\Repactuação.xlsx</t>
  </si>
  <si>
    <t>11/21/2019 20:44:59</t>
  </si>
  <si>
    <t>D:\21_11_2019 - PC ALGAR TECH\Desktop - 12-11-19\PreVendas - Governo Diogo\MDS\Adesão Redes\Emergencial\Consolidado - Com MDS Atual.xlsb</t>
  </si>
  <si>
    <t>11/21/2019 20:45:01</t>
  </si>
  <si>
    <t>D:\21_11_2019 - PC ALGAR TECH\Desktop - 12-11-19\PreVendas - Governo Diogo\MDS\Adesão Redes\Emergencial\Consolidado.xlsb</t>
  </si>
  <si>
    <t>D:\21_11_2019 - PC ALGAR TECH\Desktop - 12-11-19\PreVendas - Governo Diogo\MDS\Adesão Redes\Emergencial\Estudo CM.xlsx</t>
  </si>
  <si>
    <t>11/21/2019 20:45:03</t>
  </si>
  <si>
    <t>D:\21_11_2019 - PC ALGAR TECH\Desktop - 12-11-19\PreVendas - Governo Diogo\MDS\Adesão Redes\Emergencial\Lote Banco de Dados.xlsb</t>
  </si>
  <si>
    <t>11/21/2019 20:45:04</t>
  </si>
  <si>
    <t>D:\21_11_2019 - PC ALGAR TECH\Desktop - 12-11-19\PreVendas - Governo Diogo\MDS\Adesão Redes\Emergencial\Lote Redes.xlsb</t>
  </si>
  <si>
    <t>11/21/2019 20:45:05</t>
  </si>
  <si>
    <t>D:\21_11_2019 - PC ALGAR TECH\Desktop 22-07-19\Pendrive 05-03\Procedimentos Atuais\Diversos\Backup modelo fluxo de caixa\ANEXO 1A - ANALISE ECONÔMICA FINANCEIRA DETALHADA - Manoel.xls</t>
  </si>
  <si>
    <t>11/21/2019 20:45:06</t>
  </si>
  <si>
    <t>D:\21_11_2019 - PC ALGAR TECH\Desktop - 12-11-19\PreVendas - Governo Diogo\MDS\Adesão Redes\Emergencial\Lote Servidores.xlsb</t>
  </si>
  <si>
    <t>D:\21_11_2019 - PC ALGAR TECH\Desktop 22-07-19\Pendrive 05-03\Procedimentos Atuais\LPU\ANEXO 6A - LPU - TX - Rev 27_06_12.xls</t>
  </si>
  <si>
    <t>11/21/2019 20:45:09</t>
  </si>
  <si>
    <t>D:\21_11_2019 - PC ALGAR TECH\Desktop 22-07-19\Pendrive 05-03\Procedimentos Atuais\LPU\ANEXO 6B - LPU - CABEAMENTO ESTRUTURADO - Rev 28_08_12.xls</t>
  </si>
  <si>
    <t>11/21/2019 20:45:10</t>
  </si>
  <si>
    <t>D:\21_11_2019 - PC ALGAR TECH\Desktop - 12-11-19\PreVendas - Governo Diogo\MDS\Adesão Redes\Emergencial\Simulacao-Lotes-PS.xlsb</t>
  </si>
  <si>
    <t>D:\21_11_2019 - PC ALGAR TECH\Desktop 22-07-19\Pendrive 05-03\Procedimentos Atuais\LPU\ANEXO 6C.1 - LPU - CONSTRUÇÃO DE REDES METÁLICAS E ÓPTICAS.xls</t>
  </si>
  <si>
    <t>11/21/2019 20:45:11</t>
  </si>
  <si>
    <t>D:\21_11_2019 - PC ALGAR TECH\Desktop 22-07-19\Pendrive 05-03\Procedimentos Atuais\LPU\ANEXO 6D - LPU - REDE EXTERNA EXPANSÃO.xlsx</t>
  </si>
  <si>
    <t>D:\21_11_2019 - PC ALGAR TECH\Desktop 22-07-19\Pendrive 05-03\Procedimentos Atuais\LPU\ANEXO 6E - LPU - CSI.xlsx</t>
  </si>
  <si>
    <t>D:\21_11_2019 - PC ALGAR TECH\Desktop - 12-11-19\PreVendas - Governo Diogo\MDS\Adesão Redes\SUPRESSÃO PBM\Análise de Supressão PBM.xlsx</t>
  </si>
  <si>
    <t>11/21/2019 20:45:13</t>
  </si>
  <si>
    <t>D:\21_11_2019 - PC ALGAR TECH\Desktop 22-07-19\Pendrive 05-03\Procedimentos Atuais\Modelo de fluxo de caixa\ANEXO 1A - ANALISE ECONÔMICA FINANCEIRA DETALHADA.xls</t>
  </si>
  <si>
    <t>D:\21_11_2019 - PC ALGAR TECH\Desktop - 12-11-19\PreVendas - Governo Diogo\MDS\Assessoria 2016\Análise.xlsx</t>
  </si>
  <si>
    <t>D:\21_11_2019 - PC ALGAR TECH\Desktop 22-07-19\Pendrive 05-03\Procedimentos Atuais\Modelo de fluxo de caixa\ANEXO 2A - ANÁLISE ECONÔMICA FINANCEIRA SIMPLIFICADA - rev 28_08_13.xls</t>
  </si>
  <si>
    <t>D:\21_11_2019 - PC ALGAR TECH\Desktop 22-07-19\Pendrive 05-03\Procedimentos Atuais\Modelo de fluxo de caixa\Map - Sistema de Precificação Novo Portifolio 2014-12-022.xlsb</t>
  </si>
  <si>
    <t>11/21/2019 20:45:14</t>
  </si>
  <si>
    <t>D:\21_11_2019 - PC ALGAR TECH\Desktop 22-07-19\Pendrive 05-03\Procedimentos Atuais\Modelo de fluxo de caixa\REVENDA PADRÃO COMSTOR.xls</t>
  </si>
  <si>
    <t>11/21/2019 20:45:16</t>
  </si>
  <si>
    <t>D:\21_11_2019 - PC ALGAR TECH\Desktop 22-07-19\Pendrive 05-03\Procedimentos Atuais\Modelo de fluxo de caixa\Diversos\ANEXO 1B - ANALISE ECONÔMICA FINANCEIRA DETALHADA - 60 MESES.xls</t>
  </si>
  <si>
    <t>D:\21_11_2019 - PC ALGAR TECH\Desktop 22-07-19\Pendrive 05-03\Procedimentos Atuais\Modelo de fluxo de caixa\Diversos\ANEXO 2B - ANÁLISE ECONÔMICA FINANCEIRA SIMPLIFICADA CONST REDES.xls</t>
  </si>
  <si>
    <t>D:\21_11_2019 - PC ALGAR TECH\Desktop - 12-11-19\PreVendas - Governo Diogo\MDS\Banco de Dados\Bando de Dados\Cotação.xlsx</t>
  </si>
  <si>
    <t>11/21/2019 20:45:17</t>
  </si>
  <si>
    <t>D:\21_11_2019 - PC ALGAR TECH\Desktop - 12-11-19\PreVendas - Governo Diogo\MDS\Banco de Dados\Renovacao\Preco.xlsb</t>
  </si>
  <si>
    <t>11/21/2019 20:45:19</t>
  </si>
  <si>
    <t>D:\21_11_2019 - PC ALGAR TECH\Desktop - 12-11-19\PreVendas - Governo Diogo\ME\Aditivo VoIP 2013\Precificação Aditivo.xlsb</t>
  </si>
  <si>
    <t>11/21/2019 20:45:26</t>
  </si>
  <si>
    <t>D:\21_11_2019 - PC ALGAR TECH\Desktop - 12-11-19\PreVendas - Governo Diogo\MEC\MEC SD - Atualizado.xlsm</t>
  </si>
  <si>
    <t>11/21/2019 20:45:34</t>
  </si>
  <si>
    <t>D:\21_11_2019 - PC ALGAR TECH\Desktop - 12-11-19\PreVendas - Governo Diogo\MEC\MEC SD - CHEIO_Desonerado.xlsm</t>
  </si>
  <si>
    <t>11/21/2019 20:45:43</t>
  </si>
  <si>
    <t>D:\21_11_2019 - PC ALGAR TECH\Desktop - 12-11-19\PreVendas - Governo Diogo\MEC\MEC SD-CHEIO.xlsm</t>
  </si>
  <si>
    <t>11/21/2019 20:45:49</t>
  </si>
  <si>
    <t>D:\21_11_2019 - PC ALGAR TECH\Desktop - 12-11-19\PreVendas - Governo Diogo\MEC\MEC SD_Desonerado juniorado.xlsm</t>
  </si>
  <si>
    <t>11/21/2019 20:45:57</t>
  </si>
  <si>
    <t>D:\21_11_2019 - PC ALGAR TECH\Desktop - 12-11-19\PreVendas - Governo Diogo\MEC\MEC SD_Desonerado.xlsm</t>
  </si>
  <si>
    <t>11/21/2019 20:45:58</t>
  </si>
  <si>
    <t>D:\21_11_2019 - PC ALGAR TECH\Desktop 22-07-19\Pendrive 05-03\Procedimentos Atuais\Premissas\ANEXO 5 - PREMISSAS CPV - Novembro2013.xlsx</t>
  </si>
  <si>
    <t>11/21/2019 20:46:04</t>
  </si>
  <si>
    <t>D:\21_11_2019 - PC ALGAR TECH\Desktop - 12-11-19\PreVendas - Governo Diogo\MEC\MEC_SD.xlsm</t>
  </si>
  <si>
    <t>11/21/2019 20:46:05</t>
  </si>
  <si>
    <t>D:\21_11_2019 - PC ALGAR TECH\Desktop 22-07-19\Pendrive 05-03\Procedimentos Atuais\REVENDA\ANEXO 1A - ANALISE ECONÔMICA FINANCEIRA DETALHADA (LIMPA).xls</t>
  </si>
  <si>
    <t>D:\21_11_2019 - PC ALGAR TECH\Desktop - 12-11-19\PreVendas - Governo Diogo\MEC\Planilha de Custos - Resumo e IN-02.xlsx</t>
  </si>
  <si>
    <t>11/21/2019 20:46:06</t>
  </si>
  <si>
    <t>D:\21_11_2019 - PC ALGAR TECH\Desktop 22-07-19\Pendrive 05-03\Procedimentos Atuais\REVENDA\ANEXO 1A - ANALISE ECONÔMICA FINANCEIRA DETALHADA (LIMPA2).xls</t>
  </si>
  <si>
    <t>D:\21_11_2019 - PC ALGAR TECH\Desktop - 12-11-19\PreVendas - Governo Diogo\MEC\2015\Assessoria Técnica\Proposta.xlsx</t>
  </si>
  <si>
    <t>D:\21_11_2019 - PC ALGAR TECH\Desktop 22-07-19\Pendrive 05-03\Procedimentos Atuais\REVENDA\ANEXO 1A - ANALISE ECONÔMICA FINANCEIRA DETALHADA (LIMPA3).xls</t>
  </si>
  <si>
    <t>11/21/2019 20:46:07</t>
  </si>
  <si>
    <t>D:\21_11_2019 - PC ALGAR TECH\Desktop - 12-11-19\PreVendas - Governo Diogo\MEC\2015\Assessoria Técnica\TR e Documentos.zip</t>
  </si>
  <si>
    <t>11/21/2019 20:46:09</t>
  </si>
  <si>
    <t>D:\21_11_2019 - PC ALGAR TECH\Desktop - 12-11-19\PreVendas - Governo Diogo\MEC\2015\Assessoria Técnica\Publicado\BP.xlsb</t>
  </si>
  <si>
    <t>11/21/2019 20:46:11</t>
  </si>
  <si>
    <t>D:\21_11_2019 - PC ALGAR TECH\Desktop 22-07-19\Pendrive 05-03\Procedimentos Atuais\REVENDA\PADRAO\REVENDA PADRÃO.xls</t>
  </si>
  <si>
    <t>D:\21_11_2019 - PC ALGAR TECH\Desktop - 12-11-19\PreVendas - Governo Diogo\MEC\2015\Assessoria Técnica\Publicado\Quadro Resumo.xlsx</t>
  </si>
  <si>
    <t>11/21/2019 20:46:17</t>
  </si>
  <si>
    <t>D:\21_11_2019 - PC ALGAR TECH\Desktop - 12-11-19\PreVendas - Governo Diogo\MEC\2016\Infra\Cópia de BP Preço C002 B004 _Encargos.xlsb</t>
  </si>
  <si>
    <t>11/21/2019 20:46:19</t>
  </si>
  <si>
    <t>D:\21_11_2019 - PC ALGAR TECH\Desktop - 12-11-19\PreVendas - Governo Diogo\MEC\2016\Infra\MEC - Sustentação de Infraestrutura (REPACTUADO) - 121246.xlsb</t>
  </si>
  <si>
    <t>11/21/2019 20:46:21</t>
  </si>
  <si>
    <t>D:\21_11_2019 - PC ALGAR TECH\Desktop - 12-11-19\PreVendas - Governo Diogo\MEC\2016\Infra\MEC - Sustentação de Infraestrutura - 121246.xlsb</t>
  </si>
  <si>
    <t>D:\21_11_2019 - PC ALGAR TECH\Desktop - 12-11-19\PreVendas - Governo Diogo\MEC\2018\Infra\Cotação\Cotação.xlsx</t>
  </si>
  <si>
    <t>11/21/2019 20:46:22</t>
  </si>
  <si>
    <t>D:\21_11_2019 - PC ALGAR TECH\Desktop - 12-11-19\PreVendas - Governo Diogo\MEC\2018\SD\Cotação\Desenho Cotação.xlsx</t>
  </si>
  <si>
    <t>D:\21_11_2019 - PC ALGAR TECH\Desktop - 12-11-19\PreVendas - Governo Diogo\MEC\2018\SD\Cotação\Sugestões.xlsx</t>
  </si>
  <si>
    <t>11/21/2019 20:46:23</t>
  </si>
  <si>
    <t>D:\21_11_2019 - PC ALGAR TECH\Desktop - 12-11-19\PreVendas - Governo Diogo\MEC\2018\SD\publicado\BP.xlsb</t>
  </si>
  <si>
    <t>11/21/2019 20:46:24</t>
  </si>
  <si>
    <t>D:\21_11_2019 - PC ALGAR TECH\Desktop - 12-11-19\PreVendas - Governo Diogo\MEC\2018\SD\publicado\Dados.xlsx</t>
  </si>
  <si>
    <t>D:\21_11_2019 - PC ALGAR TECH\Desktop - 12-11-19\PreVendas - Governo Diogo\MEC\2019\Apoio Técnico\Cotação\Cotação.xlsx</t>
  </si>
  <si>
    <t>11/21/2019 20:46:25</t>
  </si>
  <si>
    <t>D:\21_11_2019 - PC ALGAR TECH\Desktop - 12-11-19\PreVendas - Governo Diogo\MEC\Aditivo 2014\Cópia de Planilha de Preço - Serviços Gerenciados.xlsb</t>
  </si>
  <si>
    <t>11/21/2019 20:46:27</t>
  </si>
  <si>
    <t>D:\21_11_2019 - PC ALGAR TECH\Desktop - 12-11-19\PreVendas - Governo Diogo\MEC\ATA\BP Preço C002 B004 _Encargos.xlsb</t>
  </si>
  <si>
    <t>11/21/2019 20:46:34</t>
  </si>
  <si>
    <t>D:\21_11_2019 - PC ALGAR TECH\Desktop - 12-11-19\PreVendas - Governo Diogo\MEC\ATA\MEC ATA.xlsm</t>
  </si>
  <si>
    <t>11/21/2019 20:46:35</t>
  </si>
  <si>
    <t>D:\21_11_2019 - PC ALGAR TECH\Desktop - 12-11-19\PreVendas - Governo Diogo\MEC\Novo\Aditivo EP\MEC Escritorio de Projetos.xlsb</t>
  </si>
  <si>
    <t>D:\21_11_2019 - PC ALGAR TECH\Desktop - 12-11-19\PreVendas - Governo Diogo\MEC\Novo\Publicado\Adoção.xlsx</t>
  </si>
  <si>
    <t>D:\21_11_2019 - PC ALGAR TECH\Desktop - 12-11-19\PreVendas - Governo Diogo\MEC\Novo\Publicado\Cargos e Salários.xlsx</t>
  </si>
  <si>
    <t>11/21/2019 20:46:37</t>
  </si>
  <si>
    <t>D:\21_11_2019 - PC ALGAR TECH\Desktop - 12-11-19\PreVendas - Governo Diogo\MEC\Novo\Publicado\Planilha de Preço - Serviços Gerenciados Adocao-CAPEX.xlsm</t>
  </si>
  <si>
    <t>11/21/2019 20:46:39</t>
  </si>
  <si>
    <t>D:\21_11_2019 - PC ALGAR TECH\Desktop - 12-11-19\PreVendas - Governo Diogo\MEC\Novo\Publicado\Planilha de Preço - Serviços Gerenciados Agressivo.xlsm</t>
  </si>
  <si>
    <t>11/21/2019 20:46:40</t>
  </si>
  <si>
    <t>D:\21_11_2019 - PC ALGAR TECH\Desktop - 12-11-19\PreVendas - Governo Diogo\MEC\Novo\Publicado\Planilha de Preço - Serviços Gerenciados V1.xlsm</t>
  </si>
  <si>
    <t>11/21/2019 20:46:42</t>
  </si>
  <si>
    <t>D:\21_11_2019 - PC ALGAR TECH\Desktop - 12-11-19\PreVendas - Governo Diogo\MEC\Novo\Publicado\Planilha de Preço - Serviços Gerenciados.xlsm</t>
  </si>
  <si>
    <t>11/21/2019 20:46:44</t>
  </si>
  <si>
    <t>D:\21_11_2019 - PC ALGAR TECH\Desktop - 12-11-19\PreVendas - Governo Diogo\MEC\Novo\Publicado\ATUALIZADOS\Planilha de Preço - Serviços Gerenciados Adocao-CAPEX.xlsm</t>
  </si>
  <si>
    <t>11/21/2019 20:46:45</t>
  </si>
  <si>
    <t>D:\21_11_2019 - PC ALGAR TECH\Desktop - 12-11-19\PreVendas - Governo Diogo\MEC\Novo\Publicado\ATUALIZADOS\Planilha de Preço - Serviços Gerenciados Agressivo.xlsm</t>
  </si>
  <si>
    <t>11/21/2019 20:46:46</t>
  </si>
  <si>
    <t>D:\21_11_2019 - PC ALGAR TECH\Desktop - 12-11-19\PreVendas - Governo Diogo\MEC\Novo\Publicado\ATUALIZADOS\Planilha de Preço - Serviços Gerenciados Diligenciada.xlsm</t>
  </si>
  <si>
    <t>11/21/2019 20:46:47</t>
  </si>
  <si>
    <t>D:\21_11_2019 - PC ALGAR TECH\Desktop - 12-11-19\PreVendas - Governo Diogo\MEC\Novo\Publicado\ATUALIZADOS\Planilha de Preço - Serviços Gerenciados V1.xlsm</t>
  </si>
  <si>
    <t>11/21/2019 20:46:49</t>
  </si>
  <si>
    <t>D:\21_11_2019 - PC ALGAR TECH\Desktop - 12-11-19\PreVendas - Governo Diogo\MEC\Novo\Publicado\ATUALIZADOS\Diligenciada\Final.xlsm</t>
  </si>
  <si>
    <t>11/21/2019 20:46:51</t>
  </si>
  <si>
    <t>D:\21_11_2019 - PC ALGAR TECH\Desktop - 12-11-19\PreVendas - Governo Diogo\MEC\Novo\Publicado\ATUALIZADOS\Diligenciada\MEC Cenario Aprovado.xlsm</t>
  </si>
  <si>
    <t>11/21/2019 20:46:52</t>
  </si>
  <si>
    <t>D:\21_11_2019 - PC ALGAR TECH\Desktop - 12-11-19\PreVendas - Governo Diogo\MEC\Novo\Publicado\ATUALIZADOS\Diligenciada\Planilha de Preço - Serviços Gerenciados.xlsb</t>
  </si>
  <si>
    <t>11/21/2019 20:46:53</t>
  </si>
  <si>
    <t>D:\21_11_2019 - PC ALGAR TECH\Desktop - 12-11-19\PreVendas - Governo Diogo\MEC\Novo\Publicado\ATUALIZADOS\Diligenciada\Planilha nova\MEC Cenario Aprovado Change Final SEM PBM.xlsb</t>
  </si>
  <si>
    <t>11/21/2019 20:46:54</t>
  </si>
  <si>
    <t>D:\21_11_2019 - PC ALGAR TECH\Desktop - 12-11-19\PreVendas - Governo Diogo\MEC\Novo\Publicado\ATUALIZADOS\Diligenciada\Planilha nova\MEC Cenario Aprovado Change Final.xlsb</t>
  </si>
  <si>
    <t>11/21/2019 20:46:55</t>
  </si>
  <si>
    <t>D:\21_11_2019 - PC ALGAR TECH\Desktop - 12-11-19\PreVendas - Governo Diogo\MEC\Novo\Publicado\ATUALIZADOS\Diligenciada\Planilha nova\MEC Cenario Aprovado Novo Sem PBM.xlsb</t>
  </si>
  <si>
    <t>11/21/2019 20:46:56</t>
  </si>
  <si>
    <t>D:\21_11_2019 - PC ALGAR TECH\Desktop - 12-11-19\PreVendas - Governo Diogo\MEC\Novo\Publicado\ATUALIZADOS\Diligenciada\Planilha nova\MEC Cenario Aprovado Novo.xlsb</t>
  </si>
  <si>
    <t>11/21/2019 20:46:57</t>
  </si>
  <si>
    <t>D:\21_11_2019 - PC ALGAR TECH\Desktop - 12-11-19\PreVendas - Governo Diogo\MEC\Novo\Publicado\ATUALIZADOS\Diligenciada\Planilha nova\MEC Cenario Aprovado Simulação.xlsb</t>
  </si>
  <si>
    <t>11/21/2019 20:46:58</t>
  </si>
  <si>
    <t>D:\21_11_2019 - PC ALGAR TECH\Desktop - 12-11-19\PreVendas - Governo Diogo\MEC\Novo\Publicado\Comitês\Change - 8 - Sustentação de Infra.ppt</t>
  </si>
  <si>
    <t>D:\21_11_2019 - PC ALGAR TECH\Desktop - 12-11-19\PreVendas - Governo Diogo\MEC\Novo\Publicado\Comitês\Change 3 MEC - Sustentação de Infra.ppt</t>
  </si>
  <si>
    <t>11/21/2019 20:47:00</t>
  </si>
  <si>
    <t>D:\21_11_2019 - PC ALGAR TECH\Desktop - 12-11-19\PreVendas - Governo Diogo\MEC\Novo\Publicado\Comitês\Insumos v3.xlsx</t>
  </si>
  <si>
    <t>11/21/2019 20:47:01</t>
  </si>
  <si>
    <t>D:\21_11_2019 - PC ALGAR TECH\Desktop - 12-11-19\PreVendas - Governo Diogo\MEC\Novo\Publicado\MUDANÇA ISIS-CA\Precificação Adoção MEC Adicionalv2.xlsx</t>
  </si>
  <si>
    <t>D:\21_11_2019 - PC ALGAR TECH\Desktop - 12-11-19\PreVendas - Governo Diogo\MEC\Novo\Publicado\MUDANÇA ISIS-CA\Simulação Preço CA.xlsx</t>
  </si>
  <si>
    <t>D:\21_11_2019 - PC ALGAR TECH\Desktop - 12-11-19\PreVendas - Governo Diogo\MEC\Novo\Publicado\MUDANÇA ISIS-CA\BP`s\Change Sustentação de Infra.ppt</t>
  </si>
  <si>
    <t>11/21/2019 20:47:02</t>
  </si>
  <si>
    <t>D:\21_11_2019 - PC ALGAR TECH\Desktop - 12-11-19\PreVendas - Governo Diogo\MEC\Novo\Publicado\MUDANÇA ISIS-CA\BP`s\MEC Cenario Aprovado Change Final SEM PBM(BKP).xlsb</t>
  </si>
  <si>
    <t>11/21/2019 20:47:03</t>
  </si>
  <si>
    <t>D:\21_11_2019 - PC ALGAR TECH\Desktop - 12-11-19\PreVendas - Governo Diogo\MEC\Novo\Publicado\MUDANÇA ISIS-CA\BP`s\MEC Cenario Aprovado Change Final SEM PBM.xlsb</t>
  </si>
  <si>
    <t>11/21/2019 20:47:04</t>
  </si>
  <si>
    <t>D:\21_11_2019 - PC ALGAR TECH\Desktop - 12-11-19\PreVendas - Governo Diogo\MEC\Novo\Publicado\MUDANÇA ISIS-CA\BP`s\MEC Cenario Aprovado Change Final.xlsb</t>
  </si>
  <si>
    <t>11/21/2019 20:47:05</t>
  </si>
  <si>
    <t>D:\21_11_2019 - PC ALGAR TECH\Desktop - 12-11-19\PreVendas - Governo Diogo\MEC\Novo\Publicado\MUDANÇA ISIS-CA\BP`s\Change Cargos e Salarios 25-10-13\MEC Change Final COM PBM.xlsb</t>
  </si>
  <si>
    <t>11/21/2019 20:47:06</t>
  </si>
  <si>
    <t>D:\21_11_2019 - PC ALGAR TECH\Desktop - 12-11-19\PreVendas - Governo Diogo\MEC\Novo\Publicado\MUDANÇA ISIS-CA\BP`s\Change Cargos e Salarios 25-10-13\MEC Change Final SEM PBM.xlsb</t>
  </si>
  <si>
    <t>11/21/2019 20:47:08</t>
  </si>
  <si>
    <t>D:\21_11_2019 - PC ALGAR TECH\Desktop - 12-11-19\PreVendas - Governo Diogo\MEC\Novo\Publicado\MUDANÇA ISIS-CA\BP`s\Change Cargos e Salários 07-08\MEC Change Final COM PBM.xlsb</t>
  </si>
  <si>
    <t>D:\21_11_2019 - PC ALGAR TECH\Desktop - 12-11-19\PreVendas - Governo Diogo\MEC\Novo\Publicado\MUDANÇA ISIS-CA\BP`s\Change Cargos e Salários 07-08\MEC Change Final SEM PBM.xlsb</t>
  </si>
  <si>
    <t>11/21/2019 20:47:09</t>
  </si>
  <si>
    <t>D:\21_11_2019 - PC ALGAR TECH\Desktop - 12-11-19\PreVendas - Governo Diogo\MEC\Novo\Publicado\MUDANÇA ISIS-CA\BP`s\OCS\MEC Cenario Aprovado Change Final SEM PBM.xlsb</t>
  </si>
  <si>
    <t>11/21/2019 20:47:10</t>
  </si>
  <si>
    <t>D:\21_11_2019 - PC ALGAR TECH\Desktop - 12-11-19\PreVendas - Governo Diogo\MEC\Novo\Publicado\MUDANÇA ISIS-CA\BP`s\OCS\MEC Cenario Aprovado Change Final.xlsb</t>
  </si>
  <si>
    <t>11/21/2019 20:47:11</t>
  </si>
  <si>
    <t>D:\21_11_2019 - PC ALGAR TECH\Desktop - 12-11-19\PreVendas - Governo Diogo\MEC\Novo\Publicado\MUDANÇA ISIS-CA\BP`s\Simulações\CA + ISIS - 24 meses.xlsb</t>
  </si>
  <si>
    <t>11/21/2019 20:47:12</t>
  </si>
  <si>
    <t>D:\21_11_2019 - PC ALGAR TECH\Desktop - 12-11-19\PreVendas - Governo Diogo\MEC\Novo\Publicado\MUDANÇA ISIS-CA\BP`s\Simulações\CA + ISIS - Pior Cenário.xlsb</t>
  </si>
  <si>
    <t>11/21/2019 20:47:13</t>
  </si>
  <si>
    <t>D:\21_11_2019 - PC ALGAR TECH\Desktop - 12-11-19\PreVendas - Governo Diogo\MEC\Novo\Publicado\MUDANÇA ISIS-CA\BP`s\Simulações\ISIS + Multa.xlsb</t>
  </si>
  <si>
    <t>D:\21_11_2019 - PC ALGAR TECH\Desktop - 12-11-19\PreVendas - Governo Diogo\MEC\Novo\Publicado\MUDANÇA ISIS-CA\BP`s\Simulações\Targets.xlsx</t>
  </si>
  <si>
    <t>11/21/2019 20:47:14</t>
  </si>
  <si>
    <t>D:\21_11_2019 - PC ALGAR TECH\Desktop - 12-11-19\PreVendas - Governo Diogo\MEC\Novo\Publicado\MUDANÇA ISIS-CA\BP`s\Simulações\1MM invest\MEC Cenario Aprovado Change Final SEM PBM.xlsb</t>
  </si>
  <si>
    <t>11/21/2019 20:47:15</t>
  </si>
  <si>
    <t>D:\21_11_2019 - PC ALGAR TECH\Desktop - 12-11-19\PreVendas - Governo Diogo\MEC\Novo\Publicado\MUDANÇA ISIS-CA\BP`s\Simulações\1MM invest\MEC Cenario Aprovado Change Final.xlsb</t>
  </si>
  <si>
    <t>11/21/2019 20:47:16</t>
  </si>
  <si>
    <t>D:\21_11_2019 - PC ALGAR TECH\Desktop - 12-11-19\PreVendas - Governo Diogo\MEC\Novo\Publicado\MUDANÇA ISIS-CA\BP`s\SPECTRUM\MEC Cenario Aprovado Change Final SEM PBM.xlsb</t>
  </si>
  <si>
    <t>D:\21_11_2019 - PC ALGAR TECH\Desktop - 12-11-19\PreVendas - Governo Diogo\MEC\Novo\Publicado\MUDANÇA ISIS-CA\BP`s\SPECTRUM\MEC Cenario Aprovado Change Final.xlsb</t>
  </si>
  <si>
    <t>D:\21_11_2019 - PC ALGAR TECH\Desktop - 12-11-19\PreVendas - Governo Diogo\MEC\Novo\Publicado\Planilhas IN02\IN-02 100%.xlsx</t>
  </si>
  <si>
    <t>11/21/2019 20:47:17</t>
  </si>
  <si>
    <t>D:\21_11_2019 - PC ALGAR TECH\Desktop - 12-11-19\PreVendas - Governo Diogo\MEC\Novo\Publicado\Planilhas IN02\IN-02 Diligenciada 8,33 FINAL.xlsx</t>
  </si>
  <si>
    <t>D:\21_11_2019 - PC ALGAR TECH\Desktop - 12-11-19\PreVendas - Governo Diogo\MEC\Novo\Publicado\Planilhas IN02\IN-02 Diligenciada 8,33.xlsx</t>
  </si>
  <si>
    <t>D:\21_11_2019 - PC ALGAR TECH\Desktop - 12-11-19\PreVendas - Governo Diogo\MEC\Novo\Publicado\Planilhas IN02\IN-02 Diligenciada.xlsx</t>
  </si>
  <si>
    <t>D:\21_11_2019 - PC ALGAR TECH\Desktop - 12-11-19\PreVendas - Governo Diogo\MEC\Novo\Publicado\Planilhas IN02\IN-02 ENVIO.xlsx</t>
  </si>
  <si>
    <t>D:\21_11_2019 - PC ALGAR TECH\Desktop - 12-11-19\PreVendas - Governo Diogo\MEC\Novo\Publicado\Primeira Fatura\Fatura Operação_v3 Contra Proposta.xlsx</t>
  </si>
  <si>
    <t>D:\21_11_2019 - PC ALGAR TECH\Desktop - 12-11-19\PreVendas - Governo Diogo\MEC\Novo\Publicado\Repactuação\Repactuação 13-14.xlsx</t>
  </si>
  <si>
    <t>11/21/2019 20:47:18</t>
  </si>
  <si>
    <t>D:\21_11_2019 - PC ALGAR TECH\Desktop - 12-11-19\PreVendas - Governo Diogo\MFaz\Cargos.xlsx</t>
  </si>
  <si>
    <t>11/21/2019 20:47:19</t>
  </si>
  <si>
    <t>D:\21_11_2019 - PC ALGAR TECH\Desktop - 12-11-19\PreVendas - Governo Diogo\MFaz\Planilha de Custos.xlsx</t>
  </si>
  <si>
    <t>11/21/2019 20:47:21</t>
  </si>
  <si>
    <t>D:\21_11_2019 - PC ALGAR TECH\Desktop - 12-11-19\PreVendas - Governo Diogo\MFaz\Precificação com Adoção - Comercial.xlsb</t>
  </si>
  <si>
    <t>11/21/2019 20:47:23</t>
  </si>
  <si>
    <t>D:\21_11_2019 - PC ALGAR TECH\Desktop - 12-11-19\PreVendas - Governo Diogo\MFaz\Precificação com Adoção - Soluções.xlsb</t>
  </si>
  <si>
    <t>11/21/2019 20:47:25</t>
  </si>
  <si>
    <t>D:\21_11_2019 - PC ALGAR TECH\Desktop - 12-11-19\PreVendas - Governo Diogo\MFaz\2017\EP\Preço.xlsb</t>
  </si>
  <si>
    <t>11/21/2019 20:47:27</t>
  </si>
  <si>
    <t>D:\21_11_2019 - PC ALGAR TECH\Desktop - 12-11-19\PreVendas - Governo Diogo\MFaz\2017\EP\Simulação.xlsb</t>
  </si>
  <si>
    <t>11/21/2019 20:47:28</t>
  </si>
  <si>
    <t>D:\21_11_2019 - PC ALGAR TECH\Desktop - 12-11-19\PreVendas - Governo Diogo\MFaz\2018\Infra\MFaz - GIAT - 2018.xlsx</t>
  </si>
  <si>
    <t>D:\21_11_2019 - PC ALGAR TECH\Desktop - 12-11-19\PreVendas - Governo Diogo\MFaz\2018\Infra\Pricing.xlsx</t>
  </si>
  <si>
    <t>11/21/2019 20:47:29</t>
  </si>
  <si>
    <t>D:\21_11_2019 - PC ALGAR TECH\Desktop - 12-11-19\PreVendas - Governo Diogo\MinC\Preco.xlsb</t>
  </si>
  <si>
    <t>11/21/2019 20:47:31</t>
  </si>
  <si>
    <t>D:\21_11_2019 - PC ALGAR TECH\Desktop - 12-11-19\PreVendas - Governo Diogo\Ministerio da Defesa\ServiceDesk.xlsb</t>
  </si>
  <si>
    <t>11/21/2019 20:47:35</t>
  </si>
  <si>
    <t>D:\21_11_2019 - PC ALGAR TECH\Desktop - 12-11-19\PreVendas - Governo Diogo\MJ\2019\7D1A1760</t>
  </si>
  <si>
    <t>11/21/2019 20:47:45</t>
  </si>
  <si>
    <t>D:\21_11_2019 - PC ALGAR TECH\Desktop - 12-11-19\PreVendas - Governo Diogo\MMA\Antigo\Cargos e Salários MMA.xlsx</t>
  </si>
  <si>
    <t>11/21/2019 20:47:46</t>
  </si>
  <si>
    <t>D:\21_11_2019 - PC ALGAR TECH\Desktop - 12-11-19\PreVendas - Governo Diogo\MMA\Antigo\Dimensionamento e Monitoramento MMA.xlsx</t>
  </si>
  <si>
    <t>D:\21_11_2019 - PC ALGAR TECH\Desktop - 12-11-19\PreVendas - Governo Diogo\MMA\Antigo\Estratégia Pregão.xlsx</t>
  </si>
  <si>
    <t>D:\21_11_2019 - PC ALGAR TECH\Desktop - 12-11-19\PreVendas - Governo Diogo\MMA\Antigo\Planilha de Custos - Algar Tecnologia - v2.xlsx</t>
  </si>
  <si>
    <t>11/21/2019 20:47:48</t>
  </si>
  <si>
    <t>D:\21_11_2019 - PC ALGAR TECH\Desktop - 12-11-19\PreVendas - Governo Diogo\MPMT\Lote1.xlsx</t>
  </si>
  <si>
    <t>D:\21_11_2019 - PC ALGAR TECH\Desktop - 12-11-19\PreVendas - Governo Diogo\MPMT\Lote2.xlsx</t>
  </si>
  <si>
    <t>11/21/2019 20:47:50</t>
  </si>
  <si>
    <t>D:\21_11_2019 - PC ALGAR TECH\Desktop - 12-11-19\PreVendas - Governo Diogo\MPMT\ITSM\COTAÇÃO-DESKTOP-RUEL37L.xlsx</t>
  </si>
  <si>
    <t>11/21/2019 20:47:51</t>
  </si>
  <si>
    <t>D:\21_11_2019 - PC ALGAR TECH\Desktop - 12-11-19\PreVendas - Governo Diogo\MPMT\ITSM\COTAÇÃO.xlsx</t>
  </si>
  <si>
    <t>11/21/2019 20:47:52</t>
  </si>
  <si>
    <t>D:\21_11_2019 - PC ALGAR TECH\Desktop - 12-11-19\PreVendas - Governo Diogo\MPMT\ITSM\Pontos de Atencao EDER.xlsx</t>
  </si>
  <si>
    <t>D:\21_11_2019 - PC ALGAR TECH\Desktop - 12-11-19\PreVendas - Governo Diogo\MPMT\ITSM\Questionamentos.xlsx</t>
  </si>
  <si>
    <t>D:\21_11_2019 - PC ALGAR TECH\Desktop - 12-11-19\PreVendas - Governo Diogo\MPMT\ITSM\Precificação\Cenaryum Simiuleitor Licitassation MPMT.xlsx</t>
  </si>
  <si>
    <t>D:\21_11_2019 - PC ALGAR TECH\Desktop - 12-11-19\PreVendas - Governo Diogo\MPMT\ITSM\Precificação\Simulação 2.xlsx</t>
  </si>
  <si>
    <t>11/21/2019 20:47:54</t>
  </si>
  <si>
    <t>D:\21_11_2019 - PC ALGAR TECH\Desktop - 12-11-19\PreVendas - Governo Diogo\MPMT\ITSM\Precificação\Banco de Horas\Valor Hora.xlsb</t>
  </si>
  <si>
    <t>11/21/2019 20:47:56</t>
  </si>
  <si>
    <t>D:\21_11_2019 - PC ALGAR TECH\Desktop - 12-11-19\PreVendas - Governo Diogo\MPMT\ITSM\Precificação\FINAL\Consolidado Adiantado.xlsb</t>
  </si>
  <si>
    <t>11/21/2019 20:47:58</t>
  </si>
  <si>
    <t>D:\21_11_2019 - PC ALGAR TECH\Desktop - 12-11-19\PreVendas - Governo Diogo\MPMT\ITSM\Precificação\FINAL\Consolidado.xlsb</t>
  </si>
  <si>
    <t>D:\21_11_2019 - PC ALGAR TECH\Desktop - 12-11-19\PreVendas - Governo Diogo\MPMT\ITSM\Precificação\FINAL\FINAL.xlsx</t>
  </si>
  <si>
    <t>11/21/2019 20:48:00</t>
  </si>
  <si>
    <t>D:\21_11_2019 - PC ALGAR TECH\Desktop - 12-11-19\PreVendas - Governo Diogo\MPMT\ITSM\Precificação\FINAL\Linha 1.xlsb</t>
  </si>
  <si>
    <t>11/21/2019 20:48:02</t>
  </si>
  <si>
    <t>D:\21_11_2019 - PC ALGAR TECH\Desktop - 12-11-19\PreVendas - Governo Diogo\MPMT\ITSM\Precificação\FINAL\Linha 2.xlsb</t>
  </si>
  <si>
    <t>11/22/2019 08:49:36</t>
  </si>
  <si>
    <t>11/21/2019 20:48:03</t>
  </si>
  <si>
    <t>D:\21_11_2019 - PC ALGAR TECH\Desktop - 12-11-19\PreVendas - Governo Diogo\MPMT\ITSM\Precificação\FINAL\Treinamento Avançado.xlsb</t>
  </si>
  <si>
    <t>11/21/2019 20:48:05</t>
  </si>
  <si>
    <t>D:\21_11_2019 - PC ALGAR TECH\Desktop - 12-11-19\PreVendas - Governo Diogo\MPMT\ITSM\Precificação\FINAL\Treinamento Básico.xlsb</t>
  </si>
  <si>
    <t>11/21/2019 20:48:07</t>
  </si>
  <si>
    <t>D:\21_11_2019 - PC ALGAR TECH\Desktop - 12-11-19\PreVendas - Governo Diogo\MPMT\ITSM\Precificação\FINAL\Treinamento Oficial.xlsb</t>
  </si>
  <si>
    <t>11/21/2019 20:48:09</t>
  </si>
  <si>
    <t>D:\21_11_2019 - PC ALGAR TECH\Desktop - 12-11-19\PreVendas - Governo Diogo\MPMT\ITSM\Precificação\FINAL\Valor Hora.xlsb</t>
  </si>
  <si>
    <t>11/21/2019 20:48:11</t>
  </si>
  <si>
    <t>D:\21_11_2019 - PC ALGAR TECH\Desktop - 12-11-19\PreVendas - Governo Diogo\MPMT\ITSM\Precificação\Licenciamento + Setup\Cenário 1\Linha 1.xlsb</t>
  </si>
  <si>
    <t>11/21/2019 20:48:13</t>
  </si>
  <si>
    <t>D:\21_11_2019 - PC ALGAR TECH\Desktop - 12-11-19\PreVendas - Governo Diogo\MPMT\ITSM\Precificação\Licenciamento + Setup\Cenário 1\Linha 2.xlsb</t>
  </si>
  <si>
    <t>11/21/2019 20:48:14</t>
  </si>
  <si>
    <t>D:\21_11_2019 - PC ALGAR TECH\Desktop - 12-11-19\PreVendas - Governo Diogo\MPMT\ITSM\Precificação\Licenciamento + Setup\Cenário 2\Linha 1.xlsb</t>
  </si>
  <si>
    <t>11/21/2019 20:48:16</t>
  </si>
  <si>
    <t>D:\21_11_2019 - PC ALGAR TECH\Desktop - 12-11-19\PreVendas - Governo Diogo\MPMT\ITSM\Precificação\Licenciamento + Setup\Cenário 2\Linha 2.xlsb</t>
  </si>
  <si>
    <t>11/21/2019 20:48:18</t>
  </si>
  <si>
    <t>D:\21_11_2019 - PC ALGAR TECH\Desktop - 12-11-19\PreVendas - Governo Diogo\MPMT\ITSM\Precificação\Licenciamento + Setup\Cenário 3\Linha 1.xlsb</t>
  </si>
  <si>
    <t>11/21/2019 20:48:20</t>
  </si>
  <si>
    <t>D:\21_11_2019 - PC ALGAR TECH\Desktop - 12-11-19\PreVendas - Governo Diogo\MPMT\ITSM\Precificação\Licenciamento + Setup\Cenário 3\Linha 2.xlsb</t>
  </si>
  <si>
    <t>11/21/2019 20:48:22</t>
  </si>
  <si>
    <t>D:\21_11_2019 - PC ALGAR TECH\Desktop - 12-11-19\PreVendas - Governo Diogo\MPMT\ITSM\Precificação\Treinamentos\Treinamento Avançado.xlsb</t>
  </si>
  <si>
    <t>11/21/2019 20:48:23</t>
  </si>
  <si>
    <t>D:\21_11_2019 - PC ALGAR TECH\Desktop - 12-11-19\PreVendas - Governo Diogo\MPMT\ITSM\Precificação\Treinamentos\Treinamento Básico.xlsb</t>
  </si>
  <si>
    <t>11/21/2019 20:48:26</t>
  </si>
  <si>
    <t>D:\21_11_2019 - PC ALGAR TECH\Desktop - 12-11-19\PreVendas - Governo Diogo\MPMT\ITSM\Precificação\Treinamentos\Treinamento Oficial.xlsb</t>
  </si>
  <si>
    <t>11/21/2019 20:48:28</t>
  </si>
  <si>
    <t>D:\21_11_2019 - PC ALGAR TECH\Desktop - 12-11-19\PreVendas - Governo Diogo\MPMT\SD2017\Cotação\Cotação.xlsb</t>
  </si>
  <si>
    <t>D:\21_11_2019 - PC ALGAR TECH\Desktop - 12-11-19\PreVendas - Governo Diogo\MPMT\SD2017\Cotação\Resumo.xlsx</t>
  </si>
  <si>
    <t>D:\21_11_2019 - PC ALGAR TECH\Desktop - 12-11-19\PreVendas - Governo Diogo\MPS\Precificação com Adoção.xlsb</t>
  </si>
  <si>
    <t>D:\21_11_2019 - PC ALGAR TECH\Desktop - 12-11-19\PreVendas - Governo Diogo\MPS\11-07-2013\Cópia de Planilha de Preço - Serviços Gerenciados.xlsb</t>
  </si>
  <si>
    <t>11/21/2019 20:48:31</t>
  </si>
  <si>
    <t>D:\21_11_2019 - PC ALGAR TECH\Desktop - 12-11-19\PreVendas - Governo Diogo\MPS\publicado\Dados.xlsx</t>
  </si>
  <si>
    <t>D:\21_11_2019 - PC ALGAR TECH\Desktop - 12-11-19\PreVendas - Governo Diogo\MRE\Análise Ferramenta.xlsx</t>
  </si>
  <si>
    <t>D:\21_11_2019 - PC ALGAR TECH\Desktop - 12-11-19\PreVendas - Governo Diogo\MRE\Dimensionamento.xlsx</t>
  </si>
  <si>
    <t>D:\21_11_2019 - PC ALGAR TECH\Desktop - 12-11-19\PreVendas - Governo Diogo\MRE\IN-02.xls</t>
  </si>
  <si>
    <t>11/21/2019 20:48:32</t>
  </si>
  <si>
    <t>D:\21_11_2019 - PC ALGAR TECH\Desktop - 12-11-19\PreVendas - Governo Diogo\MRE\Preco.xlsb</t>
  </si>
  <si>
    <t>11/21/2019 20:48:34</t>
  </si>
  <si>
    <t>D:\21_11_2019 - PC ALGAR TECH\Desktop - 12-11-19\PreVendas - Governo Diogo\MRE\2018\SD\Cotação\Cotação.xlsx</t>
  </si>
  <si>
    <t>11/21/2019 20:48:36</t>
  </si>
  <si>
    <t>D:\21_11_2019 - PC ALGAR TECH\Desktop - 12-11-19\PreVendas - Governo Diogo\MRE\2019\SOC\BP SOC MRE 12 Profissionais.xlsb</t>
  </si>
  <si>
    <t>11/21/2019 20:48:38</t>
  </si>
  <si>
    <t>D:\21_11_2019 - PC ALGAR TECH\Desktop - 12-11-19\PreVendas - Governo Diogo\MRE\2019\SOC\BP SOC MRE 8 Profissionais.xlsb</t>
  </si>
  <si>
    <t>11/21/2019 20:48:39</t>
  </si>
  <si>
    <t>D:\21_11_2019 - PC ALGAR TECH\Desktop - 12-11-19\PreVendas - Governo Diogo\MRE\2019\SOC\Ficha da Oportunidade MRE.xlsx</t>
  </si>
  <si>
    <t>11/21/2019 20:48:40</t>
  </si>
  <si>
    <t>D:\21_11_2019 - PC ALGAR TECH\Desktop - 12-11-19\PreVendas - Governo Diogo\MRE\2019\SOC\Plan Precificacao C017 B017.xlsb</t>
  </si>
  <si>
    <t>11/21/2019 20:48:42</t>
  </si>
  <si>
    <t>D:\21_11_2019 - PC ALGAR TECH\Desktop - 12-11-19\PreVendas - Governo Diogo\MRE\2019\SOC\Proposta de Preço.xlsx</t>
  </si>
  <si>
    <t>11/21/2019 20:48:43</t>
  </si>
  <si>
    <t>D:\21_11_2019 - PC ALGAR TECH\Desktop - 12-11-19\PreVendas - Governo Diogo\MRE\Aluisio\CAPEX-MRE (1).xlsx</t>
  </si>
  <si>
    <t>11/21/2019 20:48:44</t>
  </si>
  <si>
    <t>D:\21_11_2019 - PC ALGAR TECH\Desktop - 12-11-19\PreVendas - Governo Diogo\MRE\Aluisio\Dimensionamento.xlsx</t>
  </si>
  <si>
    <t>D:\21_11_2019 - PC ALGAR TECH\Desktop - 12-11-19\PreVendas - Governo Diogo\MRE\Aluisio\IN-02.xls</t>
  </si>
  <si>
    <t>D:\21_11_2019 - PC ALGAR TECH\Desktop - 12-11-19\PreVendas - Governo Diogo\MRE\Aluisio\Perfis Edital MRE.xlsx</t>
  </si>
  <si>
    <t>D:\21_11_2019 - PC ALGAR TECH\Desktop - 12-11-19\PreVendas - Governo Diogo\MRE\Aluisio\Preco.xlsb</t>
  </si>
  <si>
    <t>11/21/2019 20:48:45</t>
  </si>
  <si>
    <t>D:\21_11_2019 - PC ALGAR TECH\Desktop - 12-11-19\PreVendas - Governo Diogo\MRE\Aluisio\Change Agosto 14\DRE.xlsx</t>
  </si>
  <si>
    <t>D:\21_11_2019 - PC ALGAR TECH\Desktop - 12-11-19\PreVendas - Governo Diogo\MRE\Aluisio\Change Agosto 14\Preço - Change Agosto 2014.xlsb</t>
  </si>
  <si>
    <t>D:\21_11_2019 - PC ALGAR TECH\Desktop - 12-11-19\PreVendas - Governo Diogo\MRE\Aluisio\Comite de Negócios\Precificação Adoção MRE v2.xlsx</t>
  </si>
  <si>
    <t>11/21/2019 20:48:46</t>
  </si>
  <si>
    <t>D:\21_11_2019 - PC ALGAR TECH\Desktop - 12-11-19\PreVendas - Governo Diogo\MRE\Aluisio\Edital\EDITAL &amp; ANEXOS.zip</t>
  </si>
  <si>
    <t>11/21/2019 20:48:47</t>
  </si>
  <si>
    <t>D:\21_11_2019 - PC ALGAR TECH\Desktop - 12-11-19\PreVendas - Governo Diogo\MRE\Aluisio\Edital\EDITAL &amp; ANEXOS\Anexo III - Planilha de Formaá∆o de Preáo @.xls</t>
  </si>
  <si>
    <t>11/21/2019 20:48:48</t>
  </si>
  <si>
    <t>D:\21_11_2019 - PC ALGAR TECH\Desktop - 12-11-19\PreVendas - Governo Diogo\MRE\Aluisio\Edital\EDITAL &amp; ANEXOS\Anexo VII - Catalogo de Serviáos - 1ß N°vel.xlsx</t>
  </si>
  <si>
    <t>11/21/2019 20:48:49</t>
  </si>
  <si>
    <t>D:\21_11_2019 - PC ALGAR TECH\Desktop - 12-11-19\PreVendas - Governo Diogo\MRE\Aluisio\Edital\EDITAL &amp; ANEXOS\Anexo VIII - Catalogo de Serviáos - 2ß N°vel.xlsx</t>
  </si>
  <si>
    <t>11/21/2019 20:48:51</t>
  </si>
  <si>
    <t>D:\21_11_2019 - PC ALGAR TECH\Desktop - 12-11-19\PreVendas - Governo Diogo\MRE\Aluisio\Precificação\Preço - Change Agosto 2014.xlsb</t>
  </si>
  <si>
    <t>11/21/2019 20:48:52</t>
  </si>
  <si>
    <t>D:\21_11_2019 - PC ALGAR TECH\Desktop - 12-11-19\PreVendas - Governo Diogo\MRE\Aluisio\Precificação\Preço - MRE Final - SEM CUSTO DE PA - SALARIO REAJUSTADO.xlsb</t>
  </si>
  <si>
    <t>D:\21_11_2019 - PC ALGAR TECH\Desktop - 12-11-19\PreVendas - Governo Diogo\MRE\Aluisio\Precificação\Preço - MRE Final - SEM CUSTO DE PA.xlsb</t>
  </si>
  <si>
    <t>D:\21_11_2019 - PC ALGAR TECH\Desktop - 12-11-19\PreVendas - Governo Diogo\MRE\Banco de Dados\Cotacao.xlsb</t>
  </si>
  <si>
    <t>D:\21_11_2019 - PC ALGAR TECH\Desktop - 12-11-19\PreVendas - Governo Diogo\MRE\Banco de Dados\Resumo Cotação.xlsx</t>
  </si>
  <si>
    <t>11/21/2019 20:48:53</t>
  </si>
  <si>
    <t>D:\21_11_2019 - PC ALGAR TECH\Desktop - 12-11-19\PreVendas - Governo Diogo\MRE\Banco de Dados\2016\Cotação.xlsx</t>
  </si>
  <si>
    <t>11/21/2019 20:48:54</t>
  </si>
  <si>
    <t>D:\21_11_2019 - PC ALGAR TECH\Desktop - 12-11-19\PreVendas - Governo Diogo\MRE\Edital\EDITAL &amp; ANEXOS.zip</t>
  </si>
  <si>
    <t>11/21/2019 20:48:58</t>
  </si>
  <si>
    <t>D:\21_11_2019 - PC ALGAR TECH\Desktop - 12-11-19\PreVendas - Governo Diogo\MRE\Edital\EDITAL &amp; ANEXOS\Anexo III - Planilha de Formaá∆o de Preáo @.xls</t>
  </si>
  <si>
    <t>D:\21_11_2019 - PC ALGAR TECH\Desktop - 12-11-19\PreVendas - Governo Diogo\MRE\Edital\EDITAL &amp; ANEXOS\Anexo VII - Catalogo de Serviáos - 1ß N°vel.xlsx</t>
  </si>
  <si>
    <t>D:\21_11_2019 - PC ALGAR TECH\Desktop - 12-11-19\PreVendas - Governo Diogo\MRE\Edital\EDITAL &amp; ANEXOS\Anexo VIII - Catalogo de Serviáos - 2ß N°vel.xlsx</t>
  </si>
  <si>
    <t>11/21/2019 20:48:59</t>
  </si>
  <si>
    <t>D:\21_11_2019 - PC ALGAR TECH\Desktop - 12-11-19\PreVendas - Governo Diogo\MRE\Sustentação de Infra\C&amp;R Final.xlsx</t>
  </si>
  <si>
    <t>D:\21_11_2019 - PC ALGAR TECH\Desktop - 12-11-19\PreVendas - Governo Diogo\MRE\Sustentação de Infra\C&amp;R Preliminar.xlsx</t>
  </si>
  <si>
    <t>D:\21_11_2019 - PC ALGAR TECH\Desktop - 12-11-19\PreVendas - Governo Diogo\MRE\Sustentação de Infra\Cenários - MRE.xlsx</t>
  </si>
  <si>
    <t>D:\21_11_2019 - PC ALGAR TECH\Desktop - 12-11-19\PreVendas - Governo Diogo\MRE\Sustentação de Infra\Cotação.xlsb</t>
  </si>
  <si>
    <t>D:\21_11_2019 - PC ALGAR TECH\Desktop - 12-11-19\PreVendas - Governo Diogo\MRE\Sustentação de Infra\FERRAMENTA.xlsx</t>
  </si>
  <si>
    <t>11/21/2019 20:49:00</t>
  </si>
  <si>
    <t>D:\21_11_2019 - PC ALGAR TECH\Desktop - 12-11-19\PreVendas - Governo Diogo\MRE\Sustentação de Infra\MRE - Infra - Change CA.xlsb</t>
  </si>
  <si>
    <t>11/21/2019 20:49:03</t>
  </si>
  <si>
    <t>D:\21_11_2019 - PC ALGAR TECH\Desktop - 12-11-19\PreVendas - Governo Diogo\MRE\Sustentação de Infra\Preço.xlsb</t>
  </si>
  <si>
    <t>11/21/2019 20:49:07</t>
  </si>
  <si>
    <t>D:\21_11_2019 - PC ALGAR TECH\Desktop - 12-11-19\PreVendas - Governo Diogo\MRE\Sustentação de Infra\Ministerio Relacoes Exteriores_D F_PGE_01_2015_Suporte Tecnico\Edital DCD 1_2015.zip</t>
  </si>
  <si>
    <t>11/21/2019 20:49:08</t>
  </si>
  <si>
    <t>D:\21_11_2019 - PC ALGAR TECH\Desktop - 12-11-19\PreVendas - Governo Diogo\MRE\Sustentação de Infra\Ministerio Relacoes Exteriores_D F_PGE_01_2015_Suporte Tecnico\Para publicaá∆o\Anexo 13 - Planilha de formaá∆o de preáo (vazia).xlsx</t>
  </si>
  <si>
    <t>11/21/2019 20:49:09</t>
  </si>
  <si>
    <t>D:\21_11_2019 - PC ALGAR TECH\Desktop - 12-11-19\PreVendas - Governo Diogo\MRV\Benefícios.xlsx</t>
  </si>
  <si>
    <t>11/21/2019 20:49:13</t>
  </si>
  <si>
    <t>D:\21_11_2019 - PC ALGAR TECH\Desktop - 12-11-19\PreVendas - Governo Diogo\MRV\BP Aluguel Veículo.xlsb</t>
  </si>
  <si>
    <t>11/21/2019 20:49:14</t>
  </si>
  <si>
    <t>D:\21_11_2019 - PC ALGAR TECH\Desktop - 12-11-19\PreVendas - Governo Diogo\MRV\BP Fixo Mensal V4.xlsb</t>
  </si>
  <si>
    <t>11/21/2019 20:49:16</t>
  </si>
  <si>
    <t>D:\21_11_2019 - PC ALGAR TECH\Desktop - 12-11-19\PreVendas - Governo Diogo\MRV\BP Fixo Mensal.xlsb</t>
  </si>
  <si>
    <t>11/21/2019 20:49:20</t>
  </si>
  <si>
    <t>D:\21_11_2019 - PC ALGAR TECH\Desktop - 12-11-19\PreVendas - Governo Diogo\MRV\BP RollOut.xlsb</t>
  </si>
  <si>
    <t>11/21/2019 20:49:22</t>
  </si>
  <si>
    <t>D:\21_11_2019 - PC ALGAR TECH\Desktop - 12-11-19\PreVendas - Governo Diogo\MRV\CHamado Per Call.xlsb</t>
  </si>
  <si>
    <t>D:\21_11_2019 - PC ALGAR TECH\Desktop - 12-11-19\PreVendas - Governo Diogo\MRV\Dimensionamento.xlsx</t>
  </si>
  <si>
    <t>11/21/2019 20:49:25</t>
  </si>
  <si>
    <t>D:\21_11_2019 - PC ALGAR TECH\Desktop - 12-11-19\PreVendas - Governo Diogo\MRV\KM Rodado.xlsb</t>
  </si>
  <si>
    <t>11/21/2019 20:49:27</t>
  </si>
  <si>
    <t>D:\21_11_2019 - PC ALGAR TECH\Desktop - 12-11-19\PreVendas - Governo Diogo\MTE\Cenarios MTE.xlsx</t>
  </si>
  <si>
    <t>11/21/2019 20:49:34</t>
  </si>
  <si>
    <t>D:\21_11_2019 - PC ALGAR TECH\Desktop - 12-11-19\PreVendas - Governo Diogo\MTE\MTE Final MC-22%.xlsm</t>
  </si>
  <si>
    <t>11/21/2019 20:49:43</t>
  </si>
  <si>
    <t>D:\21_11_2019 - PC ALGAR TECH\Desktop - 12-11-19\PreVendas - Governo Diogo\MTE\MTE_Final.xlsm</t>
  </si>
  <si>
    <t>11/21/2019 20:49:52</t>
  </si>
  <si>
    <t>D:\21_11_2019 - PC ALGAR TECH\Desktop - 12-11-19\PreVendas - Governo Diogo\MTE\MTE_Glosado.xlsm</t>
  </si>
  <si>
    <t>11/21/2019 20:50:01</t>
  </si>
  <si>
    <t>D:\21_11_2019 - PC ALGAR TECH\Desktop - 12-11-19\PreVendas - Governo Diogo\MTE\MTE_Inicial.xlsm</t>
  </si>
  <si>
    <t>11/21/2019 20:50:02</t>
  </si>
  <si>
    <t>D:\21_11_2019 - PC ALGAR TECH\Desktop - 12-11-19\PreVendas - Governo Diogo\MTE\Planilha de Custos - Resumo e IN-02.xlsx</t>
  </si>
  <si>
    <t>D:\21_11_2019 - PC ALGAR TECH\Desktop - 12-11-19\PreVendas - Governo Diogo\MTE\Planilha MTE.xlsx</t>
  </si>
  <si>
    <t>D:\21_11_2019 - PC ALGAR TECH\Desktop - 12-11-19\PreVendas - Governo Diogo\MTE\2017\SD Nacional\Cotação.xlsx</t>
  </si>
  <si>
    <t>11/21/2019 20:50:04</t>
  </si>
  <si>
    <t>D:\21_11_2019 - PC ALGAR TECH\Desktop - 12-11-19\PreVendas - Governo Diogo\MTE\2017\SD Nacional\Publicado\BP Diogo.xlsb</t>
  </si>
  <si>
    <t>11/21/2019 20:50:05</t>
  </si>
  <si>
    <t>D:\21_11_2019 - PC ALGAR TECH\Desktop - 12-11-19\PreVendas - Governo Diogo\MTE\2017\SD Nacional\Publicado\BP MTE V1.xlsb</t>
  </si>
  <si>
    <t>11/21/2019 20:50:06</t>
  </si>
  <si>
    <t>D:\21_11_2019 - PC ALGAR TECH\Desktop - 12-11-19\PreVendas - Governo Diogo\MTE\2017\SD Nacional\Publicado\BP MTE V2.xlsb</t>
  </si>
  <si>
    <t>11/21/2019 20:50:09</t>
  </si>
  <si>
    <t>D:\21_11_2019 - PC ALGAR TECH\Desktop - 12-11-19\PreVendas - Governo Diogo\MTE\2017\SD Nacional\Publicado\BP MTE V3.xlsb</t>
  </si>
  <si>
    <t>11/21/2019 20:50:10</t>
  </si>
  <si>
    <t>D:\21_11_2019 - PC ALGAR TECH\Desktop - 12-11-19\PreVendas - Governo Diogo\MTE\2017\SD Nacional\Publicado\Distribuição Completa.xlsx</t>
  </si>
  <si>
    <t>D:\21_11_2019 - PC ALGAR TECH\Desktop - 12-11-19\PreVendas - Governo Diogo\MTE\2017\SD Nacional\Publicado\Distribuição.csv</t>
  </si>
  <si>
    <t>D:\21_11_2019 - PC ALGAR TECH\Desktop - 12-11-19\PreVendas - Governo Diogo\MTE\2017\SD Nacional\Publicado\Distribuição.xlsx</t>
  </si>
  <si>
    <t>11/21/2019 20:50:12</t>
  </si>
  <si>
    <t>D:\21_11_2019 - PC ALGAR TECH\Desktop - 12-11-19\PreVendas - Governo Diogo\MTE\2018\Assessoria\Pricing1.xlsx</t>
  </si>
  <si>
    <t>11/21/2019 20:50:15</t>
  </si>
  <si>
    <t>D:\21_11_2019 - PC ALGAR TECH\Desktop - 12-11-19\PreVendas - Governo Diogo\MTE\2018\INFRA\Publicado\GIAT+NOC - MTE - 2018.xlsb</t>
  </si>
  <si>
    <t>11/21/2019 20:50:16</t>
  </si>
  <si>
    <t>D:\21_11_2019 - PC ALGAR TECH\Desktop - 12-11-19\PreVendas - Governo Diogo\MTE\2018\INFRA\Publicado\GIAT^MNOC - MTE - 2018.xlsb</t>
  </si>
  <si>
    <t>11/21/2019 20:50:19</t>
  </si>
  <si>
    <t>D:\21_11_2019 - PC ALGAR TECH\Desktop - 12-11-19\PreVendas - Governo Diogo\MTE\2018\INFRA\Publicado\Pricing Final MTE.xlsx</t>
  </si>
  <si>
    <t>D:\21_11_2019 - PC ALGAR TECH\Desktop - 12-11-19\PreVendas - Governo Diogo\MTE\2018\INFRA\Publicado\Pricing.xlsx</t>
  </si>
  <si>
    <t>11/21/2019 20:50:26</t>
  </si>
  <si>
    <t>D:\21_11_2019 - PC ALGAR TECH\Desktop - 12-11-19\PreVendas - Governo Diogo\MTE\Assessoria\Assessoria Cheio.xlsm</t>
  </si>
  <si>
    <t>11/21/2019 20:50:33</t>
  </si>
  <si>
    <t>D:\21_11_2019 - PC ALGAR TECH\Desktop - 12-11-19\PreVendas - Governo Diogo\MTE\Assessoria\Assessoria Desonerado_Rampado.xlsm</t>
  </si>
  <si>
    <t>11/21/2019 20:50:41</t>
  </si>
  <si>
    <t>D:\21_11_2019 - PC ALGAR TECH\Desktop - 12-11-19\PreVendas - Governo Diogo\MTE\Assessoria\Assessoria_110%.xlsm</t>
  </si>
  <si>
    <t>11/21/2019 20:50:48</t>
  </si>
  <si>
    <t>D:\21_11_2019 - PC ALGAR TECH\Desktop - 12-11-19\PreVendas - Governo Diogo\MTE\Assessoria\Assessoria_Desonerado.xlsm</t>
  </si>
  <si>
    <t>11/21/2019 20:50:50</t>
  </si>
  <si>
    <t>D:\21_11_2019 - PC ALGAR TECH\Desktop - 12-11-19\PreVendas - Governo Diogo\MTE\Assessoria\Banco de Dados.xlsb</t>
  </si>
  <si>
    <t>11/21/2019 20:50:51</t>
  </si>
  <si>
    <t>D:\21_11_2019 - PC ALGAR TECH\Desktop - 12-11-19\PreVendas - Governo Diogo\MTE\Assessoria\memoria.xlsx</t>
  </si>
  <si>
    <t>D:\21_11_2019 - PC ALGAR TECH\Desktop - 12-11-19\PreVendas - Governo Diogo\MTE\Assessoria\MTE - RB e MC.xls</t>
  </si>
  <si>
    <t>11/21/2019 20:50:52</t>
  </si>
  <si>
    <t>D:\21_11_2019 - PC ALGAR TECH\Desktop - 12-11-19\PreVendas - Governo Diogo\MTE\Cotação\Cotação Projeto Básico.xlsb</t>
  </si>
  <si>
    <t>11/21/2019 20:50:53</t>
  </si>
  <si>
    <t>D:\21_11_2019 - PC ALGAR TECH\Desktop - 12-11-19\PreVendas - Governo Diogo\MTE\Emergencial 2015\BD MSV_15.xlsb</t>
  </si>
  <si>
    <t>11/21/2019 20:50:55</t>
  </si>
  <si>
    <t>D:\21_11_2019 - PC ALGAR TECH\Desktop - 12-11-19\PreVendas - Governo Diogo\MTE\Emergencial 2015\BD MSV_19.xlsb</t>
  </si>
  <si>
    <t>11/21/2019 20:50:57</t>
  </si>
  <si>
    <t>D:\21_11_2019 - PC ALGAR TECH\Desktop - 12-11-19\PreVendas - Governo Diogo\MTE\Emergencial 2015\CONSOLIDADO MSV 15.xlsb</t>
  </si>
  <si>
    <t>D:\21_11_2019 - PC ALGAR TECH\Desktop - 12-11-19\PreVendas - Governo Diogo\MTE\Emergencial 2015\SD MSV_15.xlsb</t>
  </si>
  <si>
    <t>11/21/2019 20:50:58</t>
  </si>
  <si>
    <t>D:\21_11_2019 - PC ALGAR TECH\Desktop - 12-11-19\PreVendas - Governo Diogo\MTE\Emergencial 2015\SO MSV 15.xlsb</t>
  </si>
  <si>
    <t>11/21/2019 20:50:59</t>
  </si>
  <si>
    <t>D:\21_11_2019 - PC ALGAR TECH\Desktop - 12-11-19\PreVendas - Governo Diogo\MTE\Infra 2015\Cotação Grupo 1.xlsb</t>
  </si>
  <si>
    <t>11/21/2019 20:51:00</t>
  </si>
  <si>
    <t>D:\21_11_2019 - PC ALGAR TECH\Desktop - 12-11-19\PreVendas - Governo Diogo\MTE\Infra 2015\Cotação Grupo_2.xlsb</t>
  </si>
  <si>
    <t>11/21/2019 20:51:01</t>
  </si>
  <si>
    <t>D:\21_11_2019 - PC ALGAR TECH\Desktop - 12-11-19\PreVendas - Governo Diogo\MTE\Infra 2015\Publicado\Custo da Implantação.xls</t>
  </si>
  <si>
    <t>D:\21_11_2019 - PC ALGAR TECH\Desktop - 12-11-19\PreVendas - Governo Diogo\MTE\Infra 2015\Publicado\Preço Final SEM PREPOSTO e GERENTE.xlsb</t>
  </si>
  <si>
    <t>11/21/2019 20:51:02</t>
  </si>
  <si>
    <t>D:\21_11_2019 - PC ALGAR TECH\Desktop - 12-11-19\PreVendas - Governo Diogo\MTE\Infra 2015\Publicado\Preço Final.xlsb</t>
  </si>
  <si>
    <t>11/21/2019 20:51:03</t>
  </si>
  <si>
    <t>D:\21_11_2019 - PC ALGAR TECH\Desktop - 12-11-19\PreVendas - Governo Diogo\MTE\Infra 2015\Publicado\Preço.xlsb</t>
  </si>
  <si>
    <t>11/21/2019 20:51:04</t>
  </si>
  <si>
    <t>D:\21_11_2019 - PC ALGAR TECH\Desktop - 12-11-19\PreVendas - Governo Diogo\MTE\SD 2014\cotacao.xlsb</t>
  </si>
  <si>
    <t>11/21/2019 20:51:06</t>
  </si>
  <si>
    <t>D:\21_11_2019 - PC ALGAR TECH\Desktop - 12-11-19\PreVendas - Governo Diogo\MTE\SD 2015\Chamados.xlsx</t>
  </si>
  <si>
    <t>11/21/2019 20:51:07</t>
  </si>
  <si>
    <t>D:\21_11_2019 - PC ALGAR TECH\Desktop - 12-11-19\PreVendas - Governo Diogo\MTE\SD 2015\Histórico de Chamados.xlsx</t>
  </si>
  <si>
    <t>D:\21_11_2019 - PC ALGAR TECH\Desktop - 12-11-19\PreVendas - Governo Diogo\MTE\SD 2015\NMS`s.xlsx</t>
  </si>
  <si>
    <t>11/21/2019 20:51:08</t>
  </si>
  <si>
    <t>D:\21_11_2019 - PC ALGAR TECH\Desktop - 12-11-19\PreVendas - Governo Diogo\MTUR\desenho.xlsx</t>
  </si>
  <si>
    <t>11/21/2019 20:51:09</t>
  </si>
  <si>
    <t>D:\21_11_2019 - PC ALGAR TECH\Desktop - 12-11-19\PreVendas - Governo Diogo\MTUR\Edital\BP.xlsb</t>
  </si>
  <si>
    <t>11/21/2019 20:51:11</t>
  </si>
  <si>
    <t>D:\21_11_2019 - PC ALGAR TECH\Desktop - 12-11-19\PreVendas - Governo Diogo\NOVACAP\BP Atualizado.xlsb</t>
  </si>
  <si>
    <t>11/21/2019 20:51:12</t>
  </si>
  <si>
    <t>D:\21_11_2019 - PC ALGAR TECH\Desktop - 12-11-19\PreVendas - Governo Diogo\NOVACAP\BP.xlsb</t>
  </si>
  <si>
    <t>11/21/2019 20:51:14</t>
  </si>
  <si>
    <t>D:\21_11_2019 - PC ALGAR TECH\Desktop - 12-11-19\PreVendas - Governo Diogo\Petrobras\2014\Assessoria de Processos\PPU XLS.xlsx</t>
  </si>
  <si>
    <t>11/21/2019 20:51:15</t>
  </si>
  <si>
    <t>D:\21_11_2019 - PC ALGAR TECH\Desktop - 12-11-19\PreVendas - Governo Diogo\Petrobras\2014\Assessoria de Processos\Precificacao.xlsb</t>
  </si>
  <si>
    <t>11/21/2019 20:51:20</t>
  </si>
  <si>
    <t>D:\21_11_2019 - PC ALGAR TECH\Desktop - 12-11-19\PreVendas - Governo Diogo\Petrobras\2015\assessoria\BP.xlsb</t>
  </si>
  <si>
    <t>11/21/2019 20:51:22</t>
  </si>
  <si>
    <t>D:\21_11_2019 - PC ALGAR TECH\Desktop - 12-11-19\PreVendas - Governo Diogo\Petrobras\2015\assessoria\BP2016-DF-74201-PC.xlsb</t>
  </si>
  <si>
    <t>11/21/2019 20:51:24</t>
  </si>
  <si>
    <t>D:\21_11_2019 - PC ALGAR TECH\Desktop - 12-11-19\PreVendas - Governo Diogo\Petrobras\2015\assessoria\BP2016.xlsb</t>
  </si>
  <si>
    <t>11/21/2019 20:51:25</t>
  </si>
  <si>
    <t>D:\21_11_2019 - PC ALGAR TECH\Desktop - 12-11-19\PreVendas - Governo Diogo\Petrobras\2015\assessoria\DFP Resumo.xls</t>
  </si>
  <si>
    <t>D:\21_11_2019 - PC ALGAR TECH\Desktop - 12-11-19\PreVendas - Governo Diogo\Petrobras\2015\assessoria\Volumetria.xlsx</t>
  </si>
  <si>
    <t>11/21/2019 20:51:28</t>
  </si>
  <si>
    <t>D:\21_11_2019 - PC ALGAR TECH\Desktop - 12-11-19\PreVendas - Governo Diogo\Petrobras\2016\APOIO ALTA GESTÃO\BP Preço C007 B007 Metas Increm e Meta Base.xlsb</t>
  </si>
  <si>
    <t>D:\21_11_2019 - PC ALGAR TECH\Desktop - 12-11-19\PreVendas - Governo Diogo\Petrobras\2016\APOIO ALTA GESTÃO\IN02 - GERAL.xlsx</t>
  </si>
  <si>
    <t>11/21/2019 20:51:29</t>
  </si>
  <si>
    <t>D:\21_11_2019 - PC ALGAR TECH\Desktop - 12-11-19\PreVendas - Governo Diogo\Petrobras\2016\APOIO ALTA GESTÃO\Sizing.xlsx</t>
  </si>
  <si>
    <t>D:\21_11_2019 - PC ALGAR TECH\Desktop - 12-11-19\PreVendas - Governo Diogo\Petrobras\2016\Atendimento Local MACAÉ\Petrobras Relação_Técnicos_Contrato_TI_Atualizado.xlsx</t>
  </si>
  <si>
    <t>11/21/2019 20:51:32</t>
  </si>
  <si>
    <t>D:\21_11_2019 - PC ALGAR TECH\Desktop - 12-11-19\PreVendas - Governo Diogo\Petrobras\2016\E&amp;P\AM.xlsb</t>
  </si>
  <si>
    <t>11/21/2019 20:51:36</t>
  </si>
  <si>
    <t>D:\21_11_2019 - PC ALGAR TECH\Desktop - 12-11-19\PreVendas - Governo Diogo\Petrobras\2016\E&amp;P\BA.xlsb</t>
  </si>
  <si>
    <t>D:\21_11_2019 - PC ALGAR TECH\Desktop - 12-11-19\PreVendas - Governo Diogo\Petrobras\2016\E&amp;P\DFP Resumo (Envio).xls</t>
  </si>
  <si>
    <t>11/21/2019 20:51:37</t>
  </si>
  <si>
    <t>D:\21_11_2019 - PC ALGAR TECH\Desktop - 12-11-19\PreVendas - Governo Diogo\Petrobras\2016\E&amp;P\DFP Resumo (Memória de Cálculo).xls</t>
  </si>
  <si>
    <t>D:\21_11_2019 - PC ALGAR TECH\Desktop - 12-11-19\PreVendas - Governo Diogo\Petrobras\2016\E&amp;P\DFP Resumo.xls</t>
  </si>
  <si>
    <t>11/21/2019 20:51:39</t>
  </si>
  <si>
    <t>D:\21_11_2019 - PC ALGAR TECH\Desktop - 12-11-19\PreVendas - Governo Diogo\Petrobras\2016\E&amp;P\RNCE.xlsb</t>
  </si>
  <si>
    <t>11/21/2019 20:51:41</t>
  </si>
  <si>
    <t>D:\21_11_2019 - PC ALGAR TECH\Desktop - 12-11-19\PreVendas - Governo Diogo\Petrobras\2016\E&amp;P\SEAL.xlsb</t>
  </si>
  <si>
    <t>11/21/2019 20:51:43</t>
  </si>
  <si>
    <t>D:\21_11_2019 - PC ALGAR TECH\Desktop - 12-11-19\PreVendas - Governo Diogo\Petrobras\2017\7001807943 - Serviços de Apoio Técnico para Atendimento aos Usuários\Anexo 2 - Planilha de Precos Unitarios (3).xlsx</t>
  </si>
  <si>
    <t>11/21/2019 20:51:44</t>
  </si>
  <si>
    <t>D:\21_11_2019 - PC ALGAR TECH\Desktop - 12-11-19\PreVendas - Governo Diogo\Petrobras\2017\7001807943 - Serviços de Apoio Técnico para Atendimento aos Usuários\Anexo V - Modelo de DFP.xls</t>
  </si>
  <si>
    <t>11/21/2019 20:51:46</t>
  </si>
  <si>
    <t>D:\21_11_2019 - PC ALGAR TECH\Desktop - 12-11-19\PreVendas - Governo Diogo\Petrobras\2017\7001807943 - Serviços de Apoio Técnico para Atendimento aos Usuários\Cenário 1.xlsb</t>
  </si>
  <si>
    <t>11/21/2019 20:51:48</t>
  </si>
  <si>
    <t>D:\21_11_2019 - PC ALGAR TECH\Desktop - 12-11-19\PreVendas - Governo Diogo\Petrobras\2017\7001807943 - Serviços de Apoio Técnico para Atendimento aos Usuários\Cenário 2.xlsb</t>
  </si>
  <si>
    <t>D:\21_11_2019 - PC ALGAR TECH\Desktop - 12-11-19\PreVendas - Governo Diogo\Petrobras\2017\7001807943 - Serviços de Apoio Técnico para Atendimento aos Usuários\DFP - Cenário 2.xlsx</t>
  </si>
  <si>
    <t>D:\21_11_2019 - PC ALGAR TECH\Desktop - 12-11-19\PreVendas - Governo Diogo\Petrobras\2017\7001818540 - Convite 2047087.17.8 - Atendimendo Local RJ DF\Adendo III - Tabela de prazos (1).xlsx</t>
  </si>
  <si>
    <t>11/21/2019 20:51:49</t>
  </si>
  <si>
    <t>D:\21_11_2019 - PC ALGAR TECH\Desktop - 12-11-19\PreVendas - Governo Diogo\Petrobras\2017\7001818540 - Convite 2047087.17.8 - Atendimendo Local RJ DF\AdendoII-CenarioV2.xlsx</t>
  </si>
  <si>
    <t>11/21/2019 20:51:53</t>
  </si>
  <si>
    <t>D:\21_11_2019 - PC ALGAR TECH\Desktop - 12-11-19\PreVendas - Governo Diogo\Petrobras\2017\7001818540 - Convite 2047087.17.8 - Atendimendo Local RJ DF\Agressivo.xlsb</t>
  </si>
  <si>
    <t>11/21/2019 20:51:54</t>
  </si>
  <si>
    <t>D:\21_11_2019 - PC ALGAR TECH\Desktop - 12-11-19\PreVendas - Governo Diogo\Petrobras\2017\7001818540 - Convite 2047087.17.8 - Atendimendo Local RJ DF\DFP - 60dias - 50% indiretos.xlsx</t>
  </si>
  <si>
    <t>D:\21_11_2019 - PC ALGAR TECH\Desktop - 12-11-19\PreVendas - Governo Diogo\Petrobras\2017\7001818540 - Convite 2047087.17.8 - Atendimendo Local RJ DF\DFP - 60dias.xlsx</t>
  </si>
  <si>
    <t>11/21/2019 20:51:55</t>
  </si>
  <si>
    <t>D:\21_11_2019 - PC ALGAR TECH\Desktop - 12-11-19\PreVendas - Governo Diogo\Petrobras\2017\7001818540 - Convite 2047087.17.8 - Atendimendo Local RJ DF\IN02 - GERAL.xlsx</t>
  </si>
  <si>
    <t>11/21/2019 20:51:57</t>
  </si>
  <si>
    <t>D:\21_11_2019 - PC ALGAR TECH\Desktop - 12-11-19\PreVendas - Governo Diogo\Petrobras\2017\7001818540 - Convite 2047087.17.8 - Atendimendo Local RJ DF\Preço.xlsb</t>
  </si>
  <si>
    <t>11/21/2019 20:51:58</t>
  </si>
  <si>
    <t>D:\21_11_2019 - PC ALGAR TECH\Desktop - 12-11-19\PreVendas - Governo Diogo\Petrobras\2017\7001823525 - Central Serviços - Atendimento TIC - Lote 1 _SEDE_SUDESTE\ANEXO 2 - PPUS LOTE 1 (1).xls</t>
  </si>
  <si>
    <t>11/21/2019 20:51:59</t>
  </si>
  <si>
    <t>D:\21_11_2019 - PC ALGAR TECH\Desktop - 12-11-19\PreVendas - Governo Diogo\Petrobras\2017\7001823525 - Central Serviços - Atendimento TIC - Lote 1 _SEDE_SUDESTE\BP Preço REAJUSTADO 1.xlsb</t>
  </si>
  <si>
    <t>11/21/2019 20:52:00</t>
  </si>
  <si>
    <t>D:\21_11_2019 - PC ALGAR TECH\Desktop - 12-11-19\PreVendas - Governo Diogo\Petrobras\2017\7001823525 - Central Serviços - Atendimento TIC - Lote 1 _SEDE_SUDESTE\BP Preço REAJUSTADO Setembro.xlsb</t>
  </si>
  <si>
    <t>11/21/2019 20:52:02</t>
  </si>
  <si>
    <t>D:\21_11_2019 - PC ALGAR TECH\Desktop - 12-11-19\PreVendas - Governo Diogo\Petrobras\2017\7001823525 - Central Serviços - Atendimento TIC - Lote 1 _SEDE_SUDESTE\BP Preço.xlsb</t>
  </si>
  <si>
    <t>11/21/2019 20:52:03</t>
  </si>
  <si>
    <t>D:\21_11_2019 - PC ALGAR TECH\Desktop - 12-11-19\PreVendas - Governo Diogo\Petrobras\2017\7001823525 - Central Serviços - Atendimento TIC - Lote 1 _SEDE_SUDESTE\desenho.xlsb</t>
  </si>
  <si>
    <t>D:\21_11_2019 - PC ALGAR TECH\Desktop - 12-11-19\PreVendas - Governo Diogo\Petrobras\2017\7001823525 - Central Serviços - Atendimento TIC - Lote 1 _SEDE_SUDESTE\DFP - 45dias.xlsx</t>
  </si>
  <si>
    <t>11/21/2019 20:52:04</t>
  </si>
  <si>
    <t>D:\21_11_2019 - PC ALGAR TECH\Desktop - 12-11-19\PreVendas - Governo Diogo\Petrobras\2017\7001823525 - Central Serviços - Atendimento TIC - Lote 1 _SEDE_SUDESTE\sizing.xlsx</t>
  </si>
  <si>
    <t>11/21/2019 20:52:05</t>
  </si>
  <si>
    <t>D:\21_11_2019 - PC ALGAR TECH\Desktop - 12-11-19\PreVendas - Governo Diogo\Petrobras\2017\7001823525 - Central Serviços - Atendimento TIC - Lote 1 _SEDE_SUDESTE\Transpetro REVISADO OPERAÇÃO-Novembro.xlsb</t>
  </si>
  <si>
    <t>11/21/2019 20:52:07</t>
  </si>
  <si>
    <t>D:\21_11_2019 - PC ALGAR TECH\Desktop - 12-11-19\PreVendas - Governo Diogo\Petrobras\2017\7001823525 - Central Serviços - Atendimento TIC - Lote 1 _SEDE_SUDESTE\Transpetro REVISADO OPERAÇÃO.xlsb</t>
  </si>
  <si>
    <t>11/21/2019 20:52:17</t>
  </si>
  <si>
    <t>D:\21_11_2019 - PC ALGAR TECH\Desktop - 12-11-19\PreVendas - Governo Diogo\Petrobras\2017\7001823753 - 1993673.16.8 - Atendimento Local ES\ADENDO-I-A -Cenário Serviços.xlsx</t>
  </si>
  <si>
    <t>11/21/2019 20:52:21</t>
  </si>
  <si>
    <t>D:\21_11_2019 - PC ALGAR TECH\Desktop - 12-11-19\PreVendas - Governo Diogo\Petrobras\2017\7001823753 - 1993673.16.8 - Atendimento Local ES\ADENDO-I-B - Cenário Desempenho (1).xlsx</t>
  </si>
  <si>
    <t>11/21/2019 20:52:23</t>
  </si>
  <si>
    <t>D:\21_11_2019 - PC ALGAR TECH\Desktop - 12-11-19\PreVendas - Governo Diogo\Petrobras\2017\7001823764 - Central Serviços - Atendimento TIC - Lote 2 _Demais Estados\ANEXO 2 - PPU LOTE 2.xls</t>
  </si>
  <si>
    <t>11/21/2019 20:52:24</t>
  </si>
  <si>
    <t>D:\21_11_2019 - PC ALGAR TECH\Desktop - 12-11-19\PreVendas - Governo Diogo\Petrobras\2018\7001957543 - Automação Projeto\ANEXO I A - Cenário Rev1.xlsx</t>
  </si>
  <si>
    <t>11/21/2019 20:52:25</t>
  </si>
  <si>
    <t>D:\21_11_2019 - PC ALGAR TECH\Desktop - 12-11-19\PreVendas - Governo Diogo\Petrobras\2018\7001957543 - Automação Projeto\ANEXO I D - Tabela de Prazos de Serviços.xlsx</t>
  </si>
  <si>
    <t>D:\21_11_2019 - PC ALGAR TECH\Desktop - 12-11-19\PreVendas - Governo Diogo\Petrobras\2018\7001957543 - Automação Projeto\ANEXO II - Planilha de Preços.xlsx</t>
  </si>
  <si>
    <t>11/21/2019 20:52:26</t>
  </si>
  <si>
    <t>D:\21_11_2019 - PC ALGAR TECH\Desktop - 12-11-19\PreVendas - Governo Diogo\Petrobras\2018\7001957543 - Automação Projeto\Anexo VI - Tomadores de Serviço Rev1.xlsx</t>
  </si>
  <si>
    <t>D:\21_11_2019 - PC ALGAR TECH\Desktop - 12-11-19\PreVendas - Governo Diogo\Petrobras\2018\7001957543 - Automação Projeto\DFP.xlsx</t>
  </si>
  <si>
    <t>11/21/2019 20:52:28</t>
  </si>
  <si>
    <t>D:\21_11_2019 - PC ALGAR TECH\Desktop - 12-11-19\PreVendas - Governo Diogo\Petrobras\2018\7001957543 - Automação Projeto\PREÇO.xlsb</t>
  </si>
  <si>
    <t>D:\21_11_2019 - PC ALGAR TECH\Desktop - 12-11-19\PreVendas - Governo Diogo\Petrobras\2018\FIELD SUDESTE-SUL - 147073\Cópia de Anexo II - Adendo II - Cenario rev2.xlsx</t>
  </si>
  <si>
    <t>D:\21_11_2019 - PC ALGAR TECH\Desktop - 12-11-19\PreVendas - Governo Diogo\Petrobras\2018\FIELD SUDESTE-SUL - 147073\DFP.xlsx</t>
  </si>
  <si>
    <t>11/21/2019 20:52:30</t>
  </si>
  <si>
    <t>D:\21_11_2019 - PC ALGAR TECH\Desktop - 12-11-19\PreVendas - Governo Diogo\Petrobras\2018\FIELD SUDESTE-SUL - 147073\Field Petrobras - 147073 - V1.xlsb</t>
  </si>
  <si>
    <t>D:\21_11_2019 - PC ALGAR TECH\Desktop - 12-11-19\PreVendas - Governo Diogo\Petrobras\2018\FIELD SUDESTE-SUL - 147073\Racional de Dimensionamento.xlsx</t>
  </si>
  <si>
    <t>11/21/2019 20:52:45</t>
  </si>
  <si>
    <t>D:\21_11_2019 - PC ALGAR TECH\Desktop - 12-11-19\PreVendas - Governo Diogo\Petrobras\2018\FIELD SUDESTE-SUL - 147073\PETROBRAS - 7001980719 - ATENDIMENTO PRESENCIAL - 21.02.2018\Anexo II - Adendo III - Cenario.xlsx</t>
  </si>
  <si>
    <t>11/21/2019 20:52:47</t>
  </si>
  <si>
    <t>D:\21_11_2019 - PC ALGAR TECH\Desktop - 12-11-19\PreVendas - Governo Diogo\Petrobras\2018\FIELD SUDESTE-SUL - 147073\Questionamentos\Revisão de documentação.zip</t>
  </si>
  <si>
    <t>11/21/2019 20:52:49</t>
  </si>
  <si>
    <t>D:\21_11_2019 - PC ALGAR TECH\Desktop - 12-11-19\PreVendas - Governo Diogo\Petrobras\2018\PETROBRAS - 7002151564 - ATENDIMENTO LOCAL TIC - 17.09.2018\Adendo A_Minuta_contratual e seus Anexos.zip</t>
  </si>
  <si>
    <t>11/21/2019 20:52:50</t>
  </si>
  <si>
    <t>D:\21_11_2019 - PC ALGAR TECH\Desktop - 12-11-19\PreVendas - Governo Diogo\Petrobras\2018\PETROBRAS - 7002151564 - ATENDIMENTO LOCAL TIC - 17.09.2018\Adendos do Edital.zip</t>
  </si>
  <si>
    <t>D:\21_11_2019 - PC ALGAR TECH\Desktop - 12-11-19\PreVendas - Governo Diogo\Petrobras\2018\PETROBRAS - 7002151564 - ATENDIMENTO LOCAL TIC - 17.09.2018\Anexos da Especificacao de Servicos.zip</t>
  </si>
  <si>
    <t>11/21/2019 20:52:53</t>
  </si>
  <si>
    <t>D:\21_11_2019 - PC ALGAR TECH\Desktop - 12-11-19\PreVendas - Governo Diogo\Petrobras\2018\PETROBRAS - 7002151564 - ATENDIMENTO LOCAL TIC - 17.09.2018\Edital Petrobras.zip</t>
  </si>
  <si>
    <t>11/21/2019 20:52:54</t>
  </si>
  <si>
    <t>D:\21_11_2019 - PC ALGAR TECH\Desktop - 12-11-19\PreVendas - Governo Diogo\Petrobras\2018\PETROBRAS - 7002151564 - ATENDIMENTO LOCAL TIC - 17.09.2018\Adendo A_Minuta_contratual e seus Anexos\Anexo II - PPU sem valores.xlsx</t>
  </si>
  <si>
    <t>11/21/2019 20:52:56</t>
  </si>
  <si>
    <t>D:\21_11_2019 - PC ALGAR TECH\Desktop - 12-11-19\PreVendas - Governo Diogo\Petrobras\2018\PETROBRAS - 7002151564 - ATENDIMENTO LOCAL TIC - 17.09.2018\Adendos do Edital\Adendo I_ DFP.xlsm</t>
  </si>
  <si>
    <t>D:\21_11_2019 - PC ALGAR TECH\Desktop - 12-11-19\PreVendas - Governo Diogo\Petrobras\2018\PETROBRAS - 7002151564 - ATENDIMENTO LOCAL TIC - 17.09.2018\Adendos do Edital\Adendo J - Tomadores de Serviço.xlsx</t>
  </si>
  <si>
    <t>D:\21_11_2019 - PC ALGAR TECH\Desktop - 12-11-19\PreVendas - Governo Diogo\Petrobras\2018\PETROBRAS - 7002151564 - ATENDIMENTO LOCAL TIC - 17.09.2018\Anexos da Especificacao de Servicos\Anexo Ib - Parque Atendido.xlsx</t>
  </si>
  <si>
    <t>11/21/2019 20:52:57</t>
  </si>
  <si>
    <t>D:\21_11_2019 - PC ALGAR TECH\Desktop - 12-11-19\PreVendas - Governo Diogo\Petrobras\2018\PETROBRAS - 7002151564 - ATENDIMENTO LOCAL TIC - 17.09.2018\Anexos da Especificacao de Servicos\Anexo Id - Locais e Horários da Prestacao dos Servicos.xlsx</t>
  </si>
  <si>
    <t>D:\21_11_2019 - PC ALGAR TECH\Desktop - 12-11-19\PreVendas - Governo Diogo\Petrobras\2018\PETROBRAS - 7002151564 - ATENDIMENTO LOCAL TIC - 17.09.2018\Anexos da Especificacao de Servicos\Anexo Ie - Cenário de Alocacao de Recursos.xlsx</t>
  </si>
  <si>
    <t>D:\21_11_2019 - PC ALGAR TECH\Desktop - 12-11-19\PreVendas - Governo Diogo\Petrobras\2018\PETROBRAS - 7002151564 - ATENDIMENTO LOCAL TIC - 17.09.2018\Anexos da Especificacao de Servicos\Anexo Ig - Lista de Ferramentas e Insumos.xlsx</t>
  </si>
  <si>
    <t>D:\21_11_2019 - PC ALGAR TECH\Desktop - 12-11-19\PreVendas - Governo Diogo\Petrobras\2018\PETROBRAS - 7002151564 - ATENDIMENTO LOCAL TIC - 17.09.2018\Anexos da Especificacao de Servicos\Anexo Ih - Historico do Volume de Demandas.xlsx</t>
  </si>
  <si>
    <t>D:\21_11_2019 - PC ALGAR TECH\Desktop - 12-11-19\PreVendas - Governo Diogo\Petrobras\2018\PETROBRAS - 7002151564 - ATENDIMENTO LOCAL TIC - 17.09.2018\Questionamentos\Anexos.zip</t>
  </si>
  <si>
    <t>11/21/2019 20:52:58</t>
  </si>
  <si>
    <t>D:\21_11_2019 - PC ALGAR TECH\Desktop - 12-11-19\PreVendas - Governo Diogo\Petrobras\2019\ISD BR Distribuidora\Anexo II - PPU sem valores.xlsx</t>
  </si>
  <si>
    <t>D:\21_11_2019 - PC ALGAR TECH\Desktop - 12-11-19\PreVendas - Governo Diogo\Petrobras\BR Distribuidora\2016\Consultoria e Assessoria\Anexo II - Planilha de Precos.xlsx</t>
  </si>
  <si>
    <t>11/21/2019 20:53:00</t>
  </si>
  <si>
    <t>D:\21_11_2019 - PC ALGAR TECH\Desktop - 12-11-19\PreVendas - Governo Diogo\Petrobras\BR Distribuidora\2016\Consultoria e Assessoria\BP.xlsb</t>
  </si>
  <si>
    <t>D:\21_11_2019 - PC ALGAR TECH\Desktop - 12-11-19\PreVendas - Governo Diogo\Petrobras\BR Distribuidora\2016\Consultoria e Assessoria\Pricing.xlsx</t>
  </si>
  <si>
    <t>11/21/2019 20:53:01</t>
  </si>
  <si>
    <t>D:\21_11_2019 - PC ALGAR TECH\Desktop - 12-11-19\PreVendas - Governo Diogo\PGFN\LOTE 2-Diogo_note.xlsb</t>
  </si>
  <si>
    <t>11/21/2019 20:53:03</t>
  </si>
  <si>
    <t>D:\21_11_2019 - PC ALGAR TECH\Desktop - 12-11-19\PreVendas - Governo Diogo\PGFN\LOTE 2.xlsb</t>
  </si>
  <si>
    <t>11/21/2019 20:53:04</t>
  </si>
  <si>
    <t>D:\21_11_2019 - PC ALGAR TECH\Desktop - 12-11-19\PreVendas - Governo Diogo\PGFN\LOTE 3.xlsb</t>
  </si>
  <si>
    <t>11/21/2019 20:53:05</t>
  </si>
  <si>
    <t>D:\21_11_2019 - PC ALGAR TECH\Desktop - 12-11-19\PreVendas - Governo Diogo\PJMT\Cotação.xls</t>
  </si>
  <si>
    <t>D:\21_11_2019 - PC ALGAR TECH\Desktop - 12-11-19\PreVendas - Governo Diogo\Planejamento\USN.xlsx</t>
  </si>
  <si>
    <t>D:\21_11_2019 - PC ALGAR TECH\Desktop - 12-11-19\PreVendas - Governo Diogo\PPP BH\Cargos e Salários.xlsx</t>
  </si>
  <si>
    <t>11/21/2019 20:53:07</t>
  </si>
  <si>
    <t>D:\21_11_2019 - PC ALGAR TECH\Desktop - 12-11-19\PreVendas - Governo Diogo\PPP BH\Proposta Inicial.xlsb</t>
  </si>
  <si>
    <t>11/21/2019 20:53:09</t>
  </si>
  <si>
    <t>D:\21_11_2019 - PC ALGAR TECH\Desktop - 12-11-19\PreVendas - Governo Diogo\PPP BH\Proposta Inicial.zip</t>
  </si>
  <si>
    <t>11/21/2019 20:53:12</t>
  </si>
  <si>
    <t>D:\21_11_2019 - PC ALGAR TECH\Desktop - 12-11-19\PreVendas - Governo Diogo\prodasen\Cotação.xlsx</t>
  </si>
  <si>
    <t>D:\21_11_2019 - PC ALGAR TECH\Desktop - 12-11-19\PreVendas - Governo Diogo\PRODERJ\Cotação SES.xlsx</t>
  </si>
  <si>
    <t>D:\21_11_2019 - PC ALGAR TECH\Desktop - 12-11-19\PreVendas - Governo Diogo\PRODERJ\Cotação.xlsx</t>
  </si>
  <si>
    <t>11/21/2019 20:53:13</t>
  </si>
  <si>
    <t>D:\21_11_2019 - PC ALGAR TECH\Desktop - 12-11-19\PreVendas - Governo Diogo\PRODESP\Cenario Final.xlsb</t>
  </si>
  <si>
    <t>D:\21_11_2019 - PC ALGAR TECH\Desktop - 12-11-19\PreVendas - Governo Diogo\PRODESP\Cenários Finais.xlsx</t>
  </si>
  <si>
    <t>D:\21_11_2019 - PC ALGAR TECH\Desktop - 12-11-19\PreVendas - Governo Diogo\PRODESP\Cenários Prodesp.xlsx</t>
  </si>
  <si>
    <t>11/21/2019 20:53:14</t>
  </si>
  <si>
    <t>D:\21_11_2019 - PC ALGAR TECH\Desktop - 12-11-19\PreVendas - Governo Diogo\PRODESP\Cópia de Map - Sistema de Precificação.xlsm</t>
  </si>
  <si>
    <t>11/21/2019 20:53:17</t>
  </si>
  <si>
    <t>D:\21_11_2019 - PC ALGAR TECH\Desktop - 12-11-19\PreVendas - Governo Diogo\PRODESP\Cópia de Map - Sistema de Precificação1.xlsm</t>
  </si>
  <si>
    <t>D:\21_11_2019 - PC ALGAR TECH\Desktop - 12-11-19\PreVendas - Governo Diogo\PRODESP\Planilha Antiga Sem Compras Com PBM atingindo LL 950 reais.xlsb</t>
  </si>
  <si>
    <t>11/21/2019 20:53:18</t>
  </si>
  <si>
    <t>D:\21_11_2019 - PC ALGAR TECH\Desktop - 12-11-19\PreVendas - Governo Diogo\PRODESP\Planilha Antiga Sem Compras Com PBM atingindo LL.xlsb</t>
  </si>
  <si>
    <t>11/21/2019 20:53:19</t>
  </si>
  <si>
    <t>D:\21_11_2019 - PC ALGAR TECH\Desktop - 12-11-19\PreVendas - Governo Diogo\PRODESP\Planilha Antiga Sem Compras Com PBM.xlsb</t>
  </si>
  <si>
    <t>11/21/2019 20:53:20</t>
  </si>
  <si>
    <t>D:\21_11_2019 - PC ALGAR TECH\Desktop - 12-11-19\PreVendas - Governo Diogo\PRODESP\Planilha Antiga Sem Compras.xlsb</t>
  </si>
  <si>
    <t>11/21/2019 20:53:21</t>
  </si>
  <si>
    <t>D:\21_11_2019 - PC ALGAR TECH\Desktop - 12-11-19\PreVendas - Governo Diogo\PRODESP\Planilha Antiga.xlsb</t>
  </si>
  <si>
    <t>D:\21_11_2019 - PC ALGAR TECH\Desktop - 12-11-19\PreVendas - Governo Diogo\PRODESP\Planilha Fatores.xlsx</t>
  </si>
  <si>
    <t>11/21/2019 20:53:22</t>
  </si>
  <si>
    <t>D:\21_11_2019 - PC ALGAR TECH\Desktop - 12-11-19\PreVendas - Governo Diogo\PRODESP\2017\Acessa SP\Pricing SINTETEL.xlsb</t>
  </si>
  <si>
    <t>D:\21_11_2019 - PC ALGAR TECH\Desktop - 12-11-19\PreVendas - Governo Diogo\PRODESP\2018\SD\Planilha de Fatores.xlsx</t>
  </si>
  <si>
    <t>11/21/2019 20:53:24</t>
  </si>
  <si>
    <t>D:\21_11_2019 - PC ALGAR TECH\Desktop - 12-11-19\PreVendas - Governo Diogo\PRODESP\2018\SD\simulação.xlsb</t>
  </si>
  <si>
    <t>D:\21_11_2019 - PC ALGAR TECH\Desktop - 12-11-19\PreVendas - Governo Diogo\PRODESP\2018\SD\Cenário 1\Cópia de Estudo 1 - Novo contrato - Março - Prodesp.xls.xlsx</t>
  </si>
  <si>
    <t>11/21/2019 20:53:25</t>
  </si>
  <si>
    <t>D:\21_11_2019 - PC ALGAR TECH\Desktop - 12-11-19\PreVendas - Governo Diogo\PRODESP\2018\SD\Cenário 1\simulação.xlsb</t>
  </si>
  <si>
    <t>D:\21_11_2019 - PC ALGAR TECH\Desktop - 12-11-19\PreVendas - Governo Diogo\PRODESP\Edital\14PPSD09\Cenários Finais.xlsx</t>
  </si>
  <si>
    <t>11/21/2019 20:53:26</t>
  </si>
  <si>
    <t>D:\21_11_2019 - PC ALGAR TECH\Desktop - 12-11-19\PreVendas - Governo Diogo\PRODESP\Edital\14PPSD09\Modelo Planilha de Composiá∆o de Custo e Preáo - 29 jul 14.xlsx</t>
  </si>
  <si>
    <t>11/21/2019 20:53:27</t>
  </si>
  <si>
    <t>D:\21_11_2019 - PC ALGAR TECH\Desktop - 12-11-19\PreVendas - Governo Diogo\PRODESP\IN02\IN02.xlsx</t>
  </si>
  <si>
    <t>D:\21_11_2019 - PC ALGAR TECH\Desktop - 12-11-19\PreVendas - Governo Diogo\PRODESP\IN02\Diligência\IN02-AN.xlsx</t>
  </si>
  <si>
    <t>D:\21_11_2019 - PC ALGAR TECH\Desktop - 12-11-19\PreVendas - Governo Diogo\PRODESP\IN02\Diligência\IN02-TOTAL.xlsx</t>
  </si>
  <si>
    <t>D:\21_11_2019 - PC ALGAR TECH\Desktop - 12-11-19\PreVendas - Governo Diogo\PRODESP\IN02\Diligência\IN02-Técnico.xlsx</t>
  </si>
  <si>
    <t>D:\21_11_2019 - PC ALGAR TECH\Desktop - 12-11-19\PreVendas - Governo Diogo\PRODESP\Projeto de Redes 2015\Análise Diogo.xlsx</t>
  </si>
  <si>
    <t>11/21/2019 20:53:50</t>
  </si>
  <si>
    <t>D:\21_11_2019 - PC ALGAR TECH\Desktop - 12-11-19\PreVendas - Governo Diogo\PRODESP\Rentabilização\Cópia de PAC PRODESP 344001089.xlsx</t>
  </si>
  <si>
    <t>D:\21_11_2019 - PC ALGAR TECH\Desktop - 12-11-19\PreVendas - Governo Diogo\PRODESP\Rentabilização\Impactos Impressoras.xlsx</t>
  </si>
  <si>
    <t>11/21/2019 20:53:51</t>
  </si>
  <si>
    <t>D:\21_11_2019 - PC ALGAR TECH\Desktop - 12-11-19\PreVendas - Governo Diogo\PRODESP\Suporte 2015\06-2015\Proposta de Catálogo.xlsx</t>
  </si>
  <si>
    <t>11/21/2019 20:53:52</t>
  </si>
  <si>
    <t>D:\21_11_2019 - PC ALGAR TECH\Desktop - 12-11-19\PreVendas - Governo Diogo\PRODESP\Suporte 2015\Publicado\Simulação.xlsx</t>
  </si>
  <si>
    <t>11/21/2019 20:53:53</t>
  </si>
  <si>
    <t>D:\21_11_2019 - PC ALGAR TECH\Desktop - 12-11-19\PreVendas - Governo Diogo\PRODEST\Cotação.xlsx</t>
  </si>
  <si>
    <t>D:\21_11_2019 - PC ALGAR TECH\Desktop - 12-11-19\PreVendas - Governo Diogo\Programa de Formação\PF PV Diogo.xlsx</t>
  </si>
  <si>
    <t>D:\21_11_2019 - PC ALGAR TECH\Desktop - 12-11-19\PreVendas - Governo Diogo\Renovação\Resultado 2014.xls</t>
  </si>
  <si>
    <t>11/21/2019 20:53:54</t>
  </si>
  <si>
    <t>D:\21_11_2019 - PC ALGAR TECH\Desktop - 12-11-19\PreVendas - Governo Diogo\repactuações\CNPQ\2.1 - ADMINISTRADOR DE BANCO DE DADOS.xlsx</t>
  </si>
  <si>
    <t>D:\21_11_2019 - PC ALGAR TECH\Desktop - 12-11-19\PreVendas - Governo Diogo\repactuações\CNPQ\2.2 - ANALISTA DE MIDLEWARE.xlsx</t>
  </si>
  <si>
    <t>D:\21_11_2019 - PC ALGAR TECH\Desktop - 12-11-19\PreVendas - Governo Diogo\repactuações\CNPQ\2.4 - ANALISTA DE MENSAGERIA E COLABORAÇÃO.xlsx</t>
  </si>
  <si>
    <t>D:\21_11_2019 - PC ALGAR TECH\Desktop - 12-11-19\PreVendas - Governo Diogo\repactuações\CNPQ\CCT 13-14.zip</t>
  </si>
  <si>
    <t>D:\21_11_2019 - PC ALGAR TECH\Desktop - 12-11-19\PreVendas - Governo Diogo\repactuações\CNPQ\CCT 2014-2015.zip</t>
  </si>
  <si>
    <t>11/21/2019 20:53:55</t>
  </si>
  <si>
    <t>D:\21_11_2019 - PC ALGAR TECH\Desktop - 12-11-19\PreVendas - Governo Diogo\repactuações\CNPQ\CNPq Executando 2012.zip</t>
  </si>
  <si>
    <t>D:\21_11_2019 - PC ALGAR TECH\Desktop - 12-11-19\PreVendas - Governo Diogo\repactuações\CNPQ\Formulário de Proposta Comercial - Lote 4.xls</t>
  </si>
  <si>
    <t>D:\21_11_2019 - PC ALGAR TECH\Desktop - 12-11-19\PreVendas - Governo Diogo\repactuações\CNPQ\CCT 2012-2013\2.1 - ADMINISTRADOR DE BANCO DE DADOS.xlsx</t>
  </si>
  <si>
    <t>D:\21_11_2019 - PC ALGAR TECH\Desktop - 12-11-19\PreVendas - Governo Diogo\repactuações\CNPQ\CCT 2012-2013\2.2 - ANALISTA DE MIDLEWARE.xlsx</t>
  </si>
  <si>
    <t>D:\21_11_2019 - PC ALGAR TECH\Desktop - 12-11-19\PreVendas - Governo Diogo\repactuações\CNPQ\CCT 2012-2013\2.4 - ANALISTA DE MENSAGERIA E COLABORAÇÃO.xlsx</t>
  </si>
  <si>
    <t>D:\21_11_2019 - PC ALGAR TECH\Desktop - 12-11-19\PreVendas - Governo Diogo\repactuações\CNPQ\CCT 2012-2013\Formulário de Proposta Comercial - Lote 4.xls</t>
  </si>
  <si>
    <t>D:\21_11_2019 - PC ALGAR TECH\Desktop - 12-11-19\PreVendas - Governo Diogo\repactuações\CNPQ\CCT 2014-2015\2.1 - ADMINISTRADOR DE BANCO DE DADOS.xlsx</t>
  </si>
  <si>
    <t>D:\21_11_2019 - PC ALGAR TECH\Desktop - 12-11-19\PreVendas - Governo Diogo\repactuações\CNPQ\CCT 2014-2015\2.2 - ANALISTA DE MIDLEWARE.xlsx</t>
  </si>
  <si>
    <t>D:\21_11_2019 - PC ALGAR TECH\Desktop - 12-11-19\PreVendas - Governo Diogo\repactuações\CNPQ\CCT 2014-2015\2.4 - ANALISTA DE MENSAGERIA E COLABORACAO.xlsx</t>
  </si>
  <si>
    <t>D:\21_11_2019 - PC ALGAR TECH\Desktop - 12-11-19\PreVendas - Governo Diogo\repactuações\CNPQ\CCT 2014-2015\Formulário de Proposta Comercial - Lote 4.xls</t>
  </si>
  <si>
    <t>D:\21_11_2019 - PC ALGAR TECH\Desktop - 12-11-19\PreVendas - Governo Diogo\repactuações\CNPQ\CNPq Executando 2012\2.1 - ADMINISTRADOR DE BANCO DE DADOS.xlsx</t>
  </si>
  <si>
    <t>D:\21_11_2019 - PC ALGAR TECH\Desktop - 12-11-19\PreVendas - Governo Diogo\repactuações\CNPQ\CNPq Executando 2012\2.2 - ANALISTA DE MIDLEWARE.xlsx</t>
  </si>
  <si>
    <t>D:\21_11_2019 - PC ALGAR TECH\Desktop - 12-11-19\PreVendas - Governo Diogo\repactuações\CNPQ\CNPq Executando 2012\2.3 - ANALISTA DE INTERNET_WEB.xlsx</t>
  </si>
  <si>
    <t>D:\21_11_2019 - PC ALGAR TECH\Desktop - 12-11-19\PreVendas - Governo Diogo\repactuações\CNPQ\CNPq Executando 2012\2.4 - ANALISTA DE MENSAGERIA E COLABORAÇÃO.xlsx</t>
  </si>
  <si>
    <t>D:\21_11_2019 - PC ALGAR TECH\Desktop - 12-11-19\PreVendas - Governo Diogo\repactuações\CNPQ\CNPq Executando 2012\Formulário de Proposta Comercial - Lote 4.xls</t>
  </si>
  <si>
    <t>D:\21_11_2019 - PC ALGAR TECH\Desktop - 12-11-19\PreVendas - Governo Diogo\repactuações\CNPQ\Horas Extras_CNPq\COM_PBM\CCT_13-14\2.1 - ADMINISTRADOR DE BANCO DE DADOS.xlsx</t>
  </si>
  <si>
    <t>D:\21_11_2019 - PC ALGAR TECH\Desktop - 12-11-19\PreVendas - Governo Diogo\repactuações\CNPQ\Horas Extras_CNPq\COM_PBM\CCT_13-14\2.2 - ANALISTA DE MIDLEWARE.xlsx</t>
  </si>
  <si>
    <t>D:\21_11_2019 - PC ALGAR TECH\Desktop - 12-11-19\PreVendas - Governo Diogo\repactuações\CNPQ\Horas Extras_CNPq\COM_PBM\CCT_13-14\2.4 - ANALISTA DE MENSAGERIA E COLABORACÌ§AÌƒO.xlsx</t>
  </si>
  <si>
    <t>11/21/2019 20:53:56</t>
  </si>
  <si>
    <t>D:\21_11_2019 - PC ALGAR TECH\Desktop - 12-11-19\PreVendas - Governo Diogo\repactuações\CNPQ\Horas Extras_CNPq\COM_PBM\CCT_13-14\Formulário de Proposta Comercial - Lote 4_ 2013 2014.xls</t>
  </si>
  <si>
    <t>D:\21_11_2019 - PC ALGAR TECH\Desktop - 12-11-19\PreVendas - Governo Diogo\repactuações\CNPQ\Horas Extras_CNPq\COM_PBM\CCT_13-14\Lote 4_ 2013 2014_ até_set.xls</t>
  </si>
  <si>
    <t>D:\21_11_2019 - PC ALGAR TECH\Desktop - 12-11-19\PreVendas - Governo Diogo\repactuações\CNPQ\Horas Extras_CNPq\COM_PBM\CCT_2012_2013\2.1 - ADMINISTRADOR DE BANCO DE DADOS.xlsx</t>
  </si>
  <si>
    <t>D:\21_11_2019 - PC ALGAR TECH\Desktop - 12-11-19\PreVendas - Governo Diogo\repactuações\CNPQ\Horas Extras_CNPq\COM_PBM\CCT_2012_2013\2.2 - ANALISTA DE MIDLEWARE.xlsx</t>
  </si>
  <si>
    <t>D:\21_11_2019 - PC ALGAR TECH\Desktop - 12-11-19\PreVendas - Governo Diogo\repactuações\CNPQ\Horas Extras_CNPq\COM_PBM\CCT_2012_2013\2.4 - ANALISTA DE MENSAGERIA E COLABORACÌ§AÌƒO.xlsx</t>
  </si>
  <si>
    <t>D:\21_11_2019 - PC ALGAR TECH\Desktop - 12-11-19\PreVendas - Governo Diogo\repactuações\CNPQ\Horas Extras_CNPq\COM_PBM\CCT_2012_2013\Formulário de Proposta Comercial - Lote 4.xls</t>
  </si>
  <si>
    <t>D:\21_11_2019 - PC ALGAR TECH\Desktop - 12-11-19\PreVendas - Governo Diogo\repactuações\CNPQ\Horas Extras_CNPq\COM_PBM\CCT_2012_2013\Lote 4_ 2012_2013.xls</t>
  </si>
  <si>
    <t>D:\21_11_2019 - PC ALGAR TECH\Desktop - 12-11-19\PreVendas - Governo Diogo\repactuações\CNPQ\Horas Extras_CNPq\COM_PBM\CNPq_Executando 2012\2.1 - ADMINISTRADOR DE BANCO DE DADOS.xlsx</t>
  </si>
  <si>
    <t>D:\21_11_2019 - PC ALGAR TECH\Desktop - 12-11-19\PreVendas - Governo Diogo\repactuações\CNPQ\Horas Extras_CNPq\COM_PBM\CNPq_Executando 2012\2.2 - ANALISTA DE MIDLEWARE.xlsx</t>
  </si>
  <si>
    <t>D:\21_11_2019 - PC ALGAR TECH\Desktop - 12-11-19\PreVendas - Governo Diogo\repactuações\CNPQ\Horas Extras_CNPq\COM_PBM\CNPq_Executando 2012\2.3 - ANALISTA DE INTERNET_WEB.xlsx</t>
  </si>
  <si>
    <t>D:\21_11_2019 - PC ALGAR TECH\Desktop - 12-11-19\PreVendas - Governo Diogo\repactuações\CNPQ\Horas Extras_CNPq\COM_PBM\CNPq_Executando 2012\2.4 - ANALISTA DE MENSAGERIA E COLABORACÌ§AÌƒO.xlsx</t>
  </si>
  <si>
    <t>D:\21_11_2019 - PC ALGAR TECH\Desktop - 12-11-19\PreVendas - Governo Diogo\repactuações\CNPQ\Horas Extras_CNPq\COM_PBM\CNPq_Executando 2012\Lote_4_2012.xls</t>
  </si>
  <si>
    <t>D:\21_11_2019 - PC ALGAR TECH\Desktop - 12-11-19\PreVendas - Governo Diogo\repactuações\CNPQ\Horas Extras_CNPq\Resumo\Resumo.xlsx</t>
  </si>
  <si>
    <t>D:\21_11_2019 - PC ALGAR TECH\Desktop - 12-11-19\PreVendas - Governo Diogo\repactuações\CNPQ\Horas Extras_CNPq\SEM_PBM\CCT 13-14\2.1 - ADMINISTRADOR DE BANCO DE DADOS.xlsx</t>
  </si>
  <si>
    <t>D:\21_11_2019 - PC ALGAR TECH\Desktop - 12-11-19\PreVendas - Governo Diogo\repactuações\CNPQ\Horas Extras_CNPq\SEM_PBM\CCT 13-14\2.2 - ANALISTA DE MIDLEWARE.xlsx</t>
  </si>
  <si>
    <t>D:\21_11_2019 - PC ALGAR TECH\Desktop - 12-11-19\PreVendas - Governo Diogo\repactuações\CNPQ\Horas Extras_CNPq\SEM_PBM\CCT 13-14\2.4 - ANALISTA DE MENSAGERIA E COLABORAÇÃO.xlsx</t>
  </si>
  <si>
    <t>D:\21_11_2019 - PC ALGAR TECH\Desktop - 12-11-19\PreVendas - Governo Diogo\repactuações\CNPQ\Horas Extras_CNPq\SEM_PBM\CCT 13-14\Formulário de Proposta Comercial - Lote 4.xls</t>
  </si>
  <si>
    <t>D:\21_11_2019 - PC ALGAR TECH\Desktop - 12-11-19\PreVendas - Governo Diogo\repactuações\CNPQ\Horas Extras_CNPq\SEM_PBM\CCT 2012-2013\2.1 - ADMINISTRADOR DE BANCO DE DADOS.xlsx</t>
  </si>
  <si>
    <t>D:\21_11_2019 - PC ALGAR TECH\Desktop - 12-11-19\PreVendas - Governo Diogo\repactuações\CNPQ\Horas Extras_CNPq\SEM_PBM\CCT 2012-2013\2.2 - ANALISTA DE MIDLEWARE.xlsx</t>
  </si>
  <si>
    <t>D:\21_11_2019 - PC ALGAR TECH\Desktop - 12-11-19\PreVendas - Governo Diogo\repactuações\CNPQ\Horas Extras_CNPq\SEM_PBM\CCT 2012-2013\2.4 - ANALISTA DE MENSAGERIA E COLABORAÇÃO.xlsx</t>
  </si>
  <si>
    <t>D:\21_11_2019 - PC ALGAR TECH\Desktop - 12-11-19\PreVendas - Governo Diogo\repactuações\CNPQ\Horas Extras_CNPq\SEM_PBM\CCT 2012-2013\Formulário de Proposta Comercial - Lote 4.xls</t>
  </si>
  <si>
    <t>11/21/2019 20:53:57</t>
  </si>
  <si>
    <t>D:\21_11_2019 - PC ALGAR TECH\Desktop - 12-11-19\PreVendas - Governo Diogo\repactuações\CNPQ\Horas Extras_CNPq\SEM_PBM\CNPq Executando 2012\2.1 - ADMINISTRADOR DE BANCO DE DADOS.xlsx</t>
  </si>
  <si>
    <t>D:\21_11_2019 - PC ALGAR TECH\Desktop - 12-11-19\PreVendas - Governo Diogo\repactuações\CNPQ\Horas Extras_CNPq\SEM_PBM\CNPq Executando 2012\2.2 - ANALISTA DE MIDLEWARE.xlsx</t>
  </si>
  <si>
    <t>D:\21_11_2019 - PC ALGAR TECH\Desktop - 12-11-19\PreVendas - Governo Diogo\repactuações\CNPQ\Horas Extras_CNPq\SEM_PBM\CNPq Executando 2012\2.3 - ANALISTA DE INTERNET_WEB.xlsx</t>
  </si>
  <si>
    <t>D:\21_11_2019 - PC ALGAR TECH\Desktop - 12-11-19\PreVendas - Governo Diogo\repactuações\CNPQ\Horas Extras_CNPq\SEM_PBM\CNPq Executando 2012\2.4 - ANALISTA DE MENSAGERIA E COLABORAÇÃO.xlsx</t>
  </si>
  <si>
    <t>D:\21_11_2019 - PC ALGAR TECH\Desktop - 12-11-19\PreVendas - Governo Diogo\repactuações\CNPQ\Horas Extras_CNPq\SEM_PBM\CNPq Executando 2012\Formulário de Proposta Comercial - Lote 4.xls</t>
  </si>
  <si>
    <t>D:\21_11_2019 - PC ALGAR TECH\Desktop - 12-11-19\PreVendas - Governo Diogo\repactuações\DPF\Lote 4\Timeline.xlsx</t>
  </si>
  <si>
    <t>D:\21_11_2019 - PC ALGAR TECH\Desktop - 12-11-19\PreVendas - Governo Diogo\repactuações\DPF\Lote 4\5,49%\2.3 - Lote 4 - Coordenador de Projetos.xlsx</t>
  </si>
  <si>
    <t>D:\21_11_2019 - PC ALGAR TECH\Desktop - 12-11-19\PreVendas - Governo Diogo\repactuações\DPF\Lote 4\Original\2 - Lote 4 - Consolidaá∆o dos preáos.xls</t>
  </si>
  <si>
    <t>D:\21_11_2019 - PC ALGAR TECH\Desktop - 12-11-19\PreVendas - Governo Diogo\repactuações\FUNDACENTRO\Consolidado PBM.xlsx</t>
  </si>
  <si>
    <t>D:\21_11_2019 - PC ALGAR TECH\Desktop - 12-11-19\PreVendas - Governo Diogo\repactuações\FUNDACENTRO\Planilha IN 02 - Fundacentro - Dissídio 2012 DESONERADO.xlsx</t>
  </si>
  <si>
    <t>D:\21_11_2019 - PC ALGAR TECH\Desktop - 12-11-19\PreVendas - Governo Diogo\repactuações\FUNDACENTRO\Planilha IN 02 - Fundacentro - Dissídio 2013 FINAL.xlsx</t>
  </si>
  <si>
    <t>D:\21_11_2019 - PC ALGAR TECH\Desktop - 12-11-19\PreVendas - Governo Diogo\repactuações\FUNDACENTRO\Planilha IN 02 - Fundacentro - Dissídio 2014.xlsx</t>
  </si>
  <si>
    <t>D:\21_11_2019 - PC ALGAR TECH\Desktop - 12-11-19\PreVendas - Governo Diogo\repactuações\FUNDACENTRO\Supressão PBM + CCT.zip</t>
  </si>
  <si>
    <t>D:\21_11_2019 - PC ALGAR TECH\Desktop - 12-11-19\PreVendas - Governo Diogo\repactuações\FUNDACENTRO\Supressão PBM + CCT\Consolidado PBM.xlsx</t>
  </si>
  <si>
    <t>D:\21_11_2019 - PC ALGAR TECH\Desktop - 12-11-19\PreVendas - Governo Diogo\repactuações\FUNDACENTRO\Supressão PBM + CCT\Planilha IN 02 - Fundacentro - Dissídio 2012 DESONERADO.xlsx</t>
  </si>
  <si>
    <t>11/21/2019 20:53:58</t>
  </si>
  <si>
    <t>D:\21_11_2019 - PC ALGAR TECH\Desktop - 12-11-19\PreVendas - Governo Diogo\repactuações\FUNDACENTRO\Supressão PBM + CCT\Planilha IN 02 - Fundacentro - Dissídio 2013 FINAL.xlsx</t>
  </si>
  <si>
    <t>D:\21_11_2019 - PC ALGAR TECH\Desktop - 12-11-19\PreVendas - Governo Diogo\repactuações\FUNDACENTRO\Supressão PBM + CCT\Planilha IN 02 - Fundacentro - Dissídio 2014.xlsx</t>
  </si>
  <si>
    <t>D:\21_11_2019 - PC ALGAR TECH\Desktop - 12-11-19\PreVendas - Governo Diogo\repactuações\MD\MD CCT12-13.zip</t>
  </si>
  <si>
    <t>D:\21_11_2019 - PC ALGAR TECH\Desktop - 12-11-19\PreVendas - Governo Diogo\repactuações\MD\Quadro Resumo.xls</t>
  </si>
  <si>
    <t>D:\21_11_2019 - PC ALGAR TECH\Desktop - 12-11-19\PreVendas - Governo Diogo\repactuações\MD\Serviço de Armazenamento de Dados.xls</t>
  </si>
  <si>
    <t>D:\21_11_2019 - PC ALGAR TECH\Desktop - 12-11-19\PreVendas - Governo Diogo\repactuações\MD\Serviço de Segurança da Informação.xls</t>
  </si>
  <si>
    <t>D:\21_11_2019 - PC ALGAR TECH\Desktop - 12-11-19\PreVendas - Governo Diogo\repactuações\MD\Suporte e Administração de Ambiente de Produção.xls</t>
  </si>
  <si>
    <t>D:\21_11_2019 - PC ALGAR TECH\Desktop - 12-11-19\PreVendas - Governo Diogo\repactuações\MD\Suporte e Administração de Rede Local (LAN e WLAN).xls</t>
  </si>
  <si>
    <t>D:\21_11_2019 - PC ALGAR TECH\Desktop - 12-11-19\PreVendas - Governo Diogo\repactuações\MD\Suporte e Administração de Rede Local (WAN) (SUPR).xls</t>
  </si>
  <si>
    <t>D:\21_11_2019 - PC ALGAR TECH\Desktop - 12-11-19\PreVendas - Governo Diogo\repactuações\MD\Suporte e Administração de Sistemas Operacionais.xls</t>
  </si>
  <si>
    <t>D:\21_11_2019 - PC ALGAR TECH\Desktop - 12-11-19\PreVendas - Governo Diogo\repactuações\MDS\Renovação\Apenas Dissídio.zip</t>
  </si>
  <si>
    <t>D:\21_11_2019 - PC ALGAR TECH\Desktop - 12-11-19\PreVendas - Governo Diogo\repactuações\MDS\Renovação\Assessoria - Planilha Analista Senior.xls</t>
  </si>
  <si>
    <t>D:\21_11_2019 - PC ALGAR TECH\Desktop - 12-11-19\PreVendas - Governo Diogo\repactuações\MDS\Renovação\Renovacao MDS-2.xlsx</t>
  </si>
  <si>
    <t>D:\21_11_2019 - PC ALGAR TECH\Desktop - 12-11-19\PreVendas - Governo Diogo\repactuações\MDS\Renovação\Apenas Dissídio\Assessoria - Planilha Analista Senior.xls</t>
  </si>
  <si>
    <t>D:\21_11_2019 - PC ALGAR TECH\Desktop - 12-11-19\PreVendas - Governo Diogo\repactuações\MDS\Renovação\Apenas Dissídio\Exec Projeto - Analista Pleno.xlsx</t>
  </si>
  <si>
    <t>D:\21_11_2019 - PC ALGAR TECH\Desktop - 12-11-19\PreVendas - Governo Diogo\repactuações\MDS\Renovação\Apenas Dissídio\Exec Projeto - Analista senior.xls</t>
  </si>
  <si>
    <t>D:\21_11_2019 - PC ALGAR TECH\Desktop - 12-11-19\PreVendas - Governo Diogo\repactuações\MDS\Repactuação 2011\Assessoria - Planilha Analista Senior.xls</t>
  </si>
  <si>
    <t>D:\21_11_2019 - PC ALGAR TECH\Desktop - 12-11-19\PreVendas - Governo Diogo\repactuações\MDS\Repactuação 2011\Assessoria - Resumo do serviço.xls</t>
  </si>
  <si>
    <t>D:\21_11_2019 - PC ALGAR TECH\Desktop - 12-11-19\PreVendas - Governo Diogo\repactuações\MDS\Repactuação 2011\Exec Projeto - Analista senior.xls</t>
  </si>
  <si>
    <t>D:\21_11_2019 - PC ALGAR TECH\Desktop - 12-11-19\PreVendas - Governo Diogo\repactuações\MDS\Repactuação 2011\Exec Projeto - Resumo do serviço.xlsx</t>
  </si>
  <si>
    <t>11/21/2019 20:53:59</t>
  </si>
  <si>
    <t>D:\21_11_2019 - PC ALGAR TECH\Desktop - 12-11-19\PreVendas - Governo Diogo\repactuações\MDS\Repactuação 2011\Repactuação 2011 - AlteraçãoEncargos.zip</t>
  </si>
  <si>
    <t>D:\21_11_2019 - PC ALGAR TECH\Desktop - 12-11-19\PreVendas - Governo Diogo\repactuações\MDS\Repactuação 2011\Repactuação 2011 - AlteraçãoEncargos\Assessoria - Planilha Analista Senior.xls</t>
  </si>
  <si>
    <t>D:\21_11_2019 - PC ALGAR TECH\Desktop - 12-11-19\PreVendas - Governo Diogo\repactuações\MDS\Repactuação 2011\Repactuação 2011 - AlteraçãoEncargos\Assessoria - Resumo do serviáo.xls</t>
  </si>
  <si>
    <t>D:\21_11_2019 - PC ALGAR TECH\Desktop - 12-11-19\PreVendas - Governo Diogo\repactuações\MDS\Repactuação 2011\Repactuação 2011 - AlteraçãoEncargos\Exec Projeto - Analista Pleno.xlsx</t>
  </si>
  <si>
    <t>D:\21_11_2019 - PC ALGAR TECH\Desktop - 12-11-19\PreVendas - Governo Diogo\repactuações\MDS\Repactuação 2011\Repactuação 2011 - AlteraçãoEncargos\Exec Projeto - Analista senior.xls</t>
  </si>
  <si>
    <t>D:\21_11_2019 - PC ALGAR TECH\Desktop - 12-11-19\PreVendas - Governo Diogo\repactuações\MDS\Repactuação 2011\Repactuação 2011 - AlteraçãoEncargos\Resumo do serviáo - Comparaá∆o 2011.xlsx</t>
  </si>
  <si>
    <t>11/21/2019 20:54:00</t>
  </si>
  <si>
    <t>D:\21_11_2019 - PC ALGAR TECH\Desktop - 12-11-19\PreVendas - Governo Diogo\repactuações\MDS\Repactuação 2012\Analista de Negocios Sr.xlsb</t>
  </si>
  <si>
    <t>11/21/2019 20:54:02</t>
  </si>
  <si>
    <t>D:\21_11_2019 - PC ALGAR TECH\Desktop - 12-11-19\PreVendas - Governo Diogo\repactuações\MDS\Repactuação 2012\Analista de Projetos Pl.xlsb</t>
  </si>
  <si>
    <t>11/21/2019 20:54:04</t>
  </si>
  <si>
    <t>D:\21_11_2019 - PC ALGAR TECH\Desktop - 12-11-19\PreVendas - Governo Diogo\repactuações\MDS\Repactuação 2012\Analista de Projetos Sr.xlsb</t>
  </si>
  <si>
    <t>D:\21_11_2019 - PC ALGAR TECH\Desktop - 12-11-19\PreVendas - Governo Diogo\repactuações\MDS\Repactuação 2012\Assessoria - Planilha Analista Senior.xls</t>
  </si>
  <si>
    <t>D:\21_11_2019 - PC ALGAR TECH\Desktop - 12-11-19\PreVendas - Governo Diogo\repactuações\MDS\Repactuação 2012\Completo.zip</t>
  </si>
  <si>
    <t>D:\21_11_2019 - PC ALGAR TECH\Desktop - 12-11-19\PreVendas - Governo Diogo\repactuações\MDS\Repactuação 2012\Exec Projeto - Analista Pleno.xlsx</t>
  </si>
  <si>
    <t>11/21/2019 20:54:05</t>
  </si>
  <si>
    <t>D:\21_11_2019 - PC ALGAR TECH\Desktop - 12-11-19\PreVendas - Governo Diogo\repactuações\MDS\Repactuação 2012\Exec Projeto - Analista senior.xls</t>
  </si>
  <si>
    <t>D:\21_11_2019 - PC ALGAR TECH\Desktop - 12-11-19\PreVendas - Governo Diogo\repactuações\MDS\Repactuação 2012\Simulações.xlsx</t>
  </si>
  <si>
    <t>D:\21_11_2019 - PC ALGAR TECH\Desktop - 12-11-19\PreVendas - Governo Diogo\repactuações\MDS\Repactuação 2012\Completo\Assessoria - Planilha Analista Senior.xls</t>
  </si>
  <si>
    <t>D:\21_11_2019 - PC ALGAR TECH\Desktop - 12-11-19\PreVendas - Governo Diogo\repactuações\MDS\Repactuação 2012\Completo\Exec Projeto - Analista Pleno.xlsx</t>
  </si>
  <si>
    <t>D:\21_11_2019 - PC ALGAR TECH\Desktop - 12-11-19\PreVendas - Governo Diogo\repactuações\MDS\Repactuação 2012\Completo\Exec Projeto - Analista senior.xls</t>
  </si>
  <si>
    <t>D:\21_11_2019 - PC ALGAR TECH\Desktop - 12-11-19\PreVendas - Governo Diogo\repactuações\MDS\Repactuação 2013\Completo\Assessoria - Planilha Analista Senior.xls</t>
  </si>
  <si>
    <t>11/21/2019 20:54:06</t>
  </si>
  <si>
    <t>D:\21_11_2019 - PC ALGAR TECH\Desktop - 12-11-19\PreVendas - Governo Diogo\repactuações\MDS\Repactuação 2013\Completo\Exec Projeto - Analista Pleno.xlsx</t>
  </si>
  <si>
    <t>D:\21_11_2019 - PC ALGAR TECH\Desktop - 12-11-19\PreVendas - Governo Diogo\repactuações\MDS\Repactuação 2013\Completo\Exec Projeto - Analista senior.xls</t>
  </si>
  <si>
    <t>D:\21_11_2019 - PC ALGAR TECH\Desktop - 12-11-19\PreVendas - Governo Diogo\repactuações\ME\1 - Formulário de Proposta Comercial.xls</t>
  </si>
  <si>
    <t>D:\21_11_2019 - PC ALGAR TECH\Desktop - 12-11-19\PreVendas - Governo Diogo\repactuações\ME\1.1 - ADMINISTRADOR DE REDE.xlsx</t>
  </si>
  <si>
    <t>D:\21_11_2019 - PC ALGAR TECH\Desktop - 12-11-19\PreVendas - Governo Diogo\repactuações\ME\1.2 - GERENTE DE PRODUÇÃO.xlsx</t>
  </si>
  <si>
    <t>D:\21_11_2019 - PC ALGAR TECH\Desktop - 12-11-19\PreVendas - Governo Diogo\repactuações\ME\Cenários.xlsx</t>
  </si>
  <si>
    <t>11/21/2019 20:54:07</t>
  </si>
  <si>
    <t>D:\21_11_2019 - PC ALGAR TECH\Desktop - 12-11-19\PreVendas - Governo Diogo\repactuações\ME\ME.zip</t>
  </si>
  <si>
    <t>D:\21_11_2019 - PC ALGAR TECH\Desktop - 12-11-19\PreVendas - Governo Diogo\repactuações\ME\Apenas Dissídio\1 - Formulário de Proposta Comercial.xls</t>
  </si>
  <si>
    <t>D:\21_11_2019 - PC ALGAR TECH\Desktop - 12-11-19\PreVendas - Governo Diogo\repactuações\ME\Apenas Dissídio\1.1 - ADMINISTRADOR DE REDE.xlsx</t>
  </si>
  <si>
    <t>D:\21_11_2019 - PC ALGAR TECH\Desktop - 12-11-19\PreVendas - Governo Diogo\repactuações\ME\Apenas Dissídio\1.2 - GERENTE DE PRODUÇÃO.xlsx</t>
  </si>
  <si>
    <t>D:\21_11_2019 - PC ALGAR TECH\Desktop - 12-11-19\PreVendas - Governo Diogo\repactuações\ME\ME\1 - Formulário de Proposta Comercial.xls</t>
  </si>
  <si>
    <t>D:\21_11_2019 - PC ALGAR TECH\Desktop - 12-11-19\PreVendas - Governo Diogo\repactuações\ME\ME\1.1 - ADMINISTRADOR DE REDE.xlsx</t>
  </si>
  <si>
    <t>D:\21_11_2019 - PC ALGAR TECH\Desktop - 12-11-19\PreVendas - Governo Diogo\repactuações\ME\ME\1.2 - GERENTE DE PRODUÇÃO.xlsx</t>
  </si>
  <si>
    <t>D:\21_11_2019 - PC ALGAR TECH\Desktop - 12-11-19\PreVendas - Governo Diogo\repactuações\ME\Original\1 - Formulário de Proposta Comercial.xls</t>
  </si>
  <si>
    <t>D:\21_11_2019 - PC ALGAR TECH\Desktop - 12-11-19\PreVendas - Governo Diogo\repactuações\ME\Original\1.1 - ADMINISTRADOR DE REDE.xlsx</t>
  </si>
  <si>
    <t>D:\21_11_2019 - PC ALGAR TECH\Desktop - 12-11-19\PreVendas - Governo Diogo\repactuações\ME\Original\1.2 - GERENTE DE PRODUÇÃO.xlsx</t>
  </si>
  <si>
    <t>D:\21_11_2019 - PC ALGAR TECH\Desktop - 12-11-19\PreVendas - Governo Diogo\repactuações\ME\Repactuação 13-14\ME planilha cct 2013-2014.xls</t>
  </si>
  <si>
    <t>D:\21_11_2019 - PC ALGAR TECH\Desktop - 12-11-19\PreVendas - Governo Diogo\repactuações\ME\Repactuação 14 - 15\ME planilha cct 2014 - 2015.xls</t>
  </si>
  <si>
    <t>D:\21_11_2019 - PC ALGAR TECH\Desktop - 12-11-19\PreVendas - Governo Diogo\repactuações\MTE\Convenção 2010\10 Resumo do serviço.xls</t>
  </si>
  <si>
    <t>D:\21_11_2019 - PC ALGAR TECH\Desktop - 12-11-19\PreVendas - Governo Diogo\repactuações\MTE\Convenção 2010\Analista de Processos.xls</t>
  </si>
  <si>
    <t>D:\21_11_2019 - PC ALGAR TECH\Desktop - 12-11-19\PreVendas - Governo Diogo\repactuações\MTE\Convenção 2010\Auditor de Sistemas.xls</t>
  </si>
  <si>
    <t>D:\21_11_2019 - PC ALGAR TECH\Desktop - 12-11-19\PreVendas - Governo Diogo\repactuações\MTE\Convenção 2010\Consultor.xls</t>
  </si>
  <si>
    <t>D:\21_11_2019 - PC ALGAR TECH\Desktop - 12-11-19\PreVendas - Governo Diogo\repactuações\MTE\Convenção 2010\Documentador.xls</t>
  </si>
  <si>
    <t>11/22/2019 08:50:36</t>
  </si>
  <si>
    <t>D:\21_11_2019 - PC ALGAR TECH\Desktop - 12-11-19\PreVendas - Governo Diogo\repactuações\MTE\Convenção 2011\10 Resumo do serviço.xls</t>
  </si>
  <si>
    <t>D:\21_11_2019 - PC ALGAR TECH\Desktop - 12-11-19\PreVendas - Governo Diogo\repactuações\MTE\Convenção 2011\Analista de Processos.xls</t>
  </si>
  <si>
    <t>11/21/2019 20:54:08</t>
  </si>
  <si>
    <t>D:\21_11_2019 - PC ALGAR TECH\Desktop - 12-11-19\PreVendas - Governo Diogo\repactuações\MTE\Convenção 2011\Auditor de Sistemas.xls</t>
  </si>
  <si>
    <t>D:\21_11_2019 - PC ALGAR TECH\Desktop - 12-11-19\PreVendas - Governo Diogo\repactuações\MTE\Convenção 2011\Consultor.xls</t>
  </si>
  <si>
    <t>D:\21_11_2019 - PC ALGAR TECH\Desktop - 12-11-19\PreVendas - Governo Diogo\repactuações\MTE\Convenção 2011\Documentador.xls</t>
  </si>
  <si>
    <t>D:\21_11_2019 - PC ALGAR TECH\Desktop - 12-11-19\PreVendas - Governo Diogo\repactuações\MTE\Inicial\10 Resumo do serviço.xls</t>
  </si>
  <si>
    <t>D:\21_11_2019 - PC ALGAR TECH\Desktop - 12-11-19\PreVendas - Governo Diogo\repactuações\MTE\Inicial\Analista de Processos.xls</t>
  </si>
  <si>
    <t>D:\21_11_2019 - PC ALGAR TECH\Desktop - 12-11-19\PreVendas - Governo Diogo\repactuações\MTE\Inicial\Auditor de Sistemas.xls</t>
  </si>
  <si>
    <t>D:\21_11_2019 - PC ALGAR TECH\Desktop - 12-11-19\PreVendas - Governo Diogo\repactuações\MTE\Inicial\Consultor.xls</t>
  </si>
  <si>
    <t>D:\21_11_2019 - PC ALGAR TECH\Desktop - 12-11-19\PreVendas - Governo Diogo\repactuações\MTE\Inicial\Documentador.xls</t>
  </si>
  <si>
    <t>D:\21_11_2019 - PC ALGAR TECH\Desktop - 12-11-19\PreVendas - Governo Diogo\Resumo Executivo\Proposta de Resumo Executivo.xlsx</t>
  </si>
  <si>
    <t>D:\21_11_2019 - PC ALGAR TECH\Desktop - 12-11-19\PreVendas - Governo Diogo\RFB\Desenho.xlsx</t>
  </si>
  <si>
    <t>D:\21_11_2019 - PC ALGAR TECH\Desktop - 12-11-19\PreVendas - Governo Diogo\Rural Brasil\Enderecos unidades.xlsx</t>
  </si>
  <si>
    <t>11/21/2019 20:54:10</t>
  </si>
  <si>
    <t>D:\21_11_2019 - PC ALGAR TECH\Desktop - 12-11-19\PreVendas - Governo Diogo\Rural Brasil\Field dedicado.xlsb</t>
  </si>
  <si>
    <t>11/21/2019 20:54:12</t>
  </si>
  <si>
    <t>D:\21_11_2019 - PC ALGAR TECH\Desktop - 12-11-19\PreVendas - Governo Diogo\Rural Brasil\Field.xlsb</t>
  </si>
  <si>
    <t>11/21/2019 20:54:16</t>
  </si>
  <si>
    <t>D:\21_11_2019 - PC ALGAR TECH\Desktop - 12-11-19\PreVendas - Governo Diogo\Rural Brasil\SD N1.xlsb</t>
  </si>
  <si>
    <t>11/21/2019 20:54:17</t>
  </si>
  <si>
    <t>D:\21_11_2019 - PC ALGAR TECH\Desktop - 12-11-19\PreVendas - Governo Diogo\SAGE\BP Preço C010 B011 Desonerada.xlsb</t>
  </si>
  <si>
    <t>11/21/2019 20:54:18</t>
  </si>
  <si>
    <t>D:\21_11_2019 - PC ALGAR TECH\Desktop - 12-11-19\PreVendas - Governo Diogo\SEB-COC\Service Desk\Preço SEB 2013.xlsb</t>
  </si>
  <si>
    <t>11/21/2019 20:54:19</t>
  </si>
  <si>
    <t>D:\21_11_2019 - PC ALGAR TECH\Desktop - 12-11-19\PreVendas - Governo Diogo\SEB-COC\Service Desk\Atualiza'c~ao\40% reduzido.xlsb</t>
  </si>
  <si>
    <t>11/21/2019 20:54:22</t>
  </si>
  <si>
    <t>D:\21_11_2019 - PC ALGAR TECH\Desktop - 12-11-19\PreVendas - Governo Diogo\SEB-COC\Service Desk\Atualiza'c~ao\Desonerado + Repactuacao.xlsm</t>
  </si>
  <si>
    <t>11/21/2019 20:54:23</t>
  </si>
  <si>
    <t>D:\21_11_2019 - PC ALGAR TECH\Desktop - 12-11-19\PreVendas - Governo Diogo\SEB-COC\Service Desk\Atualiza'c~ao\Preco.xlsb</t>
  </si>
  <si>
    <t>11/21/2019 20:54:24</t>
  </si>
  <si>
    <t>D:\21_11_2019 - PC ALGAR TECH\Desktop - 12-11-19\PreVendas - Governo Diogo\SEBRAE\BP.xlsb</t>
  </si>
  <si>
    <t>D:\21_11_2019 - PC ALGAR TECH\Desktop - 12-11-19\PreVendas - Governo Diogo\SEBRAE\Cotação.xlsx</t>
  </si>
  <si>
    <t>11/21/2019 20:54:26</t>
  </si>
  <si>
    <t>D:\21_11_2019 - PC ALGAR TECH\Desktop - 12-11-19\PreVendas - Governo Diogo\SEBRAE\Sizing.xlsx</t>
  </si>
  <si>
    <t>11/21/2019 20:54:28</t>
  </si>
  <si>
    <t>D:\21_11_2019 - PC ALGAR TECH\Desktop - 12-11-19\PreVendas - Governo Diogo\SEBRAE\2018\SP\BP BSB.xlsb</t>
  </si>
  <si>
    <t>11/21/2019 20:54:29</t>
  </si>
  <si>
    <t>D:\21_11_2019 - PC ALGAR TECH\Desktop - 12-11-19\PreVendas - Governo Diogo\SEBRAE\2018\SP\BP.xlsb</t>
  </si>
  <si>
    <t>11/21/2019 20:54:31</t>
  </si>
  <si>
    <t>D:\21_11_2019 - PC ALGAR TECH\Desktop - 12-11-19\PreVendas - Governo Diogo\SEBRAE\2018\SP\Cópia de BP Preço C013 B013 Desonerada - HE. Inteira.xlsb</t>
  </si>
  <si>
    <t>D:\21_11_2019 - PC ALGAR TECH\Desktop - 12-11-19\PreVendas - Governo Diogo\SEBRAE\2018\SP\Proposta.xlsx</t>
  </si>
  <si>
    <t>11/21/2019 20:54:33</t>
  </si>
  <si>
    <t>D:\21_11_2019 - PC ALGAR TECH\Desktop - 12-11-19\PreVendas - Governo Diogo\Sec. de Cultura de SP\BP.xlsb</t>
  </si>
  <si>
    <t>D:\21_11_2019 - PC ALGAR TECH\Desktop - 12-11-19\PreVendas - Governo Diogo\Sec. de Cultura de SP\Cotação.xlsx</t>
  </si>
  <si>
    <t>D:\21_11_2019 - PC ALGAR TECH\Desktop - 12-11-19\PreVendas - Governo Diogo\Sec. de Cultura de SP\Planilha de Preço.xlsx</t>
  </si>
  <si>
    <t>11/21/2019 20:54:36</t>
  </si>
  <si>
    <t>D:\21_11_2019 - PC ALGAR TECH\Desktop - 12-11-19\PreVendas - Governo Diogo\Sec. de Saúde\Adesão Ata ATUALIZADO CCT.xlsb</t>
  </si>
  <si>
    <t>11/21/2019 20:54:38</t>
  </si>
  <si>
    <t>D:\21_11_2019 - PC ALGAR TECH\Desktop - 12-11-19\PreVendas - Governo Diogo\Sec. de Saúde\Adesão Ata.xlsb</t>
  </si>
  <si>
    <t>11/21/2019 20:54:39</t>
  </si>
  <si>
    <t>D:\21_11_2019 - PC ALGAR TECH\Desktop - 12-11-19\PreVendas - Governo Diogo\Sec. de Saúde\Precificação com Adoção.xlsb</t>
  </si>
  <si>
    <t>11/21/2019 20:54:40</t>
  </si>
  <si>
    <t>D:\21_11_2019 - PC ALGAR TECH\Desktop - 12-11-19\PreVendas - Governo Diogo\Sec. de Saúde\Racional Catálogo.xlsx</t>
  </si>
  <si>
    <t>D:\21_11_2019 - PC ALGAR TECH\Desktop - 12-11-19\PreVendas - Governo Diogo\Sec. de Saúde\Sec.Saúde.zip</t>
  </si>
  <si>
    <t>11/21/2019 20:54:42</t>
  </si>
  <si>
    <t>D:\21_11_2019 - PC ALGAR TECH\Desktop - 12-11-19\PreVendas - Governo Diogo\Sec. de Saúde\Comitês\PMO Governança - Solicitação de Mudança.ppt</t>
  </si>
  <si>
    <t>11/21/2019 20:54:43</t>
  </si>
  <si>
    <t>D:\21_11_2019 - PC ALGAR TECH\Desktop - 12-11-19\PreVendas - Governo Diogo\SEDUC\SEEDUC.rar</t>
  </si>
  <si>
    <t>11/21/2019 20:54:44</t>
  </si>
  <si>
    <t>D:\21_11_2019 - PC ALGAR TECH\Desktop - 12-11-19\PreVendas - Governo Diogo\SEGER\BP.xlsb</t>
  </si>
  <si>
    <t>D:\21_11_2019 - PC ALGAR TECH\Desktop - 12-11-19\PreVendas - Governo Diogo\SEGER\Dimensionamento_ITSM.xlsx</t>
  </si>
  <si>
    <t>11/21/2019 20:54:47</t>
  </si>
  <si>
    <t>D:\21_11_2019 - PC ALGAR TECH\Desktop - 12-11-19\PreVendas - Governo Diogo\SEGER\Operação Dedicada 7,5%.xlsb</t>
  </si>
  <si>
    <t>11/21/2019 20:54:51</t>
  </si>
  <si>
    <t>D:\21_11_2019 - PC ALGAR TECH\Desktop - 12-11-19\PreVendas - Governo Diogo\SEGER\Operação Dedicada.xlsb</t>
  </si>
  <si>
    <t>D:\21_11_2019 - PC ALGAR TECH\Desktop - 12-11-19\PreVendas - Governo Diogo\SEGER\Racional Chamado.xlsx</t>
  </si>
  <si>
    <t>11/21/2019 20:54:52</t>
  </si>
  <si>
    <t>D:\21_11_2019 - PC ALGAR TECH\Desktop - 12-11-19\PreVendas - Governo Diogo\SEPLAG MG\Cópia de Planilha de Preço - Serviços Gerenciados.xlsb</t>
  </si>
  <si>
    <t>11/21/2019 20:54:53</t>
  </si>
  <si>
    <t>D:\21_11_2019 - PC ALGAR TECH\Desktop - 12-11-19\PreVendas - Governo Diogo\SEPLAG MG\Precificação.xlsb</t>
  </si>
  <si>
    <t>11/21/2019 20:54:58</t>
  </si>
  <si>
    <t>D:\21_11_2019 - PC ALGAR TECH\Desktop - 12-11-19\PreVendas - Governo Diogo\SERPRO\Cotação.xlsb</t>
  </si>
  <si>
    <t>11/21/2019 20:55:01</t>
  </si>
  <si>
    <t>D:\21_11_2019 - PC ALGAR TECH\Desktop - 12-11-19\PreVendas - Governo Diogo\SERPRO\Preço.xlsb</t>
  </si>
  <si>
    <t>11/21/2019 20:55:04</t>
  </si>
  <si>
    <t>D:\21_11_2019 - PC ALGAR TECH\Desktop - 12-11-19\PreVendas - Governo Diogo\SERPRO\Emergencial\Cópia de Planilha de Preço - Serviços Gerenciados.xlsb</t>
  </si>
  <si>
    <t>11/21/2019 20:55:05</t>
  </si>
  <si>
    <t>D:\21_11_2019 - PC ALGAR TECH\Desktop - 12-11-19\PreVendas - Governo Diogo\SERPRO\Emergencial\Desonerado FDS Reduzido.xlsb</t>
  </si>
  <si>
    <t>D:\21_11_2019 - PC ALGAR TECH\Desktop - 12-11-19\PreVendas - Governo Diogo\SERPRO\Emergencial\Desonerado.xlsb</t>
  </si>
  <si>
    <t>11/21/2019 20:55:07</t>
  </si>
  <si>
    <t>D:\21_11_2019 - PC ALGAR TECH\Desktop - 12-11-19\PreVendas - Governo Diogo\STM\Precificação com Adoção.xlsb</t>
  </si>
  <si>
    <t>D:\21_11_2019 - PC ALGAR TECH\Desktop - 12-11-19\PreVendas - Governo Diogo\STM\2016\IN02 - GERAL.xlsx</t>
  </si>
  <si>
    <t>11/21/2019 20:55:09</t>
  </si>
  <si>
    <t>D:\21_11_2019 - PC ALGAR TECH\Desktop - 12-11-19\PreVendas - Governo Diogo\STM\2016\Preço.xlsb</t>
  </si>
  <si>
    <t>11/21/2019 20:55:10</t>
  </si>
  <si>
    <t>D:\21_11_2019 - PC ALGAR TECH\Desktop - 12-11-19\PreVendas - Governo Diogo\STM\2016\Proposta.xlsx</t>
  </si>
  <si>
    <t>11/21/2019 20:55:12</t>
  </si>
  <si>
    <t>D:\21_11_2019 - PC ALGAR TECH\Desktop - 12-11-19\PreVendas - Governo Diogo\STN\2018\preço.xlsb</t>
  </si>
  <si>
    <t>11/21/2019 20:55:15</t>
  </si>
  <si>
    <t>D:\21_11_2019 - PC ALGAR TECH\Desktop - 12-11-19\PreVendas - Governo Diogo\STN\2018\Assessoria\STN - ASSESSORIA - Aprovado.xlsx</t>
  </si>
  <si>
    <t>D:\21_11_2019 - PC ALGAR TECH\Desktop - 12-11-19\PreVendas - Governo Diogo\STN\2018\SD\preço.xlsx</t>
  </si>
  <si>
    <t>D:\21_11_2019 - PC ALGAR TECH\Desktop - 12-11-19\PreVendas - Governo Diogo\STRATURA\Anexo V - Proposta Comercial (ENVIO).xls</t>
  </si>
  <si>
    <t>D:\21_11_2019 - PC ALGAR TECH\Desktop - 12-11-19\PreVendas - Governo Diogo\STRATURA\Anexo V - Proposta Comercial.xls</t>
  </si>
  <si>
    <t>11/21/2019 20:55:16</t>
  </si>
  <si>
    <t>D:\21_11_2019 - PC ALGAR TECH\Desktop - 12-11-19\PreVendas - Governo Diogo\STRATURA\DFP.xlsx</t>
  </si>
  <si>
    <t>11/21/2019 20:55:18</t>
  </si>
  <si>
    <t>D:\21_11_2019 - PC ALGAR TECH\Desktop - 12-11-19\PreVendas - Governo Diogo\STRATURA\Preço.xlsb</t>
  </si>
  <si>
    <t>D:\21_11_2019 - PC ALGAR TECH\Desktop - 12-11-19\PreVendas - Governo Diogo\STRATURA\2018\Cotação\Anexo II - Planilha de Preço.xlsx</t>
  </si>
  <si>
    <t>11/21/2019 20:55:19</t>
  </si>
  <si>
    <t>D:\21_11_2019 - PC ALGAR TECH\Desktop - 12-11-19\PreVendas - Governo Diogo\TBG\Adoção.xlsx</t>
  </si>
  <si>
    <t>D:\21_11_2019 - PC ALGAR TECH\Desktop - 12-11-19\PreVendas - Governo Diogo\TBG\ANEXO VII - PLANILHA DE PREÇOS DE SERV EVENTUAIS Rev 0-1.xls</t>
  </si>
  <si>
    <t>11/21/2019 20:55:20</t>
  </si>
  <si>
    <t>D:\21_11_2019 - PC ALGAR TECH\Desktop - 12-11-19\PreVendas - Governo Diogo\TBG\Planilha de Custos.xlsx</t>
  </si>
  <si>
    <t>11/21/2019 20:55:22</t>
  </si>
  <si>
    <t>D:\21_11_2019 - PC ALGAR TECH\Desktop - 12-11-19\PreVendas - Governo Diogo\TBG\Precificação com Adoção.xlsb</t>
  </si>
  <si>
    <t>D:\21_11_2019 - PC ALGAR TECH\Desktop - 12-11-19\PreVendas - Governo Diogo\TBG\Premissa de dimensionamento.xlsx</t>
  </si>
  <si>
    <t>D:\21_11_2019 - PC ALGAR TECH\Desktop - 12-11-19\PreVendas - Governo Diogo\TBG\Aluisio\DFP ENVIO.xlsx</t>
  </si>
  <si>
    <t>D:\21_11_2019 - PC ALGAR TECH\Desktop - 12-11-19\PreVendas - Governo Diogo\TBG\Aluisio\DFP TBG.xls</t>
  </si>
  <si>
    <t>D:\21_11_2019 - PC ALGAR TECH\Desktop - 12-11-19\PreVendas - Governo Diogo\TBG\Aluisio\PPU.xlsx</t>
  </si>
  <si>
    <t>11/21/2019 20:55:24</t>
  </si>
  <si>
    <t>D:\21_11_2019 - PC ALGAR TECH\Desktop - 12-11-19\PreVendas - Governo Diogo\TBG\Material de Licitação\ANEXO VI - DEMONSTRATIVO DE FORMAÄ«O DE PREÄOS.xlsx</t>
  </si>
  <si>
    <t>11/21/2019 20:55:27</t>
  </si>
  <si>
    <t>D:\21_11_2019 - PC ALGAR TECH\Desktop - 12-11-19\PreVendas - Governo Diogo\TCU\Novo BP.xlsb</t>
  </si>
  <si>
    <t>11/21/2019 20:55:30</t>
  </si>
  <si>
    <t>D:\21_11_2019 - PC ALGAR TECH\Desktop - 12-11-19\PreVendas - Governo Diogo\TCU\2017\Completo.xlsb</t>
  </si>
  <si>
    <t>11/21/2019 20:55:31</t>
  </si>
  <si>
    <t>D:\21_11_2019 - PC ALGAR TECH\Desktop - 12-11-19\PreVendas - Governo Diogo\TCU\2017\Documentação.xlsb</t>
  </si>
  <si>
    <t>D:\21_11_2019 - PC ALGAR TECH\Desktop - 12-11-19\PreVendas - Governo Diogo\TCU\2017\Escala.xlsx</t>
  </si>
  <si>
    <t>11/21/2019 20:55:32</t>
  </si>
  <si>
    <t>D:\21_11_2019 - PC ALGAR TECH\Desktop - 12-11-19\PreVendas - Governo Diogo\TCU\2017\NOC+BCKP.xlsb</t>
  </si>
  <si>
    <t>11/21/2019 20:55:34</t>
  </si>
  <si>
    <t>D:\21_11_2019 - PC ALGAR TECH\Desktop - 12-11-19\PreVendas - Governo Diogo\TechMahindra\BP.xlsb</t>
  </si>
  <si>
    <t>11/21/2019 20:55:35</t>
  </si>
  <si>
    <t>D:\21_11_2019 - PC ALGAR TECH\Desktop - 12-11-19\PreVendas - Governo Diogo\TERRACAP\preço.xlsb</t>
  </si>
  <si>
    <t>11/21/2019 20:55:37</t>
  </si>
  <si>
    <t>D:\21_11_2019 - PC ALGAR TECH\Desktop - 12-11-19\PreVendas - Governo Diogo\TIM\Professional Services\RFQ _ A4216_RFQ_52216 - Managed Services\Anexo II - LPU.xlsx</t>
  </si>
  <si>
    <t>11/21/2019 20:55:39</t>
  </si>
  <si>
    <t>D:\21_11_2019 - PC ALGAR TECH\Desktop - 12-11-19\PreVendas - Governo Diogo\TJES\BP Inicial.xlsb</t>
  </si>
  <si>
    <t>D:\21_11_2019 - PC ALGAR TECH\Desktop - 12-11-19\PreVendas - Governo Diogo\TJMG\Dimensionamento e Racionais.xlsx</t>
  </si>
  <si>
    <t>11/21/2019 20:55:40</t>
  </si>
  <si>
    <t>D:\21_11_2019 - PC ALGAR TECH\Desktop - 12-11-19\PreVendas - Governo Diogo\TJMG\Preço.xlsb</t>
  </si>
  <si>
    <t>11/21/2019 20:55:53</t>
  </si>
  <si>
    <t>D:\21_11_2019 - PC ALGAR TECH\Desktop - 12-11-19\PreVendas - Governo Diogo\TJMG\TJMG.zip</t>
  </si>
  <si>
    <t>11/21/2019 20:56:00</t>
  </si>
  <si>
    <t>D:\21_11_2019 - PC ALGAR TECH\Desktop - 12-11-19\PreVendas - Governo Diogo\TJMG\2016\Antigo 2011 para análise\anexo lote 1\edital033_lote1_doc1.xls</t>
  </si>
  <si>
    <t>D:\21_11_2019 - PC ALGAR TECH\Desktop - 12-11-19\PreVendas - Governo Diogo\TJMG\2016\Antigo 2011 para análise\anexo lote 1\edital033_lote1_doc2.xls</t>
  </si>
  <si>
    <t>D:\21_11_2019 - PC ALGAR TECH\Desktop - 12-11-19\PreVendas - Governo Diogo\TJMG\2016\Antigo 2011 para análise\anexo lote 1\edital033_lote1_doc3.xls</t>
  </si>
  <si>
    <t>11/21/2019 20:56:01</t>
  </si>
  <si>
    <t>D:\21_11_2019 - PC ALGAR TECH\Desktop - 12-11-19\PreVendas - Governo Diogo\TJMG\2016\Antigo 2011 para análise\anexo lote 1\edital033_lote1_doc5.xls</t>
  </si>
  <si>
    <t>11/21/2019 20:56:02</t>
  </si>
  <si>
    <t>D:\21_11_2019 - PC ALGAR TECH\Desktop - 12-11-19\PreVendas - Governo Diogo\TJMG\2016\Antigo 2011 para análise\anexo lote 1\edital033_lote1_doc7.xls</t>
  </si>
  <si>
    <t>11/21/2019 20:56:07</t>
  </si>
  <si>
    <t>D:\21_11_2019 - PC ALGAR TECH\Desktop - 12-11-19\PreVendas - Governo Diogo\TJMG\2016\Antigo 2011 para análise\lote 2\edital033_lote2_doc1.xls</t>
  </si>
  <si>
    <t>11/21/2019 20:56:08</t>
  </si>
  <si>
    <t>D:\21_11_2019 - PC ALGAR TECH\Desktop - 12-11-19\PreVendas - Governo Diogo\TJMG\2016\Antigo 2011 para análise\lote 2\edital033_lote2_doc2.xls</t>
  </si>
  <si>
    <t>D:\21_11_2019 - PC ALGAR TECH\Desktop - 12-11-19\PreVendas - Governo Diogo\TJMG\2016\Antigo 2011 para análise\lote 2\edital033_lote2_doc3.xls</t>
  </si>
  <si>
    <t>D:\21_11_2019 - PC ALGAR TECH\Desktop - 12-11-19\PreVendas - Governo Diogo\TJMG\2016\Antigo 2011 para análise\lote 2\edital033_lote2_doc4.xls</t>
  </si>
  <si>
    <t>D:\21_11_2019 - PC ALGAR TECH\Desktop - 12-11-19\PreVendas - Governo Diogo\TJMG\2016\Antigo 2011 para análise\lote 2\edital033_lote2_doc5.xls</t>
  </si>
  <si>
    <t>D:\21_11_2019 - PC ALGAR TECH\Desktop - 12-11-19\PreVendas - Governo Diogo\TJMG\2016\Antigo 2011 para análise\lote 2\edital033_lote2_doc6.xls</t>
  </si>
  <si>
    <t>D:\21_11_2019 - PC ALGAR TECH\Desktop - 12-11-19\PreVendas - Governo Diogo\TJMG\2016\Publicado\Racional Volumetria.xlsx</t>
  </si>
  <si>
    <t>11/21/2019 20:56:09</t>
  </si>
  <si>
    <t>D:\21_11_2019 - PC ALGAR TECH\Desktop - 12-11-19\PreVendas - Governo Diogo\TJMG\30-11-15\Racional Cotação.xlsx</t>
  </si>
  <si>
    <t>11/21/2019 20:56:10</t>
  </si>
  <si>
    <t>D:\21_11_2019 - PC ALGAR TECH\Desktop - 12-11-19\PreVendas - Governo Diogo\TJMG\TR e Anexos\ANEXO IX-A - Relação de peças de reposição (2014-11-26).xlsx</t>
  </si>
  <si>
    <t>11/21/2019 20:56:19</t>
  </si>
  <si>
    <t>D:\21_11_2019 - PC ALGAR TECH\Desktop - 12-11-19\PreVendas - Governo Diogo\TJMG\TR e Anexos\ANEXO IX-B - Relação de Equipamentos de informática.xlsx</t>
  </si>
  <si>
    <t>11/21/2019 20:56:20</t>
  </si>
  <si>
    <t>D:\21_11_2019 - PC ALGAR TECH\Desktop - 12-11-19\PreVendas - Governo Diogo\TJMG\TR e Anexos\ANEXO IX-C - Estimativa de Evolução do parque de equipamentos (2014-11-07).xls</t>
  </si>
  <si>
    <t>D:\21_11_2019 - PC ALGAR TECH\Desktop - 12-11-19\PreVendas - Governo Diogo\TJMG\TR e Anexos\ANEXO IX-D - Volumetria de incidentes.xlsx</t>
  </si>
  <si>
    <t>11/21/2019 20:56:22</t>
  </si>
  <si>
    <t>D:\21_11_2019 - PC ALGAR TECH\Desktop - 12-11-19\PreVendas - Governo Diogo\TJMG\TR e Anexos\ANEXO X-A - Estimativa de Custos.xlsx</t>
  </si>
  <si>
    <t>11/21/2019 20:56:23</t>
  </si>
  <si>
    <t>D:\21_11_2019 - PC ALGAR TECH\Desktop - 12-11-19\PreVendas - Governo Diogo\TJMS\Precificação Adoção TJMS.xlsx</t>
  </si>
  <si>
    <t>D:\21_11_2019 - PC ALGAR TECH\Desktop - 12-11-19\PreVendas - Governo Diogo\TJMS\Cotação\Cotação.xlsb</t>
  </si>
  <si>
    <t>D:\21_11_2019 - PC ALGAR TECH\Desktop - 12-11-19\PreVendas - Governo Diogo\TJMS\Edital\Cotação.xlsb</t>
  </si>
  <si>
    <t>11/21/2019 20:56:24</t>
  </si>
  <si>
    <t>D:\21_11_2019 - PC ALGAR TECH\Desktop - 12-11-19\PreVendas - Governo Diogo\TJMS\Preço\Preco Com PBM - TJMS.xlsb</t>
  </si>
  <si>
    <t>D:\21_11_2019 - PC ALGAR TECH\Desktop - 12-11-19\PreVendas - Governo Diogo\TJMS\Preço\Preco-TJMS-PBM.xlsb</t>
  </si>
  <si>
    <t>11/21/2019 20:56:25</t>
  </si>
  <si>
    <t>D:\21_11_2019 - PC ALGAR TECH\Desktop - 12-11-19\PreVendas - Governo Diogo\TJRJ\Desenho.xlsx</t>
  </si>
  <si>
    <t>11/21/2019 20:56:27</t>
  </si>
  <si>
    <t>D:\21_11_2019 - PC ALGAR TECH\Desktop - 12-11-19\PreVendas - Governo Diogo\TJRJ\Preco.xlsb</t>
  </si>
  <si>
    <t>D:\21_11_2019 - PC ALGAR TECH\Desktop - 12-11-19\PreVendas - Governo Diogo\TJRJ\Proposta.xlsx</t>
  </si>
  <si>
    <t>11/21/2019 20:56:28</t>
  </si>
  <si>
    <t>D:\21_11_2019 - PC ALGAR TECH\Desktop - 12-11-19\PreVendas - Governo Diogo\transit\BP Preço C010 B010.xlsb</t>
  </si>
  <si>
    <t>D:\21_11_2019 - PC ALGAR TECH\Desktop - 12-11-19\PreVendas - Governo Diogo\transit\pricing.xlsx</t>
  </si>
  <si>
    <t>11/21/2019 20:56:31</t>
  </si>
  <si>
    <t>D:\21_11_2019 - PC ALGAR TECH\Desktop - 12-11-19\PreVendas - Governo Diogo\Transpetro\Atendimento VIP 2.xlsb</t>
  </si>
  <si>
    <t>11/21/2019 20:56:33</t>
  </si>
  <si>
    <t>D:\21_11_2019 - PC ALGAR TECH\Desktop - 12-11-19\PreVendas - Governo Diogo\Transpetro\Atendimento VIP jul-2019.xlsb</t>
  </si>
  <si>
    <t>11/21/2019 20:56:35</t>
  </si>
  <si>
    <t>D:\21_11_2019 - PC ALGAR TECH\Desktop - 12-11-19\PreVendas - Governo Diogo\Transpetro\Atendimento VIP.xlsb</t>
  </si>
  <si>
    <t>11/21/2019 20:56:36</t>
  </si>
  <si>
    <t>D:\21_11_2019 - PC ALGAR TECH\Desktop - 12-11-19\PreVendas - Governo Diogo\Transpetro\2019\TRANSPETRO - 7002420707 - SUPORTE INFRA DE TI - 12.03.2019.zip</t>
  </si>
  <si>
    <t>11/21/2019 20:56:37</t>
  </si>
  <si>
    <t>D:\21_11_2019 - PC ALGAR TECH\Desktop - 12-11-19\PreVendas - Governo Diogo\Transpetro\2019\TRANSPETRO - 7002420707 - SUPORTE INFRA DE TI - 12.03.2019\Adendos do Edital.zip</t>
  </si>
  <si>
    <t>11/21/2019 20:56:39</t>
  </si>
  <si>
    <t>D:\21_11_2019 - PC ALGAR TECH\Desktop - 12-11-19\PreVendas - Governo Diogo\Transpetro\2019\TRANSPETRO - 7002420707 - SUPORTE INFRA DE TI - 12.03.2019\Adendos do Edital\Adendos do Edital\Adendo C - Demonstrativo de Formação de Preços (DFP).xlsm</t>
  </si>
  <si>
    <t>11/21/2019 20:56:41</t>
  </si>
  <si>
    <t>D:\21_11_2019 - PC ALGAR TECH\Desktop - 12-11-19\PreVendas - Governo Diogo\TRF\Cenario_para_composicao_dos_precos_(Anexo_XII).xlsx</t>
  </si>
  <si>
    <t>11/21/2019 20:56:43</t>
  </si>
  <si>
    <t>D:\21_11_2019 - PC ALGAR TECH\Desktop - 12-11-19\PreVendas - Governo Diogo\TRF\lote 2.xlsb</t>
  </si>
  <si>
    <t>11/21/2019 20:56:46</t>
  </si>
  <si>
    <t>D:\21_11_2019 - PC ALGAR TECH\Desktop - 12-11-19\PreVendas - Governo Diogo\TRF\Preço 1.xlsb</t>
  </si>
  <si>
    <t>11/21/2019 20:56:47</t>
  </si>
  <si>
    <t>D:\21_11_2019 - PC ALGAR TECH\Desktop - 12-11-19\PreVendas - Governo Diogo\TRF\Preço 2.xlsb</t>
  </si>
  <si>
    <t>11/21/2019 20:56:51</t>
  </si>
  <si>
    <t>D:\21_11_2019 - PC ALGAR TECH\Desktop - 12-11-19\PreVendas - Governo Diogo\TRF\SD 2017 Subseções\BSB.xlsb</t>
  </si>
  <si>
    <t>11/21/2019 20:56:52</t>
  </si>
  <si>
    <t>D:\21_11_2019 - PC ALGAR TECH\Desktop - 12-11-19\PreVendas - Governo Diogo\TRF\SD 2017 Subseções\Catalogo_de_Servicos_(Anexo_IV).xlsx</t>
  </si>
  <si>
    <t>D:\21_11_2019 - PC ALGAR TECH\Desktop - 12-11-19\PreVendas - Governo Diogo\TRF\SD 2017 Subseções\Cenario_para_composicao_dos_precos_(Anexo_XII).xlsx</t>
  </si>
  <si>
    <t>11/21/2019 20:56:54</t>
  </si>
  <si>
    <t>D:\21_11_2019 - PC ALGAR TECH\Desktop - 12-11-19\PreVendas - Governo Diogo\TRF\SD 2017 Subseções\GYN.xlsb</t>
  </si>
  <si>
    <t>D:\21_11_2019 - PC ALGAR TECH\Desktop - 12-11-19\PreVendas - Governo Diogo\TRF\SD 2017 Subseções\Sizing.xlsx</t>
  </si>
  <si>
    <t>11/21/2019 20:56:55</t>
  </si>
  <si>
    <t>D:\21_11_2019 - PC ALGAR TECH\Desktop - 12-11-19\PreVendas - Governo Diogo\TRT - SE\Dimensionamento.xlsx</t>
  </si>
  <si>
    <t>11/21/2019 20:56:56</t>
  </si>
  <si>
    <t>D:\21_11_2019 - PC ALGAR TECH\Desktop - 12-11-19\PreVendas - Governo Diogo\TRT-SP\Pricing.xlsb</t>
  </si>
  <si>
    <t>D:\21_11_2019 - PC ALGAR TECH\Desktop - 12-11-19\PreVendas - Governo Diogo\TRT10\Custo da Implantação.xls</t>
  </si>
  <si>
    <t>D:\21_11_2019 - PC ALGAR TECH\Desktop - 12-11-19\PreVendas - Governo Diogo\TRT10\Dimensionamento-TRT.xlsx</t>
  </si>
  <si>
    <t>11/21/2019 20:56:58</t>
  </si>
  <si>
    <t>D:\21_11_2019 - PC ALGAR TECH\Desktop - 12-11-19\PreVendas - Governo Diogo\TRT10\Preço-TRT-Cenario-Confortavel.xlsb</t>
  </si>
  <si>
    <t>11/21/2019 20:56:59</t>
  </si>
  <si>
    <t>D:\21_11_2019 - PC ALGAR TECH\Desktop - 12-11-19\PreVendas - Governo Diogo\TRT10\Preço-TRT-Cenario-Risco - Atualizado.xlsb</t>
  </si>
  <si>
    <t>D:\21_11_2019 - PC ALGAR TECH\Desktop - 12-11-19\PreVendas - Governo Diogo\TRT10\Preço-TRT-Cenario-Risco.xlsb</t>
  </si>
  <si>
    <t>D:\21_11_2019 - PC ALGAR TECH\Desktop - 12-11-19\PreVendas - Governo Diogo\TRT10\Preço-TRT-FINAL.xlsb</t>
  </si>
  <si>
    <t>D:\21_11_2019 - PC ALGAR TECH\Desktop - 12-11-19\PreVendas - Governo Diogo\TRT10\Volumes Edital.xlsx</t>
  </si>
  <si>
    <t>D:\21_11_2019 - PC ALGAR TECH\Desktop - 12-11-19\PreVendas - Governo Diogo\TRT10\2016\Cotação\26-07-2016\Cotação.xlsx</t>
  </si>
  <si>
    <t>11/21/2019 20:57:00</t>
  </si>
  <si>
    <t>D:\21_11_2019 - PC ALGAR TECH\Desktop - 12-11-19\PreVendas - Governo Diogo\TRT10\2018\pricing TRT10.xlsx</t>
  </si>
  <si>
    <t>D:\21_11_2019 - PC ALGAR TECH\Desktop - 12-11-19\PreVendas - Governo Diogo\TRT10\2018\Volumetria.xlsx</t>
  </si>
  <si>
    <t>D:\21_11_2019 - PC ALGAR TECH\Desktop - 12-11-19\PreVendas - Governo Diogo\TRT2\Cotação.xlsx</t>
  </si>
  <si>
    <t>11/21/2019 20:57:03</t>
  </si>
  <si>
    <t>D:\21_11_2019 - PC ALGAR TECH\Desktop - 12-11-19\PreVendas - Governo Diogo\TSE\Preço (Gerente Cheio).xlsb</t>
  </si>
  <si>
    <t>11/21/2019 20:57:04</t>
  </si>
  <si>
    <t>D:\21_11_2019 - PC ALGAR TECH\Desktop - 12-11-19\PreVendas - Governo Diogo\TSE\Preço.xlsb</t>
  </si>
  <si>
    <t>11/21/2019 20:57:06</t>
  </si>
  <si>
    <t>D:\21_11_2019 - PC ALGAR TECH\Desktop - 12-11-19\PreVendas - Governo Diogo\TSE\Preço_Final.xlsb</t>
  </si>
  <si>
    <t>D:\21_11_2019 - PC ALGAR TECH\Desktop - 12-11-19\PreVendas - Governo Diogo\TSE\Simulação Projeto.xlsx</t>
  </si>
  <si>
    <t>D:\21_11_2019 - PC ALGAR TECH\Desktop - 12-11-19\PreVendas - Governo Diogo\TSE\Tarefas Catálogo de Serviços -COINF v2.0.xlsx</t>
  </si>
  <si>
    <t>11/21/2019 20:57:10</t>
  </si>
  <si>
    <t>D:\21_11_2019 - PC ALGAR TECH\Desktop - 12-11-19\PreVendas - Governo Diogo\TST\CNA\2014\TST\CAPEX-TST 40 PAs.xlsx</t>
  </si>
  <si>
    <t>11/21/2019 20:57:13</t>
  </si>
  <si>
    <t>D:\21_11_2019 - PC ALGAR TECH\Desktop - 12-11-19\PreVendas - Governo Diogo\TST\CNA\2014\TST\Planilha de Preço - Serviços Gerenciados.xlsm</t>
  </si>
  <si>
    <t>D:\21_11_2019 - PC ALGAR TECH\Desktop - 12-11-19\PreVendas - Governo Diogo\TST\CNA\Cotação\cotação.xlsb</t>
  </si>
  <si>
    <t>11/21/2019 20:57:14</t>
  </si>
  <si>
    <t>D:\21_11_2019 - PC ALGAR TECH\Desktop - 12-11-19\PreVendas - Governo Diogo\TST\CNA\Cotação\Orçamento CNA - fornecedores.xlsx</t>
  </si>
  <si>
    <t>D:\21_11_2019 - PC ALGAR TECH\Desktop - 12-11-19\PreVendas - Governo Diogo\TST\CNA\Emergencial\COM PBM v2.xlsb</t>
  </si>
  <si>
    <t>11/21/2019 20:57:17</t>
  </si>
  <si>
    <t>D:\21_11_2019 - PC ALGAR TECH\Desktop - 12-11-19\PreVendas - Governo Diogo\TST\CNA\Emergencial\COM PBM.xlsb</t>
  </si>
  <si>
    <t>11/21/2019 20:57:21</t>
  </si>
  <si>
    <t>D:\21_11_2019 - PC ALGAR TECH\Desktop - 12-11-19\PreVendas - Governo Diogo\TST\CNA\Emergencial\PMO Governança - Análise de Oportunidade - TST.pptx</t>
  </si>
  <si>
    <t>11/21/2019 20:57:24</t>
  </si>
  <si>
    <t>D:\21_11_2019 - PC ALGAR TECH\Desktop - 12-11-19\PreVendas - Governo Diogo\TST\CNA\Emergencial\Sem PBM.xlsb</t>
  </si>
  <si>
    <t>11/21/2019 20:57:26</t>
  </si>
  <si>
    <t>D:\21_11_2019 - PC ALGAR TECH\Desktop - 12-11-19\PreVendas - Governo Diogo\TST\CNA\Emergencial\TST.zip</t>
  </si>
  <si>
    <t>11/21/2019 20:57:29</t>
  </si>
  <si>
    <t>D:\21_11_2019 - PC ALGAR TECH\Desktop - 12-11-19\PreVendas - Governo Diogo\TST\SD\Cópia de Planilha de Preço - Serviços Gerenciados.xlsb</t>
  </si>
  <si>
    <t>D:\21_11_2019 - PC ALGAR TECH\Desktop - 12-11-19\PreVendas - Governo Diogo\TST\SD\estudo.xlsx</t>
  </si>
  <si>
    <t>11/21/2019 20:57:32</t>
  </si>
  <si>
    <t>D:\21_11_2019 - PC ALGAR TECH\Desktop - 12-11-19\PreVendas - Governo Diogo\UNIMED-BH\Planilha de Preço - Serviços Gerenciados.xlsb</t>
  </si>
  <si>
    <t>11/21/2019 20:57:34</t>
  </si>
  <si>
    <t>D:\21_11_2019 - PC ALGAR TECH\Desktop - 12-11-19\PreVendas - Governo Diogo\VALE\SDC 5000224776.zip</t>
  </si>
  <si>
    <t>11/21/2019 20:57:35</t>
  </si>
  <si>
    <t>D:\21_11_2019 - PC ALGAR TECH\Desktop - 12-11-19\PreVendas - Governo Diogo\VALE\ITOC 2018\2 - Edital.zip</t>
  </si>
  <si>
    <t>D:\21_11_2019 - PC ALGAR TECH\Desktop - 12-11-19\PreVendas - Governo Diogo\VALE\ITOC 2018\LPU.xlsx</t>
  </si>
  <si>
    <t>11/21/2019 20:57:36</t>
  </si>
  <si>
    <t>D:\21_11_2019 - PC ALGAR TECH\Desktop - 12-11-19\PreVendas - Governo Diogo\VALE\ITOC 2018\2 - Edital\3 - Questionamentos_formulário.xlsx</t>
  </si>
  <si>
    <t>11/21/2019 20:57:39</t>
  </si>
  <si>
    <t>D:\21_11_2019 - PC ALGAR TECH\Desktop - 12-11-19\PreVendas - Governo Diogo\VALE\ITOC 2019\5 - Appendix V - ITOC N1 QQP (Price List).xlsm</t>
  </si>
  <si>
    <t>D:\21_11_2019 - PC ALGAR TECH\Desktop - 12-11-19\PreVendas - Governo Diogo\VALE\ITOC 2019\6 - Appendix VI - QQP- N2N3-Eng-RegDelivery.xlsm</t>
  </si>
  <si>
    <t>11/21/2019 20:57:42</t>
  </si>
  <si>
    <t>D:\21_11_2019 - PC ALGAR TECH\Desktop - 12-11-19\PreVendas - Governo Diogo\VALE\ITOC 2019\C - Questionamentos_formulário.xlsx</t>
  </si>
  <si>
    <t>11/21/2019 20:57:44</t>
  </si>
  <si>
    <t>D:\21_11_2019 - PC ALGAR TECH\Desktop - 12-11-19\PreVendas - Governo Diogo\VALE\ITOC 2019\F - QQP.zip</t>
  </si>
  <si>
    <t>11/21/2019 20:57:47</t>
  </si>
  <si>
    <t>D:\21_11_2019 - PC ALGAR TECH\Desktop - 12-11-19\PreVendas - Governo Diogo\Vallourec\Anexos Contratuais de I a IX - RFP 2018 - Full Outsourcing.xlsx</t>
  </si>
  <si>
    <t>D:\21_11_2019 - PC ALGAR TECH\Desktop - 12-11-19\PreVendas - Governo Diogo\Vallourec\Pasta1.xlsx</t>
  </si>
  <si>
    <t>D:\21_11_2019 - PC ALGAR TECH\Desktop - 12-11-19\PreVendas - Governo Diogo\WIKINET\Pricing.xlsx</t>
  </si>
  <si>
    <t>11/21/2019 20:57:49</t>
  </si>
  <si>
    <t>D:\21_11_2019 - PC ALGAR TECH\Desktop - 12-11-19\Teste BP\BP Preço C017 B017-Renault Latam LOT5 (insite) v1.7 - 26%MC (fechamento pós BAFO) - Suelen.xlsb</t>
  </si>
  <si>
    <t>11/21/2019 20:57:52</t>
  </si>
  <si>
    <t>D:\21_11_2019 - PC ALGAR TECH\Desktop - 12-11-19\Teste BP\Cópia de 216428_IBM_CMOC_Field_SP_v1_(C017_B017).xlsb</t>
  </si>
  <si>
    <t>11/21/2019 20:58:22</t>
  </si>
  <si>
    <t>C:\Users\suelenmm\OneDrive - Grupo Algar\Download - 11-12\0. Negociação Algar Tech x TIM v3.zip\</t>
  </si>
  <si>
    <t>1. LPU - Servi‡os de Refor‡o Preventivo de Estruturas Verticais - REV1 110216.xls</t>
  </si>
  <si>
    <t>D:\21_11_2019 - PC ALGAR TECH\Download - 11-12\0. Negociação Algar Tech x TIM v3.zip</t>
  </si>
  <si>
    <t>2. LPU COW.xlsx</t>
  </si>
  <si>
    <t>3. LPU SEGURAN€A DE SITES.xlsx</t>
  </si>
  <si>
    <t>4. LPU Otimiza‡Æo F¡sica.xlsx</t>
  </si>
  <si>
    <t>5. Anexo II - LPU Servi‡os.xlsx</t>
  </si>
  <si>
    <t>6. LPU Manuten‡Æo de Campo VSATs.xlsx</t>
  </si>
  <si>
    <t>7a. ANEXO I - LPU - Lista de Pre‡os Unit rios - TNE- V_TARGET.xls</t>
  </si>
  <si>
    <t>7b. ANEXO I - LPU - Lista de Pre‡os Unit rios - TNO- V_TARGET.xls</t>
  </si>
  <si>
    <t>7c. ANEXO I - LPU - Lista de Pre‡os Unit rios - TSL_TARGET.xls</t>
  </si>
  <si>
    <t>11/21/2019 20:58:23</t>
  </si>
  <si>
    <t>C:\Users\suelenmm\OneDrive - Grupo Algar\Download - 11-12\0. Negociação Algar Tech x TIM v4.zip\</t>
  </si>
  <si>
    <t>D:\21_11_2019 - PC ALGAR TECH\Download - 11-12\0. Negociação Algar Tech x TIM v4.zip</t>
  </si>
  <si>
    <t>11/21/2019 20:58:27</t>
  </si>
  <si>
    <t>C:\Users\suelenmm\OneDrive - Grupo Algar\Download - 11-12\0. Negociação Algar Tech x TIM v6.zip\</t>
  </si>
  <si>
    <t>D:\21_11_2019 - PC ALGAR TECH\Download - 11-12\0. Negociação Algar Tech x TIM v6.zip</t>
  </si>
  <si>
    <t>11/21/2019 20:58:29</t>
  </si>
  <si>
    <t>C:\Users\suelenmm\OneDrive - Grupo Algar\Download - 11-12\</t>
  </si>
  <si>
    <t>0310039fb99e453d86c89ddb19c966c9.csv</t>
  </si>
  <si>
    <t>D:\21_11_2019 - PC ALGAR TECH\Download - 11-12\0310039fb99e453d86c89ddb19c966c9.csv</t>
  </si>
  <si>
    <t>11/21/2019 20:58:31</t>
  </si>
  <si>
    <t>1-PRECO-HUAWEI - MEIA DIARIAS (FINAL) - PLANILHA NOVA.xlsb</t>
  </si>
  <si>
    <t>D:\21_11_2019 - PC ALGAR TECH\Download - 11-12\1-PRECO-HUAWEI - MEIA DIARIAS (FINAL) - PLANILHA NOVA.xlsb</t>
  </si>
  <si>
    <t>11/21/2019 20:58:37</t>
  </si>
  <si>
    <t>116263 - BP v6.xlsb</t>
  </si>
  <si>
    <t>D:\21_11_2019 - PC ALGAR TECH\Download - 11-12\116263 - BP v6.xlsb</t>
  </si>
  <si>
    <t>11/21/2019 20:58:41</t>
  </si>
  <si>
    <t>131585 - BP Preço C005 B006 (1).xlsb</t>
  </si>
  <si>
    <t>D:\21_11_2019 - PC ALGAR TECH\Download - 11-12\131585 - BP Preço C005 B006 (1).xlsb</t>
  </si>
  <si>
    <t>C:\Users\suelenmm\OneDrive - Grupo Algar\Download - 11-12\131585 - BP Preço C005 B006 (1).xlsb\</t>
  </si>
  <si>
    <t>11/21/2019 20:58:44</t>
  </si>
  <si>
    <t>131585 - BP Preço C005 B006.xlsb</t>
  </si>
  <si>
    <t>D:\21_11_2019 - PC ALGAR TECH\Download - 11-12\131585 - BP Preço C005 B006.xlsb</t>
  </si>
  <si>
    <t>C:\Users\suelenmm\OneDrive - Grupo Algar\Download - 11-12\131585 - BP Preço C005 B006.xlsb\</t>
  </si>
  <si>
    <t>11/21/2019 20:58:45</t>
  </si>
  <si>
    <t>132434 - BP Preço C005 B006-Algar Telecom.xlsb</t>
  </si>
  <si>
    <t>D:\21_11_2019 - PC ALGAR TECH\Download - 11-12\132434 - BP Preço C005 B006-Algar Telecom.xlsb</t>
  </si>
  <si>
    <t>C:\Users\suelenmm\OneDrive - Grupo Algar\Download - 11-12\132434 - BP Preço C005 B006-Algar Telecom.xlsb\</t>
  </si>
  <si>
    <t>11/21/2019 20:58:49</t>
  </si>
  <si>
    <t>135238 - BP Preço C004 B006-TIM FIBER-estrutura nova.xlsb</t>
  </si>
  <si>
    <t>D:\21_11_2019 - PC ALGAR TECH\Download - 11-12\135238 - BP Preço C004 B006-TIM FIBER-estrutura nova.xlsb</t>
  </si>
  <si>
    <t>C:\Users\suelenmm\OneDrive - Grupo Algar\Download - 11-12\135238 - BP Preço C004 B006-TIM FIBER-estrutura nova.xlsb\</t>
  </si>
  <si>
    <t>11/21/2019 20:58:51</t>
  </si>
  <si>
    <t>138520 - BP Preço C004 B006-TIM FIBER-estrutura existente (1).xlsb</t>
  </si>
  <si>
    <t>D:\21_11_2019 - PC ALGAR TECH\Download - 11-12\138520 - BP Preço C004 B006-TIM FIBER-estrutura existente (1).xlsb</t>
  </si>
  <si>
    <t>C:\Users\suelenmm\OneDrive - Grupo Algar\Download - 11-12\138520 - BP Preço C004 B006-TIM FIBER-estrutura existente (1).xlsb\</t>
  </si>
  <si>
    <t>11/21/2019 20:58:54</t>
  </si>
  <si>
    <t>138520 - BP Preço C004 B006-TIM FIBER-estrutura existente.xlsb</t>
  </si>
  <si>
    <t>D:\21_11_2019 - PC ALGAR TECH\Download - 11-12\138520 - BP Preço C004 B006-TIM FIBER-estrutura existente.xlsb</t>
  </si>
  <si>
    <t>C:\Users\suelenmm\OneDrive - Grupo Algar\Download - 11-12\138520 - BP Preço C004 B006-TIM FIBER-estrutura existente.xlsb\</t>
  </si>
  <si>
    <t>11/21/2019 20:58:56</t>
  </si>
  <si>
    <t>138521 - BP Preço C005 B006 - TIM Novas Localidades - v1 (1).xlsb</t>
  </si>
  <si>
    <t>D:\21_11_2019 - PC ALGAR TECH\Download - 11-12\138521 - BP Preço C005 B006 - TIM Novas Localidades - v1 (1).xlsb</t>
  </si>
  <si>
    <t>C:\Users\suelenmm\OneDrive - Grupo Algar\Download - 11-12\138521 - BP Preço C005 B006 - TIM Novas Localidades - v1 (1).xlsb\</t>
  </si>
  <si>
    <t>11/21/2019 20:58:58</t>
  </si>
  <si>
    <t>138521 - BP Preço C005 B006 - TIM Novas Localidades - v1.xlsb</t>
  </si>
  <si>
    <t>D:\21_11_2019 - PC ALGAR TECH\Download - 11-12\138521 - BP Preço C005 B006 - TIM Novas Localidades - v1.xlsb</t>
  </si>
  <si>
    <t>C:\Users\suelenmm\OneDrive - Grupo Algar\Download - 11-12\138521 - BP Preço C005 B006 - TIM Novas Localidades - v1.xlsb\</t>
  </si>
  <si>
    <t>11/21/2019 20:58:59</t>
  </si>
  <si>
    <t>139187 - TIWS - TRANSACIONAIS.xlsx</t>
  </si>
  <si>
    <t>D:\21_11_2019 - PC ALGAR TECH\Download - 11-12\139187 - TIWS - TRANSACIONAIS.xlsx</t>
  </si>
  <si>
    <t>11/21/2019 20:59:01</t>
  </si>
  <si>
    <t>139739 - BP - TRoca de rack e fusões.xlsb</t>
  </si>
  <si>
    <t>D:\21_11_2019 - PC ALGAR TECH\Download - 11-12\139739 - BP - TRoca de rack e fusões.xlsb</t>
  </si>
  <si>
    <t>C:\Users\suelenmm\OneDrive - Grupo Algar\Download - 11-12\139739 - BP - TRoca de rack e fusões.xlsb\</t>
  </si>
  <si>
    <t>140189 Calculo de MB consolidada.xlsx</t>
  </si>
  <si>
    <t>D:\21_11_2019 - PC ALGAR TECH\Download - 11-12\140189 Calculo de MB consolidada.xlsx</t>
  </si>
  <si>
    <t>11/21/2019 20:59:03</t>
  </si>
  <si>
    <t>140217 - LEVEL 3 - TRANSACIONAIS.xlsx</t>
  </si>
  <si>
    <t>D:\21_11_2019 - PC ALGAR TECH\Download - 11-12\140217 - LEVEL 3 - TRANSACIONAIS.xlsx</t>
  </si>
  <si>
    <t>11/21/2019 20:59:04</t>
  </si>
  <si>
    <t>140601 - LEVEL 3 - TRANSACIONAIS.xlsx</t>
  </si>
  <si>
    <t>D:\21_11_2019 - PC ALGAR TECH\Download - 11-12\140601 - LEVEL 3 - TRANSACIONAIS.xlsx</t>
  </si>
  <si>
    <t>11/21/2019 20:59:05</t>
  </si>
  <si>
    <t>C:\Users\suelenmm\OneDrive - Grupo Algar\Download - 11-12\140687 - TIM - Proposta_Técnica - v2 (1).zip\</t>
  </si>
  <si>
    <t>Atualiza‡Æo de Documentos.xlsx</t>
  </si>
  <si>
    <t>D:\21_11_2019 - PC ALGAR TECH\Download - 11-12\140687 - TIM - Proposta_Técnica - v2 (1).zip</t>
  </si>
  <si>
    <t>C:\Users\suelenmm\OneDrive - Grupo Algar\Download - 11-12\140687 - TIM - Proposta_Técnica - v2 (2).zip\</t>
  </si>
  <si>
    <t>D:\21_11_2019 - PC ALGAR TECH\Download - 11-12\140687 - TIM - Proposta_Técnica - v2 (2).zip</t>
  </si>
  <si>
    <t>11/21/2019 20:59:06</t>
  </si>
  <si>
    <t>C:\Users\suelenmm\OneDrive - Grupo Algar\Download - 11-12\140687 - TIM - Proposta_Técnica - v2 (3).zip\</t>
  </si>
  <si>
    <t>D:\21_11_2019 - PC ALGAR TECH\Download - 11-12\140687 - TIM - Proposta_Técnica - v2 (3).zip</t>
  </si>
  <si>
    <t>C:\Users\suelenmm\OneDrive - Grupo Algar\Download - 11-12\140687 - TIM - Proposta_Técnica - v2 (4).zip\</t>
  </si>
  <si>
    <t>D:\21_11_2019 - PC ALGAR TECH\Download - 11-12\140687 - TIM - Proposta_Técnica - v2 (4).zip</t>
  </si>
  <si>
    <t>11/21/2019 20:59:08</t>
  </si>
  <si>
    <t>C:\Users\suelenmm\OneDrive - Grupo Algar\Download - 11-12\140687 - TIM - Proposta_Técnica - v2 (5).zip\</t>
  </si>
  <si>
    <t>D:\21_11_2019 - PC ALGAR TECH\Download - 11-12\140687 - TIM - Proposta_Técnica - v2 (5).zip</t>
  </si>
  <si>
    <t>C:\Users\suelenmm\OneDrive - Grupo Algar\Download - 11-12\140687 - TIM - Proposta_Técnica - v2.zip\</t>
  </si>
  <si>
    <t>D:\21_11_2019 - PC ALGAR TECH\Download - 11-12\140687 - TIM - Proposta_Técnica - v2.zip</t>
  </si>
  <si>
    <t>11/21/2019 20:59:10</t>
  </si>
  <si>
    <t>140732 - LEVEL 3 - TRANSACIONAIS.xlsx</t>
  </si>
  <si>
    <t>D:\21_11_2019 - PC ALGAR TECH\Download - 11-12\140732 - LEVEL 3 - TRANSACIONAIS.xlsx</t>
  </si>
  <si>
    <t>11/21/2019 20:59:13</t>
  </si>
  <si>
    <t>140747 - BP Preço C007 B007 - Trial Live TIM Rio Verde - v2.xlsb</t>
  </si>
  <si>
    <t>D:\21_11_2019 - PC ALGAR TECH\Download - 11-12\140747 - BP Preço C007 B007 - Trial Live TIM Rio Verde - v2.xlsb</t>
  </si>
  <si>
    <t>C:\Users\suelenmm\OneDrive - Grupo Algar\Download - 11-12\140747 - BP Preço C007 B007 - Trial Live TIM Rio Verde - v2.xlsb\</t>
  </si>
  <si>
    <t>11/21/2019 20:59:16</t>
  </si>
  <si>
    <t>140747 - BP Preço C007 B007 - Trial Live TIM Rio Verde - v3.xlsb</t>
  </si>
  <si>
    <t>D:\21_11_2019 - PC ALGAR TECH\Download - 11-12\140747 - BP Preço C007 B007 - Trial Live TIM Rio Verde - v3.xlsb</t>
  </si>
  <si>
    <t>C:\Users\suelenmm\OneDrive - Grupo Algar\Download - 11-12\140747 - BP Preço C007 B007 - Trial Live TIM Rio Verde - v3.xlsb\</t>
  </si>
  <si>
    <t>11/21/2019 20:59:18</t>
  </si>
  <si>
    <t>140920 - TIM - TRANSACIONAIS.xlsx</t>
  </si>
  <si>
    <t>D:\21_11_2019 - PC ALGAR TECH\Download - 11-12\140920 - TIM - TRANSACIONAIS.xlsx</t>
  </si>
  <si>
    <t>11/21/2019 20:59:21</t>
  </si>
  <si>
    <t>140995 - LEVEL 3 - TRANSACIONAIS.xlsx</t>
  </si>
  <si>
    <t>D:\21_11_2019 - PC ALGAR TECH\Download - 11-12\140995 - LEVEL 3 - TRANSACIONAIS.xlsx</t>
  </si>
  <si>
    <t>11/21/2019 20:59:22</t>
  </si>
  <si>
    <t>142424 - BP Preço C010 B010-SPO e Novo Recurso RJO.xlsb</t>
  </si>
  <si>
    <t>D:\21_11_2019 - PC ALGAR TECH\Download - 11-12\142424 - BP Preço C010 B010-SPO e Novo Recurso RJO.xlsb</t>
  </si>
  <si>
    <t>C:\Users\suelenmm\OneDrive - Grupo Algar\Download - 11-12\142424 - BP Preço C010 B010-SPO e Novo Recurso RJO.xlsb\</t>
  </si>
  <si>
    <t>11/21/2019 20:59:23</t>
  </si>
  <si>
    <t>164f40ddc5d64491a7161b90e7013c90.csv</t>
  </si>
  <si>
    <t>D:\21_11_2019 - PC ALGAR TECH\Download - 11-12\164f40ddc5d64491a7161b90e7013c90.csv</t>
  </si>
  <si>
    <t>11/21/2019 20:59:32</t>
  </si>
  <si>
    <t>C:\Users\suelenmm\OneDrive - Grupo Algar\Download - 11-12\18. ANEXO XVIII - ESPECIFICAÇÃO DOS SERVIÇOS FMT - REVOPM - 291116 (2).doc\</t>
  </si>
  <si>
    <t>D:\21_11_2019 - PC ALGAR TECH\Download - 11-12\18. ANEXO XVIII - ESPECIFICAÇÃO DOS SERVIÇOS FMT - REVOPM - 291116 (2).doc</t>
  </si>
  <si>
    <t>11/21/2019 20:59:41</t>
  </si>
  <si>
    <t>C:\Users\suelenmm\OneDrive - Grupo Algar\Download - 11-12\18. ANEXO XVIII - ESPECIFICAÇÃO DOS SERVIÇOS FMT - REVOPM - 291116.doc\</t>
  </si>
  <si>
    <t>D:\21_11_2019 - PC ALGAR TECH\Download - 11-12\18. ANEXO XVIII - ESPECIFICAÇÃO DOS SERVIÇOS FMT - REVOPM - 291116.doc</t>
  </si>
  <si>
    <t>11/21/2019 20:59:42</t>
  </si>
  <si>
    <t>C:\Users\suelenmm\OneDrive - Grupo Algar\TIM\FMM-FMT 25-05\</t>
  </si>
  <si>
    <t>19. ANEXO XIX - LPU SERVIÇOS - FATURA A FMT - REVRGA 24052017.xlsx</t>
  </si>
  <si>
    <t>D:\21_11_2019 - PC ALGAR TECH\Download - 11-12\19. ANEXO XIX - LPU SERVIÇOS - FATURA A FMT - REVRGA 24052017.xlsx</t>
  </si>
  <si>
    <t>11/21/2019 20:59:43</t>
  </si>
  <si>
    <t>3240b27e6f4d4a7fbf8a7d7ebd7f045d.xls</t>
  </si>
  <si>
    <t>D:\21_11_2019 - PC ALGAR TECH\Download - 11-12\3240b27e6f4d4a7fbf8a7d7ebd7f045d.xls</t>
  </si>
  <si>
    <t>4. Export NTTs.xlsx</t>
  </si>
  <si>
    <t>D:\21_11_2019 - PC ALGAR TECH\Download - 11-12\4. Export NTTs.xlsx</t>
  </si>
  <si>
    <t>47e42d033f194d20a55f05f88ad9a4ba.xls</t>
  </si>
  <si>
    <t>D:\21_11_2019 - PC ALGAR TECH\Download - 11-12\47e42d033f194d20a55f05f88ad9a4ba.xls</t>
  </si>
  <si>
    <t>4faeb3756e034fd6877cf313e13d62b5.xls</t>
  </si>
  <si>
    <t>D:\21_11_2019 - PC ALGAR TECH\Download - 11-12\4faeb3756e034fd6877cf313e13d62b5.xls</t>
  </si>
  <si>
    <t>11/21/2019 20:59:44</t>
  </si>
  <si>
    <t>5. Sites Industriais TLE, TSP e TNO.xlsx</t>
  </si>
  <si>
    <t>D:\21_11_2019 - PC ALGAR TECH\Download - 11-12\5. Sites Industriais TLE, TSP e TNO.xlsx</t>
  </si>
  <si>
    <t>53204 - BP Serviços REV06 - Final.xlsb</t>
  </si>
  <si>
    <t>D:\21_11_2019 - PC ALGAR TECH\Download - 11-12\53204 - BP Serviços REV06 - Final.xlsb</t>
  </si>
  <si>
    <t>11/21/2019 20:59:46</t>
  </si>
  <si>
    <t>5b9cb93ec81043a690a5f205b0bd2366.csv</t>
  </si>
  <si>
    <t>D:\21_11_2019 - PC ALGAR TECH\Download - 11-12\5b9cb93ec81043a690a5f205b0bd2366.csv</t>
  </si>
  <si>
    <t>60b6721fc985411e99f5c97fccd2e138.xls</t>
  </si>
  <si>
    <t>D:\21_11_2019 - PC ALGAR TECH\Download - 11-12\60b6721fc985411e99f5c97fccd2e138.xls</t>
  </si>
  <si>
    <t>11/21/2019 20:59:48</t>
  </si>
  <si>
    <t>74428096c5414097b6e6e26e5588f78b.xls</t>
  </si>
  <si>
    <t>D:\21_11_2019 - PC ALGAR TECH\Download - 11-12\74428096c5414097b6e6e26e5588f78b.xls</t>
  </si>
  <si>
    <t>776903e54fed43018ce0b258194f2710 (1).xls</t>
  </si>
  <si>
    <t>D:\21_11_2019 - PC ALGAR TECH\Download - 11-12\776903e54fed43018ce0b258194f2710 (1).xls</t>
  </si>
  <si>
    <t>776903e54fed43018ce0b258194f2710.xls</t>
  </si>
  <si>
    <t>D:\21_11_2019 - PC ALGAR TECH\Download - 11-12\776903e54fed43018ce0b258194f2710.xls</t>
  </si>
  <si>
    <t>8 ANEXO VIII FATURAS A_B FMM - REVOPM24052017 - COMPARATIVO (1).xls</t>
  </si>
  <si>
    <t>D:\21_11_2019 - PC ALGAR TECH\Download - 11-12\8 ANEXO VIII FATURAS A_B FMM - REVOPM24052017 - COMPARATIVO (1).xls</t>
  </si>
  <si>
    <t>8 ANEXO VIII FATURAS A_B FMM - REVOPM24052017 - COMPARATIVO.xls</t>
  </si>
  <si>
    <t>D:\21_11_2019 - PC ALGAR TECH\Download - 11-12\8 ANEXO VIII FATURAS A_B FMM - REVOPM24052017 - COMPARATIVO.xls</t>
  </si>
  <si>
    <t>11/21/2019 20:59:49</t>
  </si>
  <si>
    <t>8 ANEXO VIII FATURAS A_B FMM - REVOPM24052017.xls</t>
  </si>
  <si>
    <t>D:\21_11_2019 - PC ALGAR TECH\Download - 11-12\8 ANEXO VIII FATURAS A_B FMM - REVOPM24052017.xls</t>
  </si>
  <si>
    <t>917a1e23cc014de499b2feea8a7be0ea.xls</t>
  </si>
  <si>
    <t>D:\21_11_2019 - PC ALGAR TECH\Download - 11-12\917a1e23cc014de499b2feea8a7be0ea.xls</t>
  </si>
  <si>
    <t>962e4ad380bd44589c6bf936f71b7bb1.xls</t>
  </si>
  <si>
    <t>D:\21_11_2019 - PC ALGAR TECH\Download - 11-12\962e4ad380bd44589c6bf936f71b7bb1.xls</t>
  </si>
  <si>
    <t>11/21/2019 20:59:50</t>
  </si>
  <si>
    <t>9d7aaec1542f4375a3fd0dfdc399aa88.csv</t>
  </si>
  <si>
    <t>D:\21_11_2019 - PC ALGAR TECH\Download - 11-12\9d7aaec1542f4375a3fd0dfdc399aa88.csv</t>
  </si>
  <si>
    <t>a36d9acc8fb945f98a6df05e0d553fa8.csv</t>
  </si>
  <si>
    <t>D:\21_11_2019 - PC ALGAR TECH\Download - 11-12\a36d9acc8fb945f98a6df05e0d553fa8.csv</t>
  </si>
  <si>
    <t>11/21/2019 20:59:53</t>
  </si>
  <si>
    <t>C:\Users\suelenmm\OneDrive - Grupo Algar\Download - 11-12\A4216_RFQ_41404 - Recovery Plan Engeset (1).zip\COW\</t>
  </si>
  <si>
    <t>D:\21_11_2019 - PC ALGAR TECH\Download - 11-12\A4216_RFQ_41404 - Recovery Plan Engeset (1).zip</t>
  </si>
  <si>
    <t>C:\Users\suelenmm\OneDrive - Grupo Algar\Download - 11-12\A4216_RFQ_41404 - Recovery Plan Engeset (1).zip\Fibra Optica\</t>
  </si>
  <si>
    <t>fibra optica - VOLUME - ENGESET.xls</t>
  </si>
  <si>
    <t>C:\Users\suelenmm\OneDrive - Grupo Algar\Download - 11-12\A4216_RFQ_41404 - Recovery Plan Engeset (1).zip\OtimizaÃ§Ã£o Fisica\</t>
  </si>
  <si>
    <t>LPU OtimizaÃ§Ã£o FÃ­sica.xlsx</t>
  </si>
  <si>
    <t>C:\Users\suelenmm\OneDrive - Grupo Algar\Download - 11-12\A4216_RFQ_41404 - Recovery Plan Engeset (1).zip\Refor‡o de Torre\</t>
  </si>
  <si>
    <t>LPU Refor‡o Preventivo de Estruturas Verticais.xls</t>
  </si>
  <si>
    <t>C:\Users\suelenmm\OneDrive - Grupo Algar\Download - 11-12\A4216_RFQ_41404 - Recovery Plan Engeset (1).zip\Seguran‡a de Site\</t>
  </si>
  <si>
    <t>LPU SEGURAN€A DE SITES.xlsx</t>
  </si>
  <si>
    <t>C:\Users\suelenmm\OneDrive - Grupo Algar\Download - 11-12\A4216_RFQ_41404 - Recovery Plan Engeset (1).zip\ManutenÃ§Ã£o de Campo VSATs\ET ManutenÃ§Ã£o de Campo VSAT.doc\s29\</t>
  </si>
  <si>
    <t>C:\Users\suelenmm\OneDrive - Grupo Algar\Download - 11-12\A4216_RFQ_41404 - Recovery Plan Engeset (1).zip\Recovery Plan Q2 2016 ENGESET.pptx\</t>
  </si>
  <si>
    <t>C:\Users\suelenmm\OneDrive - Grupo Algar\Download - 11-12\A4216_RFQ_41404 - Recovery Plan Engeset (1).zip\Remanejamento de Enlaces\ET Remanejamento de Enlaces.doc\</t>
  </si>
  <si>
    <t>Package3.xls</t>
  </si>
  <si>
    <t>C:\Users\suelenmm\OneDrive - Grupo Algar\Download - 11-12\A4216_RFQ_41404 - Recovery Plan Engeset (1).zip\Remanejamento de Enlaces\ET Remanejamento de Enlaces.doc\s19\</t>
  </si>
  <si>
    <t>C:\Users\suelenmm\OneDrive - Grupo Algar\Download - 11-12\A4216_RFQ_41404 - Recovery Plan Engeset (1).zip\SeguranÃ§a de Site\ANEXO I - EspecificaÃ§Ã£o TÃ©cnica - Produtos e SoluÃ§Ãµes de SeguranÃ§a para Sites.doc\</t>
  </si>
  <si>
    <t>C:\Users\suelenmm\OneDrive - Grupo Algar\Download - 11-12\A4216_RFQ_41404 - Recovery Plan Engeset (1).zip\ManutenÃ§Ã£o de Campo VSATs\ET ManutenÃ§Ã£o de Campo VSAT.doc\Package.docx\</t>
  </si>
  <si>
    <t>C:\Users\suelenmm\OneDrive - Grupo Algar\Download - 11-12\A4216_RFQ_41404 - Recovery Plan Engeset (1).zip\Remanejamento de Enlaces\ET Remanejamento de Enlaces.doc\Package2.docx\</t>
  </si>
  <si>
    <t>11/21/2019 21:00:00</t>
  </si>
  <si>
    <t>C:\Users\suelenmm\OneDrive - Grupo Algar\Download - 11-12\A4216_RFQ_41404 - Recovery Plan Engeset.zip\COW\</t>
  </si>
  <si>
    <t>D:\21_11_2019 - PC ALGAR TECH\Download - 11-12\A4216_RFQ_41404 - Recovery Plan Engeset.zip</t>
  </si>
  <si>
    <t>C:\Users\suelenmm\OneDrive - Grupo Algar\Download - 11-12\A4216_RFQ_41404 - Recovery Plan Engeset.zip\Fibra Optica\</t>
  </si>
  <si>
    <t>C:\Users\suelenmm\OneDrive - Grupo Algar\Download - 11-12\A4216_RFQ_41404 - Recovery Plan Engeset.zip\OtimizaÃ§Ã£o Fisica\</t>
  </si>
  <si>
    <t>C:\Users\suelenmm\OneDrive - Grupo Algar\Download - 11-12\A4216_RFQ_41404 - Recovery Plan Engeset.zip\Refor‡o de Torre\</t>
  </si>
  <si>
    <t>C:\Users\suelenmm\OneDrive - Grupo Algar\Download - 11-12\A4216_RFQ_41404 - Recovery Plan Engeset.zip\Seguran‡a de Site\</t>
  </si>
  <si>
    <t>C:\Users\suelenmm\OneDrive - Grupo Algar\Download - 11-12\A4216_RFQ_41404 - Recovery Plan Engeset.zip\ManutenÃ§Ã£o de Campo VSATs\ET ManutenÃ§Ã£o de Campo VSAT.doc\s29\</t>
  </si>
  <si>
    <t>C:\Users\suelenmm\OneDrive - Grupo Algar\Download - 11-12\A4216_RFQ_41404 - Recovery Plan Engeset.zip\Recovery Plan Q2 2016 ENGESET.pptx\</t>
  </si>
  <si>
    <t>C:\Users\suelenmm\OneDrive - Grupo Algar\Download - 11-12\A4216_RFQ_41404 - Recovery Plan Engeset.zip\Remanejamento de Enlaces\ET Remanejamento de Enlaces.doc\</t>
  </si>
  <si>
    <t>C:\Users\suelenmm\OneDrive - Grupo Algar\Download - 11-12\A4216_RFQ_41404 - Recovery Plan Engeset.zip\Remanejamento de Enlaces\ET Remanejamento de Enlaces.doc\s19\</t>
  </si>
  <si>
    <t>C:\Users\suelenmm\OneDrive - Grupo Algar\Download - 11-12\A4216_RFQ_41404 - Recovery Plan Engeset.zip\SeguranÃ§a de Site\ANEXO I - EspecificaÃ§Ã£o TÃ©cnica - Produtos e SoluÃ§Ãµes de SeguranÃ§a para Sites.doc\</t>
  </si>
  <si>
    <t>C:\Users\suelenmm\OneDrive - Grupo Algar\Download - 11-12\A4216_RFQ_41404 - Recovery Plan Engeset.zip\ManutenÃ§Ã£o de Campo VSATs\ET ManutenÃ§Ã£o de Campo VSAT.doc\Package.docx\</t>
  </si>
  <si>
    <t>C:\Users\suelenmm\OneDrive - Grupo Algar\Download - 11-12\A4216_RFQ_41404 - Recovery Plan Engeset.zip\Remanejamento de Enlaces\ET Remanejamento de Enlaces.doc\Package2.docx\</t>
  </si>
  <si>
    <t>11/21/2019 21:00:01</t>
  </si>
  <si>
    <t>a7f4c762646f4322b02cf4e689567b3c.csv</t>
  </si>
  <si>
    <t>D:\21_11_2019 - PC ALGAR TECH\Download - 11-12\a7f4c762646f4322b02cf4e689567b3c.csv</t>
  </si>
  <si>
    <t>ac4555c3d8f849b2ad0a410467bc0e83 (1).xls</t>
  </si>
  <si>
    <t>D:\21_11_2019 - PC ALGAR TECH\Download - 11-12\ac4555c3d8f849b2ad0a410467bc0e83 (1).xls</t>
  </si>
  <si>
    <t>11/21/2019 21:00:02</t>
  </si>
  <si>
    <t>ac4555c3d8f849b2ad0a410467bc0e83.xls</t>
  </si>
  <si>
    <t>D:\21_11_2019 - PC ALGAR TECH\Download - 11-12\ac4555c3d8f849b2ad0a410467bc0e83.xls</t>
  </si>
  <si>
    <t>11/21/2019 21:00:21</t>
  </si>
  <si>
    <t>Acompanhamento Incentivo_17_11_2017.xlsx</t>
  </si>
  <si>
    <t>D:\21_11_2019 - PC ALGAR TECH\Download - 11-12\Acompanhamento Incentivo_17_11_2017.xlsx</t>
  </si>
  <si>
    <t>11/21/2019 21:00:25</t>
  </si>
  <si>
    <t>C:\Users\suelenmm\OneDrive - Grupo Algar\Download - 11-12\Ajuste de BOQ via portal.msg\s100\</t>
  </si>
  <si>
    <t>D:\21_11_2019 - PC ALGAR TECH\Download - 11-12\Ajuste de BOQ via portal.msg</t>
  </si>
  <si>
    <t>D:\21_11_2019 - PC ALGAR TECH\Download - 11-12\Anexo 4 - Cronograma.xlsx</t>
  </si>
  <si>
    <t>11/21/2019 21:00:26</t>
  </si>
  <si>
    <t>ANEXO I - LPU - Lista de Preços Unitários - ADD.xlsx</t>
  </si>
  <si>
    <t>D:\21_11_2019 - PC ALGAR TECH\Download - 11-12\ANEXO I - LPU - Lista de Preços Unitários - ADD.xlsx</t>
  </si>
  <si>
    <t>ANEXO I - LPU - Lista de Preços Unitários - ADD_1 (1).xlsx</t>
  </si>
  <si>
    <t>D:\21_11_2019 - PC ALGAR TECH\Download - 11-12\ANEXO I - LPU - Lista de Preços Unitários - ADD_1 (1).xlsx</t>
  </si>
  <si>
    <t>ANEXO I - LPU - Lista de Preços Unitários - ADD_1.xlsx</t>
  </si>
  <si>
    <t>D:\21_11_2019 - PC ALGAR TECH\Download - 11-12\ANEXO I - LPU - Lista de Preços Unitários - ADD_1.xlsx</t>
  </si>
  <si>
    <t>ANEXO I - LPU - Lista de Preços Unitários - TNE- V_TARGET (1).xls</t>
  </si>
  <si>
    <t>D:\21_11_2019 - PC ALGAR TECH\Download - 11-12\ANEXO I - LPU - Lista de Preços Unitários - TNE- V_TARGET (1).xls</t>
  </si>
  <si>
    <t>ANEXO I - LPU - Lista de Preços Unitários - TNE- V_TARGET.xls</t>
  </si>
  <si>
    <t>D:\21_11_2019 - PC ALGAR TECH\Download - 11-12\ANEXO I - LPU - Lista de Preços Unitários - TNE- V_TARGET.xls</t>
  </si>
  <si>
    <t>ANEXO I - LPU - Lista de Preços Unitários - TNO- V_TARGET (1).xls</t>
  </si>
  <si>
    <t>D:\21_11_2019 - PC ALGAR TECH\Download - 11-12\ANEXO I - LPU - Lista de Preços Unitários - TNO- V_TARGET (1).xls</t>
  </si>
  <si>
    <t>ANEXO I - LPU - Lista de Preços Unitários - TNO- V_TARGET.xls</t>
  </si>
  <si>
    <t>D:\21_11_2019 - PC ALGAR TECH\Download - 11-12\ANEXO I - LPU - Lista de Preços Unitários - TNO- V_TARGET.xls</t>
  </si>
  <si>
    <t>ANEXO I - LPU - Lista de Preços Unitários - TSL_TARGET (1).XLS</t>
  </si>
  <si>
    <t>D:\21_11_2019 - PC ALGAR TECH\Download - 11-12\ANEXO I - LPU - Lista de Preços Unitários - TSL_TARGET (1).XLS</t>
  </si>
  <si>
    <t>ANEXO I - LPU - Lista de Preços Unitários - TSL_TARGET.XLS</t>
  </si>
  <si>
    <t>D:\21_11_2019 - PC ALGAR TECH\Download - 11-12\ANEXO I - LPU - Lista de Preços Unitários - TSL_TARGET.XLS</t>
  </si>
  <si>
    <t>ANEXO II - LPU - Lista de Preços Unitários Rev01 (1).xls</t>
  </si>
  <si>
    <t>D:\21_11_2019 - PC ALGAR TECH\Download - 11-12\ANEXO II - LPU - Lista de Preços Unitários Rev01 (1).xls</t>
  </si>
  <si>
    <t>ANEXO II - LPU - Lista de Preços Unitários Rev01.xls</t>
  </si>
  <si>
    <t>D:\21_11_2019 - PC ALGAR TECH\Download - 11-12\ANEXO II - LPU - Lista de Preços Unitários Rev01.xls</t>
  </si>
  <si>
    <t>ANEXO II - LPU - Lista de Preços Unitários Rev03.xls</t>
  </si>
  <si>
    <t>D:\21_11_2019 - PC ALGAR TECH\Download - 11-12\ANEXO II - LPU - Lista de Preços Unitários Rev03.xls</t>
  </si>
  <si>
    <t>ANEXO II - LPU para Serviços e Materiais sob demanda - MANUT CABOS ÓPTICOS - REV 170117.xlsx</t>
  </si>
  <si>
    <t>D:\21_11_2019 - PC ALGAR TECH\Download - 11-12\ANEXO II - LPU para Serviços e Materiais sob demanda - MANUT CABOS ÓPTICOS - REV 170117.xlsx</t>
  </si>
  <si>
    <t>Anexo II - LPU Serviços (1).xlsx</t>
  </si>
  <si>
    <t>D:\21_11_2019 - PC ALGAR TECH\Download - 11-12\Anexo II - LPU Serviços (1).xlsx</t>
  </si>
  <si>
    <t>Anexo II - LPU Serviços.xlsx</t>
  </si>
  <si>
    <t>D:\21_11_2019 - PC ALGAR TECH\Download - 11-12\Anexo II - LPU Serviços.xlsx</t>
  </si>
  <si>
    <t>11/21/2019 21:00:27</t>
  </si>
  <si>
    <t>ANEXO V - Quantidades Estimadas.REV03 - TCO.xls</t>
  </si>
  <si>
    <t>D:\21_11_2019 - PC ALGAR TECH\Download - 11-12\ANEXO V - Quantidades Estimadas.REV03 - TCO.xls</t>
  </si>
  <si>
    <t>ANEXO V - Quantidades Estimadas.REV03 - TSL.xls</t>
  </si>
  <si>
    <t>D:\21_11_2019 - PC ALGAR TECH\Download - 11-12\ANEXO V - Quantidades Estimadas.REV03 - TSL.xls</t>
  </si>
  <si>
    <t>11/21/2019 21:00:28</t>
  </si>
  <si>
    <t>C:\Users\suelenmm\OneDrive - Grupo Algar\Download - 11-12\Anexos Técnicos - Serviço de manutenção cabos ópticos (1).zip\</t>
  </si>
  <si>
    <t>2. ANEXO II - LPU para Servi‡os B sicos - REV 260416.xlsx</t>
  </si>
  <si>
    <t>D:\21_11_2019 - PC ALGAR TECH\Download - 11-12\Anexos Técnicos - Serviço de manutenção cabos ópticos (1).zip</t>
  </si>
  <si>
    <t>3. ANEXO III - LPU para Servi‡os e Materiais sob demanda - REV 260416.xlsx</t>
  </si>
  <si>
    <t>4a. ANEXO IVa - Extensao da rede Lotes 1 a 5 e rede OPGW - REV 260416.xlsx</t>
  </si>
  <si>
    <t>4b. ANEXO IVb - Extensao da rede Lotes 6 a 8 - REV 260416.xlsx</t>
  </si>
  <si>
    <t>4c. ANEXO IVc - Extensao da rede Lotes 9 a 11 - REV 260416.xlsx</t>
  </si>
  <si>
    <t>4d. ANEXO IVd - Previsao de expansao da rede optica 2016-2018 - REV 260416.xlsx</t>
  </si>
  <si>
    <t>4e. ANEXO IVe - Dados do Backbone TIM - REV 310316.xlsx</t>
  </si>
  <si>
    <t>5. ANEXO V - Hist¢rico falhas 2014-2015 e Estimativa troca de postes - REV 260416.xlsx</t>
  </si>
  <si>
    <t>11/21/2019 21:00:30</t>
  </si>
  <si>
    <t>C:\Users\suelenmm\OneDrive - Grupo Algar\Download - 11-12\Anexos Técnicos - Serviço de manutenção cabos ópticos.zip\</t>
  </si>
  <si>
    <t>D:\21_11_2019 - PC ALGAR TECH\Download - 11-12\Anexos Técnicos - Serviço de manutenção cabos ópticos.zip</t>
  </si>
  <si>
    <t>11/21/2019 21:00:31</t>
  </si>
  <si>
    <t>C:\Users\suelenmm\OneDrive - Grupo Algar\Download - 11-12\Anexos Técnicos - Serviço de manutenção cabos ópticos_1 (1).zip\</t>
  </si>
  <si>
    <t>D:\21_11_2019 - PC ALGAR TECH\Download - 11-12\Anexos Técnicos - Serviço de manutenção cabos ópticos_1 (1).zip</t>
  </si>
  <si>
    <t>11/21/2019 21:00:33</t>
  </si>
  <si>
    <t>C:\Users\suelenmm\OneDrive - Grupo Algar\Download - 11-12\Anexos Técnicos - Serviço de manutenção cabos ópticos_1.zip\</t>
  </si>
  <si>
    <t>D:\21_11_2019 - PC ALGAR TECH\Download - 11-12\Anexos Técnicos - Serviço de manutenção cabos ópticos_1.zip</t>
  </si>
  <si>
    <t>api5w13n.nnm (1).csv</t>
  </si>
  <si>
    <t>D:\21_11_2019 - PC ALGAR TECH\Download - 11-12\api5w13n.nnm (1).csv</t>
  </si>
  <si>
    <t>api5w13n.nnm.csv</t>
  </si>
  <si>
    <t>D:\21_11_2019 - PC ALGAR TECH\Download - 11-12\api5w13n.nnm.csv</t>
  </si>
  <si>
    <t>11/21/2019 21:00:36</t>
  </si>
  <si>
    <t>C:\Users\suelenmm\OneDrive - Grupo Algar\Download - 11-12\Arquivos RFQ - NPD - 001_2017.rar\</t>
  </si>
  <si>
    <t>Check List Preventiva Sistema de Energia DC ATC.xlsm</t>
  </si>
  <si>
    <t>D:\21_11_2019 - PC ALGAR TECH\Download - 11-12\Arquivos RFQ - NPD - 001_2017.rar</t>
  </si>
  <si>
    <t>LPU_Material_ServiÃ§o_Sistema de energia DC ATC.xlsx</t>
  </si>
  <si>
    <t>11/21/2019 21:00:37</t>
  </si>
  <si>
    <t>Atualização de Documentos (1).xlsx</t>
  </si>
  <si>
    <t>D:\21_11_2019 - PC ALGAR TECH\Download - 11-12\Atualização de Documentos (1).xlsx</t>
  </si>
  <si>
    <t>Atualização de Documentos (2).xlsx</t>
  </si>
  <si>
    <t>D:\21_11_2019 - PC ALGAR TECH\Download - 11-12\Atualização de Documentos (2).xlsx</t>
  </si>
  <si>
    <t>Atualização de Documentos.xlsx</t>
  </si>
  <si>
    <t>D:\21_11_2019 - PC ALGAR TECH\Download - 11-12\Atualização de Documentos.xlsx</t>
  </si>
  <si>
    <t>bf497351386743e6b035465471ed2bf1.csv</t>
  </si>
  <si>
    <t>D:\21_11_2019 - PC ALGAR TECH\Download - 11-12\bf497351386743e6b035465471ed2bf1.csv</t>
  </si>
  <si>
    <t>11/21/2019 21:00:39</t>
  </si>
  <si>
    <t>BIProxy.xlsx</t>
  </si>
  <si>
    <t>D:\21_11_2019 - PC ALGAR TECH\Download - 11-12\BIProxy.xlsx</t>
  </si>
  <si>
    <t>11/21/2019 21:00:41</t>
  </si>
  <si>
    <t>BKP 125027 BP Preço C002 B004.xlsb</t>
  </si>
  <si>
    <t>D:\21_11_2019 - PC ALGAR TECH\Download - 11-12\BKP 125027 BP Preço C002 B004.xlsb</t>
  </si>
  <si>
    <t>11/21/2019 21:00:43</t>
  </si>
  <si>
    <t>BP - Algar Telecom - Gerencia - rev1.xlsb</t>
  </si>
  <si>
    <t>D:\21_11_2019 - PC ALGAR TECH\Download - 11-12\BP - Algar Telecom - Gerencia - rev1.xlsb</t>
  </si>
  <si>
    <t>C:\Users\suelenmm\OneDrive - Grupo Algar\Download - 11-12\BP - Algar Telecom - Gerencia - rev1.xlsb\</t>
  </si>
  <si>
    <t>11/21/2019 21:00:44</t>
  </si>
  <si>
    <t>BP - consolidado - ATC - ok.xlsb</t>
  </si>
  <si>
    <t>D:\21_11_2019 - PC ALGAR TECH\Download - 11-12\BP - consolidado - ATC - ok.xlsb</t>
  </si>
  <si>
    <t>C:\Users\suelenmm\OneDrive - Grupo Algar\Download - 11-12\BP - consolidado - ATC - ok.xlsb\</t>
  </si>
  <si>
    <t>11/21/2019 21:00:45</t>
  </si>
  <si>
    <t>BP Preço (1).xlsb</t>
  </si>
  <si>
    <t>D:\21_11_2019 - PC ALGAR TECH\Download - 11-12\BP Preço (1).xlsb</t>
  </si>
  <si>
    <t>C:\Users\suelenmm\OneDrive - Grupo Algar\Download - 11-12\BP Preço (1).xlsb\</t>
  </si>
  <si>
    <t>11/21/2019 21:00:47</t>
  </si>
  <si>
    <t>BP Preço.xlsb</t>
  </si>
  <si>
    <t>D:\21_11_2019 - PC ALGAR TECH\Download - 11-12\BP Preço.xlsb</t>
  </si>
  <si>
    <t>C:\Users\suelenmm\OneDrive - Grupo Algar\Download - 11-12\BP Preço.xlsb\</t>
  </si>
  <si>
    <t>BP Revenda.xls</t>
  </si>
  <si>
    <t>D:\21_11_2019 - PC ALGAR TECH\Download - 11-12\BP Revenda.xls</t>
  </si>
  <si>
    <t>11/21/2019 21:00:48</t>
  </si>
  <si>
    <t>BP Revenda_Licenças.xls</t>
  </si>
  <si>
    <t>D:\21_11_2019 - PC ALGAR TECH\Download - 11-12\BP Revenda_Licenças.xls</t>
  </si>
  <si>
    <t>c5226f602cb64660975d155578eb5106.csv</t>
  </si>
  <si>
    <t>D:\21_11_2019 - PC ALGAR TECH\Download - 11-12\c5226f602cb64660975d155578eb5106.csv</t>
  </si>
  <si>
    <t>11/21/2019 21:00:54</t>
  </si>
  <si>
    <t>cc564ee99a1245178f2db6518171296a.xls</t>
  </si>
  <si>
    <t>D:\21_11_2019 - PC ALGAR TECH\Download - 11-12\cc564ee99a1245178f2db6518171296a.xls</t>
  </si>
  <si>
    <t>Checklist Oportunidades - Aditivo BackBone - Dez e Jan 2016.xlsx</t>
  </si>
  <si>
    <t>D:\21_11_2019 - PC ALGAR TECH\Download - 11-12\Checklist Oportunidades - Aditivo BackBone - Dez e Jan 2016.xlsx</t>
  </si>
  <si>
    <t>Checklist Oportunidades - Aditivo Contrato Manutenção RE_Sete Lagoas.xlsx</t>
  </si>
  <si>
    <t>D:\21_11_2019 - PC ALGAR TECH\Download - 11-12\Checklist Oportunidades - Aditivo Contrato Manutenção RE_Sete Lagoas.xlsx</t>
  </si>
  <si>
    <t>Checklist Oportunidades - REMANEJAMENTO DE EQUIPAMENTOS ERICSON ENTREGA EM RPO e ULA.xlsx</t>
  </si>
  <si>
    <t>D:\21_11_2019 - PC ALGAR TECH\Download - 11-12\Checklist Oportunidades - REMANEJAMENTO DE EQUIPAMENTOS ERICSON ENTREGA EM RPO e ULA.xlsx</t>
  </si>
  <si>
    <t>D:\21_11_2019 - PC ALGAR TECH\Download - 11-12\Checklist Proposta v1.xlsx</t>
  </si>
  <si>
    <t>11/21/2019 21:00:57</t>
  </si>
  <si>
    <t>Comissão Força de Vendas_V5.xlsb</t>
  </si>
  <si>
    <t>D:\21_11_2019 - PC ALGAR TECH\Download - 11-12\Comissão Força de Vendas_V5.xlsb</t>
  </si>
  <si>
    <t>11/21/2019 21:00:59</t>
  </si>
  <si>
    <t>Contrato Ferramentas Engeset Anhanguera.xlsx</t>
  </si>
  <si>
    <t>D:\21_11_2019 - PC ALGAR TECH\Download - 11-12\Contrato Ferramentas Engeset Anhanguera.xlsx</t>
  </si>
  <si>
    <t>11/21/2019 21:01:00</t>
  </si>
  <si>
    <t>Contrato Ferramentas Engeset Lion.xlsx</t>
  </si>
  <si>
    <t>D:\21_11_2019 - PC ALGAR TECH\Download - 11-12\Contrato Ferramentas Engeset Lion.xlsx</t>
  </si>
  <si>
    <t>Copy of 8 ANEXO VIII FATURAS A_B FMM - REVOPM.xls</t>
  </si>
  <si>
    <t>D:\21_11_2019 - PC ALGAR TECH\Download - 11-12\Copy of 8 ANEXO VIII FATURAS A_B FMM - REVOPM.xls</t>
  </si>
  <si>
    <t>11/21/2019 21:01:02</t>
  </si>
  <si>
    <t>D:\21_11_2019 - PC ALGAR TECH\Download - 11-12\CPFL Cenário 02_v4_REV3.xlsb</t>
  </si>
  <si>
    <t>C:\Users\suelenmm\OneDrive - Grupo Algar\Download - 11-12\CPFL Cenário 02_v4_REV3.xlsb\</t>
  </si>
  <si>
    <t>Códigos de Serviços.xlsx</t>
  </si>
  <si>
    <t>D:\21_11_2019 - PC ALGAR TECH\Download - 11-12\Códigos de Serviços.xlsx</t>
  </si>
  <si>
    <t>Cópia de 2017_Comitê Associados_eleitos.xlsb</t>
  </si>
  <si>
    <t>D:\21_11_2019 - PC ALGAR TECH\Download - 11-12\Cópia de 2017_Comitê Associados_eleitos.xlsb</t>
  </si>
  <si>
    <t>11/21/2019 21:01:07</t>
  </si>
  <si>
    <t>Cópia de Banco de Preço_revisão salários 02out2017 (002).xlsx</t>
  </si>
  <si>
    <t>D:\21_11_2019 - PC ALGAR TECH\Download - 11-12\Cópia de Banco de Preço_revisão salários 02out2017 (002).xlsx</t>
  </si>
  <si>
    <t>11/21/2019 21:01:14</t>
  </si>
  <si>
    <t>DFP CORRIGIDA 108224_BP Manutencao GPON Sete Lagoas - V 2015-10-01_rev03 (1).xlsb</t>
  </si>
  <si>
    <t>D:\21_11_2019 - PC ALGAR TECH\Download - 11-12\DFP CORRIGIDA 108224_BP Manutencao GPON Sete Lagoas - V 2015-10-01_rev03 (1).xlsb</t>
  </si>
  <si>
    <t>11/21/2019 21:01:17</t>
  </si>
  <si>
    <t>DFP CORRIGIDA 108224_BP Manutencao GPON Sete Lagoas - V 2015-10-01_rev03.xlsb</t>
  </si>
  <si>
    <t>D:\21_11_2019 - PC ALGAR TECH\Download - 11-12\DFP CORRIGIDA 108224_BP Manutencao GPON Sete Lagoas - V 2015-10-01_rev03.xlsb</t>
  </si>
  <si>
    <t>D:\21_11_2019 - PC ALGAR TECH\Download - 11-12\dimensionamento.xlsx</t>
  </si>
  <si>
    <t>11/21/2019 21:01:18</t>
  </si>
  <si>
    <t>C:\Users\suelenmm\OneDrive - Grupo Algar\Download - 11-12\Doc1095765393.zip\</t>
  </si>
  <si>
    <t>CADASTRO FORNECEDOR INTL.xlsx</t>
  </si>
  <si>
    <t>D:\21_11_2019 - PC ALGAR TECH\Download - 11-12\Doc1095765393.zip</t>
  </si>
  <si>
    <t>C:\Users\suelenmm\OneDrive - Grupo Algar\Download - 11-12\Doc1095765393.zip\ESPEC.zip\</t>
  </si>
  <si>
    <t>Checklist Seguran‡a_segregacao_logica_aplicacoes.xlsx</t>
  </si>
  <si>
    <t>DR_Detalhamento de requisito_Segrega‡Æo _logica.xls</t>
  </si>
  <si>
    <t>C:\Users\suelenmm\OneDrive - Grupo Algar\Download - 11-12\Doc1129111618.zip\RFP_1937.zip\Documenta‡äes solicitante\</t>
  </si>
  <si>
    <t>Cronograma_Ariba.xls</t>
  </si>
  <si>
    <t>D:\21_11_2019 - PC ALGAR TECH\Download - 11-12\Doc1129111618.zip</t>
  </si>
  <si>
    <t>DR_Detalhamento_Requisito - Consultoria SAP ABAP PLM.xls</t>
  </si>
  <si>
    <t>C:\Users\suelenmm\OneDrive - Grupo Algar\Download - 11-12\Doc1141382126 RFP_1823 .zip\DocumentaÃ§Ãµes solicitante.zip\Documenta‡äes solicitante\</t>
  </si>
  <si>
    <t>4623 DR_Detalhamento_Requisito_Custo Padrao_v04.xls</t>
  </si>
  <si>
    <t>D:\21_11_2019 - PC ALGAR TECH\Download - 11-12\Doc1141382126 RFP_1823 .zip</t>
  </si>
  <si>
    <t>11/21/2019 21:01:19</t>
  </si>
  <si>
    <t>C:\Users\suelenmm\OneDrive - Grupo Algar\Download - 11-12\download (1).zip\RFQ _ A4216_RFQ_45509 - ServiÃ§os Operacionais de Suporte a GestÃ£o TIM\</t>
  </si>
  <si>
    <t>D:\21_11_2019 - PC ALGAR TECH\Download - 11-12\download (1).zip</t>
  </si>
  <si>
    <t>11/21/2019 21:01:22</t>
  </si>
  <si>
    <t>C:\Users\suelenmm\OneDrive - Grupo Algar\Download - 11-12\download (10).zip\RFQ _ A79724_RFQ_46596 - ManutenÃ§Ã£o de PrÃ©dios Industriais - Hierarquia H1\ANEXO II\</t>
  </si>
  <si>
    <t>Anexo V - LPU Manuten Âº Ãºo H1 - Servi Âºos.xls</t>
  </si>
  <si>
    <t>D:\21_11_2019 - PC ALGAR TECH\Download - 11-12\download (10).zip</t>
  </si>
  <si>
    <t>LPU ManutenÃ§Ã£o H1 - Materiais_Revisada.xls</t>
  </si>
  <si>
    <t>C:\Users\suelenmm\OneDrive - Grupo Algar\Download - 11-12\download (10).zip\RFQ _ A79724_RFQ_46596 - ManutenÃ§Ã£o de PrÃ©dios Industriais - Hierarquia H1\ANEXO I\ESPECIFICACAO TECNICA - RFQ - PREDIOS H1 - V3.docx\</t>
  </si>
  <si>
    <t>11/21/2019 21:01:25</t>
  </si>
  <si>
    <t>C:\Users\suelenmm\OneDrive - Grupo Algar\Download - 11-12\download (2).zip\RFQ _ A4216_RFQ_45510 - ServiÃ§os de Suporte Ã  ImplantaÃ§Ã£o Corporativa e Wholesale\</t>
  </si>
  <si>
    <t>D:\21_11_2019 - PC ALGAR TECH\Download - 11-12\download (2).zip</t>
  </si>
  <si>
    <t>11/21/2019 21:01:31</t>
  </si>
  <si>
    <t>C:\Users\suelenmm\OneDrive - Grupo Algar\Download - 11-12\download (4).zip\RFQ _ A4216_RFQ_46108 - SERVIÃ‡OS DE ACEITAÃ‡ÃƒO FISICA DE SITES\</t>
  </si>
  <si>
    <t>10 - ANEXO X - RESPOSTA PONTO A PONTO.xlsx</t>
  </si>
  <si>
    <t>D:\21_11_2019 - PC ALGAR TECH\Download - 11-12\download (4).zip</t>
  </si>
  <si>
    <t>2 - ANEXO 2 - Lista de PreÃ§os UnitÃ¡rios Rev00.xlsx</t>
  </si>
  <si>
    <t>C:\Users\suelenmm\OneDrive - Grupo Algar\Download - 11-12\download (4).zip\RFQ _ A4216_RFQ_46108 - SERVIÃ‡OS DE ACEITAÃ‡ÃƒO FISICA DE SITES\ANEXO I - ESPECIFICAÃ‡OES TECNICAS\</t>
  </si>
  <si>
    <t>ANEXO 1 - ACEITAÃ‡ÃƒO FÃSICA EPQTO ACESSO ERICSSON - REV 291116.xlsx</t>
  </si>
  <si>
    <t>ANEXO 10 - ACEITAÃ‡ÃƒO FÃSICA EQPTO CORE- REV 291116.xlsx</t>
  </si>
  <si>
    <t>ANEXO 11 - ACEITAÃ‡ÃƒO FÃSICA INFRA EQPTO ACESSO E TRANSPORTE - REV 291116.xlsx</t>
  </si>
  <si>
    <t>ANEXO 12 - ACEITAÃ‡ÃƒO FÃSICA INFRA EQPTO BIOSITE - REV 291116.xlsx</t>
  </si>
  <si>
    <t>ANEXO 13 - ACEITAÃ‡ÃƒO FÃSICA INFRA EQPTO ALTA HIERARQUIA - REV 291116.xlsx</t>
  </si>
  <si>
    <t>ANEXO 14 - ACEITAÃ‡ÃƒO FÃSICA INFRA PREDIAL - REV 291116.xlsx</t>
  </si>
  <si>
    <t>ANEXO 2 - ACEITAÃ‡ÃƒO FÃSICA EPQTO ACESSO HUAWEI - REV 291116.xlsx</t>
  </si>
  <si>
    <t>ANEXO 3 - ACEITAÃ‡ÃƒO FÃSICA EPQTO ACESSO NOKIA - REV 291116.xlsx</t>
  </si>
  <si>
    <t>ANEXO 4 - ACEITAÃ‡ÃƒO FÃSICA EQPTO RÃDIO MW - REV 291116.xlsx</t>
  </si>
  <si>
    <t>ANEXO 5 - ACEITAÃ‡ÃƒO FÃSICA EPQTOS Ã“PTICOS - REV 291116.xlsx</t>
  </si>
  <si>
    <t>ANEXO 6 - ACEITAÃ‡ÃƒO FÃSICA EQPTO DWDM - REV 291116.xlsx</t>
  </si>
  <si>
    <t>ANEXO 7 - ACEITAÃ‡ÃƒO FÃSICA EQPTO MSAN-BN - REV 291116.xlsx</t>
  </si>
  <si>
    <t>ANEXO 8 - ACEITAÃ‡ÃƒO FÃSICA EQPTO AP WI-FI - REV 291116.xlsx</t>
  </si>
  <si>
    <t>ANEXO 9 - ACEITAÃ‡ÃƒO FÃSICA EQPTO SATÃ‰LITE - REV 291116.xlsx</t>
  </si>
  <si>
    <t>C:\Users\suelenmm\OneDrive - Grupo Algar\Download - 11-12\download (4).zip\RFQ _ A4216_RFQ_46108 - SERVIÃ‡OS DE ACEITAÃ‡ÃƒO FISICA DE SITES\ANEXO I - ESPECIFICAÃ‡OES TECNICAS\ET_NW_OPM_16_015 - ServiÃ§os de aceitaÃ§Ã£o fÃ­sica de novos NEs e Infra - REV8 1</t>
  </si>
  <si>
    <t>11/21/2019 21:01:44</t>
  </si>
  <si>
    <t>C:\Users\suelenmm\OneDrive - Grupo Algar\Download - 11-12\download (5).zip\RFQ _ A79724_RFQ_46565 - MANUTENÃ‡ÃƒO DE REDE FIXA E MÃ“VEL (FMM_FMT) TSP, TLE &amp; TNO\Anexo 2 - Modelo Comercial (LPU)\</t>
  </si>
  <si>
    <t>19. ANEXO XIX - LPU SERVIÃ‡OS - FATURA A FMT - REVOPM - 231116.xlsx</t>
  </si>
  <si>
    <t>D:\21_11_2019 - PC ALGAR TECH\Download - 11-12\download (5).zip</t>
  </si>
  <si>
    <t>20. ANEXO XX - LPU SERVIÃ‡OS E MATERIAIS - FATURA B FMT - REVOPM - 231116.xlsx</t>
  </si>
  <si>
    <t>8. ANEXO VIII FATURAS A_B FMM - REVOPM.xls</t>
  </si>
  <si>
    <t>VERTICALIZAÃ‡ÃƒO - ADEQUAÃ‡ÃƒO SEGURANÃ‡A EM EQUIPAMENTOS E SITES - LPU - 010217.xlsx</t>
  </si>
  <si>
    <t>VERTICALIZAÃ‡ÃƒO - SERVIÃ‡O DE MANUT CAMPO PARA VSATS - LPU - 301116.XLS</t>
  </si>
  <si>
    <t>C:\Users\suelenmm\OneDrive - Grupo Algar\Download - 11-12\download (5).zip\RFQ _ A79724_RFQ_46565 - MANUTENÃ‡ÃƒO DE REDE FIXA E MÃ“VEL (FMM_FMT) TSP, TLE &amp; TNO\</t>
  </si>
  <si>
    <t>C:\Users\suelenmm\OneDrive - Grupo Algar\Download - 11-12\download (5).zip\RFQ _ A79724_RFQ_46565 - MANUTENÃ‡ÃƒO DE REDE FIXA E MÃ“VEL (FMM_FMT) TSP, TLE &amp; TNO\Anexo 1 - EspecificaÃ§Ã£o TÃ©cnica\FMM_FMT\18. ANEXO XVIII - ESPECIFICAÃ‡ÃƒO DOS SERVIÃ‡OS FMT -</t>
  </si>
  <si>
    <t>C:\Users\suelenmm\OneDrive - Grupo Algar\Download - 11-12\download (5).zip\RFQ _ A79724_RFQ_46565 - MANUTENÃ‡ÃƒO DE REDE FIXA E MÃ“VEL (FMM_FMT) TSP, TLE &amp; TNO\Anexo 1 - EspecificaÃ§Ã£o TÃ©cnica\VERTICALIZAÃ‡ÃƒO\VERTICALIZAÃ‡ÃƒO - SERVIÃ‡O DE MANUT CAMPO P</t>
  </si>
  <si>
    <t>11/21/2019 21:01:45</t>
  </si>
  <si>
    <t>C:\Users\suelenmm\OneDrive - Grupo Algar\Download - 11-12\download (6).zip\RFQ _ A79724_RFQ_46596 - ManutenÃ§Ã£o de PrÃ©dios Industriais - Hierarquia H1\ANEXO II\</t>
  </si>
  <si>
    <t>D:\21_11_2019 - PC ALGAR TECH\Download - 11-12\download (6).zip</t>
  </si>
  <si>
    <t>C:\Users\suelenmm\OneDrive - Grupo Algar\Download - 11-12\download (6).zip\RFQ _ A79724_RFQ_46596 - ManutenÃ§Ã£o de PrÃ©dios Industriais - Hierarquia H1\ANEXO I\ESPECIFICACAO TECNICA - RFQ - PREDIOS H1 - V3.docx\</t>
  </si>
  <si>
    <t>11/21/2019 21:01:50</t>
  </si>
  <si>
    <t>C:\Users\suelenmm\OneDrive - Grupo Algar\Download - 11-12\download (7).zip\RFQ _ A4216_RFQ_46108 - SERVIÃ‡OS DE ACEITAÃ‡ÃƒO FISICA DE SITES\</t>
  </si>
  <si>
    <t>D:\21_11_2019 - PC ALGAR TECH\Download - 11-12\download (7).zip</t>
  </si>
  <si>
    <t>C:\Users\suelenmm\OneDrive - Grupo Algar\Download - 11-12\download (7).zip\RFQ _ A4216_RFQ_46108 - SERVIÃ‡OS DE ACEITAÃ‡ÃƒO FISICA DE SITES\ANEXO I - ESPECIFICAÃ‡OES TECNICAS\</t>
  </si>
  <si>
    <t>C:\Users\suelenmm\OneDrive - Grupo Algar\Download - 11-12\download (7).zip\RFQ _ A4216_RFQ_46108 - SERVIÃ‡OS DE ACEITAÃ‡ÃƒO FISICA DE SITES\ANEXO I - ESPECIFICAÃ‡OES TECNICAS\ET_NW_OPM_16_015 - ServiÃ§os de aceitaÃ§Ã£o fÃ­sica de novos NEs e Infra - REV8 1</t>
  </si>
  <si>
    <t>11/21/2019 21:01:51</t>
  </si>
  <si>
    <t>C:\Users\suelenmm\OneDrive - Grupo Algar\Download - 11-12\download (8).zip\RFQ _ A4216_RFQ_42556 - ServiÃ§os de ExtensÃ£o, FiscalizaÃ§Ã£o, Entrega e MigraÃ§Ã£o de Circuitos\</t>
  </si>
  <si>
    <t>Anexo II - LPU (RevisÃ£o 20160307).xlsx</t>
  </si>
  <si>
    <t>D:\21_11_2019 - PC ALGAR TECH\Download - 11-12\download (8).zip</t>
  </si>
  <si>
    <t>Anexo VI - QUESTIONÃRIO.xlsx</t>
  </si>
  <si>
    <t>Volumetria_1.xlsx</t>
  </si>
  <si>
    <t>11/21/2019 21:01:52</t>
  </si>
  <si>
    <t>C:\Users\suelenmm\OneDrive - Grupo Algar\Download - 11-12\download (9).zip\RFQ _ A4216_RFQ_41414 - REMANEJAMENTO DE ENLACES\</t>
  </si>
  <si>
    <t>Anexo II - LPU ServiÃ§os.xlsx</t>
  </si>
  <si>
    <t>D:\21_11_2019 - PC ALGAR TECH\Download - 11-12\download (9).zip</t>
  </si>
  <si>
    <t>C:\Users\suelenmm\OneDrive - Grupo Algar\Download - 11-12\download (9).zip\RFQ _ A4216_RFQ_41414 - REMANEJAMENTO DE ENLACES\Anexo I - EspecificaÃ§Ã£o TÃ©cnica.doc\</t>
  </si>
  <si>
    <t>C:\Users\suelenmm\OneDrive - Grupo Algar\Download - 11-12\download (9).zip\RFQ _ A4216_RFQ_41414 - REMANEJAMENTO DE ENLACES\Anexo I - EspecificaÃ§Ã£o TÃ©cnica.doc\s19\</t>
  </si>
  <si>
    <t>C:\Users\suelenmm\OneDrive - Grupo Algar\Download - 11-12\download (9).zip\RFQ _ A4216_RFQ_41414 - REMANEJAMENTO DE ENLACES\Anexo I - EspecificaÃ§Ã£o TÃ©cnica.doc\Package1.docx\</t>
  </si>
  <si>
    <t>11/21/2019 21:01:56</t>
  </si>
  <si>
    <t>C:\Users\suelenmm\OneDrive - Grupo Algar\Download - 11-12\download.zip\RFQ _ A4216_RFQ_44595 - SERVIÃ‡OS DE ACEITAÃ‡ÃƒO FISICA DE SITES\</t>
  </si>
  <si>
    <t>D:\21_11_2019 - PC ALGAR TECH\Download - 11-12\download.zip</t>
  </si>
  <si>
    <t>C:\Users\suelenmm\OneDrive - Grupo Algar\Download - 11-12\download.zip\RFQ _ A4216_RFQ_44595 - SERVIÃ‡OS DE ACEITAÃ‡ÃƒO FISICA DE SITES\ET_NW_OPM_16_015 - ServiÃ§os de aceitaÃ§Ã£o fÃ­sica de novos NEs e Infra - REV6 201016.zip\</t>
  </si>
  <si>
    <t>ANEXO 1 - ACEITAÃ‡ÃƒO FÃSICA EPQTO ACESSO ERICSSON.xlsx</t>
  </si>
  <si>
    <t>ANEXO 10 - ACEITAÃ‡ÃƒO FÃSICA EQPTO CORE.xlsx</t>
  </si>
  <si>
    <t>ANEXO 11 - ACEITAÃ‡ÃƒO FÃSICA INFRA EQPTO ACESSO E TRANSPORTE.xlsx</t>
  </si>
  <si>
    <t>ANEXO 12 - ACEITAÃ‡ÃƒO FÃSICA INFRA EQPTO BIOSITE.xlsx</t>
  </si>
  <si>
    <t>ANEXO 13 - ACEITAÃ‡ÃƒO FÃSICA INFRA EQPTO ALTA HIERARQUIA.xlsx</t>
  </si>
  <si>
    <t>ANEXO 14 - ACEITAÃ‡ÃƒO FÃSICA INFRA PREDIAL.xlsx</t>
  </si>
  <si>
    <t>ANEXO 2 - ACEITAÃ‡ÃƒO FÃSICA EPQTO ACESSO HUAWEI.xlsx</t>
  </si>
  <si>
    <t>ANEXO 3 - ACEITAÃ‡ÃƒO FÃSICA EPQTO ACESSO NOKIA.xlsx</t>
  </si>
  <si>
    <t>ANEXO 4 - ACEITAÃ‡ÃƒO FÃSICA EQPTO RÃDIO MW.xls</t>
  </si>
  <si>
    <t>ANEXO 5 - ACEITAÃ‡ÃƒO FÃSICA EPQTOS Ã“PTICOS.xls</t>
  </si>
  <si>
    <t>ANEXO 6 - ACEITAÃ‡ÃƒO FÃSICA EQPTO DWDM.xls</t>
  </si>
  <si>
    <t>11/21/2019 21:01:57</t>
  </si>
  <si>
    <t>ANEXO 7 - ACEITAÃ‡ÃƒO FÃSICA EQPTO MSAN-BN.xls</t>
  </si>
  <si>
    <t>ANEXO 8 - ACEITAÃ‡ÃƒO FÃSICA EQPTO AP WI-FI.xlsx</t>
  </si>
  <si>
    <t>ANEXO 9 - ACEITAÃ‡ÃƒO FÃSICA EQPTO SATÃ‰LITE.xlsx</t>
  </si>
  <si>
    <t xml:space="preserve">C:\Users\suelenmm\OneDrive - Grupo Algar\Download - 11-12\download.zip\RFQ _ A4216_RFQ_44595 - SERVIÃ‡OS DE ACEITAÃ‡ÃƒO FISICA DE SITES\ET_NW_OPM_16_015 - ServiÃ§os de aceitaÃ§Ã£o fÃ­sica de novos NEs e Infra - REV6 201016.zip\ET_NW_OPM_16_015 - ServiÃ§os </t>
  </si>
  <si>
    <t>11/21/2019 21:02:07</t>
  </si>
  <si>
    <t>C:\Users\suelenmm\OneDrive - Grupo Algar\Download - 11-12\download_(7).zip\RFQ _ A79724_RFQ_46565 - MANUTENÃ‡ÃƒO DE REDE FIXA E MÃ“VEL (FMM_FMT) TSP, TLE &amp; TNO\Anexo 2 - Modelo Comercial (LPU)\</t>
  </si>
  <si>
    <t>D:\21_11_2019 - PC ALGAR TECH\Download - 11-12\download_(7).zip</t>
  </si>
  <si>
    <t>11/22/2019 08:51:36</t>
  </si>
  <si>
    <t>C:\Users\suelenmm\OneDrive - Grupo Algar\Download - 11-12\download_(7).zip\RFQ _ A79724_RFQ_46565 - MANUTENÃ‡ÃƒO DE REDE FIXA E MÃ“VEL (FMM_FMT) TSP, TLE &amp; TNO\</t>
  </si>
  <si>
    <t>C:\Users\suelenmm\OneDrive - Grupo Algar\Download - 11-12\download_(7).zip\RFQ _ A79724_RFQ_46565 - MANUTENÃ‡ÃƒO DE REDE FIXA E MÃ“VEL (FMM_FMT) TSP, TLE &amp; TNO\Anexo 1 - EspecificaÃ§Ã£o TÃ©cnica\FMM_FMT\18. ANEXO XVIII - ESPECIFICAÃ‡ÃƒO DOS SERVIÃ‡OS FMT -</t>
  </si>
  <si>
    <t>C:\Users\suelenmm\OneDrive - Grupo Algar\Download - 11-12\download_(7).zip\RFQ _ A79724_RFQ_46565 - MANUTENÃ‡ÃƒO DE REDE FIXA E MÃ“VEL (FMM_FMT) TSP, TLE &amp; TNO\Anexo 1 - EspecificaÃ§Ã£o TÃ©cnica\VERTICALIZAÃ‡ÃƒO\VERTICALIZAÃ‡ÃƒO - SERVIÃ‡O DE MANUT CAMPO P</t>
  </si>
  <si>
    <t>11/21/2019 21:02:08</t>
  </si>
  <si>
    <t>Dúvidas Tecnicas.xls</t>
  </si>
  <si>
    <t>D:\21_11_2019 - PC ALGAR TECH\Download - 11-12\Dúvidas Tecnicas.xls</t>
  </si>
  <si>
    <t>11/21/2019 21:02:09</t>
  </si>
  <si>
    <t>e5d9277232954ab38053101fe10630b5.xls</t>
  </si>
  <si>
    <t>D:\21_11_2019 - PC ALGAR TECH\Download - 11-12\e5d9277232954ab38053101fe10630b5.xls</t>
  </si>
  <si>
    <t>11/21/2019 21:02:19</t>
  </si>
  <si>
    <t>C:\Users\suelenmm\OneDrive - Grupo Algar\Download - 11-12\edital_02-2016.zip\edital_02-2016\</t>
  </si>
  <si>
    <t>14.anexo_xiv-modelo_planilha_formacao_precos.xlsx</t>
  </si>
  <si>
    <t>D:\21_11_2019 - PC ALGAR TECH\Download - 11-12\edital_02-2016.zip</t>
  </si>
  <si>
    <t>15.anexo_xv-modelo_planilha_bdi.xlsx</t>
  </si>
  <si>
    <t>18.anexo_xviii-modelo_cronograma_fisico-financeiro.xlsx</t>
  </si>
  <si>
    <t>11/21/2019 21:02:20</t>
  </si>
  <si>
    <t>D:\21_11_2019 - PC ALGAR TECH\Download - 11-12\ENGESET LPU FINAL.xls</t>
  </si>
  <si>
    <t>C:\Users\suelenmm\OneDrive - Grupo Algar\Download - 11-12\ET_NW_OPM_16_006 - Serviço de Reforço Preventivo de Estuturas Verticais - REV1 110216.zip\</t>
  </si>
  <si>
    <t>LPU - Servi‡os de Refor‡o Preventivo de Estruturas Verticais - REV1 110216.xls</t>
  </si>
  <si>
    <t>D:\21_11_2019 - PC ALGAR TECH\Download - 11-12\ET_NW_OPM_16_006 - Serviço de Reforço Preventivo de Estuturas Verticais - REV1 110216.zip</t>
  </si>
  <si>
    <t>C:\Users\suelenmm\OneDrive - Grupo Algar\Download - 11-12\ET_NW_OPM_16_011 - Serviço de instalação de ERBs Transportáveis COWs - REV1 190516.zip\</t>
  </si>
  <si>
    <t>LPU - ServiÃ§os de InstalaÃ§Ã£o de ERBs TransportÃ¡veis - REV1 190516.xlsx</t>
  </si>
  <si>
    <t>D:\21_11_2019 - PC ALGAR TECH\Download - 11-12\ET_NW_OPM_16_011 - Serviço de instalação de ERBs Transportáveis COWs - REV1 190516.zip</t>
  </si>
  <si>
    <t>11/21/2019 21:02:22</t>
  </si>
  <si>
    <t>C:\Users\suelenmm\OneDrive - Grupo Algar\Download - 11-12\ET_NW_OPM_16_012 - Serviço de Manutenção de Campo Rede Satélite - REV1 190516.zip\ET_NW_OPM_16_012 - ServiÃ§o de ManutenÃ§Ã£o de Campo Rede SatÃ©lite - REV1 190516.doc\s29\</t>
  </si>
  <si>
    <t>D:\21_11_2019 - PC ALGAR TECH\Download - 11-12\ET_NW_OPM_16_012 - Serviço de Manutenção de Campo Rede Satélite - REV1 190516.zip</t>
  </si>
  <si>
    <t>C:\Users\suelenmm\OneDrive - Grupo Algar\Download - 11-12\ET_NW_OPM_16_012 - Serviço de Manutenção de Campo Rede Satélite - REV1 190516.zip\ET_NW_OPM_16_012 - ServiÃ§o de ManutenÃ§Ã£o de Campo Rede SatÃ©lite - REV1 190516.doc\Package.docx\</t>
  </si>
  <si>
    <t>11/21/2019 21:02:24</t>
  </si>
  <si>
    <t>f2602f98efab470ba5987b3d67e175dd.csv</t>
  </si>
  <si>
    <t>D:\21_11_2019 - PC ALGAR TECH\Download - 11-12\f2602f98efab470ba5987b3d67e175dd.csv</t>
  </si>
  <si>
    <t>11/21/2019 21:02:25</t>
  </si>
  <si>
    <t>FAT B - Orçamento.xlsx</t>
  </si>
  <si>
    <t>D:\21_11_2019 - PC ALGAR TECH\Download - 11-12\FAT B - Orçamento.xlsx</t>
  </si>
  <si>
    <t>11/21/2019 21:02:26</t>
  </si>
  <si>
    <t>FMT INTERIOR.xlsx</t>
  </si>
  <si>
    <t>D:\21_11_2019 - PC ALGAR TECH\Download - 11-12\FMT INTERIOR.xlsx</t>
  </si>
  <si>
    <t>FORMULARIO_DE_CADASTRO_DE_FORNECEDOR_-_R12_e_SOMAR_-_Socios_ATUALIZADO (1).xls</t>
  </si>
  <si>
    <t>D:\21_11_2019 - PC ALGAR TECH\Download - 11-12\FORMULARIO_DE_CADASTRO_DE_FORNECEDOR_-_R12_e_SOMAR_-_Socios_ATUALIZADO (1).xls</t>
  </si>
  <si>
    <t>D:\21_11_2019 - PC ALGAR TECH\Download - 11-12\FORMULARIO_DE_CADASTRO_DE_FORNECEDOR_-_R12_e_SOMAR_-_Socios_ATUALIZADO.xls</t>
  </si>
  <si>
    <t>FORMULARIO_DE_CADASTRO_DE_FORNECEDOR_-_R12_e_SOMAR_-_Socios_ATUALIZADO_(1).xls</t>
  </si>
  <si>
    <t>D:\21_11_2019 - PC ALGAR TECH\Download - 11-12\FORMULARIO_DE_CADASTRO_DE_FORNECEDOR_-_R12_e_SOMAR_-_Socios_ATUALIZADO_(1).xls</t>
  </si>
  <si>
    <t>11/21/2019 21:03:16</t>
  </si>
  <si>
    <t>GRC Marilan Preço_v1.xlsx</t>
  </si>
  <si>
    <t>D:\21_11_2019 - PC ALGAR TECH\Download - 11-12\GRC Marilan Preço_v1.xlsx</t>
  </si>
  <si>
    <t>11/21/2019 21:03:17</t>
  </si>
  <si>
    <t>Infos ALGAR TIM LESTE Rev_B.xlsx</t>
  </si>
  <si>
    <t>D:\21_11_2019 - PC ALGAR TECH\Download - 11-12\Infos ALGAR TIM LESTE Rev_B.xlsx</t>
  </si>
  <si>
    <t>11/21/2019 21:03:22</t>
  </si>
  <si>
    <t>Interurbana e Urbana Rota fibra - Planilha Suprimentos - v12.xlsx</t>
  </si>
  <si>
    <t>D:\21_11_2019 - PC ALGAR TECH\Download - 11-12\Interurbana e Urbana Rota fibra - Planilha Suprimentos - v12.xlsx</t>
  </si>
  <si>
    <t>11/21/2019 21:03:31</t>
  </si>
  <si>
    <t>Interurbana e Urbana ROTA fibra - Planilha Suprimentos - v9.xlsx</t>
  </si>
  <si>
    <t>D:\21_11_2019 - PC ALGAR TECH\Download - 11-12\Interurbana e Urbana ROTA fibra - Planilha Suprimentos - v9.xlsx</t>
  </si>
  <si>
    <t>11/21/2019 21:03:32</t>
  </si>
  <si>
    <t>C:\Users\suelenmm\OneDrive - Grupo Algar\Download - 11-12\ipca_Servicos.zip\</t>
  </si>
  <si>
    <t>SH_Servi‡os.xls</t>
  </si>
  <si>
    <t>D:\21_11_2019 - PC ALGAR TECH\Download - 11-12\ipca_Servicos.zip</t>
  </si>
  <si>
    <t>ixfveuy4.oox.csv</t>
  </si>
  <si>
    <t>D:\21_11_2019 - PC ALGAR TECH\Download - 11-12\ixfveuy4.oox.csv</t>
  </si>
  <si>
    <t>11/21/2019 21:03:38</t>
  </si>
  <si>
    <t>kpxxn3dn.rxd.csv</t>
  </si>
  <si>
    <t>D:\21_11_2019 - PC ALGAR TECH\Download - 11-12\kpxxn3dn.rxd.csv</t>
  </si>
  <si>
    <t>11/21/2019 21:03:39</t>
  </si>
  <si>
    <t>LOGISTICA GMG.xlsx</t>
  </si>
  <si>
    <t>D:\21_11_2019 - PC ALGAR TECH\Download - 11-12\LOGISTICA GMG.xlsx</t>
  </si>
  <si>
    <t>11/21/2019 21:04:02</t>
  </si>
  <si>
    <t>C:\Users\suelenmm\OneDrive - Grupo Algar\Download - 11-12\lpu Back Bone - Interurbana e Urbana ROTA fibra - Planilha Suprimentos.msg\s107\</t>
  </si>
  <si>
    <t>lpu Back Bone - Interurbana e Urbana ROTA fibra - Planilha Suprimentos.xlsx</t>
  </si>
  <si>
    <t>D:\21_11_2019 - PC ALGAR TECH\Download - 11-12\lpu Back Bone - Interurbana e Urbana ROTA fibra - Planilha Suprimentos.msg</t>
  </si>
  <si>
    <t>LPU caracterização de fibras Coriant - TIM (1).xlsx</t>
  </si>
  <si>
    <t>D:\21_11_2019 - PC ALGAR TECH\Download - 11-12\LPU caracterização de fibras Coriant - TIM (1).xlsx</t>
  </si>
  <si>
    <t>LPU caracterização de fibras Coriant - TIM (2).xlsx</t>
  </si>
  <si>
    <t>D:\21_11_2019 - PC ALGAR TECH\Download - 11-12\LPU caracterização de fibras Coriant - TIM (2).xlsx</t>
  </si>
  <si>
    <t>LPU caracterização de fibras Coriant - TIM.xlsx</t>
  </si>
  <si>
    <t>D:\21_11_2019 - PC ALGAR TECH\Download - 11-12\LPU caracterização de fibras Coriant - TIM.xlsx</t>
  </si>
  <si>
    <t>LPU de atividades.xlsx</t>
  </si>
  <si>
    <t>D:\21_11_2019 - PC ALGAR TECH\Download - 11-12\LPU de atividades.xlsx</t>
  </si>
  <si>
    <t>11/21/2019 21:04:03</t>
  </si>
  <si>
    <t>LPU factor dwdm - TIM v1 (1).xlsx</t>
  </si>
  <si>
    <t>D:\21_11_2019 - PC ALGAR TECH\Download - 11-12\LPU factor dwdm - TIM v1 (1).xlsx</t>
  </si>
  <si>
    <t>LPU factor dwdm - TIM v1 (2).xlsx</t>
  </si>
  <si>
    <t>D:\21_11_2019 - PC ALGAR TECH\Download - 11-12\LPU factor dwdm - TIM v1 (2).xlsx</t>
  </si>
  <si>
    <t>LPU factor dwdm - TIM v1.xlsx</t>
  </si>
  <si>
    <t>D:\21_11_2019 - PC ALGAR TECH\Download - 11-12\LPU factor dwdm - TIM v1.xlsx</t>
  </si>
  <si>
    <t>LPU Fiscalização Vigente v2.xlsx</t>
  </si>
  <si>
    <t>D:\21_11_2019 - PC ALGAR TECH\Download - 11-12\LPU Fiscalização Vigente v2.xlsx</t>
  </si>
  <si>
    <t>LPU FMM FATURA A e B MATERIAIS.xls</t>
  </si>
  <si>
    <t>D:\21_11_2019 - PC ALGAR TECH\Download - 11-12\LPU FMM FATURA A e B MATERIAIS.xls</t>
  </si>
  <si>
    <t>LPU LOCAÇÃO DE GMG - FMM - Fatura A_1.xls</t>
  </si>
  <si>
    <t>D:\21_11_2019 - PC ALGAR TECH\Download - 11-12\LPU LOCAÇÃO DE GMG - FMM - Fatura A_1.xls</t>
  </si>
  <si>
    <t>LPU SEGURANÇA DE SITES TCO - NE(1).xlsx</t>
  </si>
  <si>
    <t>D:\21_11_2019 - PC ALGAR TECH\Download - 11-12\LPU SEGURANÇA DE SITES TCO - NE(1).xlsx</t>
  </si>
  <si>
    <t>LPU SEGURANÇA DE SITES TCO - NE.xlsx</t>
  </si>
  <si>
    <t>D:\21_11_2019 - PC ALGAR TECH\Download - 11-12\LPU SEGURANÇA DE SITES TCO - NE.xlsx</t>
  </si>
  <si>
    <t>C:\Users\suelenmm\OneDrive - Grupo Algar\Download - 11-12\LPUs aceitas (1).zip\LPUs aceitas\</t>
  </si>
  <si>
    <t>D:\21_11_2019 - PC ALGAR TECH\Download - 11-12\LPUs aceitas (1).zip</t>
  </si>
  <si>
    <t>11/21/2019 21:04:04</t>
  </si>
  <si>
    <t>C:\Users\suelenmm\OneDrive - Grupo Algar\Download - 11-12\LPUs aceitas.zip\LPUs aceitas\</t>
  </si>
  <si>
    <t>D:\21_11_2019 - PC ALGAR TECH\Download - 11-12\LPUs aceitas.zip</t>
  </si>
  <si>
    <t>C:\Users\suelenmm\OneDrive - Grupo Algar\Download - 11-12\LPUs_Algar_Tech_29.05.zip\</t>
  </si>
  <si>
    <t>D:\21_11_2019 - PC ALGAR TECH\Download - 11-12\LPUs_Algar_Tech_29.05.zip</t>
  </si>
  <si>
    <t>Mary Kay InTouch Online ® - 14-02.xlsx</t>
  </si>
  <si>
    <t>D:\21_11_2019 - PC ALGAR TECH\Download - 11-12\Mary Kay InTouch Online ® - 14-02.xlsx</t>
  </si>
  <si>
    <t>Mary Kay InTouch Online ® - SILVANIA.xlsx</t>
  </si>
  <si>
    <t>D:\21_11_2019 - PC ALGAR TECH\Download - 11-12\Mary Kay InTouch Online ® - SILVANIA.xlsx</t>
  </si>
  <si>
    <t>Mary Kay InTouch Online ®.xlsx</t>
  </si>
  <si>
    <t>D:\21_11_2019 - PC ALGAR TECH\Download - 11-12\Mary Kay InTouch Online ®.xlsx</t>
  </si>
  <si>
    <t>11/21/2019 21:04:05</t>
  </si>
  <si>
    <t>MATRIZ_DE_TRIBUTACAO_-_Algar_Tech_-_out_2016.xlsx</t>
  </si>
  <si>
    <t>D:\21_11_2019 - PC ALGAR TECH\Download - 11-12\MATRIZ_DE_TRIBUTACAO_-_Algar_Tech_-_out_2016.xlsx</t>
  </si>
  <si>
    <t>modelo feira de santana.xls</t>
  </si>
  <si>
    <t>D:\21_11_2019 - PC ALGAR TECH\Download - 11-12\modelo feira de santana.xls</t>
  </si>
  <si>
    <t>modelo.xls</t>
  </si>
  <si>
    <t>D:\21_11_2019 - PC ALGAR TECH\Download - 11-12\modelo.xls</t>
  </si>
  <si>
    <t>11/21/2019 21:04:06</t>
  </si>
  <si>
    <t>Operação v3 (1).xlsx</t>
  </si>
  <si>
    <t>D:\21_11_2019 - PC ALGAR TECH\Download - 11-12\Operação v3 (1).xlsx</t>
  </si>
  <si>
    <t>Operação v3.xlsx</t>
  </si>
  <si>
    <t>D:\21_11_2019 - PC ALGAR TECH\Download - 11-12\Operação v3.xlsx</t>
  </si>
  <si>
    <t>Operação v5 (1).xlsx</t>
  </si>
  <si>
    <t>D:\21_11_2019 - PC ALGAR TECH\Download - 11-12\Operação v5 (1).xlsx</t>
  </si>
  <si>
    <t>Operação v5.xlsx</t>
  </si>
  <si>
    <t>D:\21_11_2019 - PC ALGAR TECH\Download - 11-12\Operação v5.xlsx</t>
  </si>
  <si>
    <t>Oportunidades pendente aprovação Lider BU (1).xlsx</t>
  </si>
  <si>
    <t>D:\21_11_2019 - PC ALGAR TECH\Download - 11-12\Oportunidades pendente aprovação Lider BU (1).xlsx</t>
  </si>
  <si>
    <t>Oportunidades pendente aprovação Lider BU (2).xlsx</t>
  </si>
  <si>
    <t>D:\21_11_2019 - PC ALGAR TECH\Download - 11-12\Oportunidades pendente aprovação Lider BU (2).xlsx</t>
  </si>
  <si>
    <t>Oportunidades pendente aprovação Lider BU (3).xlsx</t>
  </si>
  <si>
    <t>D:\21_11_2019 - PC ALGAR TECH\Download - 11-12\Oportunidades pendente aprovação Lider BU (3).xlsx</t>
  </si>
  <si>
    <t>Oportunidades pendente aprovação Lider BU (4).xlsx</t>
  </si>
  <si>
    <t>D:\21_11_2019 - PC ALGAR TECH\Download - 11-12\Oportunidades pendente aprovação Lider BU (4).xlsx</t>
  </si>
  <si>
    <t>Oportunidades pendente aprovação Lider BU (5).xlsx</t>
  </si>
  <si>
    <t>D:\21_11_2019 - PC ALGAR TECH\Download - 11-12\Oportunidades pendente aprovação Lider BU (5).xlsx</t>
  </si>
  <si>
    <t>Oportunidades pendente aprovação Lider BU (6).xlsx</t>
  </si>
  <si>
    <t>D:\21_11_2019 - PC ALGAR TECH\Download - 11-12\Oportunidades pendente aprovação Lider BU (6).xlsx</t>
  </si>
  <si>
    <t>11/21/2019 21:04:07</t>
  </si>
  <si>
    <t>Oportunidades pendente aprovação Lider BU (7).xlsx</t>
  </si>
  <si>
    <t>D:\21_11_2019 - PC ALGAR TECH\Download - 11-12\Oportunidades pendente aprovação Lider BU (7).xlsx</t>
  </si>
  <si>
    <t>Oportunidades pendente aprovação Lider BU.xlsx</t>
  </si>
  <si>
    <t>D:\21_11_2019 - PC ALGAR TECH\Download - 11-12\Oportunidades pendente aprovação Lider BU.xlsx</t>
  </si>
  <si>
    <t>11/21/2019 21:04:08</t>
  </si>
  <si>
    <t>Oportunidades por data criação (System Date) (1).xlsx</t>
  </si>
  <si>
    <t>D:\21_11_2019 - PC ALGAR TECH\Download - 11-12\Oportunidades por data criação (System Date) (1).xlsx</t>
  </si>
  <si>
    <t>11/21/2019 21:04:10</t>
  </si>
  <si>
    <t>Oportunidades por data criação (System Date) v2 (1).xlsx</t>
  </si>
  <si>
    <t>D:\21_11_2019 - PC ALGAR TECH\Download - 11-12\Oportunidades por data criação (System Date) v2 (1).xlsx</t>
  </si>
  <si>
    <t>11/21/2019 21:04:12</t>
  </si>
  <si>
    <t>D:\21_11_2019 - PC ALGAR TECH\Download - 11-12\Oportunidades por data criação (System Date) v2.xlsx</t>
  </si>
  <si>
    <t>11/21/2019 21:04:13</t>
  </si>
  <si>
    <t>Oportunidades por data criação (System Date) v4 (1).xlsx</t>
  </si>
  <si>
    <t>D:\21_11_2019 - PC ALGAR TECH\Download - 11-12\Oportunidades por data criação (System Date) v4 (1).xlsx</t>
  </si>
  <si>
    <t>11/21/2019 21:04:16</t>
  </si>
  <si>
    <t>Oportunidades por data criação (System Date) v4 (2).xlsx</t>
  </si>
  <si>
    <t>D:\21_11_2019 - PC ALGAR TECH\Download - 11-12\Oportunidades por data criação (System Date) v4 (2).xlsx</t>
  </si>
  <si>
    <t>11/21/2019 21:04:17</t>
  </si>
  <si>
    <t>D:\21_11_2019 - PC ALGAR TECH\Download - 11-12\Oportunidades por data criação (System Date) v4.xlsx</t>
  </si>
  <si>
    <t>11/21/2019 21:04:18</t>
  </si>
  <si>
    <t>D:\21_11_2019 - PC ALGAR TECH\Download - 11-12\Oportunidades por data criação (System Date).xlsx</t>
  </si>
  <si>
    <t>11/21/2019 21:04:25</t>
  </si>
  <si>
    <t>C:\Users\suelenmm\OneDrive - Grupo Algar\Download - 11-12\Passagem de Pasta - 140416 - TIM - Incremento de Receita Backbone Nacional.msg\s43\</t>
  </si>
  <si>
    <t>Operação v4.xlsx</t>
  </si>
  <si>
    <t>D:\21_11_2019 - PC ALGAR TECH\Download - 11-12\Passagem de Pasta - 140416 - TIM - Incremento de Receita Backbone Nacional.msg</t>
  </si>
  <si>
    <t>TIM - Interurbana e Urbana Rota fibra - Planilha Suprimentos - Reajuste_.xlsx</t>
  </si>
  <si>
    <t>11/21/2019 21:04:30</t>
  </si>
  <si>
    <t>Pipe Resumido v2.xlsx</t>
  </si>
  <si>
    <t>D:\21_11_2019 - PC ALGAR TECH\Download - 11-12\Pipe Resumido v2.xlsx</t>
  </si>
  <si>
    <t>Pipe Resumido v3 ajustado.xlsx</t>
  </si>
  <si>
    <t>D:\21_11_2019 - PC ALGAR TECH\Download - 11-12\Pipe Resumido v3 ajustado.xlsx</t>
  </si>
  <si>
    <t>11/21/2019 21:04:31</t>
  </si>
  <si>
    <t>Pipe Resumido.xlsx</t>
  </si>
  <si>
    <t>D:\21_11_2019 - PC ALGAR TECH\Download - 11-12\Pipe Resumido.xlsx</t>
  </si>
  <si>
    <t>11/21/2019 21:04:33</t>
  </si>
  <si>
    <t>Pipeline Detalhado (1).xlsx</t>
  </si>
  <si>
    <t>D:\21_11_2019 - PC ALGAR TECH\Download - 11-12\Pipeline Detalhado (1).xlsx</t>
  </si>
  <si>
    <t>11/21/2019 21:04:35</t>
  </si>
  <si>
    <t>Pipeline Detalhado (2).xlsx</t>
  </si>
  <si>
    <t>D:\21_11_2019 - PC ALGAR TECH\Download - 11-12\Pipeline Detalhado (2).xlsx</t>
  </si>
  <si>
    <t>11/21/2019 21:04:37</t>
  </si>
  <si>
    <t>Pipeline Detalhado (3).xlsx</t>
  </si>
  <si>
    <t>D:\21_11_2019 - PC ALGAR TECH\Download - 11-12\Pipeline Detalhado (3).xlsx</t>
  </si>
  <si>
    <t>11/21/2019 21:04:39</t>
  </si>
  <si>
    <t>Pipeline Detalhado (4).xlsx</t>
  </si>
  <si>
    <t>D:\21_11_2019 - PC ALGAR TECH\Download - 11-12\Pipeline Detalhado (4).xlsx</t>
  </si>
  <si>
    <t>11/21/2019 21:04:42</t>
  </si>
  <si>
    <t>Pipeline Detalhado (5).xlsx</t>
  </si>
  <si>
    <t>D:\21_11_2019 - PC ALGAR TECH\Download - 11-12\Pipeline Detalhado (5).xlsx</t>
  </si>
  <si>
    <t>11/21/2019 21:04:44</t>
  </si>
  <si>
    <t>Pipeline Detalhado (6).xlsx</t>
  </si>
  <si>
    <t>D:\21_11_2019 - PC ALGAR TECH\Download - 11-12\Pipeline Detalhado (6).xlsx</t>
  </si>
  <si>
    <t>11/21/2019 21:04:46</t>
  </si>
  <si>
    <t>Pipeline Detalhado (7).xlsx</t>
  </si>
  <si>
    <t>D:\21_11_2019 - PC ALGAR TECH\Download - 11-12\Pipeline Detalhado (7).xlsx</t>
  </si>
  <si>
    <t>11/21/2019 21:04:48</t>
  </si>
  <si>
    <t>Pipeline Detalhado (8).xlsx</t>
  </si>
  <si>
    <t>D:\21_11_2019 - PC ALGAR TECH\Download - 11-12\Pipeline Detalhado (8).xlsx</t>
  </si>
  <si>
    <t>11/21/2019 21:04:52</t>
  </si>
  <si>
    <t>Pipeline Detalhado (9).xlsx</t>
  </si>
  <si>
    <t>D:\21_11_2019 - PC ALGAR TECH\Download - 11-12\Pipeline Detalhado (9).xlsx</t>
  </si>
  <si>
    <t>11/21/2019 21:05:02</t>
  </si>
  <si>
    <t>Pipeline Detalhado Win Probability V2 (1).xlsx</t>
  </si>
  <si>
    <t>D:\21_11_2019 - PC ALGAR TECH\Download - 11-12\Pipeline Detalhado Win Probability V2 (1).xlsx</t>
  </si>
  <si>
    <t>11/21/2019 21:05:04</t>
  </si>
  <si>
    <t>Pipeline Detalhado Win Probability V2.xlsx</t>
  </si>
  <si>
    <t>D:\21_11_2019 - PC ALGAR TECH\Download - 11-12\Pipeline Detalhado Win Probability V2.xlsx</t>
  </si>
  <si>
    <t>11/21/2019 21:05:07</t>
  </si>
  <si>
    <t>Pipeline Detalhado.xlsx</t>
  </si>
  <si>
    <t>D:\21_11_2019 - PC ALGAR TECH\Download - 11-12\Pipeline Detalhado.xlsx</t>
  </si>
  <si>
    <t>11/21/2019 21:05:08</t>
  </si>
  <si>
    <t>C:\Users\suelenmm\OneDrive - Grupo Algar\Download - 11-12\Planilhas_LPU_Engeset (1).zip\</t>
  </si>
  <si>
    <t>19. ANEXO XIX - LPU SERVI€OS - FATURA A FMT - REVOPM - 231116.xlsx</t>
  </si>
  <si>
    <t>D:\21_11_2019 - PC ALGAR TECH\Download - 11-12\Planilhas_LPU_Engeset (1).zip</t>
  </si>
  <si>
    <t>20. ANEXO XX - LPU SERVI€OS E MATERIAIS - FATURA B FMT - REVOPM - 231116.xlsx</t>
  </si>
  <si>
    <t>8. ANEXO VIII FATURAS A_B FMM - REVOPM - ATUALIZADA.xls</t>
  </si>
  <si>
    <t>LPU LOCA€ÇO DE GMG - FMM - Fatura A_1.xls</t>
  </si>
  <si>
    <t>VERTICALIZA€ÇO - ADEQUA€ÇO SEGURAN€A EM EQUIPAMENTOS E SITES - LPU - 010217.xlsx</t>
  </si>
  <si>
    <t>VERTICALIZA€ÇO - SERVI€O DE INSTALA€ÇO DE SITES TRANSPORTµVEIS - LPU - 010816.xlsx</t>
  </si>
  <si>
    <t>VERTICALIZA€ÇO - SERVI€O DE MANUT CAMPO PARA VSATS - LPU - 301116.XLS</t>
  </si>
  <si>
    <t>C:\Users\suelenmm\OneDrive - Grupo Algar\Download - 11-12\Planilhas_LPU_Engeset.zip\</t>
  </si>
  <si>
    <t>D:\21_11_2019 - PC ALGAR TECH\Download - 11-12\Planilhas_LPU_Engeset.zip</t>
  </si>
  <si>
    <t>11/21/2019 21:05:09</t>
  </si>
  <si>
    <t>11/21/2019 21:05:12</t>
  </si>
  <si>
    <t>C:\Users\suelenmm\OneDrive - Grupo Algar\Download - 11-12\Precificação de Serviços.dot\</t>
  </si>
  <si>
    <t>D:\21_11_2019 - PC ALGAR TECH\Download - 11-12\Precificação de Serviços.dot</t>
  </si>
  <si>
    <t>Preço_v1.xlsx</t>
  </si>
  <si>
    <t>D:\21_11_2019 - PC ALGAR TECH\Download - 11-12\Preço_v1.xlsx</t>
  </si>
  <si>
    <t>Product Catalog (1).xlsx</t>
  </si>
  <si>
    <t>D:\21_11_2019 - PC ALGAR TECH\Download - 11-12\Product Catalog (1).xlsx</t>
  </si>
  <si>
    <t>Product Catalog.xlsx</t>
  </si>
  <si>
    <t>D:\21_11_2019 - PC ALGAR TECH\Download - 11-12\Product Catalog.xlsx</t>
  </si>
  <si>
    <t>Proposta Algartech (1).xlsx</t>
  </si>
  <si>
    <t>D:\21_11_2019 - PC ALGAR TECH\Download - 11-12\Proposta Algartech (1).xlsx</t>
  </si>
  <si>
    <t>11/21/2019 21:05:13</t>
  </si>
  <si>
    <t>Proposta Algartech-Brasil (1).xlsx</t>
  </si>
  <si>
    <t>D:\21_11_2019 - PC ALGAR TECH\Download - 11-12\Proposta Algartech-Brasil (1).xlsx</t>
  </si>
  <si>
    <t>Proposta Algartech-Brasil (2).xlsx</t>
  </si>
  <si>
    <t>D:\21_11_2019 - PC ALGAR TECH\Download - 11-12\Proposta Algartech-Brasil (2).xlsx</t>
  </si>
  <si>
    <t>Proposta Algartech-Brasil (3).xlsx</t>
  </si>
  <si>
    <t>D:\21_11_2019 - PC ALGAR TECH\Download - 11-12\Proposta Algartech-Brasil (3).xlsx</t>
  </si>
  <si>
    <t>Proposta Algartech-Brasil (4).xlsx</t>
  </si>
  <si>
    <t>D:\21_11_2019 - PC ALGAR TECH\Download - 11-12\Proposta Algartech-Brasil (4).xlsx</t>
  </si>
  <si>
    <t>Proposta Algartech-Brasil.xlsx</t>
  </si>
  <si>
    <t>D:\21_11_2019 - PC ALGAR TECH\Download - 11-12\Proposta Algartech-Brasil.xlsx</t>
  </si>
  <si>
    <t>Proposta Algartech-SP (1).xlsx</t>
  </si>
  <si>
    <t>D:\21_11_2019 - PC ALGAR TECH\Download - 11-12\Proposta Algartech-SP (1).xlsx</t>
  </si>
  <si>
    <t>Proposta Algartech-SP (2).xlsx</t>
  </si>
  <si>
    <t>D:\21_11_2019 - PC ALGAR TECH\Download - 11-12\Proposta Algartech-SP (2).xlsx</t>
  </si>
  <si>
    <t>Proposta Algartech-SP (3).xlsx</t>
  </si>
  <si>
    <t>D:\21_11_2019 - PC ALGAR TECH\Download - 11-12\Proposta Algartech-SP (3).xlsx</t>
  </si>
  <si>
    <t>Proposta Algartech-SP.xlsx</t>
  </si>
  <si>
    <t>D:\21_11_2019 - PC ALGAR TECH\Download - 11-12\Proposta Algartech-SP.xlsx</t>
  </si>
  <si>
    <t>11/21/2019 21:05:14</t>
  </si>
  <si>
    <t>C:\Users\suelenmm\OneDrive - Grupo Algar\Download - 11-12\Proposta e declarações comerciais (1).rar\Proposta e declaraÃ§Ãµes comerciais\</t>
  </si>
  <si>
    <t>ANEXO II - LPU para ServiÃ§os e Materiais sob demanda - MANUT CABOS Ã“PTICOS - REV 170117-BRASIL.xlsx</t>
  </si>
  <si>
    <t>D:\21_11_2019 - PC ALGAR TECH\Download - 11-12\Proposta e declarações comerciais (1).rar</t>
  </si>
  <si>
    <t>11/21/2019 21:05:15</t>
  </si>
  <si>
    <t>C:\Users\suelenmm\OneDrive - Grupo Algar\Download - 11-12\Proposta e declarações comerciais (2).rar\Proposta e declaraÃ§Ãµes comerciais\</t>
  </si>
  <si>
    <t>ANEXO II - LPU para ServiÃ§os e Materiais sob demanda - MANUT CABOS Ã“PTICOS - REV 170117-SPO.xlsx</t>
  </si>
  <si>
    <t>D:\21_11_2019 - PC ALGAR TECH\Download - 11-12\Proposta e declarações comerciais (2).rar</t>
  </si>
  <si>
    <t>C:\Users\suelenmm\OneDrive - Grupo Algar\Download - 11-12\Proposta e declarações comerciais.rar\Proposta e declaraÃ§Ãµes comerciais\</t>
  </si>
  <si>
    <t>D:\21_11_2019 - PC ALGAR TECH\Download - 11-12\Proposta e declarações comerciais.rar</t>
  </si>
  <si>
    <t>Proposta Target - Dutos TIWS RJ.xls</t>
  </si>
  <si>
    <t>D:\21_11_2019 - PC ALGAR TECH\Download - 11-12\Proposta Target - Dutos TIWS RJ.xls</t>
  </si>
  <si>
    <t>11/21/2019 21:05:19</t>
  </si>
  <si>
    <t>Prévia Cálculo Força de Vendas 1ºsem2016.xlsx</t>
  </si>
  <si>
    <t>D:\21_11_2019 - PC ALGAR TECH\Download - 11-12\Prévia Cálculo Força de Vendas 1ºsem2016.xlsx</t>
  </si>
  <si>
    <t>11/21/2019 21:05:22</t>
  </si>
  <si>
    <t>C:\Users\suelenmm\OneDrive - Grupo Algar\Download - 11-12\QFTW.zip\</t>
  </si>
  <si>
    <t>BOQ Template-Civil Work V1.0.xlsb</t>
  </si>
  <si>
    <t>D:\21_11_2019 - PC ALGAR TECH\Download - 11-12\QFTW.zip</t>
  </si>
  <si>
    <t>BOQ Template-Optimization V1.2.xlsx</t>
  </si>
  <si>
    <t>BOQ Template-Wireless V1.1.xlsx</t>
  </si>
  <si>
    <t>11/21/2019 21:05:23</t>
  </si>
  <si>
    <t>C:\Users\suelenmm\OneDrive - Grupo Algar\Download - 11-12\Recovery Plan Q2 2016 ENGESET.pptx\</t>
  </si>
  <si>
    <t>D:\21_11_2019 - PC ALGAR TECH\Download - 11-12\Recovery Plan Q2 2016 ENGESET.pptx</t>
  </si>
  <si>
    <t>Relação de materiais apoio a vendas.xlsx</t>
  </si>
  <si>
    <t>D:\21_11_2019 - PC ALGAR TECH\Download - 11-12\Relação de materiais apoio a vendas.xlsx</t>
  </si>
  <si>
    <t>Renovação TIM.xls</t>
  </si>
  <si>
    <t>D:\21_11_2019 - PC ALGAR TECH\Download - 11-12\Renovação TIM.xls</t>
  </si>
  <si>
    <t>11/21/2019 21:05:26</t>
  </si>
  <si>
    <t>C:\Users\suelenmm\OneDrive - Grupo Algar\Download - 11-12\RESPOSTA AOS QUESTIONAMENTOS E LPUS (1).zip\</t>
  </si>
  <si>
    <t>D:\21_11_2019 - PC ALGAR TECH\Download - 11-12\RESPOSTA AOS QUESTIONAMENTOS E LPUS (1).zip</t>
  </si>
  <si>
    <t>C:\Users\suelenmm\OneDrive - Grupo Algar\Download - 11-12\RESPOSTA AOS QUESTIONAMENTOS E LPUS.zip\</t>
  </si>
  <si>
    <t>D:\21_11_2019 - PC ALGAR TECH\Download - 11-12\RESPOSTA AOS QUESTIONAMENTOS E LPUS.zip</t>
  </si>
  <si>
    <t>11/21/2019 21:05:27</t>
  </si>
  <si>
    <t>RESPOSTA AOS QUETIONAMENTOS ADICIONAIS LOTE 004.xlsx</t>
  </si>
  <si>
    <t>D:\21_11_2019 - PC ALGAR TECH\Download - 11-12\RESPOSTA AOS QUETIONAMENTOS ADICIONAIS LOTE 004.xlsx</t>
  </si>
  <si>
    <t>Resumo v8.xlsx</t>
  </si>
  <si>
    <t>D:\21_11_2019 - PC ALGAR TECH\Download - 11-12\Resumo v8.xlsx</t>
  </si>
  <si>
    <t>11/21/2019 21:05:41</t>
  </si>
  <si>
    <t>C:\Users\suelenmm\OneDrive - Grupo Algar\Download - 11-12\RES__LPUSEGURANCA_DE_SITES__NOVA_-_ENGESET_REV__26_06_2017_RGA_V1.msg\s188\</t>
  </si>
  <si>
    <t>II ANEXO II - LPU B1 - FATURA B - LPU FMM CO_NE_TLE - FAT B - APENDICE B.xls</t>
  </si>
  <si>
    <t>D:\21_11_2019 - PC ALGAR TECH\Download - 11-12\RES__LPUSEGURANCA_DE_SITES__NOVA_-_ENGESET_REV__26_06_2017_RGA_V1.msg</t>
  </si>
  <si>
    <t>II ANEXO II - LPU B2 - FATURA B - LPU FMM INFRA FM TIM CO_NE - FAT B - APENDICE A.xls</t>
  </si>
  <si>
    <t>C:\Users\suelenmm\OneDrive - Grupo Algar\Download - 11-12\RES__LPUSEGURANCA_DE_SITES__NOVA_-_ENGESET_REV__26_06_2017_RGA_V1.msg\s61\18. ANEXO XVIII - ESPECIFICAÇÃO DOS SERVIÇOS FMT - REVOPM - 291116.doc\</t>
  </si>
  <si>
    <t>C:\Users\suelenmm\OneDrive - Grupo Algar\Download - 11-12\RES__LPUSEGURANCA_DE_SITES__NOVA_-_ENGESET_REV__26_06_2017_RGA_V1.msg\s61\VERTICALIZAÇÃO - SERVIÇO DE MANUT CAMPO PARA VSATS - 301116.doc\</t>
  </si>
  <si>
    <t>11/21/2019 21:05:42</t>
  </si>
  <si>
    <t>C:\Users\suelenmm\OneDrive - Grupo Algar\Download - 11-12\RFP1974_Documentações solicitante.zip\Documenta‡äes solicitante\</t>
  </si>
  <si>
    <t>D:\21_11_2019 - PC ALGAR TECH\Download - 11-12\RFP1974_Documentações solicitante.zip</t>
  </si>
  <si>
    <t>DR - Programa HCM.xls</t>
  </si>
  <si>
    <t>C:\Users\suelenmm\OneDrive - Grupo Algar\Download - 11-12\RFP1974_Documentações solicitante.zip\Documenta‡äes solicitante\ESPEC - Programa HCM.doc\Work_Instructions_for_Integration.zip\</t>
  </si>
  <si>
    <t>DataSource_Request.xls</t>
  </si>
  <si>
    <t>JMS_Template.xls</t>
  </si>
  <si>
    <t>RFP_1823 - Ordem de produção digital com custo padrão - ELEB.xls</t>
  </si>
  <si>
    <t>D:\21_11_2019 - PC ALGAR TECH\Download - 11-12\RFP_1823 - Ordem de produção digital com custo padrão - ELEB.xls</t>
  </si>
  <si>
    <t>RFP_1937 - Contratação de desenvolvimento ABAP.xls</t>
  </si>
  <si>
    <t>D:\21_11_2019 - PC ALGAR TECH\Download - 11-12\RFP_1937 - Contratação de desenvolvimento ABAP.xls</t>
  </si>
  <si>
    <t>RFP_1974 - Programa HCM - Frente SAP HCM.xls</t>
  </si>
  <si>
    <t>D:\21_11_2019 - PC ALGAR TECH\Download - 11-12\RFP_1974 - Programa HCM - Frente SAP HCM.xls</t>
  </si>
  <si>
    <t>11/21/2019 21:05:43</t>
  </si>
  <si>
    <t>saw (1).xlsx</t>
  </si>
  <si>
    <t>D:\21_11_2019 - PC ALGAR TECH\Download - 11-12\saw (1).xlsx</t>
  </si>
  <si>
    <t>saw.xlsx</t>
  </si>
  <si>
    <t>D:\21_11_2019 - PC ALGAR TECH\Download - 11-12\saw.xlsx</t>
  </si>
  <si>
    <t>11/21/2019 21:05:44</t>
  </si>
  <si>
    <t>SIZING Resumo.xlsx</t>
  </si>
  <si>
    <t>D:\21_11_2019 - PC ALGAR TECH\Download - 11-12\SIZING Resumo.xlsx</t>
  </si>
  <si>
    <t>11/21/2019 21:05:48</t>
  </si>
  <si>
    <t>C:\Users\suelenmm\OneDrive - Grupo Algar\Download - 11-12\Solicitação de Acesso Lista equipamentos.docx\</t>
  </si>
  <si>
    <t>D:\21_11_2019 - PC ALGAR TECH\Download - 11-12\Solicitação de Acesso Lista equipamentos.docx</t>
  </si>
  <si>
    <t>Solicitação de documentações.xlsx</t>
  </si>
  <si>
    <t>D:\21_11_2019 - PC ALGAR TECH\Download - 11-12\Solicitação de documentações.xlsx</t>
  </si>
  <si>
    <t>SUELEN.xlsx</t>
  </si>
  <si>
    <t>D:\21_11_2019 - PC ALGAR TECH\Download - 11-12\SUELEN.xlsx</t>
  </si>
  <si>
    <t>11/21/2019 21:05:49</t>
  </si>
  <si>
    <t>SUPORTE E APOIO TÉCNICO - EMERGENCIAL.xlsx</t>
  </si>
  <si>
    <t>D:\21_11_2019 - PC ALGAR TECH\Download - 11-12\SUPORTE E APOIO TÉCNICO - EMERGENCIAL.xlsx</t>
  </si>
  <si>
    <t>Tabela de preços_v2 REV02.xlsx</t>
  </si>
  <si>
    <t>D:\21_11_2019 - PC ALGAR TECH\Download - 11-12\Tabela de preços_v2 REV02.xlsx</t>
  </si>
  <si>
    <t>Target Engeset.xlsx</t>
  </si>
  <si>
    <t>D:\21_11_2019 - PC ALGAR TECH\Download - 11-12\Target Engeset.xlsx</t>
  </si>
  <si>
    <t>Target Engeset_portal (1).xlsx</t>
  </si>
  <si>
    <t>D:\21_11_2019 - PC ALGAR TECH\Download - 11-12\Target Engeset_portal (1).xlsx</t>
  </si>
  <si>
    <t>Target Engeset_portal (2).xlsx</t>
  </si>
  <si>
    <t>D:\21_11_2019 - PC ALGAR TECH\Download - 11-12\Target Engeset_portal (2).xlsx</t>
  </si>
  <si>
    <t>Target Engeset_portal.xlsx</t>
  </si>
  <si>
    <t>D:\21_11_2019 - PC ALGAR TECH\Download - 11-12\Target Engeset_portal.xlsx</t>
  </si>
  <si>
    <t>11/21/2019 21:05:50</t>
  </si>
  <si>
    <t>D:\21_11_2019 - PC ALGAR TECH\Download - 11-12\Termo_Responsabilidade_-_Cartao_Corporativo.xlsm</t>
  </si>
  <si>
    <t>11/21/2019 21:06:09</t>
  </si>
  <si>
    <t>C:\Users\suelenmm\OneDrive - Grupo Algar\Download - 11-12\TIM - CENÁRIO FINAL.msg\s42\</t>
  </si>
  <si>
    <t>Revisão TIM - Pleito 7 - 06-07 - com LE - desc meses seguintes.xlsx</t>
  </si>
  <si>
    <t>D:\21_11_2019 - PC ALGAR TECH\Download - 11-12\TIM - CENÁRIO FINAL.msg</t>
  </si>
  <si>
    <t>11/21/2019 21:06:14</t>
  </si>
  <si>
    <t>TIM - Interurbana e Urbana Rota fibra - Planilha Suprimentos - Reajuste_....xlsx</t>
  </si>
  <si>
    <t>D:\21_11_2019 - PC ALGAR TECH\Download - 11-12\TIM - Interurbana e Urbana Rota fibra - Planilha Suprimentos - Reajuste_....xlsx</t>
  </si>
  <si>
    <t>11/21/2019 21:06:19</t>
  </si>
  <si>
    <t>TLE_ENGESET.xlsx</t>
  </si>
  <si>
    <t>D:\21_11_2019 - PC ALGAR TECH\Download - 11-12\TLE_ENGESET.xlsx</t>
  </si>
  <si>
    <t>11/21/2019 21:06:20</t>
  </si>
  <si>
    <t>tmehg3ou.xy2 (1).csv</t>
  </si>
  <si>
    <t>D:\21_11_2019 - PC ALGAR TECH\Download - 11-12\tmehg3ou.xy2 (1).csv</t>
  </si>
  <si>
    <t>tmehg3ou.xy2 (2).csv</t>
  </si>
  <si>
    <t>D:\21_11_2019 - PC ALGAR TECH\Download - 11-12\tmehg3ou.xy2 (2).csv</t>
  </si>
  <si>
    <t>tmehg3ou.xy2.csv</t>
  </si>
  <si>
    <t>D:\21_11_2019 - PC ALGAR TECH\Download - 11-12\tmehg3ou.xy2.csv</t>
  </si>
  <si>
    <t>uormxtev.vco.csv</t>
  </si>
  <si>
    <t>D:\21_11_2019 - PC ALGAR TECH\Download - 11-12\uormxtev.vco.csv</t>
  </si>
  <si>
    <t>11/21/2019 21:06:22</t>
  </si>
  <si>
    <t>D:\21_11_2019 - PC ALGAR TECH\Download - 11-12\Vendas Detalhado (1).xlsx</t>
  </si>
  <si>
    <t>11/21/2019 21:06:23</t>
  </si>
  <si>
    <t>D:\21_11_2019 - PC ALGAR TECH\Download - 11-12\Vendas Detalhado (2).xlsx</t>
  </si>
  <si>
    <t>D:\21_11_2019 - PC ALGAR TECH\Download - 11-12\Vendas Detalhado (3).xlsx</t>
  </si>
  <si>
    <t>11/21/2019 21:06:24</t>
  </si>
  <si>
    <t>D:\21_11_2019 - PC ALGAR TECH\Download - 11-12\Vendas Detalhado (4).xlsx</t>
  </si>
  <si>
    <t>11/21/2019 21:06:25</t>
  </si>
  <si>
    <t>D:\21_11_2019 - PC ALGAR TECH\Download - 11-12\Vendas Detalhado (5).xlsx</t>
  </si>
  <si>
    <t>11/21/2019 21:06:26</t>
  </si>
  <si>
    <t>D:\21_11_2019 - PC ALGAR TECH\Download - 11-12\Vendas Detalhado (6).xlsx</t>
  </si>
  <si>
    <t>11/21/2019 21:06:30</t>
  </si>
  <si>
    <t>Vendas Detalhado (7).xlsx</t>
  </si>
  <si>
    <t>D:\21_11_2019 - PC ALGAR TECH\Download - 11-12\Vendas Detalhado (7).xlsx</t>
  </si>
  <si>
    <t>11/21/2019 21:06:32</t>
  </si>
  <si>
    <t>Vendas Detalhado (8).xlsx</t>
  </si>
  <si>
    <t>D:\21_11_2019 - PC ALGAR TECH\Download - 11-12\Vendas Detalhado (8).xlsx</t>
  </si>
  <si>
    <t>11/21/2019 21:06:33</t>
  </si>
  <si>
    <t>Vendas Detalhado (9).xlsx</t>
  </si>
  <si>
    <t>D:\21_11_2019 - PC ALGAR TECH\Download - 11-12\Vendas Detalhado (9).xlsx</t>
  </si>
  <si>
    <t>11/21/2019 21:06:39</t>
  </si>
  <si>
    <t>D:\21_11_2019 - PC ALGAR TECH\Download - 11-12\Vendas Detalhado.xlsx</t>
  </si>
  <si>
    <t>11/21/2019 21:06:40</t>
  </si>
  <si>
    <t>wgy4l14d.urf.csv</t>
  </si>
  <si>
    <t>D:\21_11_2019 - PC ALGAR TECH\Download - 11-12\wgy4l14d.urf.csv</t>
  </si>
  <si>
    <t>11/21/2019 21:06:41</t>
  </si>
  <si>
    <t>Winrate.xlsx</t>
  </si>
  <si>
    <t>D:\21_11_2019 - PC ALGAR TECH\Download - 11-12\Winrate.xlsx</t>
  </si>
  <si>
    <t>11/21/2019 21:07:20</t>
  </si>
  <si>
    <t>C:\Users\suelenmm\OneDrive - Grupo Algar\PERDA PETROBRAS\</t>
  </si>
  <si>
    <t>BP C010 B011 Desonerada - Petrobras - cenario 4.xlsb</t>
  </si>
  <si>
    <t>D:\21_11_2019 - PC ALGAR TECH\PERDA PETROBRAS\BP C010 B011 Desonerada - Petrobras - cenario 4.xlsb</t>
  </si>
  <si>
    <t>C:\Users\suelenmm\OneDrive - Grupo Algar\PERDA PETROBRAS\BP C010 B011 Desonerada - Petrobras - cenario 4.xlsb\</t>
  </si>
  <si>
    <t>11/21/2019 21:07:24</t>
  </si>
  <si>
    <t>C:\Users\suelenmm\OneDrive - Grupo Algar\PERDA PETROBRAS\Documentos do Edital.zip\</t>
  </si>
  <si>
    <t>Anexo II-E - Prontu rio de Unidades.xlsx</t>
  </si>
  <si>
    <t>D:\21_11_2019 - PC ALGAR TECH\PERDA PETROBRAS\Documentos do Edital.zip</t>
  </si>
  <si>
    <t>11/21/2019 21:07:26</t>
  </si>
  <si>
    <t>D:\21_11_2019 - PC ALGAR TECH\Gestão PVs\Apresentação Defesa Tecnica.xlsx</t>
  </si>
  <si>
    <t>D:\21_11_2019 - PC ALGAR TECH\Gestão PVs\Associados jan-19.xlsx</t>
  </si>
  <si>
    <t>11/21/2019 21:07:29</t>
  </si>
  <si>
    <t>D:\21_11_2019 - PC ALGAR TECH\Gestão PVs\Cargos_Salarios_PS_th_SGTI.xlsx</t>
  </si>
  <si>
    <t>11/21/2019 21:07:30</t>
  </si>
  <si>
    <t>D:\21_11_2019 - PC ALGAR TECH\Gestão PVs\Cartao Helder.xlsx</t>
  </si>
  <si>
    <t>D:\21_11_2019 - PC ALGAR TECH\Gestão PVs\CDI_MANUAL_(1) Renato.xlsx</t>
  </si>
  <si>
    <t>D:\21_11_2019 - PC ALGAR TECH\Gestão PVs\Checklist Proposta v1.xlsx</t>
  </si>
  <si>
    <t>11/21/2019 21:07:31</t>
  </si>
  <si>
    <t>D:\21_11_2019 - PC ALGAR TECH\Gestão PVs\Controle Opps v1.xlsx</t>
  </si>
  <si>
    <t>11/21/2019 21:07:32</t>
  </si>
  <si>
    <t>D:\21_11_2019 - PC ALGAR TECH\Gestão PVs\Departamental 13-11-18.csv</t>
  </si>
  <si>
    <t>D:\21_11_2019 - PC ALGAR TECH\Gestão PVs\departamental sem salario.csv</t>
  </si>
  <si>
    <t>D:\21_11_2019 - PC ALGAR TECH\Gestão PVs\departamental sem salario.xls</t>
  </si>
  <si>
    <t>11/21/2019 21:07:34</t>
  </si>
  <si>
    <t>D:\21_11_2019 - PC ALGAR TECH\Gestão PVs\Draft Catalogo Servicos.xlsx</t>
  </si>
  <si>
    <t>D:\21_11_2019 - PC ALGAR TECH\Gestão PVs\Elegibilidade v2.xlsx</t>
  </si>
  <si>
    <t>D:\21_11_2019 - PC ALGAR TECH\Gestão PVs\Especificidades Pre Vendas.xlsx</t>
  </si>
  <si>
    <t>11/21/2019 21:07:36</t>
  </si>
  <si>
    <t>D:\21_11_2019 - PC ALGAR TECH\Gestão PVs\Estrutura v1.xlsx</t>
  </si>
  <si>
    <t>D:\21_11_2019 - PC ALGAR TECH\Gestão PVs\Estrutura.xlsx</t>
  </si>
  <si>
    <t>D:\21_11_2019 - PC ALGAR TECH\Gestão PVs\GAP Pré-Vendas Final - 04-09.xlsx</t>
  </si>
  <si>
    <t>D:\21_11_2019 - PC ALGAR TECH\Gestão PVs\GAP Pré-Vendas Final - 22-05.xlsx</t>
  </si>
  <si>
    <t>D:\21_11_2019 - PC ALGAR TECH\Gestão PVs\GAP Pré-Vendas Final - 24-10.xlsx</t>
  </si>
  <si>
    <t>11/21/2019 21:07:37</t>
  </si>
  <si>
    <t>D:\21_11_2019 - PC ALGAR TECH\Gestão PVs\GAP Pré-Vendas Final - 29-06.xlsx</t>
  </si>
  <si>
    <t>D:\21_11_2019 - PC ALGAR TECH\Gestão PVs\GAP Pré-Vendas Final - 31-05.xlsx</t>
  </si>
  <si>
    <t>D:\21_11_2019 - PC ALGAR TECH\Gestão PVs\Homeoffice.xlsx</t>
  </si>
  <si>
    <t>11/21/2019 21:07:38</t>
  </si>
  <si>
    <t>D:\21_11_2019 - PC ALGAR TECH\Gestão PVs\Levantamento Notebooks.xlsx</t>
  </si>
  <si>
    <t>D:\21_11_2019 - PC ALGAR TECH\Gestão PVs\Mini Currículo.xlsx</t>
  </si>
  <si>
    <t>D:\21_11_2019 - PC ALGAR TECH\Gestão PVs\Nome e Telefone.xlsx</t>
  </si>
  <si>
    <t>D:\21_11_2019 - PC ALGAR TECH\Gestão PVs\Notebooks - jan-19.xlsx</t>
  </si>
  <si>
    <t>11/21/2019 21:07:40</t>
  </si>
  <si>
    <t>D:\21_11_2019 - PC ALGAR TECH\Gestão PVs\Oportunidades por data criação (System Date) - 27-04.xlsx</t>
  </si>
  <si>
    <t>11/21/2019 21:07:42</t>
  </si>
  <si>
    <t>D:\21_11_2019 - PC ALGAR TECH\Gestão PVs\Oportunidades por data criação (System Date).xlsx</t>
  </si>
  <si>
    <t>D:\21_11_2019 - PC ALGAR TECH\Gestão PVs\OPPs.xlsx</t>
  </si>
  <si>
    <t>D:\21_11_2019 - PC ALGAR TECH\Gestão PVs\Plano de Ação Clima 2017.xlsx</t>
  </si>
  <si>
    <t>D:\21_11_2019 - PC ALGAR TECH\Gestão PVs\Processos V2.xlsx</t>
  </si>
  <si>
    <t>D:\21_11_2019 - PC ALGAR TECH\Gestão PVs\Processos.xlsx</t>
  </si>
  <si>
    <t>11/21/2019 21:07:43</t>
  </si>
  <si>
    <t>D:\21_11_2019 - PC ALGAR TECH\Gestão PVs\Programacao Ferias CPV 2018.xls</t>
  </si>
  <si>
    <t>D:\21_11_2019 - PC ALGAR TECH\Gestão PVs\Proposta de reajuste pre vendas mai-19.xlsx</t>
  </si>
  <si>
    <t>D:\21_11_2019 - PC ALGAR TECH\Gestão PVs\Staff 4.0 - Plano de Redução.xlsx</t>
  </si>
  <si>
    <t>D:\21_11_2019 - PC ALGAR TECH\Gestão PVs\Tabela de Aniversario 13-11-18.csv</t>
  </si>
  <si>
    <t>D:\21_11_2019 - PC ALGAR TECH\Gestão PVs\Template - TRANSFERÊNCIA ENTRE EMPRESAS - Suélen.xlsx</t>
  </si>
  <si>
    <t>D:\21_11_2019 - PC ALGAR TECH\Gestão PVs\TEMPLATE ACT MANUAL.xlsx</t>
  </si>
  <si>
    <t>D:\21_11_2019 - PC ALGAR TECH\Gestão PVs\Template_Figuras_Associados_Fluxo_Gestão_Contratos.xlsb</t>
  </si>
  <si>
    <t>11/21/2019 21:07:45</t>
  </si>
  <si>
    <t>D:\21_11_2019 - PC ALGAR TECH\Gestão PVs\Vendas Detalhado 27-04.xlsx</t>
  </si>
  <si>
    <t>D:\21_11_2019 - PC ALGAR TECH\Gestão PVs\02 - Orçamento\Arquivo de Prévia .xlsx</t>
  </si>
  <si>
    <t>D:\21_11_2019 - PC ALGAR TECH\Gestão PVs\02 - Orçamento\Consolidação Pessoal - Oficial 2018 - Desonerado - Alessio.xlsb</t>
  </si>
  <si>
    <t>11/21/2019 21:07:46</t>
  </si>
  <si>
    <t>D:\21_11_2019 - PC ALGAR TECH\Gestão PVs\02 - Orçamento\Departamental.xlsx</t>
  </si>
  <si>
    <t>11/21/2019 21:07:47</t>
  </si>
  <si>
    <t>D:\21_11_2019 - PC ALGAR TECH\Gestão PVs\02 - Orçamento\Orçamento 2018.xls</t>
  </si>
  <si>
    <t>D:\21_11_2019 - PC ALGAR TECH\Gestão PVs\02 - Orçamento\Redução linha de Servios de Terceiros.xlsx</t>
  </si>
  <si>
    <t>11/21/2019 21:07:48</t>
  </si>
  <si>
    <t>D:\21_11_2019 - PC ALGAR TECH\Gestão PVs\02 - Orçamento\Redução Sílvio - Soluções.xlsx</t>
  </si>
  <si>
    <t>11/21/2019 21:07:52</t>
  </si>
  <si>
    <t>D:\21_11_2019 - PC ALGAR TECH\Gestão PVs\Banco de Horas\Banco 20-12-18 v2.xlsx</t>
  </si>
  <si>
    <t>D:\21_11_2019 - PC ALGAR TECH\Gestão PVs\Banco de Horas\Banco 20-12-18.xlsx</t>
  </si>
  <si>
    <t>11/21/2019 21:07:55</t>
  </si>
  <si>
    <t>D:\21_11_2019 - PC ALGAR TECH\Gestão PVs\BI\Demandas.xlsx</t>
  </si>
  <si>
    <t>11/21/2019 21:07:59</t>
  </si>
  <si>
    <t>D:\21_11_2019 - PC ALGAR TECH\Gestão PVs\Comissão\Comissão Força de Vendas - 2º Tri.xlsb</t>
  </si>
  <si>
    <t>11/21/2019 21:08:01</t>
  </si>
  <si>
    <t>D:\21_11_2019 - PC ALGAR TECH\Gestão PVs\Comissão\Comissão Força de Vendas - 4º Tri - antigo.xlsb</t>
  </si>
  <si>
    <t>11/21/2019 21:08:04</t>
  </si>
  <si>
    <t>D:\21_11_2019 - PC ALGAR TECH\Gestão PVs\Comissão\Comissão Força de Vendas_V9-NB-SUELENMM.xlsb</t>
  </si>
  <si>
    <t>11/21/2019 21:08:09</t>
  </si>
  <si>
    <t>D:\21_11_2019 - PC ALGAR TECH\Gestão PVs\Comissão\Comissão Força de Vendas_V9.xlsb</t>
  </si>
  <si>
    <t>11/21/2019 21:08:11</t>
  </si>
  <si>
    <t>D:\21_11_2019 - PC ALGAR TECH\Gestão PVs\Comissão\Cálculo Win Rate (revisão metas para total 2016) (002).xlsx</t>
  </si>
  <si>
    <t>11/21/2019 21:08:16</t>
  </si>
  <si>
    <t>D:\21_11_2019 - PC ALGAR TECH\Gestão PVs\Comissão\Cópia de 032018_Forecast de Receita Oficial_v08 - PREVIA ABR-18 - 10-04.xlsx</t>
  </si>
  <si>
    <t>D:\21_11_2019 - PC ALGAR TECH\Gestão PVs\Comissão\Descontos time de Vendas.msg</t>
  </si>
  <si>
    <t>11/21/2019 21:08:19</t>
  </si>
  <si>
    <t>D:\21_11_2019 - PC ALGAR TECH\Gestão PVs\Comissão\Oportunidades por data fechamento DETALHADO - WIN RATE 3 TRI-NB-SUELENMM.xlsx</t>
  </si>
  <si>
    <t>11/21/2019 21:08:21</t>
  </si>
  <si>
    <t>D:\21_11_2019 - PC ALGAR TECH\Gestão PVs\Comissão\Oportunidades por data fechamento DETALHADO - WIN RATE 3 TRI.xlsx</t>
  </si>
  <si>
    <t>11/21/2019 21:08:22</t>
  </si>
  <si>
    <t>D:\21_11_2019 - PC ALGAR TECH\Gestão PVs\Comissão\Oportunidades por data fechamento v3 - sg telecom 3 tri.xlsx</t>
  </si>
  <si>
    <t>11/21/2019 21:08:24</t>
  </si>
  <si>
    <t>D:\21_11_2019 - PC ALGAR TECH\Gestão PVs\Comissão\Vendas 3 TRI.xlsx</t>
  </si>
  <si>
    <t>11/21/2019 21:08:26</t>
  </si>
  <si>
    <t>D:\21_11_2019 - PC ALGAR TECH\Gestão PVs\Comissão\Vendas Detalhado - 4º tri.xlsx</t>
  </si>
  <si>
    <t>11/21/2019 21:08:28</t>
  </si>
  <si>
    <t>D:\21_11_2019 - PC ALGAR TECH\Gestão PVs\Comissão\Win Rate 2º tri 2017-NB-SUELENMM.xlsx</t>
  </si>
  <si>
    <t>11/21/2019 21:08:32</t>
  </si>
  <si>
    <t>D:\21_11_2019 - PC ALGAR TECH\Gestão PVs\Comissão\Win Rate 2º tri 2017.xlsx</t>
  </si>
  <si>
    <t>11/21/2019 21:08:47</t>
  </si>
  <si>
    <t>D:\21_11_2019 - PC ALGAR TECH\Gestão PVs\Comissão\WP 06 - Recálculo Comissões Pre Vendas - 1 SEM 2016 VF - 28.04.2017.xlsx</t>
  </si>
  <si>
    <t>11/21/2019 21:09:02</t>
  </si>
  <si>
    <t>D:\21_11_2019 - PC ALGAR TECH\Gestão PVs\Comissão\WP 06 - Recálculo Comissões Pre Vendas - 2º semestre 2016 VF 28.04.2017.xlsx</t>
  </si>
  <si>
    <t>11/21/2019 21:09:03</t>
  </si>
  <si>
    <t>D:\21_11_2019 - PC ALGAR TECH\Gestão PVs\Comissão\2018\Apuração 20-12-18.xlsx</t>
  </si>
  <si>
    <t>11/21/2019 21:09:04</t>
  </si>
  <si>
    <t>D:\21_11_2019 - PC ALGAR TECH\Gestão PVs\Comissão\2019\Comissão 2019.xlsx</t>
  </si>
  <si>
    <t>11/21/2019 21:09:15</t>
  </si>
  <si>
    <t>D:\21_11_2019 - PC ALGAR TECH\Gestão PVs\Comissão\2019\Cópia de Forecast de Receita Oficial_2019 07_10_19.xlsx</t>
  </si>
  <si>
    <t>11/21/2019 21:09:18</t>
  </si>
  <si>
    <t>D:\21_11_2019 - PC ALGAR TECH\Gestão PVs\Comissão\2019\Metas 2019 - prévia comissão.xlsx</t>
  </si>
  <si>
    <t>11/21/2019 21:09:21</t>
  </si>
  <si>
    <t>D:\21_11_2019 - PC ALGAR TECH\Gestão PVs\Comissão\2019\Metas 2019 - v2-NB-SUELENMM.xlsx</t>
  </si>
  <si>
    <t>11/21/2019 21:09:25</t>
  </si>
  <si>
    <t>D:\21_11_2019 - PC ALGAR TECH\Gestão PVs\Comissão\2019\Metas 2019 - v2.xlsx</t>
  </si>
  <si>
    <t>11/21/2019 21:09:28</t>
  </si>
  <si>
    <t>D:\21_11_2019 - PC ALGAR TECH\Gestão PVs\Comissão\2019\Metas 2019 - v3.xlsx</t>
  </si>
  <si>
    <t>11/21/2019 21:09:31</t>
  </si>
  <si>
    <t>D:\21_11_2019 - PC ALGAR TECH\Gestão PVs\Comissão\2019\Metas 2019 - v4.xlsx</t>
  </si>
  <si>
    <t>11/21/2019 21:09:34</t>
  </si>
  <si>
    <t>D:\21_11_2019 - PC ALGAR TECH\Gestão PVs\Comissão\2019\Metas 2019.xlsx</t>
  </si>
  <si>
    <t>11/21/2019 21:09:35</t>
  </si>
  <si>
    <t>D:\21_11_2019 - PC ALGAR TECH\Gestão PVs\Comissão\2019\Orçamento.xls</t>
  </si>
  <si>
    <t>11/21/2019 21:09:37</t>
  </si>
  <si>
    <t>D:\21_11_2019 - PC ALGAR TECH\Gestão PVs\Comissão\2019\Proposta Remuneração Força de Vendas 2019 - Soluções.pptx</t>
  </si>
  <si>
    <t>D:\21_11_2019 - PC ALGAR TECH\Gestão PVs\Comissão\2019\Simulações comissão v5.xlsx</t>
  </si>
  <si>
    <t>D:\21_11_2019 - PC ALGAR TECH\Gestão PVs\Comissão\2019\Valores_Plano_Retenção GAT.xls</t>
  </si>
  <si>
    <t>11/21/2019 21:09:39</t>
  </si>
  <si>
    <t>D:\21_11_2019 - PC ALGAR TECH\Gestão PVs\Comissão\2019\Vendas Detalhado_TCV_1º Tri_v1.xlsx</t>
  </si>
  <si>
    <t>D:\21_11_2019 - PC ALGAR TECH\Gestão PVs\Comissão\2019\Apuração\Comissão Força de Vendas - 1º Tri - 2019 - SF - VERSÃO FINAL - SUELEN.xlsb</t>
  </si>
  <si>
    <t>11/21/2019 21:09:41</t>
  </si>
  <si>
    <t>D:\21_11_2019 - PC ALGAR TECH\Gestão PVs\Comissão\2019\Apuração\Comissão Força de Vendas - RECÁLCULO TCV - 1º Tri - 2019_VF - SF - PRÉ-VENDAS - GAT.xlsb</t>
  </si>
  <si>
    <t>11/21/2019 21:09:52</t>
  </si>
  <si>
    <t>D:\21_11_2019 - PC ALGAR TECH\Gestão PVs\Comissão\2019\Revisão modelo 2S2019\Cópia de Forecast de Receita Oficial_2019 - 16-10.xlsx</t>
  </si>
  <si>
    <t>11/21/2019 21:09:57</t>
  </si>
  <si>
    <t>D:\21_11_2019 - PC ALGAR TECH\Gestão PVs\Comissão\2019\Revisão modelo 2S2019\Forecast de Receita Oficial_2019 - 12.07.xlsx</t>
  </si>
  <si>
    <t>11/21/2019 21:10:08</t>
  </si>
  <si>
    <t>D:\21_11_2019 - PC ALGAR TECH\Gestão PVs\Comissão\2019\Revisão modelo 2S2019\Forecast de Receita Oficial_2019 - 25-09.xlsx</t>
  </si>
  <si>
    <t>11/21/2019 21:10:10</t>
  </si>
  <si>
    <t>D:\21_11_2019 - PC ALGAR TECH\Gestão PVs\Comissão\2019\Revisão modelo 2S2019\Meta e Real 3º Tri v2 - Inclusao PV na base.xlsx</t>
  </si>
  <si>
    <t>11/21/2019 21:10:12</t>
  </si>
  <si>
    <t>D:\21_11_2019 - PC ALGAR TECH\Gestão PVs\Comissão\2019\Revisão modelo 2S2019\Oportunidades por data criação - bu approval - 28-06.xlsx</t>
  </si>
  <si>
    <t>D:\21_11_2019 - PC ALGAR TECH\Gestão PVs\Comissão\2019\Revisão modelo 2S2019\Orçamento 2ºS - 1ª Projeção.xls</t>
  </si>
  <si>
    <t>11/21/2019 21:10:16</t>
  </si>
  <si>
    <t>D:\21_11_2019 - PC ALGAR TECH\Gestão PVs\Comissão\2019\Revisão modelo 2S2019\Pipeline Detalhado emissão proposta 06-09.xlsx</t>
  </si>
  <si>
    <t>11/21/2019 21:10:17</t>
  </si>
  <si>
    <t>D:\21_11_2019 - PC ALGAR TECH\Gestão PVs\Comissão\2019\Revisão modelo 2S2019\Proposta Recorrente - 06-09.xlsx</t>
  </si>
  <si>
    <t>11/21/2019 21:10:18</t>
  </si>
  <si>
    <t>D:\21_11_2019 - PC ALGAR TECH\Gestão PVs\Comissão\2019\Revisão modelo 2S2019\Proposta Recorrente - 11-07.xlsx</t>
  </si>
  <si>
    <t>D:\21_11_2019 - PC ALGAR TECH\Gestão PVs\Comissão\2019\Revisão modelo 2S2019\Proposta Suélen - 2S2019.xlsx</t>
  </si>
  <si>
    <t>D:\21_11_2019 - PC ALGAR TECH\Gestão PVs\Comissão\2019\Revisão modelo 2S2019\Proposta Suélen - 3TRI2019 - v2.xlsx</t>
  </si>
  <si>
    <t>11/21/2019 21:10:19</t>
  </si>
  <si>
    <t>D:\21_11_2019 - PC ALGAR TECH\Gestão PVs\Comissão\2019\Revisão modelo 2S2019\Proposta Suélen - 3TRI2019.xlsx</t>
  </si>
  <si>
    <t>11/21/2019 21:10:20</t>
  </si>
  <si>
    <t>D:\21_11_2019 - PC ALGAR TECH\Gestão PVs\Comissão\2019\Revisão modelo 2S2019\Real julho + Forecast ago a dez_19.xlsx</t>
  </si>
  <si>
    <t>11/21/2019 21:10:21</t>
  </si>
  <si>
    <t>D:\21_11_2019 - PC ALGAR TECH\Gestão PVs\Comissão\2019\Revisão modelo 2S2019\Recorrente - com valor errado e numero da opp.xlsx</t>
  </si>
  <si>
    <t>11/21/2019 21:10:22</t>
  </si>
  <si>
    <t>D:\21_11_2019 - PC ALGAR TECH\Gestão PVs\Comissão\2019\Revisão modelo 2S2019\Recorrente.xlsx</t>
  </si>
  <si>
    <t>11/21/2019 21:10:23</t>
  </si>
  <si>
    <t>D:\21_11_2019 - PC ALGAR TECH\Gestão PVs\Comissão\2019\Revisão modelo 2S2019\Vendas Resumido v6 12.07.xlsx</t>
  </si>
  <si>
    <t>11/21/2019 21:10:26</t>
  </si>
  <si>
    <t>D:\21_11_2019 - PC ALGAR TECH\Gestão PVs\Comissão\Ano 2017\Comissão Força de Vendas - Anual - Alessio.xlsb</t>
  </si>
  <si>
    <t>11/21/2019 21:10:29</t>
  </si>
  <si>
    <t>D:\21_11_2019 - PC ALGAR TECH\Gestão PVs\Comissão\Comissão 3 tri\Comissão Força de Vendas - 3º Tri - Alessio_Suelen.xlsb</t>
  </si>
  <si>
    <t>11/21/2019 21:10:31</t>
  </si>
  <si>
    <t>D:\21_11_2019 - PC ALGAR TECH\Gestão PVs\Comissão\Comissão 3 tri\LIXO\Comissão Força de Vendas - 3º Tri - Alessio_Suelen.xlsb</t>
  </si>
  <si>
    <t>11/21/2019 21:10:35</t>
  </si>
  <si>
    <t>D:\21_11_2019 - PC ALGAR TECH\Gestão PVs\Comissão\Comissão 4 tri\Comissão Força de Vendas - 4º Tri.xlsb</t>
  </si>
  <si>
    <t>11/21/2019 21:10:42</t>
  </si>
  <si>
    <t>D:\21_11_2019 - PC ALGAR TECH\Gestão PVs\Objetivos\Apuração Objetivos 1º Semestre 2019.xlsx</t>
  </si>
  <si>
    <t>11/21/2019 21:10:44</t>
  </si>
  <si>
    <t>D:\21_11_2019 - PC ALGAR TECH\Gestão PVs\Orçamento\Gestão PTH - 2019 - OFICIAL_Pre Vendas.xlsb</t>
  </si>
  <si>
    <t>11/21/2019 21:10:46</t>
  </si>
  <si>
    <t>D:\21_11_2019 - PC ALGAR TECH\Gestão PVs\Orçamento\Orçado 2019.xls</t>
  </si>
  <si>
    <t>11/21/2019 21:10:47</t>
  </si>
  <si>
    <t>D:\21_11_2019 - PC ALGAR TECH\Gestão PVs\Orçamento\Postergação 2ºS19 - Suélen.xlsx</t>
  </si>
  <si>
    <t>11/21/2019 21:10:48</t>
  </si>
  <si>
    <t>D:\21_11_2019 - PC ALGAR TECH\Gestão PVs\Orçamento\Reajuste 2019.csv</t>
  </si>
  <si>
    <t>11/21/2019 21:10:50</t>
  </si>
  <si>
    <t>D:\21_11_2019 - PC ALGAR TECH\Gestão PVs\Orçamento\Real 2018.xls</t>
  </si>
  <si>
    <t>11/21/2019 21:10:51</t>
  </si>
  <si>
    <t>D:\21_11_2019 - PC ALGAR TECH\Gestão PVs\Orçamento\Suelen - Revisão Orçamento 1 Semestre - PPE 2019.xlsx</t>
  </si>
  <si>
    <t>11/21/2019 21:10:52</t>
  </si>
  <si>
    <t>D:\21_11_2019 - PC ALGAR TECH\Gestão PVs\Orçamento\2020\PTH - 17% - 15-10.xlsx</t>
  </si>
  <si>
    <t>D:\21_11_2019 - PC ALGAR TECH\Gestão PVs\Orçamento\2020\PTH 1.xlsx</t>
  </si>
  <si>
    <t>D:\21_11_2019 - PC ALGAR TECH\Gestão PVs\Orçamento\2020\PTH REVISADO.xlsx</t>
  </si>
  <si>
    <t>D:\21_11_2019 - PC ALGAR TECH\Gestão PVs\Orçamento\2020\PTH.xlsx</t>
  </si>
  <si>
    <t>11/21/2019 21:10:54</t>
  </si>
  <si>
    <t>D:\21_11_2019 - PC ALGAR TECH\Gestão PVs\Orçamento\2020\Template Suélen - 2020.xlsb</t>
  </si>
  <si>
    <t>11/21/2019 21:10:55</t>
  </si>
  <si>
    <t>D:\21_11_2019 - PC ALGAR TECH\Gestão PVs\Orçamento\Revisão 2019-02\Comparativo v2.xls</t>
  </si>
  <si>
    <t>11/21/2019 21:10:57</t>
  </si>
  <si>
    <t>D:\21_11_2019 - PC ALGAR TECH\Gestão PVs\Orçamento\Revisão 2019-02\Comparativo.xls</t>
  </si>
  <si>
    <t>11/21/2019 21:10:58</t>
  </si>
  <si>
    <t>D:\21_11_2019 - PC ALGAR TECH\Gestão PVs\Orçamento\Revisão 2019-02\pth_1.xlsx</t>
  </si>
  <si>
    <t>11/21/2019 21:10:59</t>
  </si>
  <si>
    <t>D:\21_11_2019 - PC ALGAR TECH\Gestão PVs\Orçamento\Revisão 2019-02\Revsão de cargos.xls</t>
  </si>
  <si>
    <t>D:\21_11_2019 - PC ALGAR TECH\Gestão PVs\Orçamento\Revisão 2019-02\Template para redução de custos_V5_Anualizado.xlsx</t>
  </si>
  <si>
    <t>11/21/2019 21:11:03</t>
  </si>
  <si>
    <t>D:\21_11_2019 - PC ALGAR TECH\Gestão PVs\Política Comissão 2018\032018_Forecast de Receita Oficial_v08 - Previa 1º tri.xlsx</t>
  </si>
  <si>
    <t>11/21/2019 21:11:04</t>
  </si>
  <si>
    <t>D:\21_11_2019 - PC ALGAR TECH\Gestão PVs\Política Comissão 2018\Apuracao 2018.xlsx</t>
  </si>
  <si>
    <t>11/21/2019 21:11:05</t>
  </si>
  <si>
    <t>D:\21_11_2019 - PC ALGAR TECH\Gestão PVs\Política Comissão 2018\Consolidado Real Receita por Cliente - Jan a Abr - 2018.xlsx</t>
  </si>
  <si>
    <t>11/21/2019 21:11:07</t>
  </si>
  <si>
    <t>D:\21_11_2019 - PC ALGAR TECH\Gestão PVs\Política Comissão 2018\Consolidado Real Receita por Cliente - Jan a dez - 2018 v2.xlsx</t>
  </si>
  <si>
    <t>11/21/2019 21:11:09</t>
  </si>
  <si>
    <t>D:\21_11_2019 - PC ALGAR TECH\Gestão PVs\Política Comissão 2018\Consolidado Real Receita por Cliente - Jan a dez - 2018.xlsx</t>
  </si>
  <si>
    <t>11/21/2019 21:11:11</t>
  </si>
  <si>
    <t>D:\21_11_2019 - PC ALGAR TECH\Gestão PVs\Política Comissão 2018\Consolidado Real Receita por Cliente - Jan a Mai - 2018.xlsx</t>
  </si>
  <si>
    <t>11/21/2019 21:11:13</t>
  </si>
  <si>
    <t>D:\21_11_2019 - PC ALGAR TECH\Gestão PVs\Política Comissão 2018\Consolidado Real Receita por Cliente - Jan a Mar - 2018 + previa dos demais tris - apuracao 1 tri .xlsx</t>
  </si>
  <si>
    <t>D:\21_11_2019 - PC ALGAR TECH\Gestão PVs\Política Comissão 2018\Consolidado Real Receita por Cliente - Jan a Mar - 2018 + previa dos demais tris.xlsx</t>
  </si>
  <si>
    <t>D:\21_11_2019 - PC ALGAR TECH\Gestão PVs\Política Comissão 2018\Consolidado Real Receita por Cliente - Jan a Mar - 2018.xlsx</t>
  </si>
  <si>
    <t>11/21/2019 21:11:16</t>
  </si>
  <si>
    <t>D:\21_11_2019 - PC ALGAR TECH\Gestão PVs\Política Comissão 2018\Custo Vendas_Prévendas - Comissão.xlsx</t>
  </si>
  <si>
    <t>D:\21_11_2019 - PC ALGAR TECH\Gestão PVs\Política Comissão 2018\Orçamento 2018 - Prévia 1º Tri.xls</t>
  </si>
  <si>
    <t>11/21/2019 21:11:17</t>
  </si>
  <si>
    <t>D:\21_11_2019 - PC ALGAR TECH\Gestão PVs\Política Comissão 2018\Orçamento 2018.xls</t>
  </si>
  <si>
    <t>D:\21_11_2019 - PC ALGAR TECH\Gestão PVs\Política Comissão 2018\Vendas Detalhado - 1º tri 2018 parcial v3.xlsx</t>
  </si>
  <si>
    <t>11/21/2019 21:11:18</t>
  </si>
  <si>
    <t>D:\21_11_2019 - PC ALGAR TECH\Gestão PVs\Política Comissão 2018\Vendas Detalhado - 1º tri 2018 parcial.xlsx</t>
  </si>
  <si>
    <t>11/21/2019 21:11:21</t>
  </si>
  <si>
    <t>D:\21_11_2019 - PC ALGAR TECH\Gestão PVs\Política Comissão 2018\Vendas Detalhado - base 2017.xlsx</t>
  </si>
  <si>
    <t>D:\21_11_2019 - PC ALGAR TECH\Gestão PVs\Política Comissão 2018\Vendas Detalhado - PREVIA APURAÇÃO 1º TRI CALCULO 2017.xlsx</t>
  </si>
  <si>
    <t>11/21/2019 21:11:24</t>
  </si>
  <si>
    <t>D:\21_11_2019 - PC ALGAR TECH\Gestão PVs\Política Comissão 2018\2019\Simulações comissão suélen v2.xlsx</t>
  </si>
  <si>
    <t>D:\21_11_2019 - PC ALGAR TECH\Gestão PVs\Política Comissão 2018\2019\Simulações comissão suélen.xlsx</t>
  </si>
  <si>
    <t>11/21/2019 21:11:32</t>
  </si>
  <si>
    <t>D:\21_11_2019 - PC ALGAR TECH\Gestão PVs\Política Comissão 2018\2019\TCV 2018.xlsx</t>
  </si>
  <si>
    <t>11/21/2019 21:11:36</t>
  </si>
  <si>
    <t>D:\21_11_2019 - PC ALGAR TECH\Gestão PVs\Política Comissão 2018\2019\Meta 2019\Forecast de Receita Oficial_2019.xlsx</t>
  </si>
  <si>
    <t>11/21/2019 21:11:39</t>
  </si>
  <si>
    <t>D:\21_11_2019 - PC ALGAR TECH\Gestão PVs\Reestruturação 2019\Cronograma Nova Estrutura GAT.xlsx</t>
  </si>
  <si>
    <t>11/21/2019 21:11:42</t>
  </si>
  <si>
    <t>D:\21_11_2019 - PC ALGAR TECH\Gestão PVs\Reunião Time\Reunião Soluções 26-09-2019.pptx</t>
  </si>
  <si>
    <t>11/21/2019 21:11:45</t>
  </si>
  <si>
    <t>D:\21_11_2019 - PC ALGAR TECH\Gestão PVs\Treinamento\Evento 2019 e Treinamento.xlsx</t>
  </si>
  <si>
    <t>11/21/2019 21:42:44</t>
  </si>
  <si>
    <t>D:\21_11_2019 - PC ALGAR TECH\Suélen\Divorcio\Pensão e Divisão de Bens.xlsx</t>
  </si>
  <si>
    <t>11/21/2019 21:43:27</t>
  </si>
  <si>
    <t>D:\21_11_2019 - PC ALGAR TECH\Suélen\Investimentos\Apuração de IR em branco.xlsx</t>
  </si>
  <si>
    <t>D:\21_11_2019 - PC ALGAR TECH\Suélen\Investimentos\Patrimonio.xlsx</t>
  </si>
  <si>
    <t>11/21/2019 21:45:13</t>
  </si>
  <si>
    <t>D:\21_11_2019 - PC ALGAR TECH\Suélen\Mary Kay\Silvania\Mary Kay - Silvania v2.xlsx</t>
  </si>
  <si>
    <t>D:\21_11_2019 - PC ALGAR TECH\Suélen\Mary Kay\Silvania\Mary Kay - Silvania.xlsx</t>
  </si>
  <si>
    <t>11/21/2019 21:45:14</t>
  </si>
  <si>
    <t>D:\21_11_2019 - PC ALGAR TECH\Suélen\Mary Kay\Suélen\Mary Kay - Nomes.xlsx</t>
  </si>
  <si>
    <t>D:\21_11_2019 - PC ALGAR TECH\Suélen\Mary Kay\Suélen\Tarefas.xlsx</t>
  </si>
  <si>
    <t>11/21/2019 21:45:17</t>
  </si>
  <si>
    <t>D:\21_11_2019 - PC ALGAR TECH\Suélen\Mary Kay\Suélen\Cartão\cartao.xlsx</t>
  </si>
  <si>
    <t>D:\21_11_2019 - PC ALGAR TECH\Suélen\Mary Kay\Suélen\Consórcio\Consorcio.xlsx</t>
  </si>
  <si>
    <t>11/21/2019 21:45:18</t>
  </si>
  <si>
    <t>D:\21_11_2019 - PC ALGAR TECH\Suélen\Mary Kay\Suélen\Pedidos\Mary Kay - Suélen.xlsx</t>
  </si>
  <si>
    <t>11/21/2019 21:45:54</t>
  </si>
  <si>
    <t>D:\21_11_2019 - PC ALGAR TECH\Suélen\Gravidez\Convite Cha de Fraldas.xlsx</t>
  </si>
  <si>
    <t>11/21/2019 21:48:51</t>
  </si>
  <si>
    <t>D:\21_11_2019 - PC ALGAR TECH\Suélen\Treinamentos\SCRUM\simulado.xlsx</t>
  </si>
  <si>
    <t>11/21/2019 21:49:06</t>
  </si>
  <si>
    <t>D:\21_11_2019 - PC ALGAR TECH\Suélen\Fluxo_de_Caixa_2010_2011_2012_2013_2014_2015_2016 v1.xlsx</t>
  </si>
  <si>
    <t>D:\21_11_2019 - PC ALGAR TECH\Suélen\Helena v2.xlsx</t>
  </si>
  <si>
    <t>D:\21_11_2019 - PC ALGAR TECH\Suélen\Helena.xlsx</t>
  </si>
  <si>
    <t>D:\21_11_2019 - PC ALGAR TECH\Suélen\Incorporação Salarial.xlsx</t>
  </si>
  <si>
    <t>11/21/2019 21:50:12</t>
  </si>
  <si>
    <t>C:\Users\suelenmm\OneDrive - Grupo Algar\TIM\</t>
  </si>
  <si>
    <t>Analise chamados TIM.xlsx</t>
  </si>
  <si>
    <t>D:\21_11_2019 - PC ALGAR TECH\TIM\Analise chamados TIM.xlsx</t>
  </si>
  <si>
    <t>Comparativo ISS.xlsx</t>
  </si>
  <si>
    <t>D:\21_11_2019 - PC ALGAR TECH\TIM\Comparativo ISS.xlsx</t>
  </si>
  <si>
    <t>11/21/2019 21:50:22</t>
  </si>
  <si>
    <t>Cópia de Base BHE_FMM.xlsx</t>
  </si>
  <si>
    <t>D:\21_11_2019 - PC ALGAR TECH\TIM\Cópia de Base BHE_FMM.xlsx</t>
  </si>
  <si>
    <t>Cópia de Base BHE_FMT.xlsx</t>
  </si>
  <si>
    <t>D:\21_11_2019 - PC ALGAR TECH\TIM\Cópia de Base BHE_FMT.xlsx</t>
  </si>
  <si>
    <t>11/21/2019 21:50:23</t>
  </si>
  <si>
    <t>D:\21_11_2019 - PC ALGAR TECH\TIM\LPU FMM FATURA A e B MATERIAIS.xls</t>
  </si>
  <si>
    <t>TARGET.xlsx</t>
  </si>
  <si>
    <t>D:\21_11_2019 - PC ALGAR TECH\TIM\TARGET.xlsx</t>
  </si>
  <si>
    <t>11/21/2019 21:50:24</t>
  </si>
  <si>
    <t>C:\Users\suelenmm\OneDrive - Grupo Algar\TIM\2017\</t>
  </si>
  <si>
    <t>Resumo.xlsb</t>
  </si>
  <si>
    <t>D:\21_11_2019 - PC ALGAR TECH\TIM\2017\Resumo.xlsb</t>
  </si>
  <si>
    <t>11/21/2019 21:50:25</t>
  </si>
  <si>
    <t>C:\Users\suelenmm\OneDrive - Grupo Algar\TIM\2017\0. Rascunho\TIM 26-05\</t>
  </si>
  <si>
    <t>Logística FMM-FMT v5.xlsx</t>
  </si>
  <si>
    <t>D:\21_11_2019 - PC ALGAR TECH\TIM\2017\0. Rascunho\TIM 26-05\Logística FMM-FMT v5.xlsx</t>
  </si>
  <si>
    <t>11/21/2019 21:50:26</t>
  </si>
  <si>
    <t>Logística FMM-FMT v6.xlsx</t>
  </si>
  <si>
    <t>D:\21_11_2019 - PC ALGAR TECH\TIM\2017\0. Rascunho\TIM 26-05\Logística FMM-FMT v6.xlsx</t>
  </si>
  <si>
    <t>11/21/2019 21:50:27</t>
  </si>
  <si>
    <t>C:\Users\suelenmm\OneDrive - Grupo Algar\TIM\2017\1. TIM 19-05 - Rampa Errada\</t>
  </si>
  <si>
    <t>D:\21_11_2019 - PC ALGAR TECH\TIM\2017\1. TIM 19-05 - Rampa Errada\Logística FMM-FMT v5.xlsx</t>
  </si>
  <si>
    <t>11/21/2019 21:50:28</t>
  </si>
  <si>
    <t>Resumo Cenários TIM.xlsx</t>
  </si>
  <si>
    <t>D:\21_11_2019 - PC ALGAR TECH\TIM\2017\1. TIM 19-05 - Rampa Errada\Resumo Cenários TIM.xlsx</t>
  </si>
  <si>
    <t>11/21/2019 21:50:46</t>
  </si>
  <si>
    <t>C:\Users\suelenmm\OneDrive - Grupo Algar\TIM\2017\1. TIM 19-05 - Rampa Errada\TIM 19-05 02.rar\</t>
  </si>
  <si>
    <t>LogÃ­stica FMM-FMT v5.xlsx</t>
  </si>
  <si>
    <t>D:\21_11_2019 - PC ALGAR TECH\TIM\2017\1. TIM 19-05 - Rampa Errada\TIM 19-05 02.rar</t>
  </si>
  <si>
    <t>Resumo CenÃ¡rios TIM.xlsx</t>
  </si>
  <si>
    <t>C:\Users\suelenmm\OneDrive - Grupo Algar\TIM\2017\1. TIM 19-05 - Rampa Errada\TIM 19-05 02.rar\TLE\</t>
  </si>
  <si>
    <t>BP PreÃ§o C010 B009 - TLE v5 - 12 meses.xlsb</t>
  </si>
  <si>
    <t>BP PreÃ§o C010 B009 - TLE v5 - 24 meses.xlsb</t>
  </si>
  <si>
    <t>BP PreÃ§o C010 B009 - TLE v5 - 36 meses.xlsb</t>
  </si>
  <si>
    <t>C:\Users\suelenmm\OneDrive - Grupo Algar\TIM\2017\1. TIM 19-05 - Rampa Errada\TIM 19-05 02.rar\TLE\Rascunho\</t>
  </si>
  <si>
    <t>BP PreÃ§o C010 B009 - TLE v5 - 36 meses - proporcao terceiros.xlsb</t>
  </si>
  <si>
    <t>C:\Users\suelenmm\OneDrive - Grupo Algar\TIM\2017\1. TIM 19-05 - Rampa Errada\TIM 19-05 02.rar\TNO\</t>
  </si>
  <si>
    <t>BP PreÃ§o C010 B009 - TNO v5 - 12 meses.xlsb</t>
  </si>
  <si>
    <t>BP PreÃ§o C010 B009 - TNO v5 - 24 meses.xlsb</t>
  </si>
  <si>
    <t>BP PreÃ§o C010 B009 - TNO v5 - 36 meses.xlsb</t>
  </si>
  <si>
    <t>C:\Users\suelenmm\OneDrive - Grupo Algar\TIM\2017\1. TIM 19-05 - Rampa Errada\TIM 19-05 02.rar\TSP\</t>
  </si>
  <si>
    <t>BP PreÃ§o C010 B009 - TSP v5 - 12 meses.xlsb</t>
  </si>
  <si>
    <t>BP PreÃ§o C010 B009 - TSP v5 - 24 meses.xlsb</t>
  </si>
  <si>
    <t>BP PreÃ§o C010 B009 - TSP v5 - 36 meses.xlsb</t>
  </si>
  <si>
    <t>C:\Users\suelenmm\OneDrive - Grupo Algar\TIM\2017\1. TIM 19-05 - Rampa Errada\TIM 19-05 02.rar\TLE\BP PreÃ§o C010 B009 - TLE v5 - 12 meses.xlsb\</t>
  </si>
  <si>
    <t>C:\Users\suelenmm\OneDrive - Grupo Algar\TIM\2017\1. TIM 19-05 - Rampa Errada\TIM 19-05 02.rar\TLE\BP PreÃ§o C010 B009 - TLE v5 - 24 meses.xlsb\</t>
  </si>
  <si>
    <t>C:\Users\suelenmm\OneDrive - Grupo Algar\TIM\2017\1. TIM 19-05 - Rampa Errada\TIM 19-05 02.rar\TLE\BP PreÃ§o C010 B009 - TLE v5 - 36 meses.xlsb\</t>
  </si>
  <si>
    <t>C:\Users\suelenmm\OneDrive - Grupo Algar\TIM\2017\1. TIM 19-05 - Rampa Errada\TIM 19-05 02.rar\TLE\Rascunho\BP PreÃ§o C010 B009 - TLE v5 - 36 meses - proporcao terceiros.xlsb\</t>
  </si>
  <si>
    <t>C:\Users\suelenmm\OneDrive - Grupo Algar\TIM\2017\1. TIM 19-05 - Rampa Errada\TIM 19-05 02.rar\TNO\BP PreÃ§o C010 B009 - TNO v5 - 12 meses.xlsb\</t>
  </si>
  <si>
    <t>C:\Users\suelenmm\OneDrive - Grupo Algar\TIM\2017\1. TIM 19-05 - Rampa Errada\TIM 19-05 02.rar\TNO\BP PreÃ§o C010 B009 - TNO v5 - 24 meses.xlsb\</t>
  </si>
  <si>
    <t>C:\Users\suelenmm\OneDrive - Grupo Algar\TIM\2017\1. TIM 19-05 - Rampa Errada\TIM 19-05 02.rar\TNO\BP PreÃ§o C010 B009 - TNO v5 - 36 meses.xlsb\</t>
  </si>
  <si>
    <t>C:\Users\suelenmm\OneDrive - Grupo Algar\TIM\2017\1. TIM 19-05 - Rampa Errada\TIM 19-05 02.rar\TSP\BP PreÃ§o C010 B009 - TSP v5 - 12 meses.xlsb\</t>
  </si>
  <si>
    <t>C:\Users\suelenmm\OneDrive - Grupo Algar\TIM\2017\1. TIM 19-05 - Rampa Errada\TIM 19-05 02.rar\TSP\BP PreÃ§o C010 B009 - TSP v5 - 24 meses.xlsb\</t>
  </si>
  <si>
    <t>C:\Users\suelenmm\OneDrive - Grupo Algar\TIM\2017\1. TIM 19-05 - Rampa Errada\TIM 19-05 02.rar\TSP\BP PreÃ§o C010 B009 - TSP v5 - 36 meses.xlsb\</t>
  </si>
  <si>
    <t>11/21/2019 21:51:06</t>
  </si>
  <si>
    <t>C:\Users\suelenmm\OneDrive - Grupo Algar\TIM\2017\1. TIM 19-05 - Rampa Errada\TIM 19-05.zip\</t>
  </si>
  <si>
    <t>Log¡stica FMM-FMT v5.xlsx</t>
  </si>
  <si>
    <t>D:\21_11_2019 - PC ALGAR TECH\TIM\2017\1. TIM 19-05 - Rampa Errada\TIM 19-05.zip</t>
  </si>
  <si>
    <t>Resumo Cen rios TIM.xlsx</t>
  </si>
  <si>
    <t>C:\Users\suelenmm\OneDrive - Grupo Algar\TIM\2017\1. TIM 19-05 - Rampa Errada\TIM 19-05.zip\TLE\</t>
  </si>
  <si>
    <t>BP Pre‡o C010 B009 - TLE v5 - 12 meses.xlsb</t>
  </si>
  <si>
    <t>BP Pre‡o C010 B009 - TLE v5 - 24 meses.xlsb</t>
  </si>
  <si>
    <t>BP Pre‡o C010 B009 - TLE v5 - 36 meses.xlsb</t>
  </si>
  <si>
    <t>C:\Users\suelenmm\OneDrive - Grupo Algar\TIM\2017\1. TIM 19-05 - Rampa Errada\TIM 19-05.zip\TLE\Rascunho\</t>
  </si>
  <si>
    <t>BP Pre‡o C010 B009 - TLE v5 - 36 meses - proporcao terceiros.xlsb</t>
  </si>
  <si>
    <t>C:\Users\suelenmm\OneDrive - Grupo Algar\TIM\2017\1. TIM 19-05 - Rampa Errada\TIM 19-05.zip\TNO\</t>
  </si>
  <si>
    <t>BP Pre‡o C010 B009 - TNO v5 - 12 meses.xlsb</t>
  </si>
  <si>
    <t>BP Pre‡o C010 B009 - TNO v5 - 24 meses.xlsb</t>
  </si>
  <si>
    <t>BP Pre‡o C010 B009 - TNO v5 - 36 meses.xlsb</t>
  </si>
  <si>
    <t>C:\Users\suelenmm\OneDrive - Grupo Algar\TIM\2017\1. TIM 19-05 - Rampa Errada\TIM 19-05.zip\TSP\</t>
  </si>
  <si>
    <t>BP Pre‡o C010 B009 - TSP v5 - 12 meses.xlsb</t>
  </si>
  <si>
    <t>BP Pre‡o C010 B009 - TSP v5 - 24 meses.xlsb</t>
  </si>
  <si>
    <t>BP Pre‡o C010 B009 - TSP v5 - 36 meses.xlsb</t>
  </si>
  <si>
    <t>C:\Users\suelenmm\OneDrive - Grupo Algar\TIM\2017\1. TIM 19-05 - Rampa Errada\TIM 19-05.zip\TLE\BP Pre‡o C010 B009 - TLE v5 - 12 meses.xlsb\</t>
  </si>
  <si>
    <t>C:\Users\suelenmm\OneDrive - Grupo Algar\TIM\2017\1. TIM 19-05 - Rampa Errada\TIM 19-05.zip\TLE\BP Pre‡o C010 B009 - TLE v5 - 24 meses.xlsb\</t>
  </si>
  <si>
    <t>C:\Users\suelenmm\OneDrive - Grupo Algar\TIM\2017\1. TIM 19-05 - Rampa Errada\TIM 19-05.zip\TLE\BP Pre‡o C010 B009 - TLE v5 - 36 meses.xlsb\</t>
  </si>
  <si>
    <t>C:\Users\suelenmm\OneDrive - Grupo Algar\TIM\2017\1. TIM 19-05 - Rampa Errada\TIM 19-05.zip\TLE\Rascunho\BP Pre‡o C010 B009 - TLE v5 - 36 meses - proporcao terceiros.xlsb\</t>
  </si>
  <si>
    <t>C:\Users\suelenmm\OneDrive - Grupo Algar\TIM\2017\1. TIM 19-05 - Rampa Errada\TIM 19-05.zip\TNO\BP Pre‡o C010 B009 - TNO v5 - 12 meses.xlsb\</t>
  </si>
  <si>
    <t>C:\Users\suelenmm\OneDrive - Grupo Algar\TIM\2017\1. TIM 19-05 - Rampa Errada\TIM 19-05.zip\TNO\BP Pre‡o C010 B009 - TNO v5 - 24 meses.xlsb\</t>
  </si>
  <si>
    <t>C:\Users\suelenmm\OneDrive - Grupo Algar\TIM\2017\1. TIM 19-05 - Rampa Errada\TIM 19-05.zip\TNO\BP Pre‡o C010 B009 - TNO v5 - 36 meses.xlsb\</t>
  </si>
  <si>
    <t>C:\Users\suelenmm\OneDrive - Grupo Algar\TIM\2017\1. TIM 19-05 - Rampa Errada\TIM 19-05.zip\TSP\BP Pre‡o C010 B009 - TSP v5 - 12 meses.xlsb\</t>
  </si>
  <si>
    <t>C:\Users\suelenmm\OneDrive - Grupo Algar\TIM\2017\1. TIM 19-05 - Rampa Errada\TIM 19-05.zip\TSP\BP Pre‡o C010 B009 - TSP v5 - 24 meses.xlsb\</t>
  </si>
  <si>
    <t>C:\Users\suelenmm\OneDrive - Grupo Algar\TIM\2017\1. TIM 19-05 - Rampa Errada\TIM 19-05.zip\TSP\BP Pre‡o C010 B009 - TSP v5 - 36 meses.xlsb\</t>
  </si>
  <si>
    <t>11/21/2019 21:51:24</t>
  </si>
  <si>
    <t>C:\Users\suelenmm\OneDrive - Grupo Algar\TIM\2017\1. TIM 19-05 - Rampa Errada\TIM 19_05.zip\TLE\</t>
  </si>
  <si>
    <t>D:\21_11_2019 - PC ALGAR TECH\TIM\2017\1. TIM 19-05 - Rampa Errada\TIM 19_05.zip</t>
  </si>
  <si>
    <t>C:\Users\suelenmm\OneDrive - Grupo Algar\TIM\2017\1. TIM 19-05 - Rampa Errada\TIM 19_05.zip\TLE\Rascunho\</t>
  </si>
  <si>
    <t>C:\Users\suelenmm\OneDrive - Grupo Algar\TIM\2017\1. TIM 19-05 - Rampa Errada\TIM 19_05.zip\TNO\</t>
  </si>
  <si>
    <t>C:\Users\suelenmm\OneDrive - Grupo Algar\TIM\2017\1. TIM 19-05 - Rampa Errada\TIM 19_05.zip\TSP\</t>
  </si>
  <si>
    <t>C:\Users\suelenmm\OneDrive - Grupo Algar\TIM\2017\1. TIM 19-05 - Rampa Errada\TIM 19_05.zip\TLE\BP Pre‡o C010 B009 - TLE v5 - 12 meses.xlsb\</t>
  </si>
  <si>
    <t>C:\Users\suelenmm\OneDrive - Grupo Algar\TIM\2017\1. TIM 19-05 - Rampa Errada\TIM 19_05.zip\TLE\BP Pre‡o C010 B009 - TLE v5 - 24 meses.xlsb\</t>
  </si>
  <si>
    <t>C:\Users\suelenmm\OneDrive - Grupo Algar\TIM\2017\1. TIM 19-05 - Rampa Errada\TIM 19_05.zip\TLE\BP Pre‡o C010 B009 - TLE v5 - 36 meses.xlsb\</t>
  </si>
  <si>
    <t>C:\Users\suelenmm\OneDrive - Grupo Algar\TIM\2017\1. TIM 19-05 - Rampa Errada\TIM 19_05.zip\TLE\Rascunho\BP Pre‡o C010 B009 - TLE v5 - 36 meses - proporcao terceiros.xlsb\</t>
  </si>
  <si>
    <t>C:\Users\suelenmm\OneDrive - Grupo Algar\TIM\2017\1. TIM 19-05 - Rampa Errada\TIM 19_05.zip\TNO\BP Pre‡o C010 B009 - TNO v5 - 12 meses.xlsb\</t>
  </si>
  <si>
    <t>C:\Users\suelenmm\OneDrive - Grupo Algar\TIM\2017\1. TIM 19-05 - Rampa Errada\TIM 19_05.zip\TNO\BP Pre‡o C010 B009 - TNO v5 - 24 meses.xlsb\</t>
  </si>
  <si>
    <t>C:\Users\suelenmm\OneDrive - Grupo Algar\TIM\2017\1. TIM 19-05 - Rampa Errada\TIM 19_05.zip\TNO\BP Pre‡o C010 B009 - TNO v5 - 36 meses.xlsb\</t>
  </si>
  <si>
    <t>C:\Users\suelenmm\OneDrive - Grupo Algar\TIM\2017\1. TIM 19-05 - Rampa Errada\TIM 19_05.zip\TSP\BP Pre‡o C010 B009 - TSP v5 - 12 meses.xlsb\</t>
  </si>
  <si>
    <t>C:\Users\suelenmm\OneDrive - Grupo Algar\TIM\2017\1. TIM 19-05 - Rampa Errada\TIM 19_05.zip\TSP\BP Pre‡o C010 B009 - TSP v5 - 24 meses.xlsb\</t>
  </si>
  <si>
    <t>C:\Users\suelenmm\OneDrive - Grupo Algar\TIM\2017\1. TIM 19-05 - Rampa Errada\TIM 19_05.zip\TSP\BP Pre‡o C010 B009 - TSP v5 - 36 meses.xlsb\</t>
  </si>
  <si>
    <t>11/21/2019 21:51:30</t>
  </si>
  <si>
    <t>C:\Users\suelenmm\OneDrive - Grupo Algar\TIM\2017\1. TIM 19-05 - Rampa Errada\TLE\</t>
  </si>
  <si>
    <t>BP Preço C010 B009 - TLE v5 - 12 meses.xlsb</t>
  </si>
  <si>
    <t>D:\21_11_2019 - PC ALGAR TECH\TIM\2017\1. TIM 19-05 - Rampa Errada\TLE\BP Preço C010 B009 - TLE v5 - 12 meses.xlsb</t>
  </si>
  <si>
    <t>C:\Users\suelenmm\OneDrive - Grupo Algar\TIM\2017\1. TIM 19-05 - Rampa Errada\TLE\BP Preço C010 B009 - TLE v5 - 12 meses.xlsb\</t>
  </si>
  <si>
    <t>11/21/2019 21:51:32</t>
  </si>
  <si>
    <t>BP Preço C010 B009 - TLE v5 - 24 meses.xlsb</t>
  </si>
  <si>
    <t>D:\21_11_2019 - PC ALGAR TECH\TIM\2017\1. TIM 19-05 - Rampa Errada\TLE\BP Preço C010 B009 - TLE v5 - 24 meses.xlsb</t>
  </si>
  <si>
    <t>C:\Users\suelenmm\OneDrive - Grupo Algar\TIM\2017\1. TIM 19-05 - Rampa Errada\TLE\BP Preço C010 B009 - TLE v5 - 24 meses.xlsb\</t>
  </si>
  <si>
    <t>11/21/2019 21:51:35</t>
  </si>
  <si>
    <t>BP Preço C010 B009 - TLE v5 - 36 meses 1.xlsb</t>
  </si>
  <si>
    <t>D:\21_11_2019 - PC ALGAR TECH\TIM\2017\1. TIM 19-05 - Rampa Errada\TLE\BP Preço C010 B009 - TLE v5 - 36 meses 1.xlsb</t>
  </si>
  <si>
    <t>C:\Users\suelenmm\OneDrive - Grupo Algar\TIM\2017\1. TIM 19-05 - Rampa Errada\TLE\BP Preço C010 B009 - TLE v5 - 36 meses 1.xlsb\</t>
  </si>
  <si>
    <t>11/21/2019 21:51:37</t>
  </si>
  <si>
    <t>C:\Users\suelenmm\OneDrive - Grupo Algar\TIM\2017\1. TIM 19-05 - Rampa Errada\TLE\Rascunho\</t>
  </si>
  <si>
    <t>BP Preço C010 B009 - TLE v5 - 36 meses - proporcao terceiros.xlsb</t>
  </si>
  <si>
    <t>D:\21_11_2019 - PC ALGAR TECH\TIM\2017\1. TIM 19-05 - Rampa Errada\TLE\Rascunho\BP Preço C010 B009 - TLE v5 - 36 meses - proporcao terceiros.xlsb</t>
  </si>
  <si>
    <t>C:\Users\suelenmm\OneDrive - Grupo Algar\TIM\2017\1. TIM 19-05 - Rampa Errada\TLE\Rascunho\BP Preço C010 B009 - TLE v5 - 36 meses - proporcao terceiros.xlsb\</t>
  </si>
  <si>
    <t>11/21/2019 21:51:40</t>
  </si>
  <si>
    <t>C:\Users\suelenmm\OneDrive - Grupo Algar\TIM\2017\1. TIM 19-05 - Rampa Errada\TNO\</t>
  </si>
  <si>
    <t>BP Preço C010 B009 - TNO v5 - 12 meses.xlsb</t>
  </si>
  <si>
    <t>D:\21_11_2019 - PC ALGAR TECH\TIM\2017\1. TIM 19-05 - Rampa Errada\TNO\BP Preço C010 B009 - TNO v5 - 12 meses.xlsb</t>
  </si>
  <si>
    <t>C:\Users\suelenmm\OneDrive - Grupo Algar\TIM\2017\1. TIM 19-05 - Rampa Errada\TNO\BP Preço C010 B009 - TNO v5 - 12 meses.xlsb\</t>
  </si>
  <si>
    <t>11/21/2019 21:51:42</t>
  </si>
  <si>
    <t>BP Preço C010 B009 - TNO v5 - 24 meses.xlsb</t>
  </si>
  <si>
    <t>D:\21_11_2019 - PC ALGAR TECH\TIM\2017\1. TIM 19-05 - Rampa Errada\TNO\BP Preço C010 B009 - TNO v5 - 24 meses.xlsb</t>
  </si>
  <si>
    <t>C:\Users\suelenmm\OneDrive - Grupo Algar\TIM\2017\1. TIM 19-05 - Rampa Errada\TNO\BP Preço C010 B009 - TNO v5 - 24 meses.xlsb\</t>
  </si>
  <si>
    <t>11/21/2019 21:51:45</t>
  </si>
  <si>
    <t>BP Preço C010 B009 - TNO v5 - 36 meses.xlsb</t>
  </si>
  <si>
    <t>D:\21_11_2019 - PC ALGAR TECH\TIM\2017\1. TIM 19-05 - Rampa Errada\TNO\BP Preço C010 B009 - TNO v5 - 36 meses.xlsb</t>
  </si>
  <si>
    <t>C:\Users\suelenmm\OneDrive - Grupo Algar\TIM\2017\1. TIM 19-05 - Rampa Errada\TNO\BP Preço C010 B009 - TNO v5 - 36 meses.xlsb\</t>
  </si>
  <si>
    <t>11/21/2019 21:51:47</t>
  </si>
  <si>
    <t>C:\Users\suelenmm\OneDrive - Grupo Algar\TIM\2017\1. TIM 19-05 - Rampa Errada\TSP\</t>
  </si>
  <si>
    <t>BP Preço C010 B009 - TSP v5 - 12 meses.xlsb</t>
  </si>
  <si>
    <t>D:\21_11_2019 - PC ALGAR TECH\TIM\2017\1. TIM 19-05 - Rampa Errada\TSP\BP Preço C010 B009 - TSP v5 - 12 meses.xlsb</t>
  </si>
  <si>
    <t>C:\Users\suelenmm\OneDrive - Grupo Algar\TIM\2017\1. TIM 19-05 - Rampa Errada\TSP\BP Preço C010 B009 - TSP v5 - 12 meses.xlsb\</t>
  </si>
  <si>
    <t>11/21/2019 21:51:49</t>
  </si>
  <si>
    <t>BP Preço C010 B009 - TSP v5 - 24 meses.xlsb</t>
  </si>
  <si>
    <t>D:\21_11_2019 - PC ALGAR TECH\TIM\2017\1. TIM 19-05 - Rampa Errada\TSP\BP Preço C010 B009 - TSP v5 - 24 meses.xlsb</t>
  </si>
  <si>
    <t>C:\Users\suelenmm\OneDrive - Grupo Algar\TIM\2017\1. TIM 19-05 - Rampa Errada\TSP\BP Preço C010 B009 - TSP v5 - 24 meses.xlsb\</t>
  </si>
  <si>
    <t>11/21/2019 21:51:52</t>
  </si>
  <si>
    <t>D:\21_11_2019 - PC ALGAR TECH\TIM\2017\1. TIM 19-05 - Rampa Errada\TSP\</t>
  </si>
  <si>
    <t>BP Preço C010 B009 - TSP v5 - 36 meses.xlsb</t>
  </si>
  <si>
    <t>D:\21_11_2019 - PC ALGAR TECH\TIM\2017\1. TIM 19-05 - Rampa Errada\TSP\BP Preço C010 B009 - TSP v5 - 36 meses.xlsb</t>
  </si>
  <si>
    <t>D:\21_11_2019 - PC ALGAR TECH\TIM\2017\1. TIM 19-05 - Rampa Errada\TSP\BP Preço C010 B009 - TSP v5 - 36 meses.xlsb\</t>
  </si>
  <si>
    <t>11/21/2019 21:51:54</t>
  </si>
  <si>
    <t>C:\Users\suelenmm\OneDrive - Grupo Algar\TIM\2017\2. TIM 27-05 - Rampa Correta\</t>
  </si>
  <si>
    <t>D:\21_11_2019 - PC ALGAR TECH\TIM\2017\2. TIM 27-05 - Rampa Correta\Logística FMM-FMT v6.xlsx</t>
  </si>
  <si>
    <t>D:\21_11_2019 - PC ALGAR TECH\TIM\2017\2. TIM 27-05 - Rampa Correta\Resumo Cenários TIM.xlsx</t>
  </si>
  <si>
    <t>11/21/2019 21:52:02</t>
  </si>
  <si>
    <t>C:\Users\suelenmm\OneDrive - Grupo Algar\TIM\2017\2. TIM 27-05 - Rampa Correta\TLE\</t>
  </si>
  <si>
    <t>BP Preço C010 B009 - TLE v6 - 36 meses.xlsb</t>
  </si>
  <si>
    <t>D:\21_11_2019 - PC ALGAR TECH\TIM\2017\2. TIM 27-05 - Rampa Correta\TLE\BP Preço C010 B009 - TLE v6 - 36 meses.xlsb</t>
  </si>
  <si>
    <t>C:\Users\suelenmm\OneDrive - Grupo Algar\TIM\2017\2. TIM 27-05 - Rampa Correta\TLE\BP Preço C010 B009 - TLE v6 - 36 meses.xlsb\</t>
  </si>
  <si>
    <t>11/21/2019 21:52:06</t>
  </si>
  <si>
    <t>C:\Users\suelenmm\OneDrive - Grupo Algar\TIM\2017\2. TIM 27-05 - Rampa Correta\TNO\</t>
  </si>
  <si>
    <t>BP Preço C010 B009 - TNO v6 - 36 meses.xlsb</t>
  </si>
  <si>
    <t>D:\21_11_2019 - PC ALGAR TECH\TIM\2017\2. TIM 27-05 - Rampa Correta\TNO\BP Preço C010 B009 - TNO v6 - 36 meses.xlsb</t>
  </si>
  <si>
    <t>C:\Users\suelenmm\OneDrive - Grupo Algar\TIM\2017\2. TIM 27-05 - Rampa Correta\TNO\BP Preço C010 B009 - TNO v6 - 36 meses.xlsb\</t>
  </si>
  <si>
    <t>11/21/2019 21:52:09</t>
  </si>
  <si>
    <t>C:\Users\suelenmm\OneDrive - Grupo Algar\TIM\2017\2. TIM 27-05 - Rampa Correta\TSP\</t>
  </si>
  <si>
    <t>BP Preço C010 B009 - TSP v6 - 36 meses.xlsb</t>
  </si>
  <si>
    <t>D:\21_11_2019 - PC ALGAR TECH\TIM\2017\2. TIM 27-05 - Rampa Correta\TSP\BP Preço C010 B009 - TSP v6 - 36 meses.xlsb</t>
  </si>
  <si>
    <t>C:\Users\suelenmm\OneDrive - Grupo Algar\TIM\2017\2. TIM 27-05 - Rampa Correta\TSP\BP Preço C010 B009 - TSP v6 - 36 meses.xlsb\</t>
  </si>
  <si>
    <t>11/21/2019 21:52:12</t>
  </si>
  <si>
    <t>C:\Users\suelenmm\OneDrive - Grupo Algar\TIM\2017\3. TIM 27-05 - Rampa Correta + Fat B\</t>
  </si>
  <si>
    <t>Logística FMM-FMT v7.xlsx</t>
  </si>
  <si>
    <t>D:\21_11_2019 - PC ALGAR TECH\TIM\2017\3. TIM 27-05 - Rampa Correta + Fat B\Logística FMM-FMT v7.xlsx</t>
  </si>
  <si>
    <t>D:\21_11_2019 - PC ALGAR TECH\TIM\2017\3. TIM 27-05 - Rampa Correta + Fat B\Resumo Cenários TIM.xlsx</t>
  </si>
  <si>
    <t>11/21/2019 21:52:18</t>
  </si>
  <si>
    <t>C:\Users\suelenmm\OneDrive - Grupo Algar\TIM\2017\3. TIM 27-05 - Rampa Correta + Fat B\TLE\</t>
  </si>
  <si>
    <t>BP Preço C010 B009 - TLE v7 - 36 meses.xlsb</t>
  </si>
  <si>
    <t>D:\21_11_2019 - PC ALGAR TECH\TIM\2017\3. TIM 27-05 - Rampa Correta + Fat B\TLE\BP Preço C010 B009 - TLE v7 - 36 meses.xlsb</t>
  </si>
  <si>
    <t>C:\Users\suelenmm\OneDrive - Grupo Algar\TIM\2017\3. TIM 27-05 - Rampa Correta + Fat B\TLE\BP Preço C010 B009 - TLE v7 - 36 meses.xlsb\</t>
  </si>
  <si>
    <t>11/21/2019 21:52:22</t>
  </si>
  <si>
    <t>C:\Users\suelenmm\OneDrive - Grupo Algar\TIM\2017\3. TIM 27-05 - Rampa Correta + Fat B\TNO\</t>
  </si>
  <si>
    <t>BP Preço C010 B009 - TNO v7 - 36 meses.xlsb</t>
  </si>
  <si>
    <t>D:\21_11_2019 - PC ALGAR TECH\TIM\2017\3. TIM 27-05 - Rampa Correta + Fat B\TNO\BP Preço C010 B009 - TNO v7 - 36 meses.xlsb</t>
  </si>
  <si>
    <t>C:\Users\suelenmm\OneDrive - Grupo Algar\TIM\2017\3. TIM 27-05 - Rampa Correta + Fat B\TNO\BP Preço C010 B009 - TNO v7 - 36 meses.xlsb\</t>
  </si>
  <si>
    <t>11/21/2019 21:52:26</t>
  </si>
  <si>
    <t>C:\Users\suelenmm\OneDrive - Grupo Algar\TIM\2017\3. TIM 27-05 - Rampa Correta + Fat B\TSP\</t>
  </si>
  <si>
    <t>BP Preço C010 B009 - TSP v7 - 36 meses.xlsb</t>
  </si>
  <si>
    <t>D:\21_11_2019 - PC ALGAR TECH\TIM\2017\3. TIM 27-05 - Rampa Correta + Fat B\TSP\BP Preço C010 B009 - TSP v7 - 36 meses.xlsb</t>
  </si>
  <si>
    <t>C:\Users\suelenmm\OneDrive - Grupo Algar\TIM\2017\3. TIM 27-05 - Rampa Correta + Fat B\TSP\BP Preço C010 B009 - TSP v7 - 36 meses.xlsb\</t>
  </si>
  <si>
    <t>11/21/2019 21:52:28</t>
  </si>
  <si>
    <t>C:\Users\suelenmm\OneDrive - Grupo Algar\TIM\2017\4. TIM 27-05 - Rampa Correta + Fat B + Peric\</t>
  </si>
  <si>
    <t>Logística FMM-FMT v8.xlsx</t>
  </si>
  <si>
    <t>D:\21_11_2019 - PC ALGAR TECH\TIM\2017\4. TIM 27-05 - Rampa Correta + Fat B + Peric\Logística FMM-FMT v8.xlsx</t>
  </si>
  <si>
    <t>D:\21_11_2019 - PC ALGAR TECH\TIM\2017\4. TIM 27-05 - Rampa Correta + Fat B + Peric\Resumo Cenários TIM.xlsx</t>
  </si>
  <si>
    <t>11/21/2019 21:52:35</t>
  </si>
  <si>
    <t>C:\Users\suelenmm\OneDrive - Grupo Algar\TIM\2017\4. TIM 27-05 - Rampa Correta + Fat B + Peric\TLE\</t>
  </si>
  <si>
    <t>BP Preço C010 B009 - TLE v8 - 36 meses.xlsb</t>
  </si>
  <si>
    <t>D:\21_11_2019 - PC ALGAR TECH\TIM\2017\4. TIM 27-05 - Rampa Correta + Fat B + Peric\TLE\BP Preço C010 B009 - TLE v8 - 36 meses.xlsb</t>
  </si>
  <si>
    <t>C:\Users\suelenmm\OneDrive - Grupo Algar\TIM\2017\4. TIM 27-05 - Rampa Correta + Fat B + Peric\TLE\BP Preço C010 B009 - TLE v8 - 36 meses.xlsb\</t>
  </si>
  <si>
    <t>11/21/2019 21:52:40</t>
  </si>
  <si>
    <t>C:\Users\suelenmm\OneDrive - Grupo Algar\TIM\2017\4. TIM 27-05 - Rampa Correta + Fat B + Peric\TNO\</t>
  </si>
  <si>
    <t>BP Preço C010 B009 - TNO v8 - 36 meses.xlsb</t>
  </si>
  <si>
    <t>D:\21_11_2019 - PC ALGAR TECH\TIM\2017\4. TIM 27-05 - Rampa Correta + Fat B + Peric\TNO\BP Preço C010 B009 - TNO v8 - 36 meses.xlsb</t>
  </si>
  <si>
    <t>C:\Users\suelenmm\OneDrive - Grupo Algar\TIM\2017\4. TIM 27-05 - Rampa Correta + Fat B + Peric\TNO\BP Preço C010 B009 - TNO v8 - 36 meses.xlsb\</t>
  </si>
  <si>
    <t>11/21/2019 21:52:43</t>
  </si>
  <si>
    <t>C:\Users\suelenmm\OneDrive - Grupo Algar\TIM\2017\4. TIM 27-05 - Rampa Correta + Fat B + Peric\TSP\</t>
  </si>
  <si>
    <t>BP Preço C010 B009 - TSP v8 - 36 meses.xlsb</t>
  </si>
  <si>
    <t>D:\21_11_2019 - PC ALGAR TECH\TIM\2017\4. TIM 27-05 - Rampa Correta + Fat B + Peric\TSP\BP Preço C010 B009 - TSP v8 - 36 meses.xlsb</t>
  </si>
  <si>
    <t>C:\Users\suelenmm\OneDrive - Grupo Algar\TIM\2017\4. TIM 27-05 - Rampa Correta + Fat B + Peric\TSP\BP Preço C010 B009 - TSP v8 - 36 meses.xlsb\</t>
  </si>
  <si>
    <t>11/21/2019 21:52:45</t>
  </si>
  <si>
    <t>C:\Users\suelenmm\OneDrive - Grupo Algar\TIM\2017\5. TIM 28-05 - Rampa Correta + Fat B + Peric + Estrutura\</t>
  </si>
  <si>
    <t>Logística FMM-FMT v9.xlsx</t>
  </si>
  <si>
    <t>D:\21_11_2019 - PC ALGAR TECH\TIM\2017\5. TIM 28-05 - Rampa Correta + Fat B + Peric + Estrutura\Logística FMM-FMT v9.xlsx</t>
  </si>
  <si>
    <t>D:\21_11_2019 - PC ALGAR TECH\TIM\2017\5. TIM 28-05 - Rampa Correta + Fat B + Peric + Estrutura\Resumo Cenários TIM.xlsx</t>
  </si>
  <si>
    <t>11/21/2019 21:52:51</t>
  </si>
  <si>
    <t>C:\Users\suelenmm\OneDrive - Grupo Algar\TIM\2017\5. TIM 28-05 - Rampa Correta + Fat B + Peric + Estrutura\TLE\</t>
  </si>
  <si>
    <t>BP Preço C010 B009 - TLE v9 - 36 meses.xlsb</t>
  </si>
  <si>
    <t>D:\21_11_2019 - PC ALGAR TECH\TIM\2017\5. TIM 28-05 - Rampa Correta + Fat B + Peric + Estrutura\TLE\BP Preço C010 B009 - TLE v9 - 36 meses.xlsb</t>
  </si>
  <si>
    <t>C:\Users\suelenmm\OneDrive - Grupo Algar\TIM\2017\5. TIM 28-05 - Rampa Correta + Fat B + Peric + Estrutura\TLE\BP Preço C010 B009 - TLE v9 - 36 meses.xlsb\</t>
  </si>
  <si>
    <t>11/21/2019 21:52:55</t>
  </si>
  <si>
    <t>C:\Users\suelenmm\OneDrive - Grupo Algar\TIM\2017\5. TIM 28-05 - Rampa Correta + Fat B + Peric + Estrutura\TNO\</t>
  </si>
  <si>
    <t>BP Preço C010 B009 - TNO v9 - 36 meses.xlsb</t>
  </si>
  <si>
    <t>D:\21_11_2019 - PC ALGAR TECH\TIM\2017\5. TIM 28-05 - Rampa Correta + Fat B + Peric + Estrutura\TNO\BP Preço C010 B009 - TNO v9 - 36 meses.xlsb</t>
  </si>
  <si>
    <t>C:\Users\suelenmm\OneDrive - Grupo Algar\TIM\2017\5. TIM 28-05 - Rampa Correta + Fat B + Peric + Estrutura\TNO\BP Preço C010 B009 - TNO v9 - 36 meses.xlsb\</t>
  </si>
  <si>
    <t>11/21/2019 21:53:00</t>
  </si>
  <si>
    <t>C:\Users\suelenmm\OneDrive - Grupo Algar\TIM\2017\5. TIM 28-05 - Rampa Correta + Fat B + Peric + Estrutura\TSP\</t>
  </si>
  <si>
    <t>BP Preço C010 B009 - TSP CAPITAL v9 - 36 meses.xlsb</t>
  </si>
  <si>
    <t>D:\21_11_2019 - PC ALGAR TECH\TIM\2017\5. TIM 28-05 - Rampa Correta + Fat B + Peric + Estrutura\TSP\BP Preço C010 B009 - TSP CAPITAL v9 - 36 meses.xlsb</t>
  </si>
  <si>
    <t>C:\Users\suelenmm\OneDrive - Grupo Algar\TIM\2017\5. TIM 28-05 - Rampa Correta + Fat B + Peric + Estrutura\TSP\BP Preço C010 B009 - TSP CAPITAL v9 - 36 meses.xlsb\</t>
  </si>
  <si>
    <t>11/21/2019 21:53:04</t>
  </si>
  <si>
    <t>BP Preço C010 B009 - TSP INTERIOR v9 - 36 meses.xlsb</t>
  </si>
  <si>
    <t>D:\21_11_2019 - PC ALGAR TECH\TIM\2017\5. TIM 28-05 - Rampa Correta + Fat B + Peric + Estrutura\TSP\BP Preço C010 B009 - TSP INTERIOR v9 - 36 meses.xlsb</t>
  </si>
  <si>
    <t>C:\Users\suelenmm\OneDrive - Grupo Algar\TIM\2017\5. TIM 28-05 - Rampa Correta + Fat B + Peric + Estrutura\TSP\BP Preço C010 B009 - TSP INTERIOR v9 - 36 meses.xlsb\</t>
  </si>
  <si>
    <t>11/21/2019 21:53:07</t>
  </si>
  <si>
    <t>BP Preço C010 B009 - TSP v9 - 36 meses.xlsb</t>
  </si>
  <si>
    <t>D:\21_11_2019 - PC ALGAR TECH\TIM\2017\5. TIM 28-05 - Rampa Correta + Fat B + Peric + Estrutura\TSP\BP Preço C010 B009 - TSP v9 - 36 meses.xlsb</t>
  </si>
  <si>
    <t>C:\Users\suelenmm\OneDrive - Grupo Algar\TIM\2017\5. TIM 28-05 - Rampa Correta + Fat B + Peric + Estrutura\TSP\BP Preço C010 B009 - TSP v9 - 36 meses.xlsb\</t>
  </si>
  <si>
    <t>11/21/2019 21:53:11</t>
  </si>
  <si>
    <t>C:\Users\suelenmm\OneDrive - Grupo Algar\TIM\2017\6. TIM 29-05 - Receita Correta\</t>
  </si>
  <si>
    <t>BP Preço C010 B009 - TLE v10 - 36 meses.xlsb</t>
  </si>
  <si>
    <t>D:\21_11_2019 - PC ALGAR TECH\TIM\2017\6. TIM 29-05 - Receita Correta\BP Preço C010 B009 - TLE v10 - 36 meses.xlsb</t>
  </si>
  <si>
    <t>C:\Users\suelenmm\OneDrive - Grupo Algar\TIM\2017\6. TIM 29-05 - Receita Correta\BP Preço C010 B009 - TLE v10 - 36 meses.xlsb\</t>
  </si>
  <si>
    <t>11/21/2019 21:53:15</t>
  </si>
  <si>
    <t>BP Preço C010 B009 - TNO v10 - 36 meses.xlsb</t>
  </si>
  <si>
    <t>D:\21_11_2019 - PC ALGAR TECH\TIM\2017\6. TIM 29-05 - Receita Correta\BP Preço C010 B009 - TNO v10 - 36 meses.xlsb</t>
  </si>
  <si>
    <t>C:\Users\suelenmm\OneDrive - Grupo Algar\TIM\2017\6. TIM 29-05 - Receita Correta\BP Preço C010 B009 - TNO v10 - 36 meses.xlsb\</t>
  </si>
  <si>
    <t>11/21/2019 21:53:19</t>
  </si>
  <si>
    <t>BP Preço C010 B009 - TSP CAPITAL + INTERIOR v10 - 36 meses.xlsb</t>
  </si>
  <si>
    <t>D:\21_11_2019 - PC ALGAR TECH\TIM\2017\6. TIM 29-05 - Receita Correta\BP Preço C010 B009 - TSP CAPITAL + INTERIOR v10 - 36 meses.xlsb</t>
  </si>
  <si>
    <t>C:\Users\suelenmm\OneDrive - Grupo Algar\TIM\2017\6. TIM 29-05 - Receita Correta\BP Preço C010 B009 - TSP CAPITAL + INTERIOR v10 - 36 meses.xlsb\</t>
  </si>
  <si>
    <t>11/21/2019 21:53:24</t>
  </si>
  <si>
    <t>BP Preço C010 B009 - TSP CAPITAL v10 - 36 meses.xlsb</t>
  </si>
  <si>
    <t>D:\21_11_2019 - PC ALGAR TECH\TIM\2017\6. TIM 29-05 - Receita Correta\BP Preço C010 B009 - TSP CAPITAL v10 - 36 meses.xlsb</t>
  </si>
  <si>
    <t>C:\Users\suelenmm\OneDrive - Grupo Algar\TIM\2017\6. TIM 29-05 - Receita Correta\BP Preço C010 B009 - TSP CAPITAL v10 - 36 meses.xlsb\</t>
  </si>
  <si>
    <t>11/21/2019 21:53:29</t>
  </si>
  <si>
    <t>BP Preço C010 B009 - TSP INTERIOR v10 - 36 meses.xlsb</t>
  </si>
  <si>
    <t>D:\21_11_2019 - PC ALGAR TECH\TIM\2017\6. TIM 29-05 - Receita Correta\BP Preço C010 B009 - TSP INTERIOR v10 - 36 meses.xlsb</t>
  </si>
  <si>
    <t>C:\Users\suelenmm\OneDrive - Grupo Algar\TIM\2017\6. TIM 29-05 - Receita Correta\BP Preço C010 B009 - TSP INTERIOR v10 - 36 meses.xlsb\</t>
  </si>
  <si>
    <t>11/21/2019 21:53:30</t>
  </si>
  <si>
    <t>Logística FMM-FMT v10.xlsx</t>
  </si>
  <si>
    <t>D:\21_11_2019 - PC ALGAR TECH\TIM\2017\6. TIM 29-05 - Receita Correta\Logística FMM-FMT v10.xlsx</t>
  </si>
  <si>
    <t>11/21/2019 21:53:34</t>
  </si>
  <si>
    <t>C:\Users\suelenmm\OneDrive - Grupo Algar\TIM\2017\7. TIM 02-06 - Cenário TIM\</t>
  </si>
  <si>
    <t>BP Preço C010 B009 - TLE v11 - 36 meses - 90d + verticalização.xlsb</t>
  </si>
  <si>
    <t>D:\21_11_2019 - PC ALGAR TECH\TIM\2017\7. TIM 02-06 - Cenário TIM\BP Preço C010 B009 - TLE v11 - 36 meses - 90d + verticalização.xlsb</t>
  </si>
  <si>
    <t>C:\Users\suelenmm\OneDrive - Grupo Algar\TIM\2017\7. TIM 02-06 - Cenário TIM\BP Preço C010 B009 - TLE v11 - 36 meses - 90d + verticalização.xlsb\</t>
  </si>
  <si>
    <t>11/21/2019 21:53:37</t>
  </si>
  <si>
    <t>Logística FMM-FMT v11 - Cenário TIM.xlsx</t>
  </si>
  <si>
    <t>D:\21_11_2019 - PC ALGAR TECH\TIM\2017\7. TIM 02-06 - Cenário TIM\Logística FMM-FMT v11 - Cenário TIM.xlsx</t>
  </si>
  <si>
    <t>11/21/2019 21:53:40</t>
  </si>
  <si>
    <t>C:\Users\suelenmm\OneDrive - Grupo Algar\TIM\2017\7. TIM 02-06 - Cenário TIM\Rascunho\</t>
  </si>
  <si>
    <t>BP Preço C010 B009 - TLE v11 - 36 meses - 90 dias.xlsb</t>
  </si>
  <si>
    <t>D:\21_11_2019 - PC ALGAR TECH\TIM\2017\7. TIM 02-06 - Cenário TIM\Rascunho\BP Preço C010 B009 - TLE v11 - 36 meses - 90 dias.xlsb</t>
  </si>
  <si>
    <t>C:\Users\suelenmm\OneDrive - Grupo Algar\TIM\2017\7. TIM 02-06 - Cenário TIM\Rascunho\BP Preço C010 B009 - TLE v11 - 36 meses - 90 dias.xlsb\</t>
  </si>
  <si>
    <t>11/21/2019 21:53:44</t>
  </si>
  <si>
    <t>BP Preço C010 B009 - TLE v11 - 36 meses.xlsb</t>
  </si>
  <si>
    <t>D:\21_11_2019 - PC ALGAR TECH\TIM\2017\7. TIM 02-06 - Cenário TIM\Rascunho\BP Preço C010 B009 - TLE v11 - 36 meses.xlsb</t>
  </si>
  <si>
    <t>C:\Users\suelenmm\OneDrive - Grupo Algar\TIM\2017\7. TIM 02-06 - Cenário TIM\Rascunho\BP Preço C010 B009 - TLE v11 - 36 meses.xlsb\</t>
  </si>
  <si>
    <t>11/21/2019 21:53:47</t>
  </si>
  <si>
    <t>BP Preço C010 B009 - TNO v11 - 36 meses.xlsb</t>
  </si>
  <si>
    <t>D:\21_11_2019 - PC ALGAR TECH\TIM\2017\7. TIM 02-06 - Cenário TIM\Rascunho\BP Preço C010 B009 - TNO v11 - 36 meses.xlsb</t>
  </si>
  <si>
    <t>C:\Users\suelenmm\OneDrive - Grupo Algar\TIM\2017\7. TIM 02-06 - Cenário TIM\Rascunho\BP Preço C010 B009 - TNO v11 - 36 meses.xlsb\</t>
  </si>
  <si>
    <t>11/21/2019 21:53:50</t>
  </si>
  <si>
    <t>BP Preço C010 B009 - TSP CAPITAL + INTERIOR v11 - 36 meses.xlsb</t>
  </si>
  <si>
    <t>D:\21_11_2019 - PC ALGAR TECH\TIM\2017\7. TIM 02-06 - Cenário TIM\Rascunho\BP Preço C010 B009 - TSP CAPITAL + INTERIOR v11 - 36 meses.xlsb</t>
  </si>
  <si>
    <t>C:\Users\suelenmm\OneDrive - Grupo Algar\TIM\2017\7. TIM 02-06 - Cenário TIM\Rascunho\BP Preço C010 B009 - TSP CAPITAL + INTERIOR v11 - 36 meses.xlsb\</t>
  </si>
  <si>
    <t>11/21/2019 21:53:55</t>
  </si>
  <si>
    <t>BP Preço C010 B009 - TSP CAPITAL v11 - 36 meses.xlsb</t>
  </si>
  <si>
    <t>D:\21_11_2019 - PC ALGAR TECH\TIM\2017\7. TIM 02-06 - Cenário TIM\Rascunho\BP Preço C010 B009 - TSP CAPITAL v11 - 36 meses.xlsb</t>
  </si>
  <si>
    <t>C:\Users\suelenmm\OneDrive - Grupo Algar\TIM\2017\7. TIM 02-06 - Cenário TIM\Rascunho\BP Preço C010 B009 - TSP CAPITAL v11 - 36 meses.xlsb\</t>
  </si>
  <si>
    <t>11/21/2019 21:53:59</t>
  </si>
  <si>
    <t>BP Preço C010 B009 - TSP INTERIOR v11 - 36 meses.xlsb</t>
  </si>
  <si>
    <t>D:\21_11_2019 - PC ALGAR TECH\TIM\2017\7. TIM 02-06 - Cenário TIM\Rascunho\BP Preço C010 B009 - TSP INTERIOR v11 - 36 meses.xlsb</t>
  </si>
  <si>
    <t>C:\Users\suelenmm\OneDrive - Grupo Algar\TIM\2017\7. TIM 02-06 - Cenário TIM\Rascunho\BP Preço C010 B009 - TSP INTERIOR v11 - 36 meses.xlsb\</t>
  </si>
  <si>
    <t>11/21/2019 21:54:03</t>
  </si>
  <si>
    <t>C:\Users\suelenmm\OneDrive - Grupo Algar\TIM\2017\8. TIM 02-06 - Cenário Tech\60 dias\</t>
  </si>
  <si>
    <t>BP Preço C010 B009 - TLE v12 - 36 meses - 60d + verticalização + ipca.xlsb</t>
  </si>
  <si>
    <t>D:\21_11_2019 - PC ALGAR TECH\TIM\2017\8. TIM 02-06 - Cenário Tech\60 dias\BP Preço C010 B009 - TLE v12 - 36 meses - 60d + verticalização + ipca.xlsb</t>
  </si>
  <si>
    <t>C:\Users\suelenmm\OneDrive - Grupo Algar\TIM\2017\8. TIM 02-06 - Cenário Tech\60 dias\BP Preço C010 B009 - TLE v12 - 36 meses - 60d + verticalização + ipca.xlsb\</t>
  </si>
  <si>
    <t>11/21/2019 21:54:08</t>
  </si>
  <si>
    <t>BP Preço C010 B009 - TLE v12 - 36 meses - 60d + verticalização.xlsb</t>
  </si>
  <si>
    <t>D:\21_11_2019 - PC ALGAR TECH\TIM\2017\8. TIM 02-06 - Cenário Tech\60 dias\BP Preço C010 B009 - TLE v12 - 36 meses - 60d + verticalização.xlsb</t>
  </si>
  <si>
    <t>C:\Users\suelenmm\OneDrive - Grupo Algar\TIM\2017\8. TIM 02-06 - Cenário Tech\60 dias\BP Preço C010 B009 - TLE v12 - 36 meses - 60d + verticalização.xlsb\</t>
  </si>
  <si>
    <t>11/21/2019 21:54:11</t>
  </si>
  <si>
    <t>BP Preço C010 B009 - TLE v13 - 36 meses - 60d + verticalização - compra gmg.xlsb</t>
  </si>
  <si>
    <t>D:\21_11_2019 - PC ALGAR TECH\TIM\2017\8. TIM 02-06 - Cenário Tech\60 dias\BP Preço C010 B009 - TLE v13 - 36 meses - 60d + verticalização - compra gmg.xlsb</t>
  </si>
  <si>
    <t>11/21/2019 21:54:12</t>
  </si>
  <si>
    <t>C:\Users\suelenmm\OneDrive - Grupo Algar\TIM\2017\8. TIM 02-06 - Cenário Tech\60 dias\BP Preço C010 B009 - TLE v13 - 36 meses - 60d + verticalização - compra gmg.xlsb\</t>
  </si>
  <si>
    <t>11/21/2019 21:54:15</t>
  </si>
  <si>
    <t>BP Preço C010 B009 - TLE v13 - 36 meses - 60d + verticalização.xlsb</t>
  </si>
  <si>
    <t>D:\21_11_2019 - PC ALGAR TECH\TIM\2017\8. TIM 02-06 - Cenário Tech\60 dias\BP Preço C010 B009 - TLE v13 - 36 meses - 60d + verticalização.xlsb</t>
  </si>
  <si>
    <t>C:\Users\suelenmm\OneDrive - Grupo Algar\TIM\2017\8. TIM 02-06 - Cenário Tech\60 dias\BP Preço C010 B009 - TLE v13 - 36 meses - 60d + verticalização.xlsb\</t>
  </si>
  <si>
    <t>11/21/2019 21:54:16</t>
  </si>
  <si>
    <t>Logística FMM-FMT v12 - Cenário Tech - 60 dias.xlsx</t>
  </si>
  <si>
    <t>D:\21_11_2019 - PC ALGAR TECH\TIM\2017\8. TIM 02-06 - Cenário Tech\60 dias\Logística FMM-FMT v12 - Cenário Tech - 60 dias.xlsx</t>
  </si>
  <si>
    <t>11/21/2019 21:54:19</t>
  </si>
  <si>
    <t>Logística FMM-FMT v13 - Cenário Tech - 60 dias.xlsx</t>
  </si>
  <si>
    <t>D:\21_11_2019 - PC ALGAR TECH\TIM\2017\8. TIM 02-06 - Cenário Tech\60 dias\Logística FMM-FMT v13 - Cenário Tech - 60 dias.xlsx</t>
  </si>
  <si>
    <t>11/21/2019 21:54:23</t>
  </si>
  <si>
    <t>C:\Users\suelenmm\OneDrive - Grupo Algar\TIM\2017\8. TIM 02-06 - Cenário Tech\60 dias\Rascunho\</t>
  </si>
  <si>
    <t>BP Preço C010 B009 - TNO v12 - 36 meses.xlsb</t>
  </si>
  <si>
    <t>D:\21_11_2019 - PC ALGAR TECH\TIM\2017\8. TIM 02-06 - Cenário Tech\60 dias\Rascunho\BP Preço C010 B009 - TNO v12 - 36 meses.xlsb</t>
  </si>
  <si>
    <t>C:\Users\suelenmm\OneDrive - Grupo Algar\TIM\2017\8. TIM 02-06 - Cenário Tech\60 dias\Rascunho\BP Preço C010 B009 - TNO v12 - 36 meses.xlsb\</t>
  </si>
  <si>
    <t>11/21/2019 21:54:27</t>
  </si>
  <si>
    <t>BP Preço C010 B009 - TSP CAPITAL + INTERIOR v12 - 36 meses.xlsb</t>
  </si>
  <si>
    <t>D:\21_11_2019 - PC ALGAR TECH\TIM\2017\8. TIM 02-06 - Cenário Tech\60 dias\Rascunho\BP Preço C010 B009 - TSP CAPITAL + INTERIOR v12 - 36 meses.xlsb</t>
  </si>
  <si>
    <t>C:\Users\suelenmm\OneDrive - Grupo Algar\TIM\2017\8. TIM 02-06 - Cenário Tech\60 dias\Rascunho\BP Preço C010 B009 - TSP CAPITAL + INTERIOR v12 - 36 meses.xlsb\</t>
  </si>
  <si>
    <t>11/21/2019 21:54:31</t>
  </si>
  <si>
    <t>BP Preço C010 B009 - TSP CAPITAL v12 - 36 meses.xlsb</t>
  </si>
  <si>
    <t>D:\21_11_2019 - PC ALGAR TECH\TIM\2017\8. TIM 02-06 - Cenário Tech\60 dias\Rascunho\BP Preço C010 B009 - TSP CAPITAL v12 - 36 meses.xlsb</t>
  </si>
  <si>
    <t>C:\Users\suelenmm\OneDrive - Grupo Algar\TIM\2017\8. TIM 02-06 - Cenário Tech\60 dias\Rascunho\BP Preço C010 B009 - TSP CAPITAL v12 - 36 meses.xlsb\</t>
  </si>
  <si>
    <t>11/21/2019 21:54:35</t>
  </si>
  <si>
    <t>BP Preço C010 B009 - TSP INTERIOR v12 - 36 meses.xlsb</t>
  </si>
  <si>
    <t>D:\21_11_2019 - PC ALGAR TECH\TIM\2017\8. TIM 02-06 - Cenário Tech\60 dias\Rascunho\BP Preço C010 B009 - TSP INTERIOR v12 - 36 meses.xlsb</t>
  </si>
  <si>
    <t>C:\Users\suelenmm\OneDrive - Grupo Algar\TIM\2017\8. TIM 02-06 - Cenário Tech\60 dias\Rascunho\BP Preço C010 B009 - TSP INTERIOR v12 - 36 meses.xlsb\</t>
  </si>
  <si>
    <t>11/21/2019 21:54:39</t>
  </si>
  <si>
    <t>C:\Users\suelenmm\OneDrive - Grupo Algar\TIM\2017\8. TIM 02-06 - Cenário Tech\90 dias\</t>
  </si>
  <si>
    <t>BP Preço C010 B009 - TLE v12 - 36 meses - 90d + verticalização.xlsb</t>
  </si>
  <si>
    <t>D:\21_11_2019 - PC ALGAR TECH\TIM\2017\8. TIM 02-06 - Cenário Tech\90 dias\BP Preço C010 B009 - TLE v12 - 36 meses - 90d + verticalização.xlsb</t>
  </si>
  <si>
    <t>C:\Users\suelenmm\OneDrive - Grupo Algar\TIM\2017\8. TIM 02-06 - Cenário Tech\90 dias\BP Preço C010 B009 - TLE v12 - 36 meses - 90d + verticalização.xlsb\</t>
  </si>
  <si>
    <t>11/21/2019 21:54:42</t>
  </si>
  <si>
    <t>BP Preço C010 B009 - TNO v12 - 36 meses - 90 dias.xlsb</t>
  </si>
  <si>
    <t>D:\21_11_2019 - PC ALGAR TECH\TIM\2017\8. TIM 02-06 - Cenário Tech\90 dias\BP Preço C010 B009 - TNO v12 - 36 meses - 90 dias.xlsb</t>
  </si>
  <si>
    <t>C:\Users\suelenmm\OneDrive - Grupo Algar\TIM\2017\8. TIM 02-06 - Cenário Tech\90 dias\BP Preço C010 B009 - TNO v12 - 36 meses - 90 dias.xlsb\</t>
  </si>
  <si>
    <t>11/21/2019 21:54:46</t>
  </si>
  <si>
    <t>BP Preço C010 B009 - TSP CAPITAL + INTERIOR v12 - 36 meses - 90 dias.xlsb</t>
  </si>
  <si>
    <t>D:\21_11_2019 - PC ALGAR TECH\TIM\2017\8. TIM 02-06 - Cenário Tech\90 dias\BP Preço C010 B009 - TSP CAPITAL + INTERIOR v12 - 36 meses - 90 dias.xlsb</t>
  </si>
  <si>
    <t>C:\Users\suelenmm\OneDrive - Grupo Algar\TIM\2017\8. TIM 02-06 - Cenário Tech\90 dias\BP Preço C010 B009 - TSP CAPITAL + INTERIOR v12 - 36 meses - 90 dias.xlsb\</t>
  </si>
  <si>
    <t>11/21/2019 21:54:49</t>
  </si>
  <si>
    <t>BP Preço C010 B009 - TSP CAPITAL v12 - 36 meses - 90 dias.xlsb</t>
  </si>
  <si>
    <t>D:\21_11_2019 - PC ALGAR TECH\TIM\2017\8. TIM 02-06 - Cenário Tech\90 dias\BP Preço C010 B009 - TSP CAPITAL v12 - 36 meses - 90 dias.xlsb</t>
  </si>
  <si>
    <t>C:\Users\suelenmm\OneDrive - Grupo Algar\TIM\2017\8. TIM 02-06 - Cenário Tech\90 dias\BP Preço C010 B009 - TSP CAPITAL v12 - 36 meses - 90 dias.xlsb\</t>
  </si>
  <si>
    <t>11/21/2019 21:54:53</t>
  </si>
  <si>
    <t>BP Preço C010 B009 - TSP INTERIOR v12 - 36 meses - 90 dias.xlsb</t>
  </si>
  <si>
    <t>D:\21_11_2019 - PC ALGAR TECH\TIM\2017\8. TIM 02-06 - Cenário Tech\90 dias\BP Preço C010 B009 - TSP INTERIOR v12 - 36 meses - 90 dias.xlsb</t>
  </si>
  <si>
    <t>C:\Users\suelenmm\OneDrive - Grupo Algar\TIM\2017\8. TIM 02-06 - Cenário Tech\90 dias\BP Preço C010 B009 - TSP INTERIOR v12 - 36 meses - 90 dias.xlsb\</t>
  </si>
  <si>
    <t>11/21/2019 21:54:54</t>
  </si>
  <si>
    <t>Logística FMM-FMT v12 - Cenário Tech - 90 dias.xlsx</t>
  </si>
  <si>
    <t>D:\21_11_2019 - PC ALGAR TECH\TIM\2017\8. TIM 02-06 - Cenário Tech\90 dias\Logística FMM-FMT v12 - Cenário Tech - 90 dias.xlsx</t>
  </si>
  <si>
    <t>11/21/2019 21:54:58</t>
  </si>
  <si>
    <t>C:\Users\suelenmm\OneDrive - Grupo Algar\TIM\2017\8. TIM 02-06 - Cenário Tech\Rascunho\</t>
  </si>
  <si>
    <t>D:\21_11_2019 - PC ALGAR TECH\TIM\2017\8. TIM 02-06 - Cenário Tech\Rascunho\BP Preço C010 B009 - TLE v12 - 36 meses - 60d + verticalização + ipca.xlsb</t>
  </si>
  <si>
    <t>C:\Users\suelenmm\OneDrive - Grupo Algar\TIM\2017\8. TIM 02-06 - Cenário Tech\Rascunho\BP Preço C010 B009 - TLE v12 - 36 meses - 60d + verticalização + ipca.xlsb\</t>
  </si>
  <si>
    <t>11/21/2019 21:55:00</t>
  </si>
  <si>
    <t>BP Preço C010 B009 - TLE v12 - 36 meses - 60d + verticalização - rascunho.xlsb</t>
  </si>
  <si>
    <t>D:\21_11_2019 - PC ALGAR TECH\TIM\2017\8. TIM 02-06 - Cenário Tech\Rascunho\BP Preço C010 B009 - TLE v12 - 36 meses - 60d + verticalização - rascunho.xlsb</t>
  </si>
  <si>
    <t>C:\Users\suelenmm\OneDrive - Grupo Algar\TIM\2017\8. TIM 02-06 - Cenário Tech\Rascunho\BP Preço C010 B009 - TLE v12 - 36 meses - 60d + verticalização - rascunho.xlsb\</t>
  </si>
  <si>
    <t>11/21/2019 21:55:04</t>
  </si>
  <si>
    <t>BP Preço C010 B009 - TLE v12 - 36 meses - 60d c ipca.xlsb</t>
  </si>
  <si>
    <t>D:\21_11_2019 - PC ALGAR TECH\TIM\2017\8. TIM 02-06 - Cenário Tech\Rascunho\BP Preço C010 B009 - TLE v12 - 36 meses - 60d c ipca.xlsb</t>
  </si>
  <si>
    <t>C:\Users\suelenmm\OneDrive - Grupo Algar\TIM\2017\8. TIM 02-06 - Cenário Tech\Rascunho\BP Preço C010 B009 - TLE v12 - 36 meses - 60d c ipca.xlsb\</t>
  </si>
  <si>
    <t>11/21/2019 21:55:07</t>
  </si>
  <si>
    <t>BP Preço C010 B009 - TLE v12 - 36 meses - 60D+VERTIC CONFERENCIA.xlsb</t>
  </si>
  <si>
    <t>D:\21_11_2019 - PC ALGAR TECH\TIM\2017\8. TIM 02-06 - Cenário Tech\Rascunho\BP Preço C010 B009 - TLE v12 - 36 meses - 60D+VERTIC CONFERENCIA.xlsb</t>
  </si>
  <si>
    <t>C:\Users\suelenmm\OneDrive - Grupo Algar\TIM\2017\8. TIM 02-06 - Cenário Tech\Rascunho\BP Preço C010 B009 - TLE v12 - 36 meses - 60D+VERTIC CONFERENCIA.xlsb\</t>
  </si>
  <si>
    <t>11/21/2019 21:55:12</t>
  </si>
  <si>
    <t>BP Preço C010 B009 - TLE v12 - 36 meses - 90D+VERTIC CONFERENCIA.xlsb</t>
  </si>
  <si>
    <t>D:\21_11_2019 - PC ALGAR TECH\TIM\2017\8. TIM 02-06 - Cenário Tech\Rascunho\BP Preço C010 B009 - TLE v12 - 36 meses - 90D+VERTIC CONFERENCIA.xlsb</t>
  </si>
  <si>
    <t>C:\Users\suelenmm\OneDrive - Grupo Algar\TIM\2017\8. TIM 02-06 - Cenário Tech\Rascunho\BP Preço C010 B009 - TLE v12 - 36 meses - 90D+VERTIC CONFERENCIA.xlsb\</t>
  </si>
  <si>
    <t>11/21/2019 21:55:15</t>
  </si>
  <si>
    <t>BP Preço C010 B009 - TLE v12 - 36 meses - 90dias.xlsb</t>
  </si>
  <si>
    <t>D:\21_11_2019 - PC ALGAR TECH\TIM\2017\8. TIM 02-06 - Cenário Tech\Rascunho\BP Preço C010 B009 - TLE v12 - 36 meses - 90dias.xlsb</t>
  </si>
  <si>
    <t>C:\Users\suelenmm\OneDrive - Grupo Algar\TIM\2017\8. TIM 02-06 - Cenário Tech\Rascunho\BP Preço C010 B009 - TLE v12 - 36 meses - 90dias.xlsb\</t>
  </si>
  <si>
    <t>11/21/2019 21:55:19</t>
  </si>
  <si>
    <t>BP Preço C010 B009 - TLE v12 - 36 meses.xlsb</t>
  </si>
  <si>
    <t>D:\21_11_2019 - PC ALGAR TECH\TIM\2017\8. TIM 02-06 - Cenário Tech\Rascunho\BP Preço C010 B009 - TLE v12 - 36 meses.xlsb</t>
  </si>
  <si>
    <t>C:\Users\suelenmm\OneDrive - Grupo Algar\TIM\2017\8. TIM 02-06 - Cenário Tech\Rascunho\BP Preço C010 B009 - TLE v12 - 36 meses.xlsb\</t>
  </si>
  <si>
    <t>11/21/2019 21:55:33</t>
  </si>
  <si>
    <t>C:\Users\suelenmm\OneDrive - Grupo Algar\TIM\2017\Ganhamos\4ª Change - a ser enviada.zip\4¦ Change - a ser enviada\</t>
  </si>
  <si>
    <t>D:\21_11_2019 - PC ALGAR TECH\TIM\2017\Ganhamos\4ª Change - a ser enviada.zip</t>
  </si>
  <si>
    <t>C:\Users\suelenmm\OneDrive - Grupo Algar\TIM\2017\Ganhamos\4ª Change - a ser enviada.zip\4¦ Change - a ser enviada\BP Pre‡o C010 B009 - TLE v16.1 - 60d - Cenario mantendo impostos, folha e laudo com terceiro.xlsb\</t>
  </si>
  <si>
    <t>C:\Users\suelenmm\OneDrive - Grupo Algar\TIM\2017\Ganhamos\4ª Change - a ser enviada.zip\4¦ Change - a ser enviada\BP Pre‡o C010 B009 - TLE v16.2 - 60d - Cenario mantendo impostos e folha.xlsb\</t>
  </si>
  <si>
    <t>C:\Users\suelenmm\OneDrive - Grupo Algar\TIM\2017\Ganhamos\4ª Change - a ser enviada.zip\4¦ Change - a ser enviada\BP Pre‡o C010 B009 - TLE v16.3 - 60d - Cenario mantendo folha.xlsb\</t>
  </si>
  <si>
    <t>C:\Users\suelenmm\OneDrive - Grupo Algar\TIM\2017\Ganhamos\4ª Change - a ser enviada.zip\4¦ Change - a ser enviada\BP Pre‡o C010 B009 - TLE v16.4 - 60d - Cenario Final.xlsb\</t>
  </si>
  <si>
    <t>11/21/2019 21:55:35</t>
  </si>
  <si>
    <t>C:\Users\suelenmm\OneDrive - Grupo Algar\TIM\2017\Ganhamos\</t>
  </si>
  <si>
    <t>Logística FMM-FMT v17 - com adequação de cnpj.xlsx</t>
  </si>
  <si>
    <t>D:\21_11_2019 - PC ALGAR TECH\TIM\2017\Ganhamos\Logística FMM-FMT v17 - com adequação de cnpj.xlsx</t>
  </si>
  <si>
    <t>11/21/2019 21:55:37</t>
  </si>
  <si>
    <t>C:\Users\suelenmm\OneDrive - Grupo Algar\TIM\2017\Ganhamos\3ª Change\</t>
  </si>
  <si>
    <t>Logística FMM-FMT v15.xlsx</t>
  </si>
  <si>
    <t>D:\21_11_2019 - PC ALGAR TECH\TIM\2017\Ganhamos\3ª Change\Logística FMM-FMT v15.xlsx</t>
  </si>
  <si>
    <t>11/21/2019 21:55:41</t>
  </si>
  <si>
    <t>C:\Users\suelenmm\OneDrive - Grupo Algar\TIM\2017\Ganhamos\4ª Change - a ser enviada\</t>
  </si>
  <si>
    <t>BP Preço C010 B009 - TLE v16.1 - 60d - Cenario mantendo impostos, folha e laudo com terceiro.xlsb</t>
  </si>
  <si>
    <t>D:\21_11_2019 - PC ALGAR TECH\TIM\2017\Ganhamos\4ª Change - a ser enviada\BP Preço C010 B009 - TLE v16.1 - 60d - Cenario mantendo impostos, folha e laudo com terceiro.xlsb</t>
  </si>
  <si>
    <t>C:\Users\suelenmm\OneDrive - Grupo Algar\TIM\2017\Ganhamos\4ª Change - a ser enviada\BP Preço C010 B009 - TLE v16.1 - 60d - Cenario mantendo impostos, folha e laudo com terceiro.xlsb\</t>
  </si>
  <si>
    <t>11/21/2019 21:55:45</t>
  </si>
  <si>
    <t>BP Preço C010 B009 - TLE v16.2 - 60d - Cenario mantendo impostos e folha.xlsb</t>
  </si>
  <si>
    <t>D:\21_11_2019 - PC ALGAR TECH\TIM\2017\Ganhamos\4ª Change - a ser enviada\BP Preço C010 B009 - TLE v16.2 - 60d - Cenario mantendo impostos e folha.xlsb</t>
  </si>
  <si>
    <t>C:\Users\suelenmm\OneDrive - Grupo Algar\TIM\2017\Ganhamos\4ª Change - a ser enviada\BP Preço C010 B009 - TLE v16.2 - 60d - Cenario mantendo impostos e folha.xlsb\</t>
  </si>
  <si>
    <t>11/21/2019 21:55:49</t>
  </si>
  <si>
    <t>BP Preço C010 B009 - TLE v16.3.1 - 60d - Cenario mantendo folha + sup logística + fat b corrig - Início Ago-17.xlsb</t>
  </si>
  <si>
    <t>D:\21_11_2019 - PC ALGAR TECH\TIM\2017\Ganhamos\4ª Change - a ser enviada\BP Preço C010 B009 - TLE v16.3.1 - 60d - Cenario mantendo folha + sup logística + fat b corrig - Início Ago-17.xlsb</t>
  </si>
  <si>
    <t>C:\Users\suelenmm\OneDrive - Grupo Algar\TIM\2017\Ganhamos\4ª Change - a ser enviada\BP Preço C010 B009 - TLE v16.3.1 - 60d - Cenario mantendo folha + sup logística + fat b corrig - Início Ago-17.xlsb\</t>
  </si>
  <si>
    <t>11/21/2019 21:55:52</t>
  </si>
  <si>
    <t>BP Preço C010 B009 - TLE v16.3.1 - 60d - Cenario mantendo folha + sup logística - Início Ago-17.xlsb</t>
  </si>
  <si>
    <t>D:\21_11_2019 - PC ALGAR TECH\TIM\2017\Ganhamos\4ª Change - a ser enviada\BP Preço C010 B009 - TLE v16.3.1 - 60d - Cenario mantendo folha + sup logística - Início Ago-17.xlsb</t>
  </si>
  <si>
    <t>C:\Users\suelenmm\OneDrive - Grupo Algar\TIM\2017\Ganhamos\4ª Change - a ser enviada\BP Preço C010 B009 - TLE v16.3.1 - 60d - Cenario mantendo folha + sup logística - Início Ago-17.xlsb\</t>
  </si>
  <si>
    <t>11/21/2019 21:55:56</t>
  </si>
  <si>
    <t>BP Preço C010 B009 - TLE v16.3.1 - 60d - Cenario mantendo folha - Início Ago-17.xlsb</t>
  </si>
  <si>
    <t>D:\21_11_2019 - PC ALGAR TECH\TIM\2017\Ganhamos\4ª Change - a ser enviada\BP Preço C010 B009 - TLE v16.3.1 - 60d - Cenario mantendo folha - Início Ago-17.xlsb</t>
  </si>
  <si>
    <t>C:\Users\suelenmm\OneDrive - Grupo Algar\TIM\2017\Ganhamos\4ª Change - a ser enviada\BP Preço C010 B009 - TLE v16.3.1 - 60d - Cenario mantendo folha - Início Ago-17.xlsb\</t>
  </si>
  <si>
    <t>11/21/2019 21:55:59</t>
  </si>
  <si>
    <t>BP Preço C010 B009 - TLE v16.3.2 - 60d - Cenario mantendo folha + sup logística + fat b corrig - Início Set-17.xlsb</t>
  </si>
  <si>
    <t>D:\21_11_2019 - PC ALGAR TECH\TIM\2017\Ganhamos\4ª Change - a ser enviada\BP Preço C010 B009 - TLE v16.3.2 - 60d - Cenario mantendo folha + sup logística + fat b corrig - Início Set-17.xlsb</t>
  </si>
  <si>
    <t>C:\Users\suelenmm\OneDrive - Grupo Algar\TIM\2017\Ganhamos\4ª Change - a ser enviada\BP Preço C010 B009 - TLE v16.3.2 - 60d - Cenario mantendo folha + sup logística + fat b corrig - Início Set-17.xlsb\</t>
  </si>
  <si>
    <t>11/21/2019 21:56:02</t>
  </si>
  <si>
    <t>BP Preço C010 B009 - TLE v16.3.2 - 60d - Cenario mantendo folha + sup logística - Início Set-17.xlsb</t>
  </si>
  <si>
    <t>D:\21_11_2019 - PC ALGAR TECH\TIM\2017\Ganhamos\4ª Change - a ser enviada\BP Preço C010 B009 - TLE v16.3.2 - 60d - Cenario mantendo folha + sup logística - Início Set-17.xlsb</t>
  </si>
  <si>
    <t>C:\Users\suelenmm\OneDrive - Grupo Algar\TIM\2017\Ganhamos\4ª Change - a ser enviada\BP Preço C010 B009 - TLE v16.3.2 - 60d - Cenario mantendo folha + sup logística - Início Set-17.xlsb\</t>
  </si>
  <si>
    <t>11/21/2019 21:56:06</t>
  </si>
  <si>
    <t>BP Preço C010 B009 - TLE v16.3.2 - 60d - Cenario mantendo folha - Início Set-17.xlsb</t>
  </si>
  <si>
    <t>D:\21_11_2019 - PC ALGAR TECH\TIM\2017\Ganhamos\4ª Change - a ser enviada\BP Preço C010 B009 - TLE v16.3.2 - 60d - Cenario mantendo folha - Início Set-17.xlsb</t>
  </si>
  <si>
    <t>C:\Users\suelenmm\OneDrive - Grupo Algar\TIM\2017\Ganhamos\4ª Change - a ser enviada\BP Preço C010 B009 - TLE v16.3.2 - 60d - Cenario mantendo folha - Início Set-17.xlsb\</t>
  </si>
  <si>
    <t>11/21/2019 21:56:09</t>
  </si>
  <si>
    <t>BP Preço C010 B009 - TLE v16.4.1 - 60d - Cenario Final + sup logística + fat b corrig - Início Ago-17.xlsb</t>
  </si>
  <si>
    <t>D:\21_11_2019 - PC ALGAR TECH\TIM\2017\Ganhamos\4ª Change - a ser enviada\BP Preço C010 B009 - TLE v16.4.1 - 60d - Cenario Final + sup logística + fat b corrig - Início Ago-17.xlsb</t>
  </si>
  <si>
    <t>C:\Users\suelenmm\OneDrive - Grupo Algar\TIM\2017\Ganhamos\4ª Change - a ser enviada\BP Preço C010 B009 - TLE v16.4.1 - 60d - Cenario Final + sup logística + fat b corrig - Início Ago-17.xlsb\</t>
  </si>
  <si>
    <t>11/21/2019 21:56:12</t>
  </si>
  <si>
    <t>BP Preço C010 B009 - TLE v16.4.1 - 60d - Cenario Final + sup logística - Início Ago-17.xlsb</t>
  </si>
  <si>
    <t>D:\21_11_2019 - PC ALGAR TECH\TIM\2017\Ganhamos\4ª Change - a ser enviada\BP Preço C010 B009 - TLE v16.4.1 - 60d - Cenario Final + sup logística - Início Ago-17.xlsb</t>
  </si>
  <si>
    <t>C:\Users\suelenmm\OneDrive - Grupo Algar\TIM\2017\Ganhamos\4ª Change - a ser enviada\BP Preço C010 B009 - TLE v16.4.1 - 60d - Cenario Final + sup logística - Início Ago-17.xlsb\</t>
  </si>
  <si>
    <t>11/21/2019 21:56:15</t>
  </si>
  <si>
    <t>BP Preço C010 B009 - TLE v16.4.1 - 60d - Cenario Final - Início Ago-17.xlsb</t>
  </si>
  <si>
    <t>D:\21_11_2019 - PC ALGAR TECH\TIM\2017\Ganhamos\4ª Change - a ser enviada\BP Preço C010 B009 - TLE v16.4.1 - 60d - Cenario Final - Início Ago-17.xlsb</t>
  </si>
  <si>
    <t>C:\Users\suelenmm\OneDrive - Grupo Algar\TIM\2017\Ganhamos\4ª Change - a ser enviada\BP Preço C010 B009 - TLE v16.4.1 - 60d - Cenario Final - Início Ago-17.xlsb\</t>
  </si>
  <si>
    <t>11/21/2019 21:56:21</t>
  </si>
  <si>
    <t>BP Preço C010 B009 - TLE v16.4.2 - 60d - Cenario Final + sup logística + fat b corrig - Início Set-17.xlsb</t>
  </si>
  <si>
    <t>D:\21_11_2019 - PC ALGAR TECH\TIM\2017\Ganhamos\4ª Change - a ser enviada\BP Preço C010 B009 - TLE v16.4.2 - 60d - Cenario Final + sup logística + fat b corrig - Início Set-17.xlsb</t>
  </si>
  <si>
    <t>C:\Users\suelenmm\OneDrive - Grupo Algar\TIM\2017\Ganhamos\4ª Change - a ser enviada\BP Preço C010 B009 - TLE v16.4.2 - 60d - Cenario Final + sup logística + fat b corrig - Início Set-17.xlsb\</t>
  </si>
  <si>
    <t>11/21/2019 21:56:24</t>
  </si>
  <si>
    <t>BP Preço C010 B009 - TLE v16.4.2 - 60d - Cenario Final + sup logística - Início Set-17.xlsb</t>
  </si>
  <si>
    <t>D:\21_11_2019 - PC ALGAR TECH\TIM\2017\Ganhamos\4ª Change - a ser enviada\BP Preço C010 B009 - TLE v16.4.2 - 60d - Cenario Final + sup logística - Início Set-17.xlsb</t>
  </si>
  <si>
    <t>C:\Users\suelenmm\OneDrive - Grupo Algar\TIM\2017\Ganhamos\4ª Change - a ser enviada\BP Preço C010 B009 - TLE v16.4.2 - 60d - Cenario Final + sup logística - Início Set-17.xlsb\</t>
  </si>
  <si>
    <t>11/21/2019 21:56:28</t>
  </si>
  <si>
    <t>BP Preço C010 B009 - TLE v16.4.2 - 60d - Cenario Final - Início Set-17.xlsb</t>
  </si>
  <si>
    <t>D:\21_11_2019 - PC ALGAR TECH\TIM\2017\Ganhamos\4ª Change - a ser enviada\BP Preço C010 B009 - TLE v16.4.2 - 60d - Cenario Final - Início Set-17.xlsb</t>
  </si>
  <si>
    <t>C:\Users\suelenmm\OneDrive - Grupo Algar\TIM\2017\Ganhamos\4ª Change - a ser enviada\BP Preço C010 B009 - TLE v16.4.2 - 60d - Cenario Final - Início Set-17.xlsb\</t>
  </si>
  <si>
    <t>11/21/2019 21:56:32</t>
  </si>
  <si>
    <t>BP Preço C010 B009 - TLE v16.4.3 - 60d - Cenario Final Sem Adiantamento.xlsb</t>
  </si>
  <si>
    <t>D:\21_11_2019 - PC ALGAR TECH\TIM\2017\Ganhamos\4ª Change - a ser enviada\BP Preço C010 B009 - TLE v16.4.3 - 60d - Cenario Final Sem Adiantamento.xlsb</t>
  </si>
  <si>
    <t>C:\Users\suelenmm\OneDrive - Grupo Algar\TIM\2017\Ganhamos\4ª Change - a ser enviada\BP Preço C010 B009 - TLE v16.4.3 - 60d - Cenario Final Sem Adiantamento.xlsb\</t>
  </si>
  <si>
    <t>11/21/2019 21:56:35</t>
  </si>
  <si>
    <t>BP Preço C010 B009 - TLE v16.4.4 - 60d - Cenario Final Sem Adiantamento - Pagamento 30d.xlsb</t>
  </si>
  <si>
    <t>D:\21_11_2019 - PC ALGAR TECH\TIM\2017\Ganhamos\4ª Change - a ser enviada\BP Preço C010 B009 - TLE v16.4.4 - 60d - Cenario Final Sem Adiantamento - Pagamento 30d.xlsb</t>
  </si>
  <si>
    <t>C:\Users\suelenmm\OneDrive - Grupo Algar\TIM\2017\Ganhamos\4ª Change - a ser enviada\BP Preço C010 B009 - TLE v16.4.4 - 60d - Cenario Final Sem Adiantamento - Pagamento 30d.xlsb\</t>
  </si>
  <si>
    <t>11/21/2019 21:56:39</t>
  </si>
  <si>
    <t>BP Preço C010 B009 - TLE v16.5.1 - 60d - Cenario Final + sup logística + fat b corrig + 11 técnicos - Início Ago-17.xlsb</t>
  </si>
  <si>
    <t>D:\21_11_2019 - PC ALGAR TECH\TIM\2017\Ganhamos\4ª Change - a ser enviada\BP Preço C010 B009 - TLE v16.5.1 - 60d - Cenario Final + sup logística + fat b corrig + 11 técnicos - Início Ago-17.xlsb</t>
  </si>
  <si>
    <t>C:\Users\suelenmm\OneDrive - Grupo Algar\TIM\2017\Ganhamos\4ª Change - a ser enviada\BP Preço C010 B009 - TLE v16.5.1 - 60d - Cenario Final + sup logística + fat b corrig + 11 técnicos - Início Ago-17.xlsb\</t>
  </si>
  <si>
    <t>11/21/2019 21:56:43</t>
  </si>
  <si>
    <t>BP Preço C010 B009 - TLE v16.5.2 - 60d - Cenario Final + sup logística + fat b corrig + 11 técnicos + manut cnpj - Início Ago-17 - wacc 13.xlsb</t>
  </si>
  <si>
    <t>D:\21_11_2019 - PC ALGAR TECH\TIM\2017\Ganhamos\4ª Change - a ser enviada\BP Preço C010 B009 - TLE v16.5.2 - 60d - Cenario Final + sup logística + fat b corrig + 11 técnicos + manut cnpj - Início Ago-17 - wacc 13.xlsb</t>
  </si>
  <si>
    <t>C:\Users\suelenmm\OneDrive - Grupo Algar\TIM\2017\Ganhamos\4ª Change - a ser enviada\BP Preço C010 B009 - TLE v16.5.2 - 60d - Cenario Final + sup logística + fat b corrig + 11 técnicos + manut cnpj - Início Ago-17 - wacc 13.xlsb\</t>
  </si>
  <si>
    <t>11/21/2019 21:56:49</t>
  </si>
  <si>
    <t>BP Preço C010 B009 - TLE v16.5.2 - 60d - Cenario Final + sup logística + fat b corrig + 11 técnicos + manut cnpj - Início Ago-17 - wacc 16.6.xlsb</t>
  </si>
  <si>
    <t>D:\21_11_2019 - PC ALGAR TECH\TIM\2017\Ganhamos\4ª Change - a ser enviada\BP Preço C010 B009 - TLE v16.5.2 - 60d - Cenario Final + sup logística + fat b corrig + 11 técnicos + manut cnpj - Início Ago-17 - wacc 16.6.xlsb</t>
  </si>
  <si>
    <t>C:\Users\suelenmm\OneDrive - Grupo Algar\TIM\2017\Ganhamos\4ª Change - a ser enviada\BP Preço C010 B009 - TLE v16.5.2 - 60d - Cenario Final + sup logística + fat b corrig + 11 técnicos + manut cnpj - Início Ago-17 - wacc 16.6.xlsb\</t>
  </si>
  <si>
    <t>11/21/2019 21:56:51</t>
  </si>
  <si>
    <t>Logística FMM-FMT v16.1.xlsx</t>
  </si>
  <si>
    <t>D:\21_11_2019 - PC ALGAR TECH\TIM\2017\Ganhamos\4ª Change - a ser enviada\Logística FMM-FMT v16.1.xlsx</t>
  </si>
  <si>
    <t>11/21/2019 21:56:52</t>
  </si>
  <si>
    <t>Logística FMM-FMT v16.2.xlsx</t>
  </si>
  <si>
    <t>D:\21_11_2019 - PC ALGAR TECH\TIM\2017\Ganhamos\4ª Change - a ser enviada\Logística FMM-FMT v16.2.xlsx</t>
  </si>
  <si>
    <t>11/21/2019 21:56:54</t>
  </si>
  <si>
    <t>Logística FMM-FMT v16.3.xlsx</t>
  </si>
  <si>
    <t>D:\21_11_2019 - PC ALGAR TECH\TIM\2017\Ganhamos\4ª Change - a ser enviada\Logística FMM-FMT v16.3.xlsx</t>
  </si>
  <si>
    <t>11/21/2019 21:56:56</t>
  </si>
  <si>
    <t>D:\21_11_2019 - PC ALGAR TECH\TIM\2017\Ganhamos\4ª Change - a ser enviada\Logística FMM-FMT v16.4.xlsx</t>
  </si>
  <si>
    <t>11/21/2019 21:56:58</t>
  </si>
  <si>
    <t>Logística FMM-FMT v16.5.xlsx</t>
  </si>
  <si>
    <t>D:\21_11_2019 - PC ALGAR TECH\TIM\2017\Ganhamos\4ª Change - a ser enviada\Logística FMM-FMT v16.5.xlsx</t>
  </si>
  <si>
    <t>11/21/2019 21:57:03</t>
  </si>
  <si>
    <t>Orçamento Flavio.xlsb</t>
  </si>
  <si>
    <t>D:\21_11_2019 - PC ALGAR TECH\TIM\2017\Ganhamos\4ª Change - a ser enviada\Orçamento Flavio.xlsb</t>
  </si>
  <si>
    <t>C:\Users\suelenmm\OneDrive - Grupo Algar\TIM\2017\Ganhamos\4ª Change - a ser enviada\Orçamento Flavio.xlsb\</t>
  </si>
  <si>
    <t>11/21/2019 21:57:06</t>
  </si>
  <si>
    <t>C:\Users\suelenmm\OneDrive - Grupo Algar\TIM\2017\Ganhamos\4ª Change - a ser enviada\Vilarinho\</t>
  </si>
  <si>
    <t>D:\21_11_2019 - PC ALGAR TECH\TIM\2017\Ganhamos\4ª Change - a ser enviada\Vilarinho\BP Preço C010 B009 - TLE v13 - 36 meses - 60d + verticalização.xlsb</t>
  </si>
  <si>
    <t>C:\Users\suelenmm\OneDrive - Grupo Algar\TIM\2017\Ganhamos\4ª Change - a ser enviada\Vilarinho\BP Preço C010 B009 - TLE v13 - 36 meses - 60d + verticalização.xlsb\</t>
  </si>
  <si>
    <t>11/21/2019 21:57:10</t>
  </si>
  <si>
    <t>BP Preço C010 B009 - TLE v16.5.2 - 60d - Cenario Final - wacc 13.xlsb</t>
  </si>
  <si>
    <t>D:\21_11_2019 - PC ALGAR TECH\TIM\2017\Ganhamos\4ª Change - a ser enviada\Vilarinho\BP Preço C010 B009 - TLE v16.5.2 - 60d - Cenario Final - wacc 13.xlsb</t>
  </si>
  <si>
    <t>C:\Users\suelenmm\OneDrive - Grupo Algar\TIM\2017\Ganhamos\4ª Change - a ser enviada\Vilarinho\BP Preço C010 B009 - TLE v16.5.2 - 60d - Cenario Final - wacc 13.xlsb\</t>
  </si>
  <si>
    <t>11/21/2019 21:57:15</t>
  </si>
  <si>
    <t>BP Preço C010 B009 - TLE v16.5.2 - 60d - Cenario Final - wacc 16.6.xlsb</t>
  </si>
  <si>
    <t>D:\21_11_2019 - PC ALGAR TECH\TIM\2017\Ganhamos\4ª Change - a ser enviada\Vilarinho\BP Preço C010 B009 - TLE v16.5.2 - 60d - Cenario Final - wacc 16.6.xlsb</t>
  </si>
  <si>
    <t>C:\Users\suelenmm\OneDrive - Grupo Algar\TIM\2017\Ganhamos\4ª Change - a ser enviada\Vilarinho\BP Preço C010 B009 - TLE v16.5.2 - 60d - Cenario Final - wacc 16.6.xlsb\</t>
  </si>
  <si>
    <t>11/21/2019 21:57:18</t>
  </si>
  <si>
    <t>D:\21_11_2019 - PC ALGAR TECH\TIM\2017\Ganhamos\4ª Change - a ser enviada\Vilarinho\Logística FMM-FMT v16.5.xlsx</t>
  </si>
  <si>
    <t>11/21/2019 21:57:19</t>
  </si>
  <si>
    <t>C:\Users\suelenmm\OneDrive - Grupo Algar\TIM\2017\Ganhamos\Antigo\</t>
  </si>
  <si>
    <t>Logística FMM-FMT v14.xlsx</t>
  </si>
  <si>
    <t>D:\21_11_2019 - PC ALGAR TECH\TIM\2017\Ganhamos\Antigo\Logística FMM-FMT v14.xlsx</t>
  </si>
  <si>
    <t>11/21/2019 21:57:21</t>
  </si>
  <si>
    <t>C:\Users\suelenmm\OneDrive - Grupo Algar\TIM\2017\Ganhamos\Antigo\MG + BA-SE\</t>
  </si>
  <si>
    <t>Logística FMM-FMT v13 - Cenário Tech - 60 dias - BA-SE.xlsx</t>
  </si>
  <si>
    <t>D:\21_11_2019 - PC ALGAR TECH\TIM\2017\Ganhamos\Antigo\MG + BA-SE\Logística FMM-FMT v13 - Cenário Tech - 60 dias - BA-SE.xlsx</t>
  </si>
  <si>
    <t>11/21/2019 21:57:23</t>
  </si>
  <si>
    <t>Logística FMM-FMT v13 - Cenário Tech - 60 dias - MG.xlsx</t>
  </si>
  <si>
    <t>D:\21_11_2019 - PC ALGAR TECH\TIM\2017\Ganhamos\Antigo\MG + BA-SE\Logística FMM-FMT v13 - Cenário Tech - 60 dias - MG.xlsx</t>
  </si>
  <si>
    <t>11/21/2019 21:57:24</t>
  </si>
  <si>
    <t>C:\Users\suelenmm\OneDrive - Grupo Algar\TIM\2017\Ganhamos\Antigo\MG + BA-SE\Revisão 20-07\</t>
  </si>
  <si>
    <t>Logística FMM-FMT v15 - MG.xlsx</t>
  </si>
  <si>
    <t>D:\21_11_2019 - PC ALGAR TECH\TIM\2017\Ganhamos\Antigo\MG + BA-SE\Revisão 20-07\Logística FMM-FMT v15 - MG.xlsx</t>
  </si>
  <si>
    <t>11/21/2019 21:57:26</t>
  </si>
  <si>
    <t>D:\21_11_2019 - PC ALGAR TECH\TIM\2017\Ganhamos\Antigo\MG + BA-SE\Revisão 20-07\Logística FMM-FMT v15.xlsx</t>
  </si>
  <si>
    <t>11/21/2019 21:57:34</t>
  </si>
  <si>
    <t>C:\Users\suelenmm\OneDrive - Grupo Algar\TIM\CONTRATO\ANEXO 1.zip\ANEXO 1\18. ANEXO XVIII - ESPECIFICA€ÇO DOS SERVI€OS FMT - REVOPM - 291116.doc\</t>
  </si>
  <si>
    <t>D:\21_11_2019 - PC ALGAR TECH\TIM\CONTRATO\ANEXO 1.zip</t>
  </si>
  <si>
    <t>C:\Users\suelenmm\OneDrive - Grupo Algar\TIM\CONTRATO\ANEXO 1.zip\ANEXO 1\21. VERTICALIZA€ÇO - SERVI€O DE MANUT CAMPO PARA VSATS - 301116.doc\</t>
  </si>
  <si>
    <t>11/21/2019 21:57:35</t>
  </si>
  <si>
    <t>C:\Users\suelenmm\OneDrive - Grupo Algar\TIM\CONTRATO\ANEXO 2.zip\ANEXO 2\</t>
  </si>
  <si>
    <t>D:\21_11_2019 - PC ALGAR TECH\TIM\CONTRATO\ANEXO 2.zip</t>
  </si>
  <si>
    <t>11/21/2019 21:57:43</t>
  </si>
  <si>
    <t>C:\Users\suelenmm\OneDrive - Grupo Algar\TIM\CONTRATO\FMM FMT.zip\ANEXO 2\</t>
  </si>
  <si>
    <t>D:\21_11_2019 - PC ALGAR TECH\TIM\CONTRATO\FMM FMT.zip</t>
  </si>
  <si>
    <t>C:\Users\suelenmm\OneDrive - Grupo Algar\TIM\CONTRATO\FMM FMT.zip\ANEXO 1\18. ANEXO XVIII - ESPECIFICA€ÇO DOS SERVI€OS FMT - REVOPM - 291116.doc\</t>
  </si>
  <si>
    <t>C:\Users\suelenmm\OneDrive - Grupo Algar\TIM\CONTRATO\FMM FMT.zip\ANEXO 1\21. VERTICALIZA€ÇO - SERVI€O DE MANUT CAMPO PARA VSATS - 301116.doc\</t>
  </si>
  <si>
    <t>11/21/2019 21:57:53</t>
  </si>
  <si>
    <t>C:\Users\suelenmm\OneDrive - Grupo Algar\TIM\CONTRATO\ANEXO 1\18. ANEXO XVIII - ESPECIFICAÇÃO DOS SERVIÇOS FMT - REVOPM - 291116.doc\</t>
  </si>
  <si>
    <t>D:\21_11_2019 - PC ALGAR TECH\TIM\CONTRATO\ANEXO 1\18. ANEXO XVIII - ESPECIFICAÇÃO DOS SERVIÇOS FMT - REVOPM - 291116.doc</t>
  </si>
  <si>
    <t>11/21/2019 21:57:55</t>
  </si>
  <si>
    <t>C:\Users\suelenmm\OneDrive - Grupo Algar\TIM\CONTRATO\ANEXO 1\21. VERTICALIZAÇÃO - SERVIÇO DE MANUT CAMPO PARA VSATS - 301116.doc\</t>
  </si>
  <si>
    <t>D:\21_11_2019 - PC ALGAR TECH\TIM\CONTRATO\ANEXO 1\21. VERTICALIZAÇÃO - SERVIÇO DE MANUT CAMPO PARA VSATS - 301116.doc</t>
  </si>
  <si>
    <t>11/21/2019 21:57:56</t>
  </si>
  <si>
    <t>C:\Users\suelenmm\OneDrive - Grupo Algar\TIM\CONTRATO\ANEXO 2\</t>
  </si>
  <si>
    <t>FMM FMT TLE-NB-SUELENMM.xlsx</t>
  </si>
  <si>
    <t>D:\21_11_2019 - PC ALGAR TECH\TIM\CONTRATO\ANEXO 2\FMM FMT TLE-NB-SUELENMM.xlsx</t>
  </si>
  <si>
    <t>11/22/2019 08:52:35</t>
  </si>
  <si>
    <t>D:\21_11_2019 - PC ALGAR TECH\TIM\CONTRATO\ANEXO 2\FMM FMT TLE.xlsx</t>
  </si>
  <si>
    <t>11/21/2019 21:57:57</t>
  </si>
  <si>
    <t>D:\21_11_2019 - PC ALGAR TECH\TIM\CONTRATO\ANEXO 2\LPU TARGET FATURA B FMM.xlsx</t>
  </si>
  <si>
    <t>D:\21_11_2019 - PC ALGAR TECH\TIM\CONTRATO\ANEXO 2\LPU TARGET FATURA B FMT.xlsx</t>
  </si>
  <si>
    <t>D:\21_11_2019 - PC ALGAR TECH\TIM\CONTRATO\ANEXO 2\LPU TARGET GMG.xls</t>
  </si>
  <si>
    <t>D:\21_11_2019 - PC ALGAR TECH\TIM\CONTRATO\ANEXO 2\LPU TARGET INSTALACAO DE COW.xlsx</t>
  </si>
  <si>
    <t>D:\21_11_2019 - PC ALGAR TECH\TIM\CONTRATO\ANEXO 2\LPU TARGET SEGURANCA DE SITES.xlsx</t>
  </si>
  <si>
    <t>D:\21_11_2019 - PC ALGAR TECH\TIM\CONTRATO\ANEXO 2\LPU TARGET VSAT TIM.xls</t>
  </si>
  <si>
    <t>D:\21_11_2019 - PC ALGAR TECH\TIM\FMM-FMT 25-05\19. ANEXO XIX - LPU SERVIÇOS - FATURA A FMT - REVRGA 24052017.xlsx</t>
  </si>
  <si>
    <t>11/21/2019 21:57:58</t>
  </si>
  <si>
    <t>D:\21_11_2019 - PC ALGAR TECH\TIM\FMM-FMT 25-05\8 ANEXO VIII FATURAS A_B FMM - REVOPM24052017 - COMPARATIVO.xls</t>
  </si>
  <si>
    <t>D:\21_11_2019 - PC ALGAR TECH\TIM\FMM-FMT 25-05\8 ANEXO VIII FATURAS A_B FMM - REVOPM24052017.xls</t>
  </si>
  <si>
    <t>D:\21_11_2019 - PC ALGAR TECH\TIM\FMM-FMT 25-05\LPU LOCAÇÃO DE GMG - FMM - Fatura A_1.xls</t>
  </si>
  <si>
    <t>C:\Users\suelenmm\OneDrive - Grupo Algar\TIM\FMM-FMT 25-05\ESCLARECIMENTOS\</t>
  </si>
  <si>
    <t>Alterações.xlsx</t>
  </si>
  <si>
    <t>D:\21_11_2019 - PC ALGAR TECH\TIM\FMM-FMT 25-05\ESCLARECIMENTOS\Alterações.xlsx</t>
  </si>
  <si>
    <t>D:\21_11_2019 - PC ALGAR TECH\TIM\FMM-FMT 25-05\ESCLARECIMENTOS\LPU COW.xlsx</t>
  </si>
  <si>
    <t>D:\21_11_2019 - PC ALGAR TECH\TIM\FMM-FMT 25-05\ESCLARECIMENTOS\LPU FATURA A FMT.xlsx</t>
  </si>
  <si>
    <t>D:\21_11_2019 - PC ALGAR TECH\TIM\FMM-FMT 25-05\ESCLARECIMENTOS\LPU FATURA B FMT.xlsx</t>
  </si>
  <si>
    <t>D:\21_11_2019 - PC ALGAR TECH\TIM\FMM-FMT 25-05\ESCLARECIMENTOS\LPU FMM FATURA B MATERIAIS.xls</t>
  </si>
  <si>
    <t>D:\21_11_2019 - PC ALGAR TECH\TIM\FMM-FMT 25-05\ESCLARECIMENTOS\LPU GMG.xls</t>
  </si>
  <si>
    <t>11/21/2019 21:57:59</t>
  </si>
  <si>
    <t>D:\21_11_2019 - PC ALGAR TECH\TIM\FMM-FMT 25-05\ESCLARECIMENTOS\LPU SEGURANCA.xlsx</t>
  </si>
  <si>
    <t>D:\21_11_2019 - PC ALGAR TECH\TIM\FMM-FMT 25-05\ESCLARECIMENTOS\LPU VSAT.xls</t>
  </si>
  <si>
    <t>C:\Users\suelenmm\OneDrive - Grupo Algar\TIM\FMM-FMT 25-05\NOVAS LPUs\</t>
  </si>
  <si>
    <t>19. ANEXO XIX - LPU SERVIÇOS - FATURA A FMT - REVRGA 24052017 (1).xlsx</t>
  </si>
  <si>
    <t>D:\21_11_2019 - PC ALGAR TECH\TIM\FMM-FMT 25-05\NOVAS LPUs\19. ANEXO XIX - LPU SERVIÇOS - FATURA A FMT - REVRGA 24052017 (1).xlsx</t>
  </si>
  <si>
    <t>20. ANEXO XX - LPU SERVIÇOS E MATERIAIS - FATURA B FMT - REVOPM - 231116.xlsx</t>
  </si>
  <si>
    <t>D:\21_11_2019 - PC ALGAR TECH\TIM\FMM-FMT 25-05\NOVAS LPUs\20. ANEXO XX - LPU SERVIÇOS E MATERIAIS - FATURA B FMT - REVOPM - 231116.xlsx</t>
  </si>
  <si>
    <t>8 ANEXO VIII FATURAS A_B FMM - REVOPM24052017 (1).xls</t>
  </si>
  <si>
    <t>D:\21_11_2019 - PC ALGAR TECH\TIM\FMM-FMT 25-05\NOVAS LPUs\8 ANEXO VIII FATURAS A_B FMM - REVOPM24052017 (1).xls</t>
  </si>
  <si>
    <t>II - LPU FMM FATURA A E FATURA B_1.xls</t>
  </si>
  <si>
    <t>D:\21_11_2019 - PC ALGAR TECH\TIM\FMM-FMT 25-05\NOVAS LPUs\II - LPU FMM FATURA A E FATURA B_1.xls</t>
  </si>
  <si>
    <t>LPU LOCAÇÃO DE GMG - FMM - Fatura A_1 (1).xls</t>
  </si>
  <si>
    <t>D:\21_11_2019 - PC ALGAR TECH\TIM\FMM-FMT 25-05\NOVAS LPUs\LPU LOCAÇÃO DE GMG - FMM - Fatura A_1 (1).xls</t>
  </si>
  <si>
    <t>VERTICALIZAÇÃO - ADEQUAÇÃO SEGURANÇA EM EQUIPAMENTOS E SITES - LPU - 010217.xlsx</t>
  </si>
  <si>
    <t>D:\21_11_2019 - PC ALGAR TECH\TIM\FMM-FMT 25-05\NOVAS LPUs\VERTICALIZAÇÃO - ADEQUAÇÃO SEGURANÇA EM EQUIPAMENTOS E SITES - LPU - 010217.xlsx</t>
  </si>
  <si>
    <t>VERTICALIZAÇÃO - SERVIÇO DE INSTALAÇÃO DE SITES TRANSPORTÁVEIS - LPU - 010816.xlsx</t>
  </si>
  <si>
    <t>D:\21_11_2019 - PC ALGAR TECH\TIM\FMM-FMT 25-05\NOVAS LPUs\VERTICALIZAÇÃO - SERVIÇO DE INSTALAÇÃO DE SITES TRANSPORTÁVEIS - LPU - 010816.xlsx</t>
  </si>
  <si>
    <t>VERTICALIZAÇÃO - SERVIÇO DE MANUT CAMPO PARA VSATS - LPU - 301116.xls</t>
  </si>
  <si>
    <t>D:\21_11_2019 - PC ALGAR TECH\TIM\FMM-FMT 25-05\NOVAS LPUs\VERTICALIZAÇÃO - SERVIÇO DE MANUT CAMPO PARA VSATS - LPU - 301116.xls</t>
  </si>
  <si>
    <t>11/21/2019 21:58:03</t>
  </si>
  <si>
    <t>C:\Users\suelenmm\OneDrive - Grupo Algar\TIM\FMM-FMT RASCUNHO\</t>
  </si>
  <si>
    <t>BP Preço C009 B009 - TLE v3.xlsb</t>
  </si>
  <si>
    <t>D:\21_11_2019 - PC ALGAR TECH\TIM\FMM-FMT RASCUNHO\BP Preço C009 B009 - TLE v3.xlsb</t>
  </si>
  <si>
    <t>C:\Users\suelenmm\OneDrive - Grupo Algar\TIM\FMM-FMT RASCUNHO\BP Preço C009 B009 - TLE v3.xlsb\</t>
  </si>
  <si>
    <t>11/21/2019 21:58:06</t>
  </si>
  <si>
    <t>BP Preço C009 B009 - TLE.xlsb</t>
  </si>
  <si>
    <t>D:\21_11_2019 - PC ALGAR TECH\TIM\FMM-FMT RASCUNHO\BP Preço C009 B009 - TLE.xlsb</t>
  </si>
  <si>
    <t>C:\Users\suelenmm\OneDrive - Grupo Algar\TIM\FMM-FMT RASCUNHO\BP Preço C009 B009 - TLE.xlsb\</t>
  </si>
  <si>
    <t>11/21/2019 21:58:11</t>
  </si>
  <si>
    <t>BP Preço C009 B009 - TSP v3.xlsb</t>
  </si>
  <si>
    <t>D:\21_11_2019 - PC ALGAR TECH\TIM\FMM-FMT RASCUNHO\BP Preço C009 B009 - TSP v3.xlsb</t>
  </si>
  <si>
    <t>C:\Users\suelenmm\OneDrive - Grupo Algar\TIM\FMM-FMT RASCUNHO\BP Preço C009 B009 - TSP v3.xlsb\</t>
  </si>
  <si>
    <t>11/21/2019 21:58:14</t>
  </si>
  <si>
    <t>BP Preço C009 B009 - TSP.xlsb</t>
  </si>
  <si>
    <t>D:\21_11_2019 - PC ALGAR TECH\TIM\FMM-FMT RASCUNHO\BP Preço C009 B009 - TSP.xlsb</t>
  </si>
  <si>
    <t>C:\Users\suelenmm\OneDrive - Grupo Algar\TIM\FMM-FMT RASCUNHO\BP Preço C009 B009 - TSP.xlsb\</t>
  </si>
  <si>
    <t>11/21/2019 21:58:18</t>
  </si>
  <si>
    <t>BP Preço C010 B009 - TLE v5 - 36 meses - rampa certa.xlsb</t>
  </si>
  <si>
    <t>D:\21_11_2019 - PC ALGAR TECH\TIM\FMM-FMT RASCUNHO\BP Preço C010 B009 - TLE v5 - 36 meses - rampa certa.xlsb</t>
  </si>
  <si>
    <t>C:\Users\suelenmm\OneDrive - Grupo Algar\TIM\FMM-FMT RASCUNHO\BP Preço C010 B009 - TLE v5 - 36 meses - rampa certa.xlsb\</t>
  </si>
  <si>
    <t>11/21/2019 21:58:19</t>
  </si>
  <si>
    <t>COMMAND CENTER - BP Preço C009 B009.xlsb</t>
  </si>
  <si>
    <t>D:\21_11_2019 - PC ALGAR TECH\TIM\FMM-FMT RASCUNHO\COMMAND CENTER - BP Preço C009 B009.xlsb</t>
  </si>
  <si>
    <t>C:\Users\suelenmm\OneDrive - Grupo Algar\TIM\FMM-FMT RASCUNHO\COMMAND CENTER - BP Preço C009 B009.xlsb\</t>
  </si>
  <si>
    <t>11/21/2019 21:58:20</t>
  </si>
  <si>
    <t>Logística FMM-FMT v2.xlsx</t>
  </si>
  <si>
    <t>D:\21_11_2019 - PC ALGAR TECH\TIM\FMM-FMT RASCUNHO\Logística FMM-FMT v2.xlsx</t>
  </si>
  <si>
    <t>Logística FMM-FMT v3.xlsx</t>
  </si>
  <si>
    <t>D:\21_11_2019 - PC ALGAR TECH\TIM\FMM-FMT RASCUNHO\Logística FMM-FMT v3.xlsx</t>
  </si>
  <si>
    <t>11/21/2019 21:58:21</t>
  </si>
  <si>
    <t>C:\Users\suelenmm\OneDrive - Grupo Algar\TIM\FMM-FMT RASCUNHO\TIM 19-05\</t>
  </si>
  <si>
    <t>D:\21_11_2019 - PC ALGAR TECH\TIM\FMM-FMT RASCUNHO\TIM 19-05\Logística FMM-FMT v5.xlsx</t>
  </si>
  <si>
    <t>11/21/2019 21:58:22</t>
  </si>
  <si>
    <t>D:\21_11_2019 - PC ALGAR TECH\TIM\FMM-FMT RASCUNHO\TIM 19-05\Resumo Cenários TIM.xlsx</t>
  </si>
  <si>
    <t>11/21/2019 21:58:27</t>
  </si>
  <si>
    <t>C:\Users\suelenmm\OneDrive - Grupo Algar\TIM\FMM-FMT RASCUNHO\TIM 19-05\TLE\</t>
  </si>
  <si>
    <t>D:\21_11_2019 - PC ALGAR TECH\TIM\FMM-FMT RASCUNHO\TIM 19-05\TLE\BP Preço C010 B009 - TLE v5 - 12 meses.xlsb</t>
  </si>
  <si>
    <t>C:\Users\suelenmm\OneDrive - Grupo Algar\TIM\FMM-FMT RASCUNHO\TIM 19-05\TLE\BP Preço C010 B009 - TLE v5 - 12 meses.xlsb\</t>
  </si>
  <si>
    <t>11/21/2019 21:58:31</t>
  </si>
  <si>
    <t>D:\21_11_2019 - PC ALGAR TECH\TIM\FMM-FMT RASCUNHO\TIM 19-05\TLE\BP Preço C010 B009 - TLE v5 - 24 meses.xlsb</t>
  </si>
  <si>
    <t>C:\Users\suelenmm\OneDrive - Grupo Algar\TIM\FMM-FMT RASCUNHO\TIM 19-05\TLE\BP Preço C010 B009 - TLE v5 - 24 meses.xlsb\</t>
  </si>
  <si>
    <t>11/21/2019 21:58:35</t>
  </si>
  <si>
    <t>BP Preço C010 B009 - TLE v5 - 36 meses.xlsb</t>
  </si>
  <si>
    <t>D:\21_11_2019 - PC ALGAR TECH\TIM\FMM-FMT RASCUNHO\TIM 19-05\TLE\BP Preço C010 B009 - TLE v5 - 36 meses.xlsb</t>
  </si>
  <si>
    <t>C:\Users\suelenmm\OneDrive - Grupo Algar\TIM\FMM-FMT RASCUNHO\TIM 19-05\TLE\BP Preço C010 B009 - TLE v5 - 36 meses.xlsb\</t>
  </si>
  <si>
    <t>11/21/2019 21:58:37</t>
  </si>
  <si>
    <t>C:\Users\suelenmm\OneDrive - Grupo Algar\TIM\FMM-FMT RASCUNHO\TIM 19-05\TLE\Rascunho\</t>
  </si>
  <si>
    <t>D:\21_11_2019 - PC ALGAR TECH\TIM\FMM-FMT RASCUNHO\TIM 19-05\TLE\Rascunho\BP Preço C010 B009 - TLE v5 - 36 meses - proporcao terceiros.xlsb</t>
  </si>
  <si>
    <t>C:\Users\suelenmm\OneDrive - Grupo Algar\TIM\FMM-FMT RASCUNHO\TIM 19-05\TLE\Rascunho\BP Preço C010 B009 - TLE v5 - 36 meses - proporcao terceiros.xlsb\</t>
  </si>
  <si>
    <t>11/21/2019 21:58:40</t>
  </si>
  <si>
    <t>C:\Users\suelenmm\OneDrive - Grupo Algar\TIM\FMM-FMT RASCUNHO\TIM 19-05\TNO\</t>
  </si>
  <si>
    <t>D:\21_11_2019 - PC ALGAR TECH\TIM\FMM-FMT RASCUNHO\TIM 19-05\TNO\BP Preço C010 B009 - TNO v5 - 12 meses.xlsb</t>
  </si>
  <si>
    <t>C:\Users\suelenmm\OneDrive - Grupo Algar\TIM\FMM-FMT RASCUNHO\TIM 19-05\TNO\BP Preço C010 B009 - TNO v5 - 12 meses.xlsb\</t>
  </si>
  <si>
    <t>11/21/2019 21:58:43</t>
  </si>
  <si>
    <t>D:\21_11_2019 - PC ALGAR TECH\TIM\FMM-FMT RASCUNHO\TIM 19-05\TNO\BP Preço C010 B009 - TNO v5 - 24 meses.xlsb</t>
  </si>
  <si>
    <t>C:\Users\suelenmm\OneDrive - Grupo Algar\TIM\FMM-FMT RASCUNHO\TIM 19-05\TNO\BP Preço C010 B009 - TNO v5 - 24 meses.xlsb\</t>
  </si>
  <si>
    <t>11/21/2019 21:58:45</t>
  </si>
  <si>
    <t>D:\21_11_2019 - PC ALGAR TECH\TIM\FMM-FMT RASCUNHO\TIM 19-05\TNO\BP Preço C010 B009 - TNO v5 - 36 meses.xlsb</t>
  </si>
  <si>
    <t>C:\Users\suelenmm\OneDrive - Grupo Algar\TIM\FMM-FMT RASCUNHO\TIM 19-05\TNO\BP Preço C010 B009 - TNO v5 - 36 meses.xlsb\</t>
  </si>
  <si>
    <t>11/21/2019 21:58:48</t>
  </si>
  <si>
    <t>C:\Users\suelenmm\OneDrive - Grupo Algar\TIM\FMM-FMT RASCUNHO\TIM 19-05\TSP\</t>
  </si>
  <si>
    <t>D:\21_11_2019 - PC ALGAR TECH\TIM\FMM-FMT RASCUNHO\TIM 19-05\TSP\BP Preço C010 B009 - TSP v5 - 12 meses.xlsb</t>
  </si>
  <si>
    <t>C:\Users\suelenmm\OneDrive - Grupo Algar\TIM\FMM-FMT RASCUNHO\TIM 19-05\TSP\BP Preço C010 B009 - TSP v5 - 12 meses.xlsb\</t>
  </si>
  <si>
    <t>11/21/2019 21:58:50</t>
  </si>
  <si>
    <t>D:\21_11_2019 - PC ALGAR TECH\TIM\FMM-FMT RASCUNHO\TIM 19-05\TSP\BP Preço C010 B009 - TSP v5 - 24 meses.xlsb</t>
  </si>
  <si>
    <t>C:\Users\suelenmm\OneDrive - Grupo Algar\TIM\FMM-FMT RASCUNHO\TIM 19-05\TSP\BP Preço C010 B009 - TSP v5 - 24 meses.xlsb\</t>
  </si>
  <si>
    <t>11/21/2019 21:58:53</t>
  </si>
  <si>
    <t>D:\21_11_2019 - PC ALGAR TECH\TIM\FMM-FMT RASCUNHO\TIM 19-05\TSP\BP Preço C010 B009 - TSP v5 - 36 meses.xlsb</t>
  </si>
  <si>
    <t>C:\Users\suelenmm\OneDrive - Grupo Algar\TIM\FMM-FMT RASCUNHO\TIM 19-05\TSP\BP Preço C010 B009 - TSP v5 - 36 meses.xlsb\</t>
  </si>
  <si>
    <t>11/21/2019 21:58:56</t>
  </si>
  <si>
    <t>C:\Users\suelenmm\OneDrive - Grupo Algar\TIM\FMM-FMT RASCUNHO\v4 - + lucro economico corrigido\</t>
  </si>
  <si>
    <t>BP Preço C009 B009 - TLE v4.xlsb</t>
  </si>
  <si>
    <t>D:\21_11_2019 - PC ALGAR TECH\TIM\FMM-FMT RASCUNHO\v4 - + lucro economico corrigido\BP Preço C009 B009 - TLE v4.xlsb</t>
  </si>
  <si>
    <t>C:\Users\suelenmm\OneDrive - Grupo Algar\TIM\FMM-FMT RASCUNHO\v4 - + lucro economico corrigido\BP Preço C009 B009 - TLE v4.xlsb\</t>
  </si>
  <si>
    <t>11/21/2019 21:58:59</t>
  </si>
  <si>
    <t>BP Preço C009 B009 - TSP v4.xlsb</t>
  </si>
  <si>
    <t>D:\21_11_2019 - PC ALGAR TECH\TIM\FMM-FMT RASCUNHO\v4 - + lucro economico corrigido\BP Preço C009 B009 - TSP v4.xlsb</t>
  </si>
  <si>
    <t>C:\Users\suelenmm\OneDrive - Grupo Algar\TIM\FMM-FMT RASCUNHO\v4 - + lucro economico corrigido\BP Preço C009 B009 - TSP v4.xlsb\</t>
  </si>
  <si>
    <t>11/21/2019 21:59:01</t>
  </si>
  <si>
    <t>Logística FMM-FMT v4.xlsx</t>
  </si>
  <si>
    <t>D:\21_11_2019 - PC ALGAR TECH\TIM\FMM-FMT RASCUNHO\v4 - + lucro economico corrigido\Logística FMM-FMT v4.xlsx</t>
  </si>
  <si>
    <t>11/21/2019 21:59:03</t>
  </si>
  <si>
    <t>C:\Users\suelenmm\OneDrive - Grupo Algar\TIM\FMM-FMT RASCUNHO\v5 - C010 B009\</t>
  </si>
  <si>
    <t>D:\21_11_2019 - PC ALGAR TECH\TIM\FMM-FMT RASCUNHO\v5 - C010 B009\BP Preço C010 B009 - TLE v5 - 12 meses.xlsb</t>
  </si>
  <si>
    <t>C:\Users\suelenmm\OneDrive - Grupo Algar\TIM\FMM-FMT RASCUNHO\v5 - C010 B009\BP Preço C010 B009 - TLE v5 - 12 meses.xlsb\</t>
  </si>
  <si>
    <t>11/21/2019 21:59:05</t>
  </si>
  <si>
    <t>D:\21_11_2019 - PC ALGAR TECH\TIM\FMM-FMT RASCUNHO\v5 - C010 B009\BP Preço C010 B009 - TLE v5 - 24 meses.xlsb</t>
  </si>
  <si>
    <t>C:\Users\suelenmm\OneDrive - Grupo Algar\TIM\FMM-FMT RASCUNHO\v5 - C010 B009\BP Preço C010 B009 - TLE v5 - 24 meses.xlsb\</t>
  </si>
  <si>
    <t>11/21/2019 21:59:08</t>
  </si>
  <si>
    <t>D:\21_11_2019 - PC ALGAR TECH\TIM\FMM-FMT RASCUNHO\v5 - C010 B009\BP Preço C010 B009 - TLE v5 - 36 meses.xlsb</t>
  </si>
  <si>
    <t>C:\Users\suelenmm\OneDrive - Grupo Algar\TIM\FMM-FMT RASCUNHO\v5 - C010 B009\BP Preço C010 B009 - TLE v5 - 36 meses.xlsb\</t>
  </si>
  <si>
    <t>11/21/2019 21:59:10</t>
  </si>
  <si>
    <t>D:\21_11_2019 - PC ALGAR TECH\TIM\FMM-FMT RASCUNHO\v5 - C010 B009\BP Preço C010 B009 - TNO v5 - 12 meses.xlsb</t>
  </si>
  <si>
    <t>C:\Users\suelenmm\OneDrive - Grupo Algar\TIM\FMM-FMT RASCUNHO\v5 - C010 B009\BP Preço C010 B009 - TNO v5 - 12 meses.xlsb\</t>
  </si>
  <si>
    <t>11/21/2019 21:59:12</t>
  </si>
  <si>
    <t>D:\21_11_2019 - PC ALGAR TECH\TIM\FMM-FMT RASCUNHO\v5 - C010 B009\BP Preço C010 B009 - TNO v5 - 24 meses.xlsb</t>
  </si>
  <si>
    <t>C:\Users\suelenmm\OneDrive - Grupo Algar\TIM\FMM-FMT RASCUNHO\v5 - C010 B009\BP Preço C010 B009 - TNO v5 - 24 meses.xlsb\</t>
  </si>
  <si>
    <t>11/21/2019 21:59:15</t>
  </si>
  <si>
    <t>D:\21_11_2019 - PC ALGAR TECH\TIM\FMM-FMT RASCUNHO\v5 - C010 B009\BP Preço C010 B009 - TNO v5 - 36 meses.xlsb</t>
  </si>
  <si>
    <t>C:\Users\suelenmm\OneDrive - Grupo Algar\TIM\FMM-FMT RASCUNHO\v5 - C010 B009\BP Preço C010 B009 - TNO v5 - 36 meses.xlsb\</t>
  </si>
  <si>
    <t>11/21/2019 21:59:18</t>
  </si>
  <si>
    <t>BP Preço C010 B009 - TSP v5 - 12 meses c.xlsb</t>
  </si>
  <si>
    <t>D:\21_11_2019 - PC ALGAR TECH\TIM\FMM-FMT RASCUNHO\v5 - C010 B009\BP Preço C010 B009 - TSP v5 - 12 meses c.xlsb</t>
  </si>
  <si>
    <t>C:\Users\suelenmm\OneDrive - Grupo Algar\TIM\FMM-FMT RASCUNHO\v5 - C010 B009\BP Preço C010 B009 - TSP v5 - 12 meses c.xlsb\</t>
  </si>
  <si>
    <t>11/21/2019 21:59:21</t>
  </si>
  <si>
    <t>D:\21_11_2019 - PC ALGAR TECH\TIM\FMM-FMT RASCUNHO\v5 - C010 B009\BP Preço C010 B009 - TSP v5 - 24 meses.xlsb</t>
  </si>
  <si>
    <t>C:\Users\suelenmm\OneDrive - Grupo Algar\TIM\FMM-FMT RASCUNHO\v5 - C010 B009\BP Preço C010 B009 - TSP v5 - 24 meses.xlsb\</t>
  </si>
  <si>
    <t>11/21/2019 21:59:24</t>
  </si>
  <si>
    <t>D:\21_11_2019 - PC ALGAR TECH\TIM\FMM-FMT RASCUNHO\v5 - C010 B009\BP Preço C010 B009 - TSP v5 - 36 meses.xlsb</t>
  </si>
  <si>
    <t>C:\Users\suelenmm\OneDrive - Grupo Algar\TIM\FMM-FMT RASCUNHO\v5 - C010 B009\BP Preço C010 B009 - TSP v5 - 36 meses.xlsb\</t>
  </si>
  <si>
    <t>11/21/2019 21:59:25</t>
  </si>
  <si>
    <t>D:\21_11_2019 - PC ALGAR TECH\TIM\FMM-FMT RASCUNHO\v5 - C010 B009\Logística FMM-FMT v5.xlsx</t>
  </si>
  <si>
    <t>11/21/2019 21:59:28</t>
  </si>
  <si>
    <t>C:\Users\suelenmm\OneDrive - Grupo Algar\TIM\FMM-FMT RASCUNHO\v5 - C010 B009\Antigo\</t>
  </si>
  <si>
    <t>BP Preço C010 B009 - TSP v5.1.xlsb</t>
  </si>
  <si>
    <t>D:\21_11_2019 - PC ALGAR TECH\TIM\FMM-FMT RASCUNHO\v5 - C010 B009\Antigo\BP Preço C010 B009 - TSP v5.1.xlsb</t>
  </si>
  <si>
    <t>C:\Users\suelenmm\OneDrive - Grupo Algar\TIM\FMM-FMT RASCUNHO\v5 - C010 B009\Antigo\BP Preço C010 B009 - TSP v5.1.xlsb\</t>
  </si>
  <si>
    <t>C:\Users\suelenmm\OneDrive - Grupo Algar\TIM\LPUs TIM Atuais\</t>
  </si>
  <si>
    <t>D:\21_11_2019 - PC ALGAR TECH\TIM\LPUs TIM Atuais\13 - B2 - FATURA B - LPU FMM INFRA CO-NE - REV 03.xlsx</t>
  </si>
  <si>
    <t>D:\21_11_2019 - PC ALGAR TECH\TIM\LPUs TIM Atuais\II ANEXO II - LPU B1 - FATURA B - LPU FMM CO_NE_TLE - FAT B - APENDICE B.xls</t>
  </si>
  <si>
    <t>D:\21_11_2019 - PC ALGAR TECH\TIM\LPUs TIM Atuais\II ANEXO II - LPU B2 - FATURA B - LPU FMM INFRA FM TIM CO_NE - FAT B - APENDICE A.xls</t>
  </si>
  <si>
    <t>D:\21_11_2019 - PC ALGAR TECH\TIM\LPUs TIM Atuais\LPU FATURA B FMT.xlsx</t>
  </si>
  <si>
    <t>11/21/2019 21:59:51</t>
  </si>
  <si>
    <t>C:\Users\suelenmm\OneDrive - Grupo Algar\TIM\LPUs TIM Atuais\OK\</t>
  </si>
  <si>
    <t>LPU BACK BONE ENGESET - NET PRICE - versão com novas localidades sem revisao SLA negociado.xlsx</t>
  </si>
  <si>
    <t>D:\21_11_2019 - PC ALGAR TECH\TIM\LPUs TIM Atuais\OK\LPU BACK BONE ENGESET - NET PRICE - versão com novas localidades sem revisao SLA negociado.xlsx</t>
  </si>
  <si>
    <t>11/21/2019 22:00:07</t>
  </si>
  <si>
    <t>LPU BACK BONE ENGESET - NET PRICE.xlsx</t>
  </si>
  <si>
    <t>D:\21_11_2019 - PC ALGAR TECH\TIM\LPUs TIM Atuais\OK\LPU BACK BONE ENGESET - NET PRICE.xlsx</t>
  </si>
  <si>
    <t>11/21/2019 22:00:08</t>
  </si>
  <si>
    <t>LPU ENGESET - ACEITAÇÃO DE SITES NET PRICE.xlsx</t>
  </si>
  <si>
    <t>D:\21_11_2019 - PC ALGAR TECH\TIM\LPUs TIM Atuais\OK\LPU ENGESET - ACEITAÇÃO DE SITES NET PRICE.xlsx</t>
  </si>
  <si>
    <t>D:\21_11_2019 - PC ALGAR TECH\TIM\LPUs TIM Atuais\OK\LPU ENGESET FMM&amp;FMT.xlsx</t>
  </si>
  <si>
    <t>LPU ENGESET MANUTENÇÃO TIM FIBER SP.xlsx</t>
  </si>
  <si>
    <t>D:\21_11_2019 - PC ALGAR TECH\TIM\LPUs TIM Atuais\OK\LPU ENGESET MANUTENÇÃO TIM FIBER SP.xlsx</t>
  </si>
  <si>
    <t>TIM - Novas Localidades - consolidadas.xlsx</t>
  </si>
  <si>
    <t>D:\21_11_2019 - PC ALGAR TECH\TIM\LPUs TIM Atuais\OK\TIM - Novas Localidades - consolidadas.xlsx</t>
  </si>
  <si>
    <t>C:\Users\suelenmm\OneDrive - Grupo Algar\TIM\Pendências Rogério\</t>
  </si>
  <si>
    <t>Cópia de Relação de Associados TIM.xlsx</t>
  </si>
  <si>
    <t>D:\21_11_2019 - PC ALGAR TECH\TIM\Pendências Rogério\Cópia de Relação de Associados TIM.xlsx</t>
  </si>
  <si>
    <t>PRATICABILIDADE FMM _ FMT_FO.xls</t>
  </si>
  <si>
    <t>D:\21_11_2019 - PC ALGAR TECH\TIM\Pendências Rogério\PRATICABILIDADE FMM _ FMT_FO.xls</t>
  </si>
  <si>
    <t>11/21/2019 22:00:16</t>
  </si>
  <si>
    <t>C:\Users\suelenmm\OneDrive - Grupo Algar\TIM\TARGET TIM\LPUs aceitas.zip\LPUs aceitas\</t>
  </si>
  <si>
    <t>D:\21_11_2019 - PC ALGAR TECH\TIM\TARGET TIM\LPUs aceitas.zip</t>
  </si>
  <si>
    <t>11/21/2019 22:00:15</t>
  </si>
  <si>
    <t>C:\Users\suelenmm\OneDrive - Grupo Algar\TIM\Pendências Rogério\RES Localidade Não remuneradas.msg\s186\</t>
  </si>
  <si>
    <t>D:\21_11_2019 - PC ALGAR TECH\TIM\Pendências Rogério\RES Localidade Não remuneradas.msg</t>
  </si>
  <si>
    <t>C:\Users\suelenmm\OneDrive - Grupo Algar\TIM\TARGET TIM\LPUs aceitas\</t>
  </si>
  <si>
    <t>D:\21_11_2019 - PC ALGAR TECH\TIM\TARGET TIM\LPUs aceitas\FMM FMT TLE.xlsx</t>
  </si>
  <si>
    <t>D:\21_11_2019 - PC ALGAR TECH\TIM\TARGET TIM\LPUs aceitas\LPU TARGET FATURA B FMM.xlsx</t>
  </si>
  <si>
    <t>D:\21_11_2019 - PC ALGAR TECH\TIM\TARGET TIM\LPUs aceitas\LPU TARGET FATURA B FMT.xlsx</t>
  </si>
  <si>
    <t>D:\21_11_2019 - PC ALGAR TECH\TIM\TARGET TIM\LPUs aceitas\LPU TARGET GMG.xls</t>
  </si>
  <si>
    <t>D:\21_11_2019 - PC ALGAR TECH\TIM\TARGET TIM\LPUs aceitas\LPU TARGET INSTALACAO DE COW.xlsx</t>
  </si>
  <si>
    <t>11/21/2019 22:00:17</t>
  </si>
  <si>
    <t>D:\21_11_2019 - PC ALGAR TECH\TIM\TARGET TIM\LPUs aceitas\LPU TARGET SEGURANCA DE SITES.xlsx</t>
  </si>
  <si>
    <t>D:\21_11_2019 - PC ALGAR TECH\TIM\TARGET TIM\LPUs aceitas\LPU TARGET VSAT TIM.xls</t>
  </si>
  <si>
    <t>11/21/2019 22:00:23</t>
  </si>
  <si>
    <t>C:\Users\suelenmm\OneDrive - Grupo Algar\TIM\TARGET TIM\TARGET\</t>
  </si>
  <si>
    <t>LPU TARGET FATURA B FMM (2).xlsx</t>
  </si>
  <si>
    <t>D:\21_11_2019 - PC ALGAR TECH\TIM\TARGET TIM\TARGET\LPU TARGET FATURA B FMM (2).xlsx</t>
  </si>
  <si>
    <t>11/21/2019 22:00:29</t>
  </si>
  <si>
    <t>LPU TARGET FATURA B FMM 1.xlsx</t>
  </si>
  <si>
    <t>D:\21_11_2019 - PC ALGAR TECH\TIM\TARGET TIM\TARGET\LPU TARGET FATURA B FMM 1.xlsx</t>
  </si>
  <si>
    <t>11/21/2019 22:00:35</t>
  </si>
  <si>
    <t>LPU TARGET FATURA B FMM v2.xlsx</t>
  </si>
  <si>
    <t>D:\21_11_2019 - PC ALGAR TECH\TIM\TARGET TIM\TARGET\LPU TARGET FATURA B FMM v2.xlsx</t>
  </si>
  <si>
    <t>11/21/2019 22:00:42</t>
  </si>
  <si>
    <t>D:\21_11_2019 - PC ALGAR TECH\TIM\TARGET TIM\TARGET\LPU TARGET FATURA B FMM.xlsx</t>
  </si>
  <si>
    <t>D:\21_11_2019 - PC ALGAR TECH\TIM\TARGET TIM\TARGET\LPU TARGET FATURA B FMT.xlsx</t>
  </si>
  <si>
    <t>11/21/2019 22:00:43</t>
  </si>
  <si>
    <t>D:\21_11_2019 - PC ALGAR TECH\TIM\TARGET TIM\TARGET\LPU TARGET GMG.xls</t>
  </si>
  <si>
    <t>D:\21_11_2019 - PC ALGAR TECH\TIM\TARGET TIM\TARGET\LPU TARGET INSTALACAO DE COW.xlsx</t>
  </si>
  <si>
    <t>D:\21_11_2019 - PC ALGAR TECH\TIM\TARGET TIM\TARGET\LPU TARGET SEGURANCA DE SITES.xlsx</t>
  </si>
  <si>
    <t>D:\21_11_2019 - PC ALGAR TECH\TIM\TARGET TIM\TARGET\LPU TARGET VSAT TIM.xls</t>
  </si>
  <si>
    <t>11/21/2019 22:01:09</t>
  </si>
  <si>
    <t>C:\Users\suelenmm\OneDrive - Grupo Algar\9. Passagem de Pasta.rar\9. Passagem de Pasta\DocumentaÃ§Ã£o Final\CriaÃ§Ã£o dos novos cenÃ¡rios\</t>
  </si>
  <si>
    <t>ANEXO II - ELEMENTOS - LPU CENARIOS FMT TCO_TNE AND FMM TCO_TNO_TNE_REV_06.xlsx</t>
  </si>
  <si>
    <t>D:\21_11_2019 - PC ALGAR TECH\9. Passagem de Pasta.rar</t>
  </si>
  <si>
    <t>Cenarios_FMM.XLSX</t>
  </si>
  <si>
    <t>C:\Users\suelenmm\OneDrive - Grupo Algar\9. Passagem de Pasta.rar\9. Passagem de Pasta\LogÃ­stica\</t>
  </si>
  <si>
    <t>LogÃ­stica 11-09 v1.xlsx</t>
  </si>
  <si>
    <t>11/21/2019 22:01:10</t>
  </si>
  <si>
    <t>Sites de Acesso Ativos_TCO TNE TNO REV_03.xlsx</t>
  </si>
  <si>
    <t>C:\Users\suelenmm\OneDrive - Grupo Algar\9. Passagem de Pasta.rar\9. Passagem de Pasta\PrecificaÃ§Ã£o\</t>
  </si>
  <si>
    <t>BP TIM FMM e FMT padrÃ£o Algar - 75%% IPCA PMR 60DD 19_10.xlsb</t>
  </si>
  <si>
    <t>RevisÃ£o TIM v4.1 -22_10 - FMM.xlsb</t>
  </si>
  <si>
    <t>RevisÃ£o TIM v4.1 -22_10 - FMT.xlsb</t>
  </si>
  <si>
    <t>C:\Users\suelenmm\OneDrive - Grupo Algar\9. Passagem de Pasta.rar\9. Passagem de Pasta\Propostas Finais\</t>
  </si>
  <si>
    <t>ANEXO II - ELEMENTOS - LPU CENARIOS FMT TCO_TNE AND FMM TCO_TNO_TNE_REV_07.xlsx</t>
  </si>
  <si>
    <t>ANEXO II - FATURA B - LPU GMG FMM INFRA FM TIM CO_NO_NE - FAT A REV_01.xls</t>
  </si>
  <si>
    <t>ANEXO II - FATURA B - LPU FMM INFRA FM TIM CO_NO_NE - FAT B - APENDICE A REV_01.xls</t>
  </si>
  <si>
    <t>ANEXO II - FATURA B - LPU FMM INFRA FM TIM CO_NO_NE - FAT B - APENDICE B REV_01.xls</t>
  </si>
  <si>
    <t>ANEXO II -FATURA B - LPU FMT - TIM CO - REV_01.xlsx</t>
  </si>
  <si>
    <t>C:\Users\suelenmm\OneDrive - Grupo Algar\9. Passagem de Pasta.rar\9. Passagem de Pasta\</t>
  </si>
  <si>
    <t>Resumo TIM.xlsx</t>
  </si>
  <si>
    <t>C:\Users\suelenmm\OneDrive - Grupo Algar\9. Passagem de Pasta.rar\9. Passagem de Pasta\AnÃ¡lises\ComitÃª de SoluÃ§Ãµes.msg\s60\</t>
  </si>
  <si>
    <t>BP TIM FMM e FMT consolidado - v6.xlsb</t>
  </si>
  <si>
    <t>Logística 23-07 v3.xlsx</t>
  </si>
  <si>
    <t>C:\Users\suelenmm\OneDrive - Grupo Algar\9. Passagem de Pasta.rar\9. Passagem de Pasta\ApresentaÃ§Ã£o Passagem de Pasta.pptx\</t>
  </si>
  <si>
    <t>C:\Users\suelenmm\OneDrive - Grupo Algar\9. Passagem de Pasta.rar\9. Passagem de Pasta\DocumentaÃ§Ã£o Final\ANEXO II - LPU PRECIFICAÃ‡ÃƒO FATURA A - FMM_FMT - REV_04.zip\</t>
  </si>
  <si>
    <t>ANEXO II - ELEMENTO 1 - LPU FMM TIM CO - FAT A REV_01.xls</t>
  </si>
  <si>
    <t>ANEXO II - ELEMENTO 2 - LPU FMM TIM NE - FAT A REV_01.xls</t>
  </si>
  <si>
    <t>ANEXO II - ELEMENTO 3 - LPU FMM TIM NO - FAT A REV_01.xls</t>
  </si>
  <si>
    <t>ANEXO II - ELEMENTO 4 - LPU FMT - TIM CO - REV_01.xlsx</t>
  </si>
  <si>
    <t>ANEXO II - ELEMENTO 5 - LPU FMT - TIM NE - REV_01.xlsx</t>
  </si>
  <si>
    <t>ANEXO II - ELEMENTOS - LPU CENARIOS FMT TCO_TNE AND FMM TCO_TNO_TNE_REV_03.xlsx</t>
  </si>
  <si>
    <t>C:\Users\suelenmm\OneDrive - Grupo Algar\9. Passagem de Pasta.rar\9. Passagem de Pasta\DocumentaÃ§Ã£o Final\ANEXO II -LPU PRECIFICAÃ‡ÃƒO FATURA B - FMM_FMT - REV_01.zip\</t>
  </si>
  <si>
    <t>C:\Users\suelenmm\OneDrive - Grupo Algar\9. Passagem de Pasta.rar\9. Passagem de Pasta\DocumentaÃ§Ã£o Final\ENDEREÃ‡O DOS SITES ATIVOS_TCO TNE TNO REV_01.zip\</t>
  </si>
  <si>
    <t>C:\Users\suelenmm\OneDrive - Grupo Algar\9. Passagem de Pasta.rar\9. Passagem de Pasta\DocumentaÃ§Ã£o Final\ESPECIFICACOES TECNICAS DE FMT - Rev 7 050515.zip\</t>
  </si>
  <si>
    <t>Proposta de LPU Rev 5 140715.xlsx</t>
  </si>
  <si>
    <t>C:\Users\suelenmm\OneDrive - Grupo Algar\9. Passagem de Pasta.rar\9. Passagem de Pasta\DocumentaÃ§Ã£o Final\Especificacoes Tecnicas FMM_Rev_07.zip\</t>
  </si>
  <si>
    <t>ANEXO VIII LPU FM TCO TNO e TNE - FAT A_v20150603.xlsx</t>
  </si>
  <si>
    <t>Dados Rede TCO TNO e TNE v20150603.xlsx</t>
  </si>
  <si>
    <t>Sites Industriais TCO TNO e TNE_v20150603.xlsx</t>
  </si>
  <si>
    <t>C:\Users\suelenmm\OneDrive - Grupo Algar\9. Passagem de Pasta.rar\9. Passagem de Pasta\Propostas Finais\ApresentaÃ§Ã£o TIM v5.pptx\</t>
  </si>
  <si>
    <t>C:\Users\suelenmm\OneDrive - Grupo Algar\9. Passagem de Pasta.rar\9. Passagem de Pasta\DocumentaÃ§Ã£o Final\ESPECIFICACOES TECNICAS DE FMT - Rev 7 050515.zip\ET_NW_GOV_013 - Servi‡os Manut Eqptos Tx e Clientes Corporativos - Rev 4 050515.doc\</t>
  </si>
  <si>
    <t>C:\Users\suelenmm\OneDrive - Grupo Algar\9. Passagem de Pasta.rar\9. Passagem de Pasta\DocumentaÃ§Ã£o Final\ESPECIFICACOES TECNICAS DE FMT - Rev 7 050515.zip\ET_NW_GOV_015 - Servi‡os Manut Eqptos Tx e Clientes Corporativos - Instru‡äes RFQ - Rev 5 110615.d</t>
  </si>
  <si>
    <t>C:\Users\suelenmm\OneDrive - Grupo Algar\9. Passagem de Pasta.rar\9. Passagem de Pasta\DocumentaÃ§Ã£o Final\Especificacoes Tecnicas FMM_Rev_07.zip\ANEXO IX - Ficha de Manuten‡Æo Preventiva v20150603.docx\</t>
  </si>
  <si>
    <t>11/21/2019 22:01:12</t>
  </si>
  <si>
    <t>C:\Users\suelenmm\OneDrive - Grupo Algar\</t>
  </si>
  <si>
    <t>Algar_Atividades e Complexidades_ ESPECIALISTAS x ANALISTA DE PROCESSOS v4 - Suélen v2 - Editável.xlsx</t>
  </si>
  <si>
    <t>D:\21_11_2019 - PC ALGAR TECH\Algar_Atividades e Complexidades_ ESPECIALISTAS x ANALISTA DE PROCESSOS v4 - Suélen v2 - Editável.xlsx</t>
  </si>
  <si>
    <t>Algar_Atividades e Complexidades_ ESPECIALISTAS x ANALISTA DE PROCESSOS v4 - Suélen v2.xlsx</t>
  </si>
  <si>
    <t>D:\21_11_2019 - PC ALGAR TECH\Algar_Atividades e Complexidades_ ESPECIALISTAS x ANALISTA DE PROCESSOS v4 - Suélen v2.xlsx</t>
  </si>
  <si>
    <t>11/21/2019 22:01:19</t>
  </si>
  <si>
    <t>Controle de Propostas.xlsx</t>
  </si>
  <si>
    <t>D:\21_11_2019 - PC ALGAR TECH\Controle de Propostas.xlsx</t>
  </si>
  <si>
    <t>11/21/2019 22:01:24</t>
  </si>
  <si>
    <t>D:\21_11_2019 - PC ALGAR TECH\Levantamento Notebooks.xlsx</t>
  </si>
  <si>
    <t>Levantamento Notebooks-NB-SUELENMM.xlsx</t>
  </si>
  <si>
    <t>D:\21_11_2019 - PC ALGAR TECH\Levantamento Notebooks-NB-SUELENMM.xlsx</t>
  </si>
  <si>
    <t>Pasta.xlsx</t>
  </si>
  <si>
    <t>D:\21_11_2019 - PC ALGAR TECH\Pasta.xlsx</t>
  </si>
  <si>
    <t>Presença Academia de Vendas.xlsx</t>
  </si>
  <si>
    <t>D:\21_11_2019 - PC ALGAR TECH\Presença Academia de Vendas.xlsx</t>
  </si>
  <si>
    <t>11/21/2019 22:01:30</t>
  </si>
  <si>
    <t>D:\21_11_2019 - PC ALGAR TECH\Programacao Ferias CPV 2018.xls</t>
  </si>
  <si>
    <t>11/22/2019 08:53:30</t>
  </si>
  <si>
    <t>11/22/2019 08:53:36</t>
  </si>
  <si>
    <t>/o=exchangelabs/ou=exchange administrative group (fydibohf23spdlt)/cn=recipients/cn=10d9bf2715304872bd0e6f8b03de50d1-projetos -;/o=exchangelabs/ou=exchange administrative group (fydibohf23spdlt)/cn=recipients/cn=1e212ef08dab4f26b88cba944f2ab7cb-pmo.governa;/o=exchangelabs/ou=exchange administrative group (fydibohf23spdlt)/cn=recipients/cn=52684aee05874b27a5c249763c2fe008-andre mota;/o=exchangelabs/ou=exchange administrative group (fydibohf23spdlt)/cn=recipients/cn=830ba83a6b9b441ab3f8d8b3a47d0ffe-angelica ma;/o=exchangelabs/ou=exchange administrative group (fydibohf23spdlt)/cn=recipients/cn=d1d67808222e404a921bd1bad8bc54ad-leyriele le;/o=exchangelabs/ou=exchange administrative group (fydibohf23spdlt)/cn=recipients/cn=f87f494a8d1d405d8a7b42a51dd5ab84-iris eugeni;/o=exchangelabs/ou=exchange administrative group (fydibohf23spdlt)/cn=recipients/cn=fe134ce6f7124ebfa00395a14326bd71-luciana ber;</t>
  </si>
  <si>
    <t>RES: Comentário (REVISÃO) - Nº 519074</t>
  </si>
  <si>
    <t>PMO_Algar_Tech_-__DETALHAMENTO_DE_ITENS_DE_AQUISICOES_PARA_PROJETOS_classificada.xlsb</t>
  </si>
  <si>
    <t>/o=exchangelabs/ou=exchange administrative group (fydibohf23spdlt)/cn=recipients/cn=10d9bf2715304872bd0e6f8b03de50d1-projetos -,/o=exchangelabs/ou=exchange administrative group (fydibohf23spdlt)/cn=recipients/cn=1e212ef08dab4f26b88cba944f2ab7cb-pmo.governa,/o=exchangelabs/ou=exchange administrative group (fydibohf23spdlt)/cn=recipients/cn=52684aee05874b27a5c249763c2fe008-andre mota,/o=exchangelabs/ou=exchange administrative group (fydibohf23spdlt)/cn=recipients/cn=830ba83a6b9b441ab3f8d8b3a47d0ffe-angelica ma,/o=exchangelabs/ou=exchange administrative group (fydibohf23spdlt)/cn=recipients/cn=d1d67808222e404a921bd1bad8bc54ad-leyriele le,/o=exchangelabs/ou=exchange administrative group (fydibohf23spdlt)/cn=recipients/cn=f87f494a8d1d405d8a7b42a51dd5ab84-iris eugeni,/o=exchangelabs/ou=exchange administrative group (fydibohf23spdlt)/cn=recipients/cn=fe134ce6f7124ebfa00395a14326bd71-luciana ber</t>
  </si>
  <si>
    <t>11/21/2019 20:03:57</t>
  </si>
  <si>
    <t>11/22/2019 08:57:36</t>
  </si>
  <si>
    <t>C:\Users\suelenmm\OneDrive - Grupo Algar\desktop\</t>
  </si>
  <si>
    <t>11 Novas Localidades.xlsx</t>
  </si>
  <si>
    <t>D:\21_11_2019 - PC ALGAR TECH\desktop\11 Novas Localidades.xlsx</t>
  </si>
  <si>
    <t>11/21/2019 20:03:58</t>
  </si>
  <si>
    <t>D:\21_11_2019 - PC ALGAR TECH\desktop\139187 - TIWS - TRANSACIONAIS.xlsx</t>
  </si>
  <si>
    <t>11/21/2019 20:03:59</t>
  </si>
  <si>
    <t>D:\21_11_2019 - PC ALGAR TECH\desktop\140217 - LEVEL 3 - TRANSACIONAIS.xlsx</t>
  </si>
  <si>
    <t>11/21/2019 20:04:00</t>
  </si>
  <si>
    <t>D:\21_11_2019 - PC ALGAR TECH\desktop\140732 - LEVEL 3 - TRANSACIONAIS.xlsx</t>
  </si>
  <si>
    <t>Adicional Noturno.xlsx</t>
  </si>
  <si>
    <t>D:\21_11_2019 - PC ALGAR TECH\desktop\Adicional Noturno.xlsx</t>
  </si>
  <si>
    <t>11/21/2019 20:04:01</t>
  </si>
  <si>
    <t>ANALITICO -CRs TIM_INTELIG.xlsb</t>
  </si>
  <si>
    <t>D:\21_11_2019 - PC ALGAR TECH\desktop\ANALITICO -CRs TIM_INTELIG.xlsb</t>
  </si>
  <si>
    <t>11/21/2019 20:04:12</t>
  </si>
  <si>
    <t>Apuração Pré-vendas_2ºsem2016_V1 - PS.xlsx</t>
  </si>
  <si>
    <t>D:\21_11_2019 - PC ALGAR TECH\desktop\Apuração Pré-vendas_2ºsem2016_V1 - PS.xlsx</t>
  </si>
  <si>
    <t>11/21/2019 20:04:23</t>
  </si>
  <si>
    <t>Apuração Pré-vendas_2ºsem2016_V1 - SG TCOM.xlsx</t>
  </si>
  <si>
    <t>D:\21_11_2019 - PC ALGAR TECH\desktop\Apuração Pré-vendas_2ºsem2016_V1 - SG TCOM.xlsx</t>
  </si>
  <si>
    <t>11/21/2019 20:04:24</t>
  </si>
  <si>
    <t>BOQ's SEM ISS.xls</t>
  </si>
  <si>
    <t>D:\21_11_2019 - PC ALGAR TECH\desktop\BOQ's SEM ISS.xls</t>
  </si>
  <si>
    <t>11/21/2019 20:04:25</t>
  </si>
  <si>
    <t>CNAE e CNPJ Engeset v2.xlsx</t>
  </si>
  <si>
    <t>D:\21_11_2019 - PC ALGAR TECH\desktop\CNAE e CNPJ Engeset v2.xlsx</t>
  </si>
  <si>
    <t>11/21/2019 20:04:26</t>
  </si>
  <si>
    <t>CNAE e CNPJ Engeset v3.xlsx</t>
  </si>
  <si>
    <t>D:\21_11_2019 - PC ALGAR TECH\desktop\CNAE e CNPJ Engeset v3.xlsx</t>
  </si>
  <si>
    <t>Compromissado mai 17.xlsx</t>
  </si>
  <si>
    <t>D:\21_11_2019 - PC ALGAR TECH\desktop\Compromissado mai 17.xlsx</t>
  </si>
  <si>
    <t>Compromissado_ENGESET_19.12.16.xlsx</t>
  </si>
  <si>
    <t>D:\21_11_2019 - PC ALGAR TECH\desktop\Compromissado_ENGESET_19.12.16.xlsx</t>
  </si>
  <si>
    <t>11/21/2019 20:04:27</t>
  </si>
  <si>
    <t>CPQ.xlsx</t>
  </si>
  <si>
    <t>D:\21_11_2019 - PC ALGAR TECH\desktop\CPQ.xlsx</t>
  </si>
  <si>
    <t>CPQv2.xlsx</t>
  </si>
  <si>
    <t>D:\21_11_2019 - PC ALGAR TECH\desktop\CPQv2.xlsx</t>
  </si>
  <si>
    <t>Cópia de Compromissado ENGESET_12.12.16.xlsx</t>
  </si>
  <si>
    <t>D:\21_11_2019 - PC ALGAR TECH\desktop\Cópia de Compromissado ENGESET_12.12.16.xlsx</t>
  </si>
  <si>
    <t>Cópia de Cotação Preenchido.xlsx</t>
  </si>
  <si>
    <t>D:\21_11_2019 - PC ALGAR TECH\desktop\Cópia de Cotação Preenchido.xlsx</t>
  </si>
  <si>
    <t>Cópia de ENGESET - 4 Semana Outubro.xlsx</t>
  </si>
  <si>
    <t>D:\21_11_2019 - PC ALGAR TECH\desktop\Cópia de ENGESET - 4 Semana Outubro.xlsx</t>
  </si>
  <si>
    <t>11/21/2019 20:04:28</t>
  </si>
  <si>
    <t>Cópia de Engeset- 3 semana outubro.xlsx</t>
  </si>
  <si>
    <t>D:\21_11_2019 - PC ALGAR TECH\desktop\Cópia de Engeset- 3 semana outubro.xlsx</t>
  </si>
  <si>
    <t>Cópia de ENGESET_20161109.xlsx</t>
  </si>
  <si>
    <t>D:\21_11_2019 - PC ALGAR TECH\desktop\Cópia de ENGESET_20161109.xlsx</t>
  </si>
  <si>
    <t>11/21/2019 20:04:29</t>
  </si>
  <si>
    <t>ENGESET_20161123.xlsx</t>
  </si>
  <si>
    <t>D:\21_11_2019 - PC ALGAR TECH\desktop\ENGESET_20161123.xlsx</t>
  </si>
  <si>
    <t>11/21/2019 20:04:33</t>
  </si>
  <si>
    <t>C:\Users\suelenmm\OneDrive - Grupo Algar\desktop\Especificação Funcional_v01.3 - Suélen.docx\</t>
  </si>
  <si>
    <t>D:\21_11_2019 - PC ALGAR TECH\desktop\Especificação Funcional_v01.3 - Suélen.docx</t>
  </si>
  <si>
    <t>C:\Users\suelenmm\OneDrive - Grupo Algar\desktop\Especificação Funcional_v01.3 - Suélen.docx\Microsoft_Excel_Binary_Worksheet1.xlsb\</t>
  </si>
  <si>
    <t>FAT B TIM FMM FMT.xlsx</t>
  </si>
  <si>
    <t>D:\21_11_2019 - PC ALGAR TECH\desktop\FAT B TIM FMM FMT.xlsx</t>
  </si>
  <si>
    <t>Fatura B e construção TIM.xlsx</t>
  </si>
  <si>
    <t>D:\21_11_2019 - PC ALGAR TECH\desktop\Fatura B e construção TIM.xlsx</t>
  </si>
  <si>
    <t>FMM-FMT.xlsx</t>
  </si>
  <si>
    <t>D:\21_11_2019 - PC ALGAR TECH\desktop\FMM-FMT.xlsx</t>
  </si>
  <si>
    <t>Forecast para Atualização por Torre - Dezembro_16 Field v3.xlsx</t>
  </si>
  <si>
    <t>D:\21_11_2019 - PC ALGAR TECH\desktop\Forecast para Atualização por Torre - Dezembro_16 Field v3.xlsx</t>
  </si>
  <si>
    <t>Gás TIM.xlsx</t>
  </si>
  <si>
    <t>D:\21_11_2019 - PC ALGAR TECH\desktop\Gás TIM.xlsx</t>
  </si>
  <si>
    <t>11/21/2019 20:04:34</t>
  </si>
  <si>
    <t>LPU REAJUSTADA METROPOLITANA_4600014173 e INTERURBANA_46000014168 ENGESET SEM ISS.xlsx</t>
  </si>
  <si>
    <t>D:\21_11_2019 - PC ALGAR TECH\desktop\LPU REAJUSTADA METROPOLITANA_4600014173 e INTERURBANA_46000014168 ENGESET SEM ISS.xlsx</t>
  </si>
  <si>
    <t>11/21/2019 20:04:36</t>
  </si>
  <si>
    <t>Oportunidades por data criação (System Date) 12-10.xlsx</t>
  </si>
  <si>
    <t>D:\21_11_2019 - PC ALGAR TECH\desktop\Oportunidades por data criação (System Date) 12-10.xlsx</t>
  </si>
  <si>
    <t>11/21/2019 20:04:38</t>
  </si>
  <si>
    <t>Oportunidades por data criação (System Date) 30-11.xlsx</t>
  </si>
  <si>
    <t>D:\21_11_2019 - PC ALGAR TECH\desktop\Oportunidades por data criação (System Date) 30-11.xlsx</t>
  </si>
  <si>
    <t>11/21/2019 20:04:39</t>
  </si>
  <si>
    <t>D:\21_11_2019 - PC ALGAR TECH\desktop\Orçamento.xlsx</t>
  </si>
  <si>
    <t>parceiros TIM.xlsx</t>
  </si>
  <si>
    <t>D:\21_11_2019 - PC ALGAR TECH\desktop\parceiros TIM.xlsx</t>
  </si>
  <si>
    <t>Pendencias TIM.xlsx</t>
  </si>
  <si>
    <t>D:\21_11_2019 - PC ALGAR TECH\desktop\Pendencias TIM.xlsx</t>
  </si>
  <si>
    <t>11/21/2019 20:04:41</t>
  </si>
  <si>
    <t>D:\21_11_2019 - PC ALGAR TECH\desktop\Pipeline Detalhado.xlsx</t>
  </si>
  <si>
    <t>11/21/2019 20:04:42</t>
  </si>
  <si>
    <t>PREVENTIVA END_ID_TCO_TNE.xlsx</t>
  </si>
  <si>
    <t>D:\21_11_2019 - PC ALGAR TECH\desktop\PREVENTIVA END_ID_TCO_TNE.xlsx</t>
  </si>
  <si>
    <t>C:\Users\suelenmm\OneDrive - Grupo Algar\desktop\Procedimento - PRECIFICAÇÃO DE SERVIÇOS_revisão janeiro 17 _4_Suelen.docx\</t>
  </si>
  <si>
    <t>D:\21_11_2019 - PC ALGAR TECH\desktop\Procedimento - PRECIFICAÇÃO DE SERVIÇOS_revisão janeiro 17 _4_Suelen.docx</t>
  </si>
  <si>
    <t>D:\21_11_2019 - PC ALGAR TECH\desktop\Proposta Algartech-Brasil.xlsx</t>
  </si>
  <si>
    <t>D:\21_11_2019 - PC ALGAR TECH\desktop\Proposta Algartech-SP.xlsx</t>
  </si>
  <si>
    <t>11/21/2019 20:04:43</t>
  </si>
  <si>
    <t>Reajuste.xlsx</t>
  </si>
  <si>
    <t>D:\21_11_2019 - PC ALGAR TECH\desktop\Reajuste.xlsx</t>
  </si>
  <si>
    <t>Relatorio_BOQ 4161 - SEM ISS.xlsb</t>
  </si>
  <si>
    <t>D:\21_11_2019 - PC ALGAR TECH\desktop\Relatorio_BOQ 4161 - SEM ISS.xlsb</t>
  </si>
  <si>
    <t>Serviços para Execução SEM ISS.xlsx</t>
  </si>
  <si>
    <t>D:\21_11_2019 - PC ALGAR TECH\desktop\Serviços para Execução SEM ISS.xlsx</t>
  </si>
  <si>
    <t>11/21/2019 20:04:44</t>
  </si>
  <si>
    <t>Status assuntos tratados TIM e LIGHT v2.xlsx</t>
  </si>
  <si>
    <t>D:\21_11_2019 - PC ALGAR TECH\desktop\Status assuntos tratados TIM e LIGHT v2.xlsx</t>
  </si>
  <si>
    <t>Status assuntos tratados TIM e LIGHT.xlsx</t>
  </si>
  <si>
    <t>D:\21_11_2019 - PC ALGAR TECH\desktop\Status assuntos tratados TIM e LIGHT.xlsx</t>
  </si>
  <si>
    <t>TIM - A1 - LPU FMM - Cálculo de reajuste_v1.xlsx</t>
  </si>
  <si>
    <t>D:\21_11_2019 - PC ALGAR TECH\desktop\TIM - A1 - LPU FMM - Cálculo de reajuste_v1.xlsx</t>
  </si>
  <si>
    <t>11/21/2019 20:04:45</t>
  </si>
  <si>
    <t>TIM - A1 - LPU FMM - Quant Sites Revisado.xlsx</t>
  </si>
  <si>
    <t>D:\21_11_2019 - PC ALGAR TECH\desktop\TIM - A1 - LPU FMM - Quant Sites Revisado.xlsx</t>
  </si>
  <si>
    <t>11/21/2019 20:04:49</t>
  </si>
  <si>
    <t>D:\21_11_2019 - PC ALGAR TECH\desktop\TIM - Interurbana e Urbana Rota fibra - Planilha Suprimentos - Reajuste_....xlsx</t>
  </si>
  <si>
    <t>11/21/2019 20:04:53</t>
  </si>
  <si>
    <t>TIM - Interurbana e Urbana Rota fibra - Planilha Suprimentos - Reajuste_v1.xlsx</t>
  </si>
  <si>
    <t>D:\21_11_2019 - PC ALGAR TECH\desktop\TIM - Interurbana e Urbana Rota fibra - Planilha Suprimentos - Reajuste_v1.xlsx</t>
  </si>
  <si>
    <t>TIM - LPU FMT - Cálculo de Reajuste_v1.xlsx</t>
  </si>
  <si>
    <t>D:\21_11_2019 - PC ALGAR TECH\desktop\TIM - LPU FMT - Cálculo de Reajuste_v1.xlsx</t>
  </si>
  <si>
    <t>TIM BB NACIONAL.xls</t>
  </si>
  <si>
    <t>D:\21_11_2019 - PC ALGAR TECH\desktop\TIM BB NACIONAL.xls</t>
  </si>
  <si>
    <t>11/21/2019 20:05:04</t>
  </si>
  <si>
    <t>C:\Users\suelenmm\OneDrive - Grupo Algar\desktop\Contratos\CONSTRUÇÃO DE REDE AB_2016_SL1659.zip\CONSTRU€ÇO DE REDE AB_2016_SL1659\Origem\ANEXO II - Especifica‡äes T‚cnicas.zip\</t>
  </si>
  <si>
    <t>ANEXO TECNICO I_B - RNC_EMPRESA_CONTRATO_ANO.MÒS.00X.XLS</t>
  </si>
  <si>
    <t>D:\21_11_2019 - PC ALGAR TECH\desktop\Contratos\CONSTRUÇÃO DE REDE AB_2016_SL1659.zip</t>
  </si>
  <si>
    <t>ANEXO TCNICO I_C - AVALIA€ÇO_EMPRESA_CONTRATO_ANO.MES.00X.XLSX</t>
  </si>
  <si>
    <t>C:\Users\suelenmm\OneDrive - Grupo Algar\desktop\Contratos\CONSTRUÇÃO DE REDE AB_2016_SL1659.zip\CONSTRU€ÇO DE REDE AB_2016_SL1659\Origem\ANEXO II - Especifica‡äes T‚cnicas.zip\ANEXO TECNICO I_A - Procedimento - Avalia‡Æo do fornecedor v2.docx\</t>
  </si>
  <si>
    <t>C:\Users\suelenmm\OneDrive - Grupo Algar\desktop\Contratos\CONSTRUÇÃO DE REDE AB_2016_SL1659.zip\CONSTRU€ÇO DE REDE AB_2016_SL1659\Origem\ANEXO II - Especifica‡äes T‚cnicas.zip\ANEXO TECNICO V - Planilhas de Testes ¢pticos.7z\</t>
  </si>
  <si>
    <t>Planilha 01 - EMENDAS MONITORADAS 5 TENTATIVAS.xls</t>
  </si>
  <si>
    <t>Planilha 02 - EMENDAS OPTICAS.xls</t>
  </si>
  <si>
    <t>Planilha 03 - POTENCIA OPTICA-novo.xls</t>
  </si>
  <si>
    <t>Planilha de teste.xlsx</t>
  </si>
  <si>
    <t>C:\Users\suelenmm\OneDrive - Grupo Algar\desktop\Contratos\CONSTRUÇÃO DE REDE AB_2016_SL1659.zip\CONSTRU€ÇO DE REDE AB_2016_SL1659\Origem\CONSTRU€ÇO DE REDE AB_2016_SL1659.zip\ANEXO II - Especifica‡äes T‚cnicas.zip\</t>
  </si>
  <si>
    <t>C:\Users\suelenmm\OneDrive - Grupo Algar\desktop\Contratos\CONSTRUÇÃO DE REDE AB_2016_SL1659.zip\CONSTRU€ÇO DE REDE AB_2016_SL1659\Origem\RE CONTRATO - A58571 - Constru‡Æo de Rede Externa Nacional - ENGESET - Assinado.msg\s239\ANEXO II - Especificações Téc</t>
  </si>
  <si>
    <t>C:\Users\suelenmm\OneDrive - Grupo Algar\desktop\Contratos\CONSTRUÇÃO DE REDE AB_2016_SL1659.zip\CONSTRU€ÇO DE REDE AB_2016_SL1659\Origem\CONSTRU€ÇO DE REDE AB_2016_SL1659.zip\ANEXO II - Especifica‡äes T‚cnicas.zip\ANEXO TECNICO I_A - Procedimento - Avalia</t>
  </si>
  <si>
    <t>C:\Users\suelenmm\OneDrive - Grupo Algar\desktop\Contratos\CONSTRUÇÃO DE REDE AB_2016_SL1659.zip\CONSTRU€ÇO DE REDE AB_2016_SL1659\Origem\CONSTRU€ÇO DE REDE AB_2016_SL1659.zip\ANEXO II - Especifica‡äes T‚cnicas.zip\ANEXO TECNICO V - Planilhas de Testes ¢pt</t>
  </si>
  <si>
    <t>11/21/2019 20:05:05</t>
  </si>
  <si>
    <t>11/21/2019 20:05:11</t>
  </si>
  <si>
    <t>C:\Users\suelenmm\OneDrive - Grupo Algar\desktop\Contratos para assinatura TIM\ADITIVO FMM-FMT.zip\ADITIVO FMM-FMT\</t>
  </si>
  <si>
    <t>D:\21_11_2019 - PC ALGAR TECH\desktop\Contratos para assinatura TIM\ADITIVO FMM-FMT.zip</t>
  </si>
  <si>
    <t>C:\Users\suelenmm\OneDrive - Grupo Algar\desktop\Contratos para assinatura TIM\Aceitacao de sites\</t>
  </si>
  <si>
    <t>3 - LPU ACEITAÇÃO DE SITES - sem ISS.xlsx</t>
  </si>
  <si>
    <t>D:\21_11_2019 - PC ALGAR TECH\desktop\Contratos para assinatura TIM\Aceitacao de sites\3 - LPU ACEITAÇÃO DE SITES - sem ISS.xlsx</t>
  </si>
  <si>
    <t>11/21/2019 20:05:12</t>
  </si>
  <si>
    <t>ANEXO 1 - ACEITAÇÃO FÍSICA EPQTO ACESSO ERICSSON - REV 291116.xlsx</t>
  </si>
  <si>
    <t>D:\21_11_2019 - PC ALGAR TECH\desktop\Contratos para assinatura TIM\Aceitacao de sites\2 - ANEXO I - ESPEC TECNICA\ANEXO 1 - ACEITAÇÃO FÍSICA EPQTO ACESSO ERICSSON - REV 291116.xlsx</t>
  </si>
  <si>
    <t>ANEXO 10 - ACEITAÇÃO FÍSICA EQPTO CORE- REV 291116.xlsx</t>
  </si>
  <si>
    <t>D:\21_11_2019 - PC ALGAR TECH\desktop\Contratos para assinatura TIM\Aceitacao de sites\2 - ANEXO I - ESPEC TECNICA\ANEXO 10 - ACEITAÇÃO FÍSICA EQPTO CORE- REV 291116.xlsx</t>
  </si>
  <si>
    <t>11/21/2019 20:05:13</t>
  </si>
  <si>
    <t>ANEXO 11 - ACEITAÇÃO FÍSICA INFRA EQPTO ACESSO E TRANSPORTE - REV 291116.xlsx</t>
  </si>
  <si>
    <t>D:\21_11_2019 - PC ALGAR TECH\desktop\Contratos para assinatura TIM\Aceitacao de sites\2 - ANEXO I - ESPEC TECNICA\ANEXO 11 - ACEITAÇÃO FÍSICA INFRA EQPTO ACESSO E TRANSPORTE - REV 291116.xlsx</t>
  </si>
  <si>
    <t>ANEXO 12 - ACEITAÇÃO FÍSICA INFRA EQPTO BIOSITE - REV 291116.xlsx</t>
  </si>
  <si>
    <t>D:\21_11_2019 - PC ALGAR TECH\desktop\Contratos para assinatura TIM\Aceitacao de sites\2 - ANEXO I - ESPEC TECNICA\ANEXO 12 - ACEITAÇÃO FÍSICA INFRA EQPTO BIOSITE - REV 291116.xlsx</t>
  </si>
  <si>
    <t>ANEXO 13 - ACEITAÇÃO FÍSICA INFRA EQPTO ALTA HIERARQUIA - REV 291116.xlsx</t>
  </si>
  <si>
    <t>D:\21_11_2019 - PC ALGAR TECH\desktop\Contratos para assinatura TIM\Aceitacao de sites\2 - ANEXO I - ESPEC TECNICA\ANEXO 13 - ACEITAÇÃO FÍSICA INFRA EQPTO ALTA HIERARQUIA - REV 291116.xlsx</t>
  </si>
  <si>
    <t>ANEXO 14 - ACEITAÇÃO FÍSICA INFRA PREDIAL - REV 291116.xlsx</t>
  </si>
  <si>
    <t>D:\21_11_2019 - PC ALGAR TECH\desktop\Contratos para assinatura TIM\Aceitacao de sites\2 - ANEXO I - ESPEC TECNICA\ANEXO 14 - ACEITAÇÃO FÍSICA INFRA PREDIAL - REV 291116.xlsx</t>
  </si>
  <si>
    <t>11/22/2019 08:56:00</t>
  </si>
  <si>
    <t>11/22/2019 08:59:36</t>
  </si>
  <si>
    <t>/o=exchangelabs/ou=exchange administrative group (fydibohf23spdlt)/cn=recipients/cn=10d9bf2715304872bd0e6f8b03de50d1-projetos -;/o=exchangelabs/ou=exchange administrative group (fydibohf23spdlt)/cn=recipients/cn=52684aee05874b27a5c249763c2fe008-andre mota;/o=exchangelabs/ou=exchange administrative group (fydibohf23spdlt)/cn=recipients/cn=830ba83a6b9b441ab3f8d8b3a47d0ffe-angelica ma;/o=exchangelabs/ou=exchange administrative group (fydibohf23spdlt)/cn=recipients/cn=d1d67808222e404a921bd1bad8bc54ad-leyriele le;/o=exchangelabs/ou=exchange administrative group (fydibohf23spdlt)/cn=recipients/cn=f87f494a8d1d405d8a7b42a51dd5ab84-iris eugeni;/o=exchangelabs/ou=exchange administrative group (fydibohf23spdlt)/cn=recipients/cn=fe134ce6f7124ebfa00395a14326bd71-luciana ber;</t>
  </si>
  <si>
    <t>/o=exchangelabs/ou=exchange administrative group (fydibohf23spdlt)/cn=recipients/cn=10d9bf2715304872bd0e6f8b03de50d1-projetos -,/o=exchangelabs/ou=exchange administrative group (fydibohf23spdlt)/cn=recipients/cn=52684aee05874b27a5c249763c2fe008-andre mota,/o=exchangelabs/ou=exchange administrative group (fydibohf23spdlt)/cn=recipients/cn=830ba83a6b9b441ab3f8d8b3a47d0ffe-angelica ma,/o=exchangelabs/ou=exchange administrative group (fydibohf23spdlt)/cn=recipients/cn=d1d67808222e404a921bd1bad8bc54ad-leyriele le,/o=exchangelabs/ou=exchange administrative group (fydibohf23spdlt)/cn=recipients/cn=f87f494a8d1d405d8a7b42a51dd5ab84-iris eugeni,/o=exchangelabs/ou=exchange administrative group (fydibohf23spdlt)/cn=recipients/cn=fe134ce6f7124ebfa00395a14326bd71-luciana ber</t>
  </si>
  <si>
    <t>11/22/2019 08:58:31</t>
  </si>
  <si>
    <t>11/22/2019 09:02:35</t>
  </si>
  <si>
    <t>ENC: RETENÇÃO - Oportunidades e ajudas</t>
  </si>
  <si>
    <t>RET Atividades Novembro 2019.xlsx</t>
  </si>
  <si>
    <t>11/22/2019 09:07:58</t>
  </si>
  <si>
    <t>11/22/2019 09:09:35</t>
  </si>
  <si>
    <t>10.200.60.34</t>
  </si>
  <si>
    <t>mail.google.com/_/upload?authuser=1&amp;dcp=asu-n&amp;upload_id=AEnB2Upzrw1Dg-rU0LejkKROigqWIKdRWb0wkQ-p1g7TtHRYN6dZdBdW4m2cmp949GskeVEauChyTzAEz712ZkRj87APoGIQIw&amp;upload_protocol=resumable</t>
  </si>
  <si>
    <t>TRIPAG MEIOS DE PAGAMENTO LTDA - OUTUBRO.xlsx</t>
  </si>
  <si>
    <t>11/22/2019 09:09:58</t>
  </si>
  <si>
    <t>11/22/2019 09:11:35</t>
  </si>
  <si>
    <t>/o=exchangelabs/ou=exchange administrative group (fydibohf23spdlt)/cn=recipients/cn=0b12aab521944ecb8b32eb8c0929be5c-rafael gonz;/o=exchangelabs/ou=exchange administrative group (fydibohf23spdlt)/cn=recipients/cn=545f738e0fe740ba856f4eb6ef0135e0-vinicius si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f50351055a2944cebcbdc18a918945d6-gustavo res;</t>
  </si>
  <si>
    <t>ENC: ARQUIVO DE FATURAMENTO ALGAR - OUTUBRO/2019 | FECHAMENTO</t>
  </si>
  <si>
    <t>Novo Arquivo Faturamento_Algar_Outubro_2019_V0.xlsm</t>
  </si>
  <si>
    <t>/o=exchangelabs/ou=exchange administrative group (fydibohf23spdlt)/cn=recipients/cn=0b12aab521944ecb8b32eb8c0929be5c-rafael gonz,/o=exchangelabs/ou=exchange administrative group (fydibohf23spdlt)/cn=recipients/cn=545f738e0fe740ba856f4eb6ef0135e0-vinicius si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f50351055a2944cebcbdc18a918945d6-gustavo res</t>
  </si>
  <si>
    <t>11/22/2019 09:09:08</t>
  </si>
  <si>
    <t>11/22/2019 09:14:35</t>
  </si>
  <si>
    <t>11/22/2019 09:19:37</t>
  </si>
  <si>
    <t>11/22/2019 09:21:36</t>
  </si>
  <si>
    <t>Grupos IBI new.xls</t>
  </si>
  <si>
    <t>11/22/2019 09:18:17</t>
  </si>
  <si>
    <t>11/22/2019 09:22:37</t>
  </si>
  <si>
    <t>/o=exchangelabs/ou=exchange administrative group (fydibohf23spdlt)/cn=recipients/cn=8da96f497b5c46ee81c2775857a1df84-pedro henri;pedrohma@algartech.com.br;</t>
  </si>
  <si>
    <t>Dimensionamento</t>
  </si>
  <si>
    <t>DIMENS_CC BACK.xlsx</t>
  </si>
  <si>
    <t>/o=exchangelabs/ou=exchange administrative group (fydibohf23spdlt)/cn=recipients/cn=8da96f497b5c46ee81c2775857a1df84-pedro henri,pedrohma@algartech.com.br</t>
  </si>
  <si>
    <t>11/22/2019 09:23:02</t>
  </si>
  <si>
    <t>11/22/2019 09:24:37</t>
  </si>
  <si>
    <t>/o=exchangelabs/ou=exchange administrative group (fydibohf23spdlt)/cn=recipients/cn=027c2da1ea5a42378a892f895ed29947-andressa tu;/o=exchangelabs/ou=exchange administrative group (fydibohf23spdlt)/cn=recipients/cn=b79663656cc44aa3bf06617d1695ae51-carlos faci;</t>
  </si>
  <si>
    <t>RES: Empresas Carteirizadas</t>
  </si>
  <si>
    <t>/o=exchangelabs/ou=exchange administrative group (fydibohf23spdlt)/cn=recipients/cn=027c2da1ea5a42378a892f895ed29947-andressa tu,/o=exchangelabs/ou=exchange administrative group (fydibohf23spdlt)/cn=recipients/cn=b79663656cc44aa3bf06617d1695ae51-carlos faci</t>
  </si>
  <si>
    <t>11/21/2019 17:31:13</t>
  </si>
  <si>
    <t>11/22/2019 09:26:36</t>
  </si>
  <si>
    <t>11/22/2019 09:25:36</t>
  </si>
  <si>
    <t>11/22/2019 09:26:48</t>
  </si>
  <si>
    <t>11/22/2019 09:27:36</t>
  </si>
  <si>
    <t>RES: ASLCP_ACCESS REVIEW</t>
  </si>
  <si>
    <t>11/22/2019 09:26:05</t>
  </si>
  <si>
    <t>11/22/2019 09:29:36</t>
  </si>
  <si>
    <t>11/22/2019 09:29:43</t>
  </si>
  <si>
    <t>11/22/2019 09:33:36</t>
  </si>
  <si>
    <t>mail.google.com/_/upload?authuser=0&amp;dcp=asu-n&amp;upload_id=AEnB2UovGLgxaBbEj-A_kTly31zPfm4hjsHGdgWyK7c1RO8PvWJDWW2goOkX7ZxVYg_l3InMk6vrTxYjn3fB4uvpn4VypR6Scg&amp;upload_protocol=resumable</t>
  </si>
  <si>
    <t>Atividades-ANF31 - BH_22_11_19 (1) JULIANO.xlsx</t>
  </si>
  <si>
    <t>11/22/2019 09:31:54</t>
  </si>
  <si>
    <t>11/22/2019 09:34:36</t>
  </si>
  <si>
    <t>EC-55-F9-93-42-1F</t>
  </si>
  <si>
    <t>NB-SOC</t>
  </si>
  <si>
    <t>E:\AA - Festa 15 anos\</t>
  </si>
  <si>
    <t>Check-list segurança.xlsx</t>
  </si>
  <si>
    <t>F:\AA - Festa 15 anos\Check-list segurança.xlsx</t>
  </si>
  <si>
    <t>11/22/2019 09:32:02</t>
  </si>
  <si>
    <t>E:\AA - SP 22-02-17\14.5 - Site CASA - Santo Amaro\E-mail_Avaliação do Site CASA.msg\s1\</t>
  </si>
  <si>
    <t>ANALISE DE CUSTOS SANTO AMARO.xlsx</t>
  </si>
  <si>
    <t>F:\AA - SP 22-02-17\14.5 - Site CASA - Santo Amaro\E-mail_Avaliação do Site CASA.msg</t>
  </si>
  <si>
    <t>11/22/2019 09:33:08</t>
  </si>
  <si>
    <t>E:\Área de Trabalho\</t>
  </si>
  <si>
    <t>25667CCD.tmp</t>
  </si>
  <si>
    <t>F:\Área de Trabalho\25667CCD.tmp</t>
  </si>
  <si>
    <t>11/22/2019 09:33:11</t>
  </si>
  <si>
    <t>Ações Interna_Simulação.xlsx</t>
  </si>
  <si>
    <t>F:\Área de Trabalho\Ações Interna_Simulação.xlsx</t>
  </si>
  <si>
    <t>CAMPINAS - PROPOSTA 3A.xlsx</t>
  </si>
  <si>
    <t>F:\Área de Trabalho\CAMPINAS - PROPOSTA 3A.xlsx</t>
  </si>
  <si>
    <t>CAMPINAS - PROPOSTA 3A_V2.xlsx</t>
  </si>
  <si>
    <t>F:\Área de Trabalho\CAMPINAS - PROPOSTA 3A_V2.xlsx</t>
  </si>
  <si>
    <t>CEI_Planejamento Capex 2017_REV1 - 19-08-16.xlsx</t>
  </si>
  <si>
    <t>F:\Área de Trabalho\CEI_Planejamento Capex 2017_REV1 - 19-08-16.xlsx</t>
  </si>
  <si>
    <t>11/22/2019 09:33:12</t>
  </si>
  <si>
    <t>Cálculo_ACORDO COLETIVO_2016.xlsx</t>
  </si>
  <si>
    <t>F:\Área de Trabalho\Cálculo_ACORDO COLETIVO_2016.xlsx</t>
  </si>
  <si>
    <t>Cópia de CEI_Adequações das Equipes para 2017_V02.xlsx</t>
  </si>
  <si>
    <t>F:\Área de Trabalho\Cópia de CEI_Adequações das Equipes para 2017_V02.xlsx</t>
  </si>
  <si>
    <t>Descritivo Serviços de Segurança_2015-Em atualização.xls</t>
  </si>
  <si>
    <t>F:\Área de Trabalho\Descritivo Serviços de Segurança_2015-Em atualização.xls</t>
  </si>
  <si>
    <t>11/22/2019 09:33:13</t>
  </si>
  <si>
    <t>Entrevista Carlos.xls</t>
  </si>
  <si>
    <t>F:\Área de Trabalho\Entrevista Carlos.xls</t>
  </si>
  <si>
    <t>11/22/2019 09:33:27</t>
  </si>
  <si>
    <t>Formulario_Correios.xls</t>
  </si>
  <si>
    <t>F:\Área de Trabalho\Formulario_Correios.xls</t>
  </si>
  <si>
    <t>11/22/2019 09:33:28</t>
  </si>
  <si>
    <t>Memória de cálculo_Reduções de custos 2017.xlsx</t>
  </si>
  <si>
    <t>F:\Área de Trabalho\Memória de cálculo_Reduções de custos 2017.xlsx</t>
  </si>
  <si>
    <t>11/22/2019 09:33:30</t>
  </si>
  <si>
    <t>QUESTIONÁRIO-AUDITORIA-DE-PROCESSO-FORNECEDOR.xls</t>
  </si>
  <si>
    <t>F:\Área de Trabalho\QUESTIONÁRIO-AUDITORIA-DE-PROCESSO-FORNECEDOR.xls</t>
  </si>
  <si>
    <t>11/22/2019 09:33:31</t>
  </si>
  <si>
    <t>Relatório de despesas_Carlos.xlsx</t>
  </si>
  <si>
    <t>F:\Área de Trabalho\Relatório de despesas_Carlos.xlsx</t>
  </si>
  <si>
    <t>11/22/2019 09:33:33</t>
  </si>
  <si>
    <t>Relação de Grupos de acesso a rede.xlsx</t>
  </si>
  <si>
    <t>F:\Área de Trabalho\Relação de Grupos de acesso a rede.xlsx</t>
  </si>
  <si>
    <t>11/22/2019 09:33:34</t>
  </si>
  <si>
    <t>Serviços de Vigilância e Portaria_2016.xlsx</t>
  </si>
  <si>
    <t>F:\Área de Trabalho\Serviços de Vigilância e Portaria_2016.xlsx</t>
  </si>
  <si>
    <t>11/22/2019 09:33:39</t>
  </si>
  <si>
    <t>E:\Área de Trabalho\Pendências\</t>
  </si>
  <si>
    <t>Análise de Custo Crahá Funcional.xlsx</t>
  </si>
  <si>
    <t>F:\Área de Trabalho\Pendências\Análise de Custo Crahá Funcional.xlsx</t>
  </si>
  <si>
    <t>11/22/2019 09:33:42</t>
  </si>
  <si>
    <t>Avaliação de desempenho.xls</t>
  </si>
  <si>
    <t>F:\Área de Trabalho\Pendências\Avaliação de desempenho.xls</t>
  </si>
  <si>
    <t>11/22/2019 09:33:44</t>
  </si>
  <si>
    <t>Planejamento de atividades_Carlos.xlsx</t>
  </si>
  <si>
    <t>F:\Área de Trabalho\Pendências\Planejamento de atividades_Carlos.xlsx</t>
  </si>
  <si>
    <t>11/22/2019 09:33:47</t>
  </si>
  <si>
    <t>E:\Área de Trabalho\Temp\</t>
  </si>
  <si>
    <t>CRS_Assessoria_340001415_7000.xls</t>
  </si>
  <si>
    <t>F:\Área de Trabalho\Temp\CRS_Assessoria_340001415_7000.xls</t>
  </si>
  <si>
    <t>Descritivo Serviços de Segurança_2014_Willy - Atualizada 2015.xls</t>
  </si>
  <si>
    <t>F:\Área de Trabalho\Temp\Descritivo Serviços de Segurança_2014_Willy - Atualizada 2015.xls</t>
  </si>
  <si>
    <t>11/22/2019 09:33:49</t>
  </si>
  <si>
    <t>OPEX_2015.xls</t>
  </si>
  <si>
    <t>F:\Área de Trabalho\Temp\OPEX_2015.xls</t>
  </si>
  <si>
    <t>11/22/2019 09:30:40</t>
  </si>
  <si>
    <t>11/22/2019 09:35:36</t>
  </si>
  <si>
    <t>mail.google.com/_/upload?authuser=0&amp;dcp=asu-n&amp;upload_id=AEnB2Uo79tDUfmnnT1Nd7r4T24S5I9h5PCVWdCzizCG-Dm21s-mCHhCrg2MbTfFTfYOqZ6Dxv0s5hBZbJ4cPSpBAr_JZe57_2A&amp;upload_protocol=resumable</t>
  </si>
  <si>
    <t>MAILING G SUITE - 22_11.xlsx</t>
  </si>
  <si>
    <t>11/22/2019 09:30:54</t>
  </si>
  <si>
    <t>BP Brasif</t>
  </si>
  <si>
    <t>217399 Brasif Precificacao C018 B018_v1 92 Incidenes.xlsb</t>
  </si>
  <si>
    <t>11/22/2019 09:33:54</t>
  </si>
  <si>
    <t>11/22/2019 09:39:36</t>
  </si>
  <si>
    <t>E:\Área de Trabalho\Temp\Apresentação_Diretoria\</t>
  </si>
  <si>
    <t>CUSTO BOTTON.xlsx</t>
  </si>
  <si>
    <t>F:\Área de Trabalho\Temp\Apresentação_Diretoria\CUSTO BOTTON.xlsx</t>
  </si>
  <si>
    <t>11/22/2019 09:33:55</t>
  </si>
  <si>
    <t>MATERIAIS PARA SUBSTITUIÇÃO DO USO DOS BOTONS .xlsx</t>
  </si>
  <si>
    <t>F:\Área de Trabalho\Temp\Apresentação_Diretoria\MATERIAIS PARA SUBSTITUIÇÃO DO USO DOS BOTONS .xlsx</t>
  </si>
  <si>
    <t>MATERIAIS PARA SUBSTITUIÇÃO DO USO DOS BOTONS..xlsx</t>
  </si>
  <si>
    <t>F:\Área de Trabalho\Temp\Apresentação_Diretoria\MATERIAIS PARA SUBSTITUIÇÃO DO USO DOS BOTONS..xlsx</t>
  </si>
  <si>
    <t>11/22/2019 09:34:14</t>
  </si>
  <si>
    <t>E:\Área de Trabalho\Temp\Apresentação_Diretoria\COI\</t>
  </si>
  <si>
    <t>ANALISE CUSTO DE CONFECÇÃO DE CRACHÁ..xlsx</t>
  </si>
  <si>
    <t>F:\Área de Trabalho\Temp\Apresentação_Diretoria\COI\ANALISE CUSTO DE CONFECÇÃO DE CRACHÁ..xlsx</t>
  </si>
  <si>
    <t>11/22/2019 09:34:16</t>
  </si>
  <si>
    <t>COI.xls</t>
  </si>
  <si>
    <t>F:\Área de Trabalho\Temp\Apresentação_Diretoria\COI\COI.xls</t>
  </si>
  <si>
    <t>11/22/2019 09:34:17</t>
  </si>
  <si>
    <t>Cópia de Indicadores de performance_Seguranca.xlsx</t>
  </si>
  <si>
    <t>F:\Área de Trabalho\Temp\Apresentação_Diretoria\COI\Cópia de Indicadores de performance_Seguranca.xlsx</t>
  </si>
  <si>
    <t>Lista_Segurança Empresarial.xls .xls</t>
  </si>
  <si>
    <t>F:\Área de Trabalho\Temp\Apresentação_Diretoria\COI\Lista_Segurança Empresarial.xls .xls</t>
  </si>
  <si>
    <t>11/22/2019 09:34:50</t>
  </si>
  <si>
    <t>E:\Área de Trabalho\Temporário02\</t>
  </si>
  <si>
    <t>ALAOR_Seguranca.xlsx</t>
  </si>
  <si>
    <t>F:\Área de Trabalho\Temporário02\ALAOR_Seguranca.xlsx</t>
  </si>
  <si>
    <t>11/22/2019 09:34:52</t>
  </si>
  <si>
    <t>Algar_Tech_Infraestrutura_Carlos Rodrigues_v1.xls</t>
  </si>
  <si>
    <t>F:\Área de Trabalho\Temporário02\Algar_Tech_Infraestrutura_Carlos Rodrigues_v1.xls</t>
  </si>
  <si>
    <t>11/22/2019 09:34:55</t>
  </si>
  <si>
    <t>CARLOS RODRIGUES COSTA.xls</t>
  </si>
  <si>
    <t>F:\Área de Trabalho\Temporário02\CARLOS RODRIGUES COSTA.xls</t>
  </si>
  <si>
    <t>11/22/2019 09:34:57</t>
  </si>
  <si>
    <t>Categorias RO.xlsx</t>
  </si>
  <si>
    <t>F:\Área de Trabalho\Temporário02\Categorias RO.xlsx</t>
  </si>
  <si>
    <t>11/22/2019 09:34:58</t>
  </si>
  <si>
    <t>Controle de atividadades.xlsx</t>
  </si>
  <si>
    <t>F:\Área de Trabalho\Temporário02\Controle de atividadades.xlsx</t>
  </si>
  <si>
    <t>ControleTarefas_v2.xlsx</t>
  </si>
  <si>
    <t>F:\Área de Trabalho\Temporário02\ControleTarefas_v2.xlsx</t>
  </si>
  <si>
    <t>11/22/2019 09:35:00</t>
  </si>
  <si>
    <t>Cópia de Planejamento CAPEX INFRAESTRUTURA 2015.xls</t>
  </si>
  <si>
    <t>F:\Área de Trabalho\Temporário02\Cópia de Planejamento CAPEX INFRAESTRUTURA 2015.xls</t>
  </si>
  <si>
    <t>Cópia de Planilha Resumo Corporativo.xlsx</t>
  </si>
  <si>
    <t>F:\Área de Trabalho\Temporário02\Cópia de Planilha Resumo Corporativo.xlsx</t>
  </si>
  <si>
    <t>11/22/2019 09:35:01</t>
  </si>
  <si>
    <t>DE - PARA - segurança.xlsx</t>
  </si>
  <si>
    <t>F:\Área de Trabalho\Temporário02\DE - PARA - segurança.xlsx</t>
  </si>
  <si>
    <t>DEPARTAMENTAL - CARLOS - 102014.xlsx</t>
  </si>
  <si>
    <t>F:\Área de Trabalho\Temporário02\DEPARTAMENTAL - CARLOS - 102014.xlsx</t>
  </si>
  <si>
    <t>Descritivo Serviços de Segurança_2014_Com reajuste_Willy.xls</t>
  </si>
  <si>
    <t>F:\Área de Trabalho\Temporário02\Descritivo Serviços de Segurança_2014_Com reajuste_Willy.xls</t>
  </si>
  <si>
    <t>11/22/2019 09:35:24</t>
  </si>
  <si>
    <t>Evidência para objetivos 1º semestre 2014.xls</t>
  </si>
  <si>
    <t>F:\Área de Trabalho\Temporário02\Evidência para objetivos 1º semestre 2014.xls</t>
  </si>
  <si>
    <t>11/22/2019 09:35:26</t>
  </si>
  <si>
    <t>Informações para processo de investigação.xlsx</t>
  </si>
  <si>
    <t>F:\Área de Trabalho\Temporário02\Informações para processo de investigação.xlsx</t>
  </si>
  <si>
    <t>11/22/2019 09:35:27</t>
  </si>
  <si>
    <t>Link Rápido_Carlos.xlsx</t>
  </si>
  <si>
    <t>F:\Área de Trabalho\Temporário02\Link Rápido_Carlos.xlsx</t>
  </si>
  <si>
    <t>11/22/2019 09:35:30</t>
  </si>
  <si>
    <t>Mapa de atividades.xlsx</t>
  </si>
  <si>
    <t>F:\Área de Trabalho\Temporário02\Mapa de atividades.xlsx</t>
  </si>
  <si>
    <t>Números de segurança eletrônica_04-09-14.xlsx</t>
  </si>
  <si>
    <t>F:\Área de Trabalho\Temporário02\Números de segurança eletrônica_04-09-14.xlsx</t>
  </si>
  <si>
    <t>Objetivos 1ª Semestre 2014_COI.xlsx</t>
  </si>
  <si>
    <t>F:\Área de Trabalho\Temporário02\Objetivos 1ª Semestre 2014_COI.xlsx</t>
  </si>
  <si>
    <t>Objetivos 1ª Semestre 2014_Final.xlsx</t>
  </si>
  <si>
    <t>F:\Área de Trabalho\Temporário02\Objetivos 1ª Semestre 2014_Final.xlsx</t>
  </si>
  <si>
    <t>Objetivos 2ª Semestre 2014_Assessoria_Carlos e Wemerson.xlsx</t>
  </si>
  <si>
    <t>F:\Área de Trabalho\Temporário02\Objetivos 2ª Semestre 2014_Assessoria_Carlos e Wemerson.xlsx</t>
  </si>
  <si>
    <t>11/22/2019 09:35:42</t>
  </si>
  <si>
    <t>E:\Área de Trabalho\Temporário02\EVIDENCIA\POLITICA PLT-EM-Cartoes-015 - Emails contendo anexo INCIDENTE 48861231 (7.81 MB).msg\s117\</t>
  </si>
  <si>
    <t>Registrados_30-10.xls</t>
  </si>
  <si>
    <t>F:\Área de Trabalho\Temporário02\EVIDENCIA\POLITICA PLT-EM-Cartoes-015 - Emails contendo anexo INCIDENTE 48861231 (7.81 MB).msg</t>
  </si>
  <si>
    <t>Resolvidos_30-10.xls</t>
  </si>
  <si>
    <t>11/22/2019 09:35:55</t>
  </si>
  <si>
    <t>E:\Área de Trabalho\Temporário02\Indicadores_2013 2014\</t>
  </si>
  <si>
    <t>1º Trimestre_2013.xls</t>
  </si>
  <si>
    <t>F:\Área de Trabalho\Temporário02\Indicadores_2013 2014\1º Trimestre_2013.xls</t>
  </si>
  <si>
    <t>11/22/2019 09:36:08</t>
  </si>
  <si>
    <t>1º Trimestre_2014.xls</t>
  </si>
  <si>
    <t>F:\Área de Trabalho\Temporário02\Indicadores_2013 2014\1º Trimestre_2014.xls</t>
  </si>
  <si>
    <t>11/22/2019 09:36:20</t>
  </si>
  <si>
    <t>2º Trimestre_2013.xls</t>
  </si>
  <si>
    <t>F:\Área de Trabalho\Temporário02\Indicadores_2013 2014\2º Trimestre_2013.xls</t>
  </si>
  <si>
    <t>11/22/2019 09:36:25</t>
  </si>
  <si>
    <t>2º Trimestre_2014.xls</t>
  </si>
  <si>
    <t>F:\Área de Trabalho\Temporário02\Indicadores_2013 2014\2º Trimestre_2014.xls</t>
  </si>
  <si>
    <t>11/22/2019 09:36:30</t>
  </si>
  <si>
    <t>3º Trimestre_2013.xls</t>
  </si>
  <si>
    <t>F:\Área de Trabalho\Temporário02\Indicadores_2013 2014\3º Trimestre_2013.xls</t>
  </si>
  <si>
    <t>11/22/2019 09:36:38</t>
  </si>
  <si>
    <t>3º Trimestre_2014.xls</t>
  </si>
  <si>
    <t>F:\Área de Trabalho\Temporário02\Indicadores_2013 2014\3º Trimestre_2014.xls</t>
  </si>
  <si>
    <t>11/22/2019 09:36:42</t>
  </si>
  <si>
    <t>4º Trimestre_2013.xls</t>
  </si>
  <si>
    <t>F:\Área de Trabalho\Temporário02\Indicadores_2013 2014\4º Trimestre_2013.xls</t>
  </si>
  <si>
    <t>11/22/2019 09:37:02</t>
  </si>
  <si>
    <t>Indicadores_2013_Tickets.xls</t>
  </si>
  <si>
    <t>F:\Área de Trabalho\Temporário02\Indicadores_2013 2014\Indicadores_2013_Tickets.xls</t>
  </si>
  <si>
    <t>11/22/2019 09:37:14</t>
  </si>
  <si>
    <t>Indicadores_até 3 trimestre 2014_Ticket.xls</t>
  </si>
  <si>
    <t>F:\Área de Trabalho\Temporário02\Indicadores_2013 2014\Indicadores_até 3 trimestre 2014_Ticket.xls</t>
  </si>
  <si>
    <t>11/22/2019 09:37:18</t>
  </si>
  <si>
    <t>E:\Área de Trabalho\Temporário02\Pesquisa de Clima_Seg\Algar Tech_Clima 2014_Seg.ppt\s2\</t>
  </si>
  <si>
    <t>F:\Área de Trabalho\Temporário02\Pesquisa de Clima_Seg\Algar Tech_Clima 2014_Seg.ppt</t>
  </si>
  <si>
    <t>Microsoft Excel Chart2.dat</t>
  </si>
  <si>
    <t>11/22/2019 09:37:19</t>
  </si>
  <si>
    <t>E:\Área de Trabalho\Temporário02\Pesquisa de Clima_Seg\</t>
  </si>
  <si>
    <t>Pesquisa 2014_Comentários.xlsx</t>
  </si>
  <si>
    <t>F:\Área de Trabalho\Temporário02\Pesquisa de Clima_Seg\Pesquisa 2014_Comentários.xlsx</t>
  </si>
  <si>
    <t>Pesquisa_2014_Melhorias.xlsx</t>
  </si>
  <si>
    <t>F:\Área de Trabalho\Temporário02\Pesquisa de Clima_Seg\Pesquisa_2014_Melhorias.xlsx</t>
  </si>
  <si>
    <t>11/22/2019 09:37:57</t>
  </si>
  <si>
    <t>E:\carlosrcos\desktop_backup\Planos de ação\</t>
  </si>
  <si>
    <t>Action Plan Carlos 2011 v1_01.xls</t>
  </si>
  <si>
    <t>F:\carlosrcos\desktop_backup\Planos de ação\Action Plan Carlos 2011 v1_01.xls</t>
  </si>
  <si>
    <t>11/22/2019 09:38:06</t>
  </si>
  <si>
    <t>Action Plan_Alex 2011 v1.xls</t>
  </si>
  <si>
    <t>F:\carlosrcos\desktop_backup\Planos de ação\Action Plan_Alex 2011 v1.xls</t>
  </si>
  <si>
    <t>11/22/2019 09:38:36</t>
  </si>
  <si>
    <t>E:\carlosrcos\desktop_backup\RRPerimetral_UDI\</t>
  </si>
  <si>
    <t>Mapeamento de Roubo em Caixas Eletrônicos.xls</t>
  </si>
  <si>
    <t>F:\carlosrcos\desktop_backup\RRPerimetral_UDI\Mapeamento de Roubo em Caixas Eletrônicos.xls</t>
  </si>
  <si>
    <t>11/22/2019 09:38:37</t>
  </si>
  <si>
    <t>E:\carlosrcos\desktop_backup\Segurança Empresarial_Nova equipe\</t>
  </si>
  <si>
    <t>Estrutura_Segurança.xls</t>
  </si>
  <si>
    <t>F:\carlosrcos\desktop_backup\Segurança Empresarial_Nova equipe\Estrutura_Segurança.xls</t>
  </si>
  <si>
    <t>E:\carlosrcos\desktop_backup\Temporário\</t>
  </si>
  <si>
    <t>49xxxx.xls</t>
  </si>
  <si>
    <t>F:\carlosrcos\desktop_backup\Temporário\49xxxx.xls</t>
  </si>
  <si>
    <t>11/22/2019 09:38:38</t>
  </si>
  <si>
    <t>access events.xls</t>
  </si>
  <si>
    <t>F:\carlosrcos\desktop_backup\Temporário\access events.xls</t>
  </si>
  <si>
    <t>acessos habilitado.xls</t>
  </si>
  <si>
    <t>F:\carlosrcos\desktop_backup\Temporário\acessos habilitado.xls</t>
  </si>
  <si>
    <t>Acompanhamento.xls</t>
  </si>
  <si>
    <t>F:\carlosrcos\desktop_backup\Temporário\Acompanhamento.xls</t>
  </si>
  <si>
    <t>11/22/2019 09:38:39</t>
  </si>
  <si>
    <t>Analise CTBC do contrato ATI 2011..xls</t>
  </si>
  <si>
    <t>F:\carlosrcos\desktop_backup\Temporário\Analise CTBC do contrato ATI 2011..xls</t>
  </si>
  <si>
    <t>Analise CTBC do contrato ATI 2011.xls</t>
  </si>
  <si>
    <t>F:\carlosrcos\desktop_backup\Temporário\Analise CTBC do contrato ATI 2011.xls</t>
  </si>
  <si>
    <t>Analise do contrato ATI 2011.xls</t>
  </si>
  <si>
    <t>F:\carlosrcos\desktop_backup\Temporário\Analise do contrato ATI 2011.xls</t>
  </si>
  <si>
    <t>11/22/2019 09:38:40</t>
  </si>
  <si>
    <t>Análise Gerencial Consolidada - Internalização - 18-08-2011.xls</t>
  </si>
  <si>
    <t>F:\carlosrcos\desktop_backup\Temporário\Análise Gerencial Consolidada - Internalização - 18-08-2011.xls</t>
  </si>
  <si>
    <t>11/22/2019 09:38:44</t>
  </si>
  <si>
    <t>Auditoria operação Bradesco_23-09-11.xlsx</t>
  </si>
  <si>
    <t>F:\carlosrcos\desktop_backup\Temporário\Auditoria operação Bradesco_23-09-11.xlsx</t>
  </si>
  <si>
    <t>avaliar alterações.xls</t>
  </si>
  <si>
    <t>F:\carlosrcos\desktop_backup\Temporário\avaliar alterações.xls</t>
  </si>
  <si>
    <t>Avaliação de Eficacia - Carlos.xls</t>
  </si>
  <si>
    <t>F:\carlosrcos\desktop_backup\Temporário\Avaliação de Eficacia - Carlos.xls</t>
  </si>
  <si>
    <t>11/22/2019 09:38:48</t>
  </si>
  <si>
    <t>calculo maturidade SGSI-v2.xls</t>
  </si>
  <si>
    <t>F:\carlosrcos\desktop_backup\Temporário\calculo maturidade SGSI-v2.xls</t>
  </si>
  <si>
    <t>11/22/2019 09:38:49</t>
  </si>
  <si>
    <t>COD.xlsx</t>
  </si>
  <si>
    <t>F:\carlosrcos\desktop_backup\Temporário\COD.xlsx</t>
  </si>
  <si>
    <t>Codinomes_Equipe VIG.xlsx</t>
  </si>
  <si>
    <t>F:\carlosrcos\desktop_backup\Temporário\Codinomes_Equipe VIG.xlsx</t>
  </si>
  <si>
    <t>11/22/2019 09:38:50</t>
  </si>
  <si>
    <t>Contatos - Comunidade de Inteligência.xls</t>
  </si>
  <si>
    <t>F:\carlosrcos\desktop_backup\Temporário\Contatos - Comunidade de Inteligência.xls</t>
  </si>
  <si>
    <t>Contatos - RICEI_Atualizada 2011.xls</t>
  </si>
  <si>
    <t>F:\carlosrcos\desktop_backup\Temporário\Contatos - RICEI_Atualizada 2011.xls</t>
  </si>
  <si>
    <t>Controle de chaves.xlsx</t>
  </si>
  <si>
    <t>F:\carlosrcos\desktop_backup\Temporário\Controle de chaves.xlsx</t>
  </si>
  <si>
    <t>Controle de gastos - CPS.xlsx</t>
  </si>
  <si>
    <t>F:\carlosrcos\desktop_backup\Temporário\Controle de gastos - CPS.xlsx</t>
  </si>
  <si>
    <t>11/22/2019 09:40:14</t>
  </si>
  <si>
    <t>11/22/2019 09:40:36</t>
  </si>
  <si>
    <t>/o=exchangelabs/ou=exchange administrative group (fydibohf23spdlt)/cn=recipients/cn=2f25493a7e37433d8dafca90f527b173-danubia cri;/o=exchangelabs/ou=exchange administrative group (fydibohf23spdlt)/cn=recipients/cn=86f97e3fdf744bd7a2dfff398729d365-polyana cri;danubiacsm@algartech.com;</t>
  </si>
  <si>
    <t>Presença Semana do Conhecimento Novembro 2019</t>
  </si>
  <si>
    <t>/o=exchangelabs/ou=exchange administrative group (fydibohf23spdlt)/cn=recipients/cn=2f25493a7e37433d8dafca90f527b173-danubia cri,/o=exchangelabs/ou=exchange administrative group (fydibohf23spdlt)/cn=recipients/cn=86f97e3fdf744bd7a2dfff398729d365-polyana cri,danubiacsm@algartech.com</t>
  </si>
  <si>
    <t>11/22/2019 09:41:37</t>
  </si>
  <si>
    <t>11/20/2019 17:34:02</t>
  </si>
  <si>
    <t>c:\users\iramildass\desktop\reembolso novembro\</t>
  </si>
  <si>
    <t>recibo de reembolso - denise.xls</t>
  </si>
  <si>
    <t>recibo de reembolso - iramilda.xls</t>
  </si>
  <si>
    <t>11/22/2019 09:38:55</t>
  </si>
  <si>
    <t>H:\Controladoria\Planejamento\Reuniao Gerencial\2019\4ª Reuger\Premissas Macro_Economicas\</t>
  </si>
  <si>
    <t>Taxas Macroeconomicas 18 out 2019.xlsx</t>
  </si>
  <si>
    <t>11/22/2019 09:38:59</t>
  </si>
  <si>
    <t>11/22/2019 09:44:36</t>
  </si>
  <si>
    <t>Controle Ferias.xls</t>
  </si>
  <si>
    <t>F:\carlosrcos\desktop_backup\Temporário\Controle Ferias.xls</t>
  </si>
  <si>
    <t>11/22/2019 09:39:00</t>
  </si>
  <si>
    <t>coordenadores.xls</t>
  </si>
  <si>
    <t>F:\carlosrcos\desktop_backup\Temporário\coordenadores.xls</t>
  </si>
  <si>
    <t>11/22/2019 09:39:01</t>
  </si>
  <si>
    <t>Cópia de DC_Sede_238_Retirar acessos.xls</t>
  </si>
  <si>
    <t>F:\carlosrcos\desktop_backup\Temporário\Cópia de DC_Sede_238_Retirar acessos.xls</t>
  </si>
  <si>
    <t>Dados.xls</t>
  </si>
  <si>
    <t>F:\carlosrcos\desktop_backup\Temporário\Dados.xls</t>
  </si>
  <si>
    <t>DC_Sede_238_Emerson.xls</t>
  </si>
  <si>
    <t>F:\carlosrcos\desktop_backup\Temporário\DC_Sede_238_Emerson.xls</t>
  </si>
  <si>
    <t>DC_Sede_238_Retirar acessos.xls</t>
  </si>
  <si>
    <t>F:\carlosrcos\desktop_backup\Temporário\DC_Sede_238_Retirar acessos.xls</t>
  </si>
  <si>
    <t>Departamental(1).xls</t>
  </si>
  <si>
    <t>F:\carlosrcos\desktop_backup\Temporário\Departamental(1).xls</t>
  </si>
  <si>
    <t>Despesa com viagem.xlsx</t>
  </si>
  <si>
    <t>F:\carlosrcos\desktop_backup\Temporário\Despesa com viagem.xlsx</t>
  </si>
  <si>
    <t>11/22/2019 09:39:10</t>
  </si>
  <si>
    <t>entrada%20e%20saida_alterado(1).xls</t>
  </si>
  <si>
    <t>F:\carlosrcos\desktop_backup\Temporário\entrada%20e%20saida_alterado(1).xls</t>
  </si>
  <si>
    <t>11/22/2019 09:39:12</t>
  </si>
  <si>
    <t>Fluxo de Acessos_Segurança - em criação.xls</t>
  </si>
  <si>
    <t>F:\carlosrcos\desktop_backup\Temporário\Fluxo de Acessos_Segurança - em criação.xls</t>
  </si>
  <si>
    <t>11/22/2019 09:39:23</t>
  </si>
  <si>
    <t>habilitados.xls</t>
  </si>
  <si>
    <t>F:\carlosrcos\desktop_backup\Temporário\habilitados.xls</t>
  </si>
  <si>
    <t>11/22/2019 09:39:24</t>
  </si>
  <si>
    <t>Infra - Detalhe Atividades - SLA.xlsx</t>
  </si>
  <si>
    <t>F:\carlosrcos\desktop_backup\Temporário\Infra - Detalhe Atividades - SLA.xlsx</t>
  </si>
  <si>
    <t>irregular_algar seg..xls</t>
  </si>
  <si>
    <t>F:\carlosrcos\desktop_backup\Temporário\irregular_algar seg..xls</t>
  </si>
  <si>
    <t>Levantamento de custo_internalização.xlsx</t>
  </si>
  <si>
    <t>F:\carlosrcos\desktop_backup\Temporário\Levantamento de custo_internalização.xlsx</t>
  </si>
  <si>
    <t>11/22/2019 09:39:33</t>
  </si>
  <si>
    <t>NOVO TEMPLATE RDM (vinculo com BDGC).xls</t>
  </si>
  <si>
    <t>F:\carlosrcos\desktop_backup\Temporário\NOVO TEMPLATE RDM (vinculo com BDGC).xls</t>
  </si>
  <si>
    <t>Novos usuários DC 238.xlsx</t>
  </si>
  <si>
    <t>F:\carlosrcos\desktop_backup\Temporário\Novos usuários DC 238.xlsx</t>
  </si>
  <si>
    <t>11/22/2019 09:39:34</t>
  </si>
  <si>
    <t>Oportunidades - Gerais de Seg. Patrimonial.xls</t>
  </si>
  <si>
    <t>F:\carlosrcos\desktop_backup\Temporário\Oportunidades - Gerais de Seg. Patrimonial.xls</t>
  </si>
  <si>
    <t>F:\carlosrcos\desktop_backup\Temporário\Pasta3.xlsx</t>
  </si>
  <si>
    <t>11/22/2019 09:39:35</t>
  </si>
  <si>
    <t>png2_com cpf.xls</t>
  </si>
  <si>
    <t>F:\carlosrcos\desktop_backup\Temporário\png2_com cpf.xls</t>
  </si>
  <si>
    <t>11/22/2019 09:39:38</t>
  </si>
  <si>
    <t>Relatório_01-01 a 04-10_incidentes.xlsx</t>
  </si>
  <si>
    <t>F:\carlosrcos\desktop_backup\Temporário\Relatório_01-01 a 04-10_incidentes.xlsx</t>
  </si>
  <si>
    <t>11/22/2019 09:39:39</t>
  </si>
  <si>
    <t>relação algar RJ.xls</t>
  </si>
  <si>
    <t>F:\carlosrcos\desktop_backup\Temporário\relação algar RJ.xls</t>
  </si>
  <si>
    <t>RO-MODELO_v3.XLS</t>
  </si>
  <si>
    <t>F:\carlosrcos\desktop_backup\Temporário\RO-MODELO_v3.XLS</t>
  </si>
  <si>
    <t>Rua Padre Pio.xlsx</t>
  </si>
  <si>
    <t>F:\carlosrcos\desktop_backup\Temporário\Rua Padre Pio.xlsx</t>
  </si>
  <si>
    <t>Solicitação de Viagem - Campinas SP - Carlos Rodrigues Costa.xls</t>
  </si>
  <si>
    <t>F:\carlosrcos\desktop_backup\Temporário\Solicitação de Viagem - Campinas SP - Carlos Rodrigues Costa.xls</t>
  </si>
  <si>
    <t>Terceiros habilitados.xls</t>
  </si>
  <si>
    <t>F:\carlosrcos\desktop_backup\Temporário\Terceiros habilitados.xls</t>
  </si>
  <si>
    <t>11/22/2019 09:39:43</t>
  </si>
  <si>
    <t>Tickets encerrados.xls</t>
  </si>
  <si>
    <t>F:\carlosrcos\desktop_backup\Temporário\Tickets encerrados.xls</t>
  </si>
  <si>
    <t>usuários com acesso.xls</t>
  </si>
  <si>
    <t>F:\carlosrcos\desktop_backup\Temporário\usuários com acesso.xls</t>
  </si>
  <si>
    <t>11/22/2019 09:39:44</t>
  </si>
  <si>
    <t>Validação Luismar.xlsx</t>
  </si>
  <si>
    <t>F:\carlosrcos\desktop_backup\Temporário\Validação Luismar.xlsx</t>
  </si>
  <si>
    <t>Validação Luismar_Revisão Carlos_14-10-11.xlsx</t>
  </si>
  <si>
    <t>F:\carlosrcos\desktop_backup\Temporário\Validação Luismar_Revisão Carlos_14-10-11.xlsx</t>
  </si>
  <si>
    <t>11/22/2019 09:39:47</t>
  </si>
  <si>
    <t>Álcool x Gasolina.xlsx</t>
  </si>
  <si>
    <t>F:\carlosrcos\desktop_backup\Temporário\Álcool x Gasolina.xlsx</t>
  </si>
  <si>
    <t>E:\carlosrcos\desktop_backup\Temporário\Análise crítica de acesso\</t>
  </si>
  <si>
    <t>assessoria.xls</t>
  </si>
  <si>
    <t>F:\carlosrcos\desktop_backup\Temporário\Análise crítica de acesso\assessoria.xls</t>
  </si>
  <si>
    <t>dc em férias.xls</t>
  </si>
  <si>
    <t>F:\carlosrcos\desktop_backup\Temporário\Análise crítica de acesso\dc em férias.xls</t>
  </si>
  <si>
    <t>11/22/2019 09:39:48</t>
  </si>
  <si>
    <t>DC_Sede, 238.xls</t>
  </si>
  <si>
    <t>F:\carlosrcos\desktop_backup\Temporário\Análise crítica de acesso\DC_Sede, 238.xls</t>
  </si>
  <si>
    <t>Relação de usuários_Edilson.xlsx</t>
  </si>
  <si>
    <t>F:\carlosrcos\desktop_backup\Temporário\Análise crítica de acesso\Relação de usuários_Edilson.xlsx</t>
  </si>
  <si>
    <t>Relação de usuários_Frederico.xlsx</t>
  </si>
  <si>
    <t>F:\carlosrcos\desktop_backup\Temporário\Análise crítica de acesso\Relação de usuários_Frederico.xlsx</t>
  </si>
  <si>
    <t>ti_238_ativos.xls</t>
  </si>
  <si>
    <t>F:\carlosrcos\desktop_backup\Temporário\Análise crítica de acesso\ti_238_ativos.xls</t>
  </si>
  <si>
    <t>ti_geral_férias.xls</t>
  </si>
  <si>
    <t>F:\carlosrcos\desktop_backup\Temporário\Análise crítica de acesso\ti_geral_férias.xls</t>
  </si>
  <si>
    <t>E:\carlosrcos\desktop_backup\Temporário\Análise crítica de acesso\Atualização\</t>
  </si>
  <si>
    <t>Rodrigo_Pode ter crachá 49 mas não terá o acesso.xls</t>
  </si>
  <si>
    <t>F:\carlosrcos\desktop_backup\Temporário\Análise crítica de acesso\Atualização\Rodrigo_Pode ter crachá 49 mas não terá o acesso.xls</t>
  </si>
  <si>
    <t>11/22/2019 09:39:50</t>
  </si>
  <si>
    <t>E:\carlosrcos\desktop_backup\Temporário\Análise crítica de acesso\Infra\</t>
  </si>
  <si>
    <t>infra_ativos.xls</t>
  </si>
  <si>
    <t>F:\carlosrcos\desktop_backup\Temporário\Análise crítica de acesso\Infra\infra_ativos.xls</t>
  </si>
  <si>
    <t>11/22/2019 09:39:51</t>
  </si>
  <si>
    <t>E:\carlosrcos\desktop_backup\Temporário\Análise crítica de acesso\Liberação final_autorizado por Emerson\</t>
  </si>
  <si>
    <t>Equipe Kelly Cristina.xlsx</t>
  </si>
  <si>
    <t>F:\carlosrcos\desktop_backup\Temporário\Análise crítica de acesso\Liberação final_autorizado por Emerson\Equipe Kelly Cristina.xlsx</t>
  </si>
  <si>
    <t>Equipe Rodrigo Storti.xls</t>
  </si>
  <si>
    <t>F:\carlosrcos\desktop_backup\Temporário\Análise crítica de acesso\Liberação final_autorizado por Emerson\Equipe Rodrigo Storti.xls</t>
  </si>
  <si>
    <t>E:\carlosrcos\desktop_backup\Temporário\Análise crítica de acesso\Subistituição de crachá 49xxx_14-10-11\</t>
  </si>
  <si>
    <t>Recolhimento_01.xlsx</t>
  </si>
  <si>
    <t>F:\carlosrcos\desktop_backup\Temporário\Análise crítica de acesso\Subistituição de crachá 49xxx_14-10-11\Recolhimento_01.xlsx</t>
  </si>
  <si>
    <t>11/22/2019 09:39:56</t>
  </si>
  <si>
    <t>E:\carlosrcos\desktop_backup\Temporário\Estudar Planilhas\</t>
  </si>
  <si>
    <t>Documento de Apoio 232.xls</t>
  </si>
  <si>
    <t>F:\carlosrcos\desktop_backup\Temporário\Estudar Planilhas\Documento de Apoio 232.xls</t>
  </si>
  <si>
    <t>11/22/2019 09:39:57</t>
  </si>
  <si>
    <t>Documento de Apoio 232_2.xls</t>
  </si>
  <si>
    <t>F:\carlosrcos\desktop_backup\Temporário\Estudar Planilhas\Documento de Apoio 232_2.xls</t>
  </si>
  <si>
    <t>11/22/2019 09:39:58</t>
  </si>
  <si>
    <t>Lista de Ramais AMEX ATUALIZADOS-USAR AS 2 LISTAS (portaria v1).xls</t>
  </si>
  <si>
    <t>F:\carlosrcos\desktop_backup\Temporário\Estudar Planilhas\Lista de Ramais AMEX ATUALIZADOS-USAR AS 2 LISTAS (portaria v1).xls</t>
  </si>
  <si>
    <t>E:\carlosrcos\desktop_backup\Treinamento_Nova equipe\</t>
  </si>
  <si>
    <t>Controle de Usuários e Aprovadores Responsáveis_V01.xlsx</t>
  </si>
  <si>
    <t>F:\carlosrcos\desktop_backup\Treinamento_Nova equipe\Controle de Usuários e Aprovadores Responsáveis_V01.xlsx</t>
  </si>
  <si>
    <t>11/22/2019 09:40:32</t>
  </si>
  <si>
    <t>E:\desktop\</t>
  </si>
  <si>
    <t>amazon_geral.xls</t>
  </si>
  <si>
    <t>F:\desktop\amazon_geral.xls</t>
  </si>
  <si>
    <t>11/22/2019 09:40:33</t>
  </si>
  <si>
    <t>E:\desktop\Assessment SEB - COC v3.2 - Livia.rar\</t>
  </si>
  <si>
    <t>Assessment SEB - COC v3.2 - Livia.xls</t>
  </si>
  <si>
    <t>F:\desktop\Assessment SEB - COC v3.2 - Livia.rar</t>
  </si>
  <si>
    <t>11/22/2019 09:40:34</t>
  </si>
  <si>
    <t>Avaliação de Eficácia 2012 - Carlos.xls</t>
  </si>
  <si>
    <t>F:\desktop\Avaliação de Eficácia 2012 - Carlos.xls</t>
  </si>
  <si>
    <t>F:\desktop\Codinomes_Equipe VIG.xlsx</t>
  </si>
  <si>
    <t>F:\desktop\COI.xls</t>
  </si>
  <si>
    <t>11/22/2019 09:40:35</t>
  </si>
  <si>
    <t>F:\desktop\Escala.xlsx</t>
  </si>
  <si>
    <t>11/22/2019 09:40:37</t>
  </si>
  <si>
    <t>Imagens Facebook_.xlsx</t>
  </si>
  <si>
    <t>F:\desktop\Imagens Facebook_.xlsx</t>
  </si>
  <si>
    <t>11/22/2019 09:40:38</t>
  </si>
  <si>
    <t>Mapeamento de Furtos e Roubos Caixa Eletrônicos_UDI CPS.xls</t>
  </si>
  <si>
    <t>F:\desktop\Mapeamento de Furtos e Roubos Caixa Eletrônicos_UDI CPS.xls</t>
  </si>
  <si>
    <t>11/22/2019 09:40:39</t>
  </si>
  <si>
    <t>OBJETIVOS ASSESSORIA SEGURANÇA 2012.xls</t>
  </si>
  <si>
    <t>F:\desktop\OBJETIVOS ASSESSORIA SEGURANÇA 2012.xls</t>
  </si>
  <si>
    <t>Postos e CRs_ leonidas.xlsx</t>
  </si>
  <si>
    <t>F:\desktop\Postos e CRs_ leonidas.xlsx</t>
  </si>
  <si>
    <t>11/22/2019 09:41:21</t>
  </si>
  <si>
    <t>TELECOM (2).xlsx</t>
  </si>
  <si>
    <t>F:\desktop\TELECOM (2).xlsx</t>
  </si>
  <si>
    <t>TELECOM.xlsx</t>
  </si>
  <si>
    <t>F:\desktop\TELECOM.xlsx</t>
  </si>
  <si>
    <t>11/22/2019 09:41:23</t>
  </si>
  <si>
    <t>Valores e Rateios postos Vigilancia e Portaria.xlsx</t>
  </si>
  <si>
    <t>F:\desktop\Valores e Rateios postos Vigilancia e Portaria.xlsx</t>
  </si>
  <si>
    <t>11/22/2019 09:41:26</t>
  </si>
  <si>
    <t>E:\desktop\Acompanhamento\</t>
  </si>
  <si>
    <t>0009031 - VEICULO SUSPEITO - REGINALDO MORAIS.XLS</t>
  </si>
  <si>
    <t>F:\desktop\Acompanhamento\0009031 - VEICULO SUSPEITO - REGINALDO MORAIS.XLS</t>
  </si>
  <si>
    <t>11/22/2019 09:41:56</t>
  </si>
  <si>
    <t>E:\desktop\DeskTop Temp\</t>
  </si>
  <si>
    <t>car299c.xls</t>
  </si>
  <si>
    <t>F:\desktop\DeskTop Temp\car299c.xls</t>
  </si>
  <si>
    <t>11/22/2019 09:41:58</t>
  </si>
  <si>
    <t>Cópia de Mapeamento de Furtos e Roubos Caixa Eletrônicos_UDI CPS.xls</t>
  </si>
  <si>
    <t>F:\desktop\DeskTop Temp\Cópia de Mapeamento de Furtos e Roubos Caixa Eletrônicos_UDI CPS.xls</t>
  </si>
  <si>
    <t>11/22/2019 09:42:00</t>
  </si>
  <si>
    <t>Mapeamento%20de%20Roubo%20em%20Caixas%20Eletrônicos(1).xls</t>
  </si>
  <si>
    <t>F:\desktop\DeskTop Temp\Mapeamento%20de%20Roubo%20em%20Caixas%20Eletrônicos(1).xls</t>
  </si>
  <si>
    <t>11/22/2019 09:42:20</t>
  </si>
  <si>
    <t>Tickets encerrados -2010 e 2011.xlsm</t>
  </si>
  <si>
    <t>F:\desktop\DeskTop Temp\Tickets encerrados -2010 e 2011.xlsm</t>
  </si>
  <si>
    <t>11/22/2019 09:42:34</t>
  </si>
  <si>
    <t>Tickets encerrados -2010.xlsm</t>
  </si>
  <si>
    <t>F:\desktop\DeskTop Temp\Tickets encerrados -2010.xlsm</t>
  </si>
  <si>
    <t>11/22/2019 09:42:48</t>
  </si>
  <si>
    <t>Tickets encerrados -2011.xlsm</t>
  </si>
  <si>
    <t>F:\desktop\DeskTop Temp\Tickets encerrados -2011.xlsm</t>
  </si>
  <si>
    <t>11/22/2019 09:42:49</t>
  </si>
  <si>
    <t>E:\desktop\DeskTop Temp\COI - Centro de Operações de Inteligência\</t>
  </si>
  <si>
    <t>F:\desktop\DeskTop Temp\COI - Centro de Operações de Inteligência\Estrutura_Segurança.xls</t>
  </si>
  <si>
    <t>E:\desktop\DeskTop Temp\Organiza\</t>
  </si>
  <si>
    <t>Análise de entrada de veículo_945961.xlsx</t>
  </si>
  <si>
    <t>F:\desktop\DeskTop Temp\Organiza\Análise de entrada de veículo_945961.xlsx</t>
  </si>
  <si>
    <t>11/22/2019 09:42:52</t>
  </si>
  <si>
    <t>Mapeamento de Furtos e Roubos a Caixa Eletrônicos_Campinas.xls</t>
  </si>
  <si>
    <t>F:\desktop\DeskTop Temp\Organiza\Mapeamento de Furtos e Roubos a Caixa Eletrônicos_Campinas.xls</t>
  </si>
  <si>
    <t>11/22/2019 09:42:53</t>
  </si>
  <si>
    <t>Mapeamento de Furtos e Roubos a Caixa Eletrônicos_ULA.xls</t>
  </si>
  <si>
    <t>F:\desktop\DeskTop Temp\Organiza\Mapeamento de Furtos e Roubos a Caixa Eletrônicos_ULA.xls</t>
  </si>
  <si>
    <t>Recomendações Petrobras.xlsx</t>
  </si>
  <si>
    <t>F:\desktop\DeskTop Temp\Organiza\Recomendações Petrobras.xlsx</t>
  </si>
  <si>
    <t>11/22/2019 09:43:00</t>
  </si>
  <si>
    <t>F:\desktop\DeskTop Temp\Organiza\Tickets encerrados.xls</t>
  </si>
  <si>
    <t>11/22/2019 09:42:13</t>
  </si>
  <si>
    <t>11/22/2019 09:45:37</t>
  </si>
  <si>
    <t>MailboxUsageDetail11_22_2019 12_03_30 PM.xlsx</t>
  </si>
  <si>
    <t>11/22/2019 09:40:43</t>
  </si>
  <si>
    <t>ENC: CADASTRO GERAL NOVEMBRO 2019 - TECH/TI</t>
  </si>
  <si>
    <t>CADASTRO GERAL NOVEMBRO 2019.csv</t>
  </si>
  <si>
    <t>11/22/2019 09:44:32</t>
  </si>
  <si>
    <t>11/22/2019 09:49:37</t>
  </si>
  <si>
    <t>E:\desktop\DeskTop Temp\Organiza\Indicadores 2011\</t>
  </si>
  <si>
    <t>CAIBM_Atualizar.xlsx</t>
  </si>
  <si>
    <t>F:\desktop\DeskTop Temp\Organiza\Indicadores 2011\CAIBM_Atualizar.xlsx</t>
  </si>
  <si>
    <t>11/22/2019 09:44:38</t>
  </si>
  <si>
    <t>CAToutatis_26-07-11.xls</t>
  </si>
  <si>
    <t>F:\desktop\DeskTop Temp\Organiza\Indicadores 2011\CAToutatis_26-07-11.xls</t>
  </si>
  <si>
    <t>11/22/2019 09:44:40</t>
  </si>
  <si>
    <t>Panilha RJ - verificar se esta ativo ou demitido.xls</t>
  </si>
  <si>
    <t>F:\desktop\DeskTop Temp\Organiza\Indicadores 2011\Panilha RJ - verificar se esta ativo ou demitido.xls</t>
  </si>
  <si>
    <t>11/22/2019 09:44:43</t>
  </si>
  <si>
    <t>Tickets encerrados 2011.xls</t>
  </si>
  <si>
    <t>F:\desktop\DeskTop Temp\Organiza\Indicadores 2011\Tickets encerrados 2011.xls</t>
  </si>
  <si>
    <t>11/22/2019 09:44:46</t>
  </si>
  <si>
    <t>Tickets encerrados_2010.xls</t>
  </si>
  <si>
    <t>F:\desktop\DeskTop Temp\Organiza\Indicadores 2011\Tickets encerrados_2010.xls</t>
  </si>
  <si>
    <t>11/22/2019 09:44:49</t>
  </si>
  <si>
    <t>E:\desktop\Diretorio I\</t>
  </si>
  <si>
    <t>CONTROLE DE TERCEIROS.xlsx</t>
  </si>
  <si>
    <t>F:\desktop\Diretorio I\CONTROLE DE TERCEIROS.xlsx</t>
  </si>
  <si>
    <t>RAMAIS.xlsx</t>
  </si>
  <si>
    <t>F:\desktop\Diretorio I\RAMAIS.xlsx</t>
  </si>
  <si>
    <t>11/22/2019 09:44:53</t>
  </si>
  <si>
    <t>E:\desktop\Diretorio I\1 - Operação\1.1 - Seguranca Patrimonial\1.1.3 - Administrativo Algar Tecnologia\Escala de Plantão Infraestrutura\</t>
  </si>
  <si>
    <t>Plantão 2010.xls</t>
  </si>
  <si>
    <t>F:\desktop\Diretorio I\1 - Operação\1.1 - Seguranca Patrimonial\1.1.3 - Administrativo Algar Tecnologia\Escala de Plantão Infraestrutura\Plantão 2010.xls</t>
  </si>
  <si>
    <t>11/22/2019 09:48:19</t>
  </si>
  <si>
    <t>E:\desktop\Diretorio I\1 - Operação\1.1 - Seguranca Patrimonial\1.1.3 - Administrativo Algar Tecnologia\Fotos X Matriculas Campinas\Old\Matriculas\</t>
  </si>
  <si>
    <t>Nome e matrícula novos associados.xls</t>
  </si>
  <si>
    <t>F:\desktop\Diretorio I\1 - Operação\1.1 - Seguranca Patrimonial\1.1.3 - Administrativo Algar Tecnologia\Fotos X Matriculas Campinas\Old\Matriculas\Nome e matrícula novos associados.xls</t>
  </si>
  <si>
    <t>11/22/2019 09:48:20</t>
  </si>
  <si>
    <t>E:\desktop\Diretorio I\1 - Operação\1.1 - Seguranca Patrimonial\1.1.3 - Administrativo Algar Tecnologia\Fotos X Matriculas Campinas\Old\Relatórios de Admissões\</t>
  </si>
  <si>
    <t>Admissões Abril - 17-04-09.xls</t>
  </si>
  <si>
    <t>F:\desktop\Diretorio I\1 - Operação\1.1 - Seguranca Patrimonial\1.1.3 - Administrativo Algar Tecnologia\Fotos X Matriculas Campinas\Old\Relatórios de Admissões\Admissões Abril - 17-04-09.xls</t>
  </si>
  <si>
    <t>11/22/2019 09:48:21</t>
  </si>
  <si>
    <t>E:\desktop\Diretorio I\1 - Operação\1.2 - Relatórios\RO\RO 2011\01 - JANEIRO 2011\</t>
  </si>
  <si>
    <t>FORMULÁRIO DE RO.xls</t>
  </si>
  <si>
    <t>F:\desktop\Diretorio I\1 - Operação\1.2 - Relatórios\RO\RO 2011\01 - JANEIRO 2011\FORMULÁRIO DE RO.xls</t>
  </si>
  <si>
    <t>E:\desktop\Diretorio I\1 - Operação\1.2 - Relatórios\RO\RO 2011\01 - JANEIRO 2011\Resolvidas\</t>
  </si>
  <si>
    <t>CPS068 Uso Indevido de Sala.xls</t>
  </si>
  <si>
    <t>F:\desktop\Diretorio I\1 - Operação\1.2 - Relatórios\RO\RO 2011\01 - JANEIRO 2011\Resolvidas\CPS068 Uso Indevido de Sala.xls</t>
  </si>
  <si>
    <t>CPS069 INCIDENTE COM MOTO.xls</t>
  </si>
  <si>
    <t>F:\desktop\Diretorio I\1 - Operação\1.2 - Relatórios\RO\RO 2011\01 - JANEIRO 2011\Resolvidas\CPS069 INCIDENTE COM MOTO.xls</t>
  </si>
  <si>
    <t>CPS071 Liberação sem Documento.xls</t>
  </si>
  <si>
    <t>F:\desktop\Diretorio I\1 - Operação\1.2 - Relatórios\RO\RO 2011\01 - JANEIRO 2011\Resolvidas\CPS071 Liberação sem Documento.xls</t>
  </si>
  <si>
    <t>CPS072USO INDEVIDO DE ARMÁRIO.xls</t>
  </si>
  <si>
    <t>F:\desktop\Diretorio I\1 - Operação\1.2 - Relatórios\RO\RO 2011\01 - JANEIRO 2011\Resolvidas\CPS072USO INDEVIDO DE ARMÁRIO.xls</t>
  </si>
  <si>
    <t>11/22/2019 09:48:22</t>
  </si>
  <si>
    <t>CPS073 MAL ESTAR DE ASSOCIADA.xls</t>
  </si>
  <si>
    <t>F:\desktop\Diretorio I\1 - Operação\1.2 - Relatórios\RO\RO 2011\01 - JANEIRO 2011\Resolvidas\CPS073 MAL ESTAR DE ASSOCIADA.xls</t>
  </si>
  <si>
    <t>CPS074 Atitude Suspeita.xlsx</t>
  </si>
  <si>
    <t>F:\desktop\Diretorio I\1 - Operação\1.2 - Relatórios\RO\RO 2011\01 - JANEIRO 2011\Resolvidas\CPS074 Atitude Suspeita.xlsx</t>
  </si>
  <si>
    <t>CPS075 QUEBRA DE CADEADO.xls</t>
  </si>
  <si>
    <t>F:\desktop\Diretorio I\1 - Operação\1.2 - Relatórios\RO\RO 2011\01 - JANEIRO 2011\Resolvidas\CPS075 QUEBRA DE CADEADO.xls</t>
  </si>
  <si>
    <t>CPS076 ALIMENTAÇÃO EM SALA DE TRN.xls</t>
  </si>
  <si>
    <t>F:\desktop\Diretorio I\1 - Operação\1.2 - Relatórios\RO\RO 2011\01 - JANEIRO 2011\Resolvidas\CPS076 ALIMENTAÇÃO EM SALA DE TRN.xls</t>
  </si>
  <si>
    <t>CPS077DESRESPEITO FAIXA DE PEDESTRES.xls</t>
  </si>
  <si>
    <t>F:\desktop\Diretorio I\1 - Operação\1.2 - Relatórios\RO\RO 2011\01 - JANEIRO 2011\Resolvidas\CPS077DESRESPEITO FAIXA DE PEDESTRES.xls</t>
  </si>
  <si>
    <t>CPS078 DANOS NA CERCA ELÉTRICA.xls</t>
  </si>
  <si>
    <t>F:\desktop\Diretorio I\1 - Operação\1.2 - Relatórios\RO\RO 2011\01 - JANEIRO 2011\Resolvidas\CPS078 DANOS NA CERCA ELÉTRICA.xls</t>
  </si>
  <si>
    <t>11/22/2019 09:48:23</t>
  </si>
  <si>
    <t>RO 070 DESAPARECIMENTO DE CAMERA.xlsx</t>
  </si>
  <si>
    <t>F:\desktop\Diretorio I\1 - Operação\1.2 - Relatórios\RO\RO 2011\01 - JANEIRO 2011\Resolvidas\RO 070 DESAPARECIMENTO DE CAMERA.xlsx</t>
  </si>
  <si>
    <t>E:\desktop\Diretorio I\1 - Operação\1.2 - Relatórios\RO\RO 2011\02- FEVEREIRO 2011\</t>
  </si>
  <si>
    <t>FORMULARIO RO 2011.xlsx</t>
  </si>
  <si>
    <t>F:\desktop\Diretorio I\1 - Operação\1.2 - Relatórios\RO\RO 2011\02- FEVEREIRO 2011\FORMULARIO RO 2011.xlsx</t>
  </si>
  <si>
    <t>F:\desktop\Diretorio I\1 - Operação\1.2 - Relatórios\RO\RO 2011\02- FEVEREIRO 2011\FORMULÁRIO DE RO.xls</t>
  </si>
  <si>
    <t>E:\desktop\Diretorio I\1 - Operação\1.2 - Relatórios\RO\RO 2011\02- FEVEREIRO 2011\Resolvidas\</t>
  </si>
  <si>
    <t>CPS079 SUMIÇO DE FONE.xls</t>
  </si>
  <si>
    <t>F:\desktop\Diretorio I\1 - Operação\1.2 - Relatórios\RO\RO 2011\02- FEVEREIRO 2011\Resolvidas\CPS079 SUMIÇO DE FONE.xls</t>
  </si>
  <si>
    <t>11/22/2019 09:48:24</t>
  </si>
  <si>
    <t>cps080 vazamento caixa D'água.xlsx</t>
  </si>
  <si>
    <t>F:\desktop\Diretorio I\1 - Operação\1.2 - Relatórios\RO\RO 2011\02- FEVEREIRO 2011\Resolvidas\cps080 vazamento caixa D'água.xlsx</t>
  </si>
  <si>
    <t>CPS081 NOTEBOOKS NO STAFF.xls</t>
  </si>
  <si>
    <t>F:\desktop\Diretorio I\1 - Operação\1.2 - Relatórios\RO\RO 2011\02- FEVEREIRO 2011\Resolvidas\CPS081 NOTEBOOKS NO STAFF.xls</t>
  </si>
  <si>
    <t>CPS082 VISITA SUSPEITA.xlsx</t>
  </si>
  <si>
    <t>F:\desktop\Diretorio I\1 - Operação\1.2 - Relatórios\RO\RO 2011\02- FEVEREIRO 2011\Resolvidas\CPS082 VISITA SUSPEITA.xlsx</t>
  </si>
  <si>
    <t>CPS083 LUZ DE EMERGÊNCIA GMG 2.xls</t>
  </si>
  <si>
    <t>F:\desktop\Diretorio I\1 - Operação\1.2 - Relatórios\RO\RO 2011\02- FEVEREIRO 2011\Resolvidas\CPS083 LUZ DE EMERGÊNCIA GMG 2.xls</t>
  </si>
  <si>
    <t>CPS084 ACHADOS E PERDIDOS.xls</t>
  </si>
  <si>
    <t>F:\desktop\Diretorio I\1 - Operação\1.2 - Relatórios\RO\RO 2011\02- FEVEREIRO 2011\Resolvidas\CPS084 ACHADOS E PERDIDOS.xls</t>
  </si>
  <si>
    <t>11/22/2019 09:48:25</t>
  </si>
  <si>
    <t>CPS085 LIBERAÇÃO SEM DOCUMENTO.xls</t>
  </si>
  <si>
    <t>F:\desktop\Diretorio I\1 - Operação\1.2 - Relatórios\RO\RO 2011\02- FEVEREIRO 2011\Resolvidas\CPS085 LIBERAÇÃO SEM DOCUMENTO.xls</t>
  </si>
  <si>
    <t>CPS086 USO INCORRETO DE ARMÁRIO.xls</t>
  </si>
  <si>
    <t>F:\desktop\Diretorio I\1 - Operação\1.2 - Relatórios\RO\RO 2011\02- FEVEREIRO 2011\Resolvidas\CPS086 USO INCORRETO DE ARMÁRIO.xls</t>
  </si>
  <si>
    <t>CPS087 ROUBO DE MOTO.xls</t>
  </si>
  <si>
    <t>F:\desktop\Diretorio I\1 - Operação\1.2 - Relatórios\RO\RO 2011\02- FEVEREIRO 2011\Resolvidas\CPS087 ROUBO DE MOTO.xls</t>
  </si>
  <si>
    <t>CPS088 ACHADOS E PERDIDOS.xls</t>
  </si>
  <si>
    <t>F:\desktop\Diretorio I\1 - Operação\1.2 - Relatórios\RO\RO 2011\02- FEVEREIRO 2011\Resolvidas\CPS088 ACHADOS E PERDIDOS.xls</t>
  </si>
  <si>
    <t>CPS089 SAIDA COM NOTEBOOK.xls</t>
  </si>
  <si>
    <t>F:\desktop\Diretorio I\1 - Operação\1.2 - Relatórios\RO\RO 2011\02- FEVEREIRO 2011\Resolvidas\CPS089 SAIDA COM NOTEBOOK.xls</t>
  </si>
  <si>
    <t>CPS090 FURTO DE BANDEIJA.xls</t>
  </si>
  <si>
    <t>F:\desktop\Diretorio I\1 - Operação\1.2 - Relatórios\RO\RO 2011\02- FEVEREIRO 2011\Resolvidas\CPS090 FURTO DE BANDEIJA.xls</t>
  </si>
  <si>
    <t>CPS091 AGRESSÃO VERBAL.xls</t>
  </si>
  <si>
    <t>F:\desktop\Diretorio I\1 - Operação\1.2 - Relatórios\RO\RO 2011\02- FEVEREIRO 2011\Resolvidas\CPS091 AGRESSÃO VERBAL.xls</t>
  </si>
  <si>
    <t>11/22/2019 09:48:26</t>
  </si>
  <si>
    <t>CPS092 ROUBO DE GUARDA CHUVA.xls</t>
  </si>
  <si>
    <t>F:\desktop\Diretorio I\1 - Operação\1.2 - Relatórios\RO\RO 2011\02- FEVEREIRO 2011\Resolvidas\CPS092 ROUBO DE GUARDA CHUVA.xls</t>
  </si>
  <si>
    <t>CPS093A FURTO DE MARMITA.xlsx</t>
  </si>
  <si>
    <t>F:\desktop\Diretorio I\1 - Operação\1.2 - Relatórios\RO\RO 2011\02- FEVEREIRO 2011\Resolvidas\CPS093A FURTO DE MARMITA.xlsx</t>
  </si>
  <si>
    <t>CPS094 INFRINGIU NORMAS DA EMPRESA.xlsx</t>
  </si>
  <si>
    <t>F:\desktop\Diretorio I\1 - Operação\1.2 - Relatórios\RO\RO 2011\02- FEVEREIRO 2011\Resolvidas\CPS094 INFRINGIU NORMAS DA EMPRESA.xlsx</t>
  </si>
  <si>
    <t>E:\desktop\Diretorio I\1 - Operação\1.2 - Relatórios\RO\RO 2011\03 - MARÇO 2011\</t>
  </si>
  <si>
    <t>F:\desktop\Diretorio I\1 - Operação\1.2 - Relatórios\RO\RO 2011\03 - MARÇO 2011\FORMULARIO RO 2011.xlsx</t>
  </si>
  <si>
    <t>11/22/2019 09:50:36</t>
  </si>
  <si>
    <t>F:\desktop\Diretorio I\1 - Operação\1.2 - Relatórios\RO\RO 2011\03 - MARÇO 2011\FORMULÁRIO DE RO.xls</t>
  </si>
  <si>
    <t>11/22/2019 09:48:27</t>
  </si>
  <si>
    <t>E:\desktop\Diretorio I\1 - Operação\1.2 - Relatórios\RO\RO 2011\03 - MARÇO 2011\Resolvidas\</t>
  </si>
  <si>
    <t>CPS 099 INFRINGIU NORMAS DA EMPRESA.xls</t>
  </si>
  <si>
    <t>F:\desktop\Diretorio I\1 - Operação\1.2 - Relatórios\RO\RO 2011\03 - MARÇO 2011\Resolvidas\CPS 099 INFRINGIU NORMAS DA EMPRESA.xls</t>
  </si>
  <si>
    <t>CPS095 ASSOCIADA ASSALTADA.xls</t>
  </si>
  <si>
    <t>F:\desktop\Diretorio I\1 - Operação\1.2 - Relatórios\RO\RO 2011\03 - MARÇO 2011\Resolvidas\CPS095 ASSOCIADA ASSALTADA.xls</t>
  </si>
  <si>
    <t>CPS096 FURTO DE MOTO.xls</t>
  </si>
  <si>
    <t>F:\desktop\Diretorio I\1 - Operação\1.2 - Relatórios\RO\RO 2011\03 - MARÇO 2011\Resolvidas\CPS096 FURTO DE MOTO.xls</t>
  </si>
  <si>
    <t>CPS097 ALIMENTAÇÃO DENTRO DO SITE.xls</t>
  </si>
  <si>
    <t>F:\desktop\Diretorio I\1 - Operação\1.2 - Relatórios\RO\RO 2011\03 - MARÇO 2011\Resolvidas\CPS097 ALIMENTAÇÃO DENTRO DO SITE.xls</t>
  </si>
  <si>
    <t>CPS098 RETIRADA DE EQUIPAMENTOS.xls</t>
  </si>
  <si>
    <t>F:\desktop\Diretorio I\1 - Operação\1.2 - Relatórios\RO\RO 2011\03 - MARÇO 2011\Resolvidas\CPS098 RETIRADA DE EQUIPAMENTOS.xls</t>
  </si>
  <si>
    <t>CPS100 INCIDENTE KIT SALA.xls</t>
  </si>
  <si>
    <t>F:\desktop\Diretorio I\1 - Operação\1.2 - Relatórios\RO\RO 2011\03 - MARÇO 2011\Resolvidas\CPS100 INCIDENTE KIT SALA.xls</t>
  </si>
  <si>
    <t>CPS101 INCIDENTE KIT SALA.xls</t>
  </si>
  <si>
    <t>F:\desktop\Diretorio I\1 - Operação\1.2 - Relatórios\RO\RO 2011\03 - MARÇO 2011\Resolvidas\CPS101 INCIDENTE KIT SALA.xls</t>
  </si>
  <si>
    <t>11/22/2019 09:48:28</t>
  </si>
  <si>
    <t>CPS102 PERDA DE PORTA-CELULAR.xls</t>
  </si>
  <si>
    <t>F:\desktop\Diretorio I\1 - Operação\1.2 - Relatórios\RO\RO 2011\03 - MARÇO 2011\Resolvidas\CPS102 PERDA DE PORTA-CELULAR.xls</t>
  </si>
  <si>
    <t>CPS103 ALEGAÇÃO DE FURTO.xls</t>
  </si>
  <si>
    <t>F:\desktop\Diretorio I\1 - Operação\1.2 - Relatórios\RO\RO 2011\03 - MARÇO 2011\Resolvidas\CPS103 ALEGAÇÃO DE FURTO.xls</t>
  </si>
  <si>
    <t>CPS104 LIBERAÇÃO SEM DOCUMENTO.xls</t>
  </si>
  <si>
    <t>F:\desktop\Diretorio I\1 - Operação\1.2 - Relatórios\RO\RO 2011\03 - MARÇO 2011\Resolvidas\CPS104 LIBERAÇÃO SEM DOCUMENTO.xls</t>
  </si>
  <si>
    <t>CPS105 INCIDENTE KIT SALA.xls</t>
  </si>
  <si>
    <t>F:\desktop\Diretorio I\1 - Operação\1.2 - Relatórios\RO\RO 2011\03 - MARÇO 2011\Resolvidas\CPS105 INCIDENTE KIT SALA.xls</t>
  </si>
  <si>
    <t>CPS106 FURTO DE MARMITA.xls</t>
  </si>
  <si>
    <t>F:\desktop\Diretorio I\1 - Operação\1.2 - Relatórios\RO\RO 2011\03 - MARÇO 2011\Resolvidas\CPS106 FURTO DE MARMITA.xls</t>
  </si>
  <si>
    <t>CPS108 FURTO DE CELULAR.xls</t>
  </si>
  <si>
    <t>F:\desktop\Diretorio I\1 - Operação\1.2 - Relatórios\RO\RO 2011\03 - MARÇO 2011\Resolvidas\CPS108 FURTO DE CELULAR.xls</t>
  </si>
  <si>
    <t>11/22/2019 09:48:29</t>
  </si>
  <si>
    <t>CPS109 FURTO DE MARMITA.xls</t>
  </si>
  <si>
    <t>F:\desktop\Diretorio I\1 - Operação\1.2 - Relatórios\RO\RO 2011\03 - MARÇO 2011\Resolvidas\CPS109 FURTO DE MARMITA.xls</t>
  </si>
  <si>
    <t>CSP094 FURTO NA ALPINO.xls</t>
  </si>
  <si>
    <t>F:\desktop\Diretorio I\1 - Operação\1.2 - Relatórios\RO\RO 2011\03 - MARÇO 2011\Resolvidas\CSP094 FURTO NA ALPINO.xls</t>
  </si>
  <si>
    <t>E:\desktop\Diretorio I\1 - Operação\1.2 - Relatórios\RO\RO 2011\04 - ABRIL 2011\</t>
  </si>
  <si>
    <t>F:\desktop\Diretorio I\1 - Operação\1.2 - Relatórios\RO\RO 2011\04 - ABRIL 2011\FORMULARIO RO 2011.xlsx</t>
  </si>
  <si>
    <t>F:\desktop\Diretorio I\1 - Operação\1.2 - Relatórios\RO\RO 2011\04 - ABRIL 2011\FORMULÁRIO DE RO.xls</t>
  </si>
  <si>
    <t>11/22/2019 09:48:30</t>
  </si>
  <si>
    <t>E:\desktop\Diretorio I\1 - Operação\1.2 - Relatórios\RO\RO 2011\04 - ABRIL 2011\Resolvidas\</t>
  </si>
  <si>
    <t>COPIA DE CPS110.xls</t>
  </si>
  <si>
    <t>F:\desktop\Diretorio I\1 - Operação\1.2 - Relatórios\RO\RO 2011\04 - ABRIL 2011\Resolvidas\COPIA DE CPS110.xls</t>
  </si>
  <si>
    <t>CPS111 LIBERAÇÃO SEM DOCUMENTO.xls</t>
  </si>
  <si>
    <t>F:\desktop\Diretorio I\1 - Operação\1.2 - Relatórios\RO\RO 2011\04 - ABRIL 2011\Resolvidas\CPS111 LIBERAÇÃO SEM DOCUMENTO.xls</t>
  </si>
  <si>
    <t>CPS112 DESAPARECIMENTO DE NOTEBOOK.xls</t>
  </si>
  <si>
    <t>F:\desktop\Diretorio I\1 - Operação\1.2 - Relatórios\RO\RO 2011\04 - ABRIL 2011\Resolvidas\CPS112 DESAPARECIMENTO DE NOTEBOOK.xls</t>
  </si>
  <si>
    <t>CPS113 DESAPARECIMENTO DE NEXTEL.xls</t>
  </si>
  <si>
    <t>F:\desktop\Diretorio I\1 - Operação\1.2 - Relatórios\RO\RO 2011\04 - ABRIL 2011\Resolvidas\CPS113 DESAPARECIMENTO DE NEXTEL.xls</t>
  </si>
  <si>
    <t>CPS114 KIT CHAVES.xls</t>
  </si>
  <si>
    <t>F:\desktop\Diretorio I\1 - Operação\1.2 - Relatórios\RO\RO 2011\04 - ABRIL 2011\Resolvidas\CPS114 KIT CHAVES.xls</t>
  </si>
  <si>
    <t>11/22/2019 09:48:31</t>
  </si>
  <si>
    <t>cps115 liberaçao th nucleo.xls</t>
  </si>
  <si>
    <t>F:\desktop\Diretorio I\1 - Operação\1.2 - Relatórios\RO\RO 2011\04 - ABRIL 2011\Resolvidas\cps115 liberaçao th nucleo.xls</t>
  </si>
  <si>
    <t>CPS117 PERDA DE APARELHO CELULAR.xls</t>
  </si>
  <si>
    <t>F:\desktop\Diretorio I\1 - Operação\1.2 - Relatórios\RO\RO 2011\04 - ABRIL 2011\Resolvidas\CPS117 PERDA DE APARELHO CELULAR.xls</t>
  </si>
  <si>
    <t>fotos nao autorizadas cps 116.xls</t>
  </si>
  <si>
    <t>F:\desktop\Diretorio I\1 - Operação\1.2 - Relatórios\RO\RO 2011\04 - ABRIL 2011\Resolvidas\fotos nao autorizadas cps 116.xls</t>
  </si>
  <si>
    <t>E:\desktop\Diretorio I\1 - Operação\1.2 - Relatórios\RO\RO 2011\05 - MAIO 2011\</t>
  </si>
  <si>
    <t>F:\desktop\Diretorio I\1 - Operação\1.2 - Relatórios\RO\RO 2011\05 - MAIO 2011\FORMULARIO RO 2011.xlsx</t>
  </si>
  <si>
    <t>F:\desktop\Diretorio I\1 - Operação\1.2 - Relatórios\RO\RO 2011\05 - MAIO 2011\FORMULÁRIO DE RO.xls</t>
  </si>
  <si>
    <t>E:\desktop\Diretorio I\1 - Operação\1.2 - Relatórios\RO\RO 2011\05 - MAIO 2011\Resolvidas\</t>
  </si>
  <si>
    <t>CPS119 COMERCIALIZAÇÃO DENTRO DA EMPRESA.xls</t>
  </si>
  <si>
    <t>F:\desktop\Diretorio I\1 - Operação\1.2 - Relatórios\RO\RO 2011\05 - MAIO 2011\Resolvidas\CPS119 COMERCIALIZAÇÃO DENTRO DA EMPRESA.xls</t>
  </si>
  <si>
    <t>11/22/2019 09:48:32</t>
  </si>
  <si>
    <t>CPS120 DANIFICOU PORTÃO DE VEICULOS.xls</t>
  </si>
  <si>
    <t>F:\desktop\Diretorio I\1 - Operação\1.2 - Relatórios\RO\RO 2011\05 - MAIO 2011\Resolvidas\CPS120 DANIFICOU PORTÃO DE VEICULOS.xls</t>
  </si>
  <si>
    <t>CPS121 passando o crachá de outra associada.xls</t>
  </si>
  <si>
    <t>F:\desktop\Diretorio I\1 - Operação\1.2 - Relatórios\RO\RO 2011\05 - MAIO 2011\Resolvidas\CPS121 passando o crachá de outra associada.xls</t>
  </si>
  <si>
    <t>CPS122 INFRINGIU NORMAS DA EMPRESA.xls</t>
  </si>
  <si>
    <t>F:\desktop\Diretorio I\1 - Operação\1.2 - Relatórios\RO\RO 2011\05 - MAIO 2011\Resolvidas\CPS122 INFRINGIU NORMAS DA EMPRESA.xls</t>
  </si>
  <si>
    <t>CPS123 ACHADOS E PERDIDOS.xls</t>
  </si>
  <si>
    <t>F:\desktop\Diretorio I\1 - Operação\1.2 - Relatórios\RO\RO 2011\05 - MAIO 2011\Resolvidas\CPS123 ACHADOS E PERDIDOS.xls</t>
  </si>
  <si>
    <t>CPS124 INCIDENTE DE SEGURANÇA.xls</t>
  </si>
  <si>
    <t>F:\desktop\Diretorio I\1 - Operação\1.2 - Relatórios\RO\RO 2011\05 - MAIO 2011\Resolvidas\CPS124 INCIDENTE DE SEGURANÇA.xls</t>
  </si>
  <si>
    <t>CPS125 INFRINGIU NORMAS DA EMPRESA.xls</t>
  </si>
  <si>
    <t>F:\desktop\Diretorio I\1 - Operação\1.2 - Relatórios\RO\RO 2011\05 - MAIO 2011\Resolvidas\CPS125 INFRINGIU NORMAS DA EMPRESA.xls</t>
  </si>
  <si>
    <t>11/22/2019 09:48:33</t>
  </si>
  <si>
    <t>E:\desktop\Diretorio I\1 - Operação\1.2 - Relatórios\RO\RO 2011\06 - JUNHO 2011\</t>
  </si>
  <si>
    <t>Cópia de FORMULÁRIO DE RO.xls</t>
  </si>
  <si>
    <t>F:\desktop\Diretorio I\1 - Operação\1.2 - Relatórios\RO\RO 2011\06 - JUNHO 2011\Cópia de FORMULÁRIO DE RO.xls</t>
  </si>
  <si>
    <t>F:\desktop\Diretorio I\1 - Operação\1.2 - Relatórios\RO\RO 2011\06 - JUNHO 2011\FORMULÁRIO DE RO.xls</t>
  </si>
  <si>
    <t>E:\desktop\Diretorio I\1 - Operação\1.2 - Relatórios\RO\RO 2011\06 - JUNHO 2011\Resolvidas\</t>
  </si>
  <si>
    <t>CPS 134 RISCO NO TETO DO VEICULO.xls</t>
  </si>
  <si>
    <t>F:\desktop\Diretorio I\1 - Operação\1.2 - Relatórios\RO\RO 2011\06 - JUNHO 2011\Resolvidas\CPS 134 RISCO NO TETO DO VEICULO.xls</t>
  </si>
  <si>
    <t>CPS 135 ALEGAÇÃO DE FURTO OBRAS.xls</t>
  </si>
  <si>
    <t>F:\desktop\Diretorio I\1 - Operação\1.2 - Relatórios\RO\RO 2011\06 - JUNHO 2011\Resolvidas\CPS 135 ALEGAÇÃO DE FURTO OBRAS.xls</t>
  </si>
  <si>
    <t>CPS 136 LIBERAÇÃO SEM DOCUMENTO.xls</t>
  </si>
  <si>
    <t>F:\desktop\Diretorio I\1 - Operação\1.2 - Relatórios\RO\RO 2011\06 - JUNHO 2011\Resolvidas\CPS 136 LIBERAÇÃO SEM DOCUMENTO.xls</t>
  </si>
  <si>
    <t>CPS126.xls</t>
  </si>
  <si>
    <t>F:\desktop\Diretorio I\1 - Operação\1.2 - Relatórios\RO\RO 2011\06 - JUNHO 2011\Resolvidas\CPS126.xls</t>
  </si>
  <si>
    <t>11/22/2019 09:48:34</t>
  </si>
  <si>
    <t>CPS128 VANDALISMO.xls</t>
  </si>
  <si>
    <t>F:\desktop\Diretorio I\1 - Operação\1.2 - Relatórios\RO\RO 2011\06 - JUNHO 2011\Resolvidas\CPS128 VANDALISMO.xls</t>
  </si>
  <si>
    <t>CPS129 ALEGAÇAO DE FURTO.xls</t>
  </si>
  <si>
    <t>F:\desktop\Diretorio I\1 - Operação\1.2 - Relatórios\RO\RO 2011\06 - JUNHO 2011\Resolvidas\CPS129 ALEGAÇAO DE FURTO.xls</t>
  </si>
  <si>
    <t>CPS130 ALEGAÇAO DE FURTO.xls</t>
  </si>
  <si>
    <t>F:\desktop\Diretorio I\1 - Operação\1.2 - Relatórios\RO\RO 2011\06 - JUNHO 2011\Resolvidas\CPS130 ALEGAÇAO DE FURTO.xls</t>
  </si>
  <si>
    <t>CPS131 DIFICULDADE DE CONTATO.xls</t>
  </si>
  <si>
    <t>F:\desktop\Diretorio I\1 - Operação\1.2 - Relatórios\RO\RO 2011\06 - JUNHO 2011\Resolvidas\CPS131 DIFICULDADE DE CONTATO.xls</t>
  </si>
  <si>
    <t>CPS132 ALEGAÇAO DE FURTO.xls</t>
  </si>
  <si>
    <t>F:\desktop\Diretorio I\1 - Operação\1.2 - Relatórios\RO\RO 2011\06 - JUNHO 2011\Resolvidas\CPS132 ALEGAÇAO DE FURTO.xls</t>
  </si>
  <si>
    <t>CPS133 GOTEIRA DC.xls</t>
  </si>
  <si>
    <t>F:\desktop\Diretorio I\1 - Operação\1.2 - Relatórios\RO\RO 2011\06 - JUNHO 2011\Resolvidas\CPS133 GOTEIRA DC.xls</t>
  </si>
  <si>
    <t>F:\desktop\Diretorio I\1 - Operação\1.2 - Relatórios\RO\RO 2011\06 - JUNHO 2011\Resolvidas\FORMULARIO RO 2011.xlsx</t>
  </si>
  <si>
    <t>11/22/2019 09:48:45</t>
  </si>
  <si>
    <t>E:\desktop\Diretorio I\1 - Operação\1.2 - Relatórios\RO\RO 2011\07 - JULHO 2011\</t>
  </si>
  <si>
    <t>F:\desktop\Diretorio I\1 - Operação\1.2 - Relatórios\RO\RO 2011\07 - JULHO 2011\FORMULARIO RO 2011.xlsx</t>
  </si>
  <si>
    <t>F:\desktop\Diretorio I\1 - Operação\1.2 - Relatórios\RO\RO 2011\07 - JULHO 2011\FORMULÁRIO DE RO.xls</t>
  </si>
  <si>
    <t>E:\desktop\Diretorio I\1 - Operação\1.2 - Relatórios\RO\RO 2011\07 - JULHO 2011\Resolvidas\</t>
  </si>
  <si>
    <t>CPS 137 ALEGAÇÃO DE FURTO GM.xls</t>
  </si>
  <si>
    <t>F:\desktop\Diretorio I\1 - Operação\1.2 - Relatórios\RO\RO 2011\07 - JULHO 2011\Resolvidas\CPS 137 ALEGAÇÃO DE FURTO GM.xls</t>
  </si>
  <si>
    <t>CPS 138 ALTA VELOCIDADE.xls</t>
  </si>
  <si>
    <t>F:\desktop\Diretorio I\1 - Operação\1.2 - Relatórios\RO\RO 2011\07 - JULHO 2011\Resolvidas\CPS 138 ALTA VELOCIDADE.xls</t>
  </si>
  <si>
    <t>CPS 140 SUSPEITOS.xls</t>
  </si>
  <si>
    <t>F:\desktop\Diretorio I\1 - Operação\1.2 - Relatórios\RO\RO 2011\07 - JULHO 2011\Resolvidas\CPS 140 SUSPEITOS.xls</t>
  </si>
  <si>
    <t>CPS 143 ALEGAÇÃO DE FURTO.xls</t>
  </si>
  <si>
    <t>F:\desktop\Diretorio I\1 - Operação\1.2 - Relatórios\RO\RO 2011\07 - JULHO 2011\Resolvidas\CPS 143 ALEGAÇÃO DE FURTO.xls</t>
  </si>
  <si>
    <t>11/22/2019 09:48:46</t>
  </si>
  <si>
    <t>CPS 144 BEBIDA ALCOOLICA.xlsx</t>
  </si>
  <si>
    <t>F:\desktop\Diretorio I\1 - Operação\1.2 - Relatórios\RO\RO 2011\07 - JULHO 2011\Resolvidas\CPS 144 BEBIDA ALCOOLICA.xlsx</t>
  </si>
  <si>
    <t>CPS139LIBERAÇÃO SEM DOCUMENTO.xls</t>
  </si>
  <si>
    <t>F:\desktop\Diretorio I\1 - Operação\1.2 - Relatórios\RO\RO 2011\07 - JULHO 2011\Resolvidas\CPS139LIBERAÇÃO SEM DOCUMENTO.xls</t>
  </si>
  <si>
    <t>CPS141 ALEGAÇÃO DE FURTO.xls</t>
  </si>
  <si>
    <t>F:\desktop\Diretorio I\1 - Operação\1.2 - Relatórios\RO\RO 2011\07 - JULHO 2011\Resolvidas\CPS141 ALEGAÇÃO DE FURTO.xls</t>
  </si>
  <si>
    <t>CPS142 ALEGAÇÃO DE FURTO..xls</t>
  </si>
  <si>
    <t>F:\desktop\Diretorio I\1 - Operação\1.2 - Relatórios\RO\RO 2011\07 - JULHO 2011\Resolvidas\CPS142 ALEGAÇÃO DE FURTO..xls</t>
  </si>
  <si>
    <t>CPS145 ALEGAÇÃO DE FURTO.xls</t>
  </si>
  <si>
    <t>F:\desktop\Diretorio I\1 - Operação\1.2 - Relatórios\RO\RO 2011\07 - JULHO 2011\Resolvidas\CPS145 ALEGAÇÃO DE FURTO.xls</t>
  </si>
  <si>
    <t>CPS146 INFRINGIU NORMAS DA EMPRESA.xls</t>
  </si>
  <si>
    <t>F:\desktop\Diretorio I\1 - Operação\1.2 - Relatórios\RO\RO 2011\07 - JULHO 2011\Resolvidas\CPS146 INFRINGIU NORMAS DA EMPRESA.xls</t>
  </si>
  <si>
    <t>11/22/2019 09:49:27</t>
  </si>
  <si>
    <t>E:\desktop\Diretorio I\1 - Operação\1.2 - Relatórios\RO\RO 2011\08 - AGOSTO 2011\</t>
  </si>
  <si>
    <t>F:\desktop\Diretorio I\1 - Operação\1.2 - Relatórios\RO\RO 2011\08 - AGOSTO 2011\Cópia de FORMULÁRIO DE RO.xls</t>
  </si>
  <si>
    <t>E:\desktop\Diretorio I\1 - Operação\1.2 - Relatórios\RO\RO 2011\08 - AGOSTO 2011\Resolvidas\</t>
  </si>
  <si>
    <t>CPS 150 SALA DE TREINAMENTO CULTO.xls</t>
  </si>
  <si>
    <t>F:\desktop\Diretorio I\1 - Operação\1.2 - Relatórios\RO\RO 2011\08 - AGOSTO 2011\Resolvidas\CPS 150 SALA DE TREINAMENTO CULTO.xls</t>
  </si>
  <si>
    <t>CPS 151 ENTRADA IRREGULAR.xls</t>
  </si>
  <si>
    <t>F:\desktop\Diretorio I\1 - Operação\1.2 - Relatórios\RO\RO 2011\08 - AGOSTO 2011\Resolvidas\CPS 151 ENTRADA IRREGULAR.xls</t>
  </si>
  <si>
    <t>CPS 153 COLISÃO DE VEICULO.xls</t>
  </si>
  <si>
    <t>F:\desktop\Diretorio I\1 - Operação\1.2 - Relatórios\RO\RO 2011\08 - AGOSTO 2011\Resolvidas\CPS 153 COLISÃO DE VEICULO.xls</t>
  </si>
  <si>
    <t>CPS147 ACHADOS E PERDIDOS.xls</t>
  </si>
  <si>
    <t>F:\desktop\Diretorio I\1 - Operação\1.2 - Relatórios\RO\RO 2011\08 - AGOSTO 2011\Resolvidas\CPS147 ACHADOS E PERDIDOS.xls</t>
  </si>
  <si>
    <t>11/22/2019 09:49:28</t>
  </si>
  <si>
    <t>CPS148 INFRINGIU NORMAS DA EMPRESA.xls</t>
  </si>
  <si>
    <t>F:\desktop\Diretorio I\1 - Operação\1.2 - Relatórios\RO\RO 2011\08 - AGOSTO 2011\Resolvidas\CPS148 INFRINGIU NORMAS DA EMPRESA.xls</t>
  </si>
  <si>
    <t>FORMULARIO RO CPS149.xls</t>
  </si>
  <si>
    <t>F:\desktop\Diretorio I\1 - Operação\1.2 - Relatórios\RO\RO 2011\08 - AGOSTO 2011\Resolvidas\FORMULARIO RO CPS149.xls</t>
  </si>
  <si>
    <t>RO CPS 152 FURTO DE CALÇADOS.xls</t>
  </si>
  <si>
    <t>F:\desktop\Diretorio I\1 - Operação\1.2 - Relatórios\RO\RO 2011\08 - AGOSTO 2011\Resolvidas\RO CPS 152 FURTO DE CALÇADOS.xls</t>
  </si>
  <si>
    <t>E:\desktop\Diretorio I\1 - Operação\1.2 - Relatórios\RO\RO 2011\08 - AGOSTO 2011\RO 152\</t>
  </si>
  <si>
    <t>RO 152 Relatorio de acesso.xls</t>
  </si>
  <si>
    <t>F:\desktop\Diretorio I\1 - Operação\1.2 - Relatórios\RO\RO 2011\08 - AGOSTO 2011\RO 152\RO 152 Relatorio de acesso.xls</t>
  </si>
  <si>
    <t>11/22/2019 09:47:01</t>
  </si>
  <si>
    <t>11/22/2019 09:51:37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6fbc44b6d6b549208175d5a27201bd13-cintia nune;/o=exchangelabs/ou=exchange administrative group (fydibohf23spdlt)/cn=recipients/cn=823ff3c9d5fe49399d544dd8d287e4b4-alexandre m;/o=exchangelabs/ou=exchange administrative group (fydibohf23spdlt)/cn=recipients/cn=a4545fc7818a4461b891552a00f66c55-algar tech;/o=exchangelabs/ou=exchange administrative group (fydibohf23spdlt)/cn=recipients/cn=usera699e94b;gessycaam@algartech.com;</t>
  </si>
  <si>
    <t>Controle de Horas Logadas_Novas_NOV.xlsx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6fbc44b6d6b549208175d5a27201bd13-cintia nune,/o=exchangelabs/ou=exchange administrative group (fydibohf23spdlt)/cn=recipients/cn=823ff3c9d5fe49399d544dd8d287e4b4-alexandre m,/o=exchangelabs/ou=exchange administrative group (fydibohf23spdlt)/cn=recipients/cn=a4545fc7818a4461b891552a00f66c55-algar tech,/o=exchangelabs/ou=exchange administrative group (fydibohf23spdlt)/cn=recipients/cn=usera699e94b,gessycaam@algartech.com</t>
  </si>
  <si>
    <t>11/22/2019 09:46:45</t>
  </si>
  <si>
    <t>mail.google.com/_/upload?authuser=0&amp;dcp=asu-n&amp;upload_id=AEnB2Uq4J6RIqE2z78bJc0GGIPR9djV1hr4meG4H_W-NF3z0uEkLEB1kQH6EN_JHo2weCXn-SBp8Ew3zrjQI0e92ylPMza1iS7d0la3yjgUSjUwMlWoXGZI&amp;upload_protocol=resumable</t>
  </si>
  <si>
    <t>11/22/2019 09:48:42</t>
  </si>
  <si>
    <t>11/22/2019 09:52:36</t>
  </si>
  <si>
    <t>11/22/2019 09:50:58</t>
  </si>
  <si>
    <t>ENC: Validação Preço Avon - Front Apartado</t>
  </si>
  <si>
    <t>Plan Precificacao C017 B017 GRC - URA e MESA DIGITAL Apartados.xlsb</t>
  </si>
  <si>
    <t>11/22/2019 09:49:33</t>
  </si>
  <si>
    <t>11/22/2019 09:55:37</t>
  </si>
  <si>
    <t>F:\desktop\Diretorio I\1 - Operação\1.2 - Relatórios\RO\RO 2011\08 - AGOSTO 2011\RO 152\RO CPS 152 FURTO DE CALÇADOS.xls</t>
  </si>
  <si>
    <t>11/22/2019 09:49:35</t>
  </si>
  <si>
    <t>E:\desktop\Diretorio I\1 - Operação\1.2 - Relatórios\RO\RO 2011\09 - SETEMBRO 2011\</t>
  </si>
  <si>
    <t>Cópia de Cópia de FORMULÁRIO DE RO.xls</t>
  </si>
  <si>
    <t>F:\desktop\Diretorio I\1 - Operação\1.2 - Relatórios\RO\RO 2011\09 - SETEMBRO 2011\Cópia de Cópia de FORMULÁRIO DE RO.xls</t>
  </si>
  <si>
    <t>11/22/2019 09:49:36</t>
  </si>
  <si>
    <t>F:\desktop\Diretorio I\1 - Operação\1.2 - Relatórios\RO\RO 2011\09 - SETEMBRO 2011\FORMULARIO RO 2011.xlsx</t>
  </si>
  <si>
    <t>E:\desktop\Diretorio I\1 - Operação\1.2 - Relatórios\RO\RO 2011\09 - SETEMBRO 2011\Resolvidas\</t>
  </si>
  <si>
    <t>CPS 156 FURTO DE MARMITA.xls</t>
  </si>
  <si>
    <t>F:\desktop\Diretorio I\1 - Operação\1.2 - Relatórios\RO\RO 2011\09 - SETEMBRO 2011\Resolvidas\CPS 156 FURTO DE MARMITA.xls</t>
  </si>
  <si>
    <t>cps 160 furto de celular.xls</t>
  </si>
  <si>
    <t>F:\desktop\Diretorio I\1 - Operação\1.2 - Relatórios\RO\RO 2011\09 - SETEMBRO 2011\Resolvidas\cps 160 furto de celular.xls</t>
  </si>
  <si>
    <t>CPS Furto Celular 159.xls</t>
  </si>
  <si>
    <t>F:\desktop\Diretorio I\1 - Operação\1.2 - Relatórios\RO\RO 2011\09 - SETEMBRO 2011\Resolvidas\CPS Furto Celular 159.xls</t>
  </si>
  <si>
    <t>CPS155 Liberação não autorisada ao Data Center.xls</t>
  </si>
  <si>
    <t>F:\desktop\Diretorio I\1 - Operação\1.2 - Relatórios\RO\RO 2011\09 - SETEMBRO 2011\Resolvidas\CPS155 Liberação não autorisada ao Data Center.xls</t>
  </si>
  <si>
    <t>CPS157 Veiculo Quebrado.xls</t>
  </si>
  <si>
    <t>F:\desktop\Diretorio I\1 - Operação\1.2 - Relatórios\RO\RO 2011\09 - SETEMBRO 2011\Resolvidas\CPS157 Veiculo Quebrado.xls</t>
  </si>
  <si>
    <t>FORMULÁRIO DE RO cps154.xls</t>
  </si>
  <si>
    <t>F:\desktop\Diretorio I\1 - Operação\1.2 - Relatórios\RO\RO 2011\09 - SETEMBRO 2011\Resolvidas\FORMULÁRIO DE RO cps154.xls</t>
  </si>
  <si>
    <t>Futo de Lanche na Geladeira CPS158.xls</t>
  </si>
  <si>
    <t>F:\desktop\Diretorio I\1 - Operação\1.2 - Relatórios\RO\RO 2011\09 - SETEMBRO 2011\Resolvidas\Futo de Lanche na Geladeira CPS158.xls</t>
  </si>
  <si>
    <t>E:\desktop\Diretorio I\1 - Operação\1.2 - Relatórios\RO\RO 2011\10 - OUTUBRO 2011\</t>
  </si>
  <si>
    <t>Cópia (2) de FORMULÁRIO DE RO.xls</t>
  </si>
  <si>
    <t>F:\desktop\Diretorio I\1 - Operação\1.2 - Relatórios\RO\RO 2011\10 - OUTUBRO 2011\Cópia (2) de FORMULÁRIO DE RO.xls</t>
  </si>
  <si>
    <t>F:\desktop\Diretorio I\1 - Operação\1.2 - Relatórios\RO\RO 2011\10 - OUTUBRO 2011\FORMULARIO RO 2011.xlsx</t>
  </si>
  <si>
    <t>E:\desktop\Diretorio I\1 - Operação\1.2 - Relatórios\RO\RO 2011\10 - OUTUBRO 2011\Resolvidas\</t>
  </si>
  <si>
    <t>CPS 165 FURTO DE MEMORIA COMPUTADOR.xls</t>
  </si>
  <si>
    <t>F:\desktop\Diretorio I\1 - Operação\1.2 - Relatórios\RO\RO 2011\10 - OUTUBRO 2011\Resolvidas\CPS 165 FURTO DE MEMORIA COMPUTADOR.xls</t>
  </si>
  <si>
    <t>11/22/2019 09:49:38</t>
  </si>
  <si>
    <t>cps 166 furto de guarda chuva.xls</t>
  </si>
  <si>
    <t>F:\desktop\Diretorio I\1 - Operação\1.2 - Relatórios\RO\RO 2011\10 - OUTUBRO 2011\Resolvidas\cps 166 furto de guarda chuva.xls</t>
  </si>
  <si>
    <t>Cópia de CPS 162 INFRAÇAO NAS NORMAS.xls</t>
  </si>
  <si>
    <t>F:\desktop\Diretorio I\1 - Operação\1.2 - Relatórios\RO\RO 2011\10 - OUTUBRO 2011\Resolvidas\Cópia de CPS 162 INFRAÇAO NAS NORMAS.xls</t>
  </si>
  <si>
    <t>Furto na Geladeira Frontal 161.xls</t>
  </si>
  <si>
    <t>F:\desktop\Diretorio I\1 - Operação\1.2 - Relatórios\RO\RO 2011\10 - OUTUBRO 2011\Resolvidas\Furto na Geladeira Frontal 161.xls</t>
  </si>
  <si>
    <t>RO 163 VESTIMENTAS.xls</t>
  </si>
  <si>
    <t>F:\desktop\Diretorio I\1 - Operação\1.2 - Relatórios\RO\RO 2011\10 - OUTUBRO 2011\Resolvidas\RO 163 VESTIMENTAS.xls</t>
  </si>
  <si>
    <t>RO 167 DATA CENTER.xls</t>
  </si>
  <si>
    <t>F:\desktop\Diretorio I\1 - Operação\1.2 - Relatórios\RO\RO 2011\10 - OUTUBRO 2011\Resolvidas\RO 167 DATA CENTER.xls</t>
  </si>
  <si>
    <t>RO164 DESACATO.xls</t>
  </si>
  <si>
    <t>F:\desktop\Diretorio I\1 - Operação\1.2 - Relatórios\RO\RO 2011\10 - OUTUBRO 2011\Resolvidas\RO164 DESACATO.xls</t>
  </si>
  <si>
    <t>11/22/2019 09:50:32</t>
  </si>
  <si>
    <t>E:\desktop\Diretorio I\1 - Operação\1.2 - Relatórios\RO\RO 2011\11 - NOVEMBRO 2011\</t>
  </si>
  <si>
    <t>F:\desktop\Diretorio I\1 - Operação\1.2 - Relatórios\RO\RO 2011\11 - NOVEMBRO 2011\Cópia de FORMULÁRIO DE RO.xls</t>
  </si>
  <si>
    <t>F:\desktop\Diretorio I\1 - Operação\1.2 - Relatórios\RO\RO 2011\11 - NOVEMBRO 2011\FORMULARIO RO 2011.xlsx</t>
  </si>
  <si>
    <t>11/22/2019 09:50:33</t>
  </si>
  <si>
    <t>E:\desktop\Diretorio I\1 - Operação\1.2 - Relatórios\RO\RO 2011\11 - NOVEMBRO 2011\Resolvidas\</t>
  </si>
  <si>
    <t>FURTO DE NECESSARE 168.xls</t>
  </si>
  <si>
    <t>F:\desktop\Diretorio I\1 - Operação\1.2 - Relatórios\RO\RO 2011\11 - NOVEMBRO 2011\Resolvidas\FURTO DE NECESSARE 168.xls</t>
  </si>
  <si>
    <t>RO 169 FURTO MOUSE.xls</t>
  </si>
  <si>
    <t>F:\desktop\Diretorio I\1 - Operação\1.2 - Relatórios\RO\RO 2011\11 - NOVEMBRO 2011\Resolvidas\RO 169 FURTO MOUSE.xls</t>
  </si>
  <si>
    <t>E:\desktop\Diretorio I\1 - Operação\1.2 - Relatórios\RO\RO 2011\12 - DEZEMBRO 2011\</t>
  </si>
  <si>
    <t>F:\desktop\Diretorio I\1 - Operação\1.2 - Relatórios\RO\RO 2011\12 - DEZEMBRO 2011\FORMULARIO RO 2011.xlsx</t>
  </si>
  <si>
    <t>11/22/2019 09:50:37</t>
  </si>
  <si>
    <t>E:\desktop\Diretorio I\1 - Operação\1.2 - Relatórios\RO\RO 2011\12 - DEZEMBRO 2011\Resolvidas\</t>
  </si>
  <si>
    <t>CPS 170 FURTO DE CELULAR.xls</t>
  </si>
  <si>
    <t>F:\desktop\Diretorio I\1 - Operação\1.2 - Relatórios\RO\RO 2011\12 - DEZEMBRO 2011\Resolvidas\CPS 170 FURTO DE CELULAR.xls</t>
  </si>
  <si>
    <t>CPS 171 Entrada indevida.xls</t>
  </si>
  <si>
    <t>F:\desktop\Diretorio I\1 - Operação\1.2 - Relatórios\RO\RO 2011\12 - DEZEMBRO 2011\Resolvidas\CPS 171 Entrada indevida.xls</t>
  </si>
  <si>
    <t>RO 172 Notebook encontrado.xls</t>
  </si>
  <si>
    <t>F:\desktop\Diretorio I\1 - Operação\1.2 - Relatórios\RO\RO 2011\12 - DEZEMBRO 2011\Resolvidas\RO 172 Notebook encontrado.xls</t>
  </si>
  <si>
    <t>RO 173 Furto geladeira.xls</t>
  </si>
  <si>
    <t>F:\desktop\Diretorio I\1 - Operação\1.2 - Relatórios\RO\RO 2011\12 - DEZEMBRO 2011\Resolvidas\RO 173 Furto geladeira.xls</t>
  </si>
  <si>
    <t>RO 174 Furto De Armario.xls</t>
  </si>
  <si>
    <t>F:\desktop\Diretorio I\1 - Operação\1.2 - Relatórios\RO\RO 2011\12 - DEZEMBRO 2011\Resolvidas\RO 174 Furto De Armario.xls</t>
  </si>
  <si>
    <t>RO 175 FURTO NO BANHEIRO.xls</t>
  </si>
  <si>
    <t>F:\desktop\Diretorio I\1 - Operação\1.2 - Relatórios\RO\RO 2011\12 - DEZEMBRO 2011\Resolvidas\RO 175 FURTO NO BANHEIRO.xls</t>
  </si>
  <si>
    <t>11/22/2019 09:50:38</t>
  </si>
  <si>
    <t>RO 176 Furto de Celular.xls</t>
  </si>
  <si>
    <t>F:\desktop\Diretorio I\1 - Operação\1.2 - Relatórios\RO\RO 2011\12 - DEZEMBRO 2011\Resolvidas\RO 176 Furto de Celular.xls</t>
  </si>
  <si>
    <t>E:\desktop\Diretorio I\1 - Operação\1.2 - Relatórios\RO\RO 2012\01-JANEIRO 2012\</t>
  </si>
  <si>
    <t>cps 006 FURTO DE RECIPIENTE DE MARMITA.xls</t>
  </si>
  <si>
    <t>F:\desktop\Diretorio I\1 - Operação\1.2 - Relatórios\RO\RO 2012\01-JANEIRO 2012\cps 006 FURTO DE RECIPIENTE DE MARMITA.xls</t>
  </si>
  <si>
    <t>CPS 007 ARMARIO.xls</t>
  </si>
  <si>
    <t>F:\desktop\Diretorio I\1 - Operação\1.2 - Relatórios\RO\RO 2012\01-JANEIRO 2012\CPS 007 ARMARIO.xls</t>
  </si>
  <si>
    <t>CPS 008 INFRIGIU AS NORMAS.xls</t>
  </si>
  <si>
    <t>F:\desktop\Diretorio I\1 - Operação\1.2 - Relatórios\RO\RO 2012\01-JANEIRO 2012\CPS 008 INFRIGIU AS NORMAS.xls</t>
  </si>
  <si>
    <t>CPS 009 DESRESPEITO AS NORMAS.xls</t>
  </si>
  <si>
    <t>F:\desktop\Diretorio I\1 - Operação\1.2 - Relatórios\RO\RO 2012\01-JANEIRO 2012\CPS 009 DESRESPEITO AS NORMAS.xls</t>
  </si>
  <si>
    <t>11/22/2019 09:50:39</t>
  </si>
  <si>
    <t>F:\desktop\Diretorio I\1 - Operação\1.2 - Relatórios\RO\RO 2012\01-JANEIRO 2012\Cópia de FORMULÁRIO DE RO.xls</t>
  </si>
  <si>
    <t>F:\desktop\Diretorio I\1 - Operação\1.2 - Relatórios\RO\RO 2012\01-JANEIRO 2012\FORMULÁRIO DE RO.xls</t>
  </si>
  <si>
    <t>E:\desktop\Diretorio I\1 - Operação\1.2 - Relatórios\RO\RO 2012\01-JANEIRO 2012\Resolvidas\</t>
  </si>
  <si>
    <t>CPS 001Furto de mouse RO 001.xls</t>
  </si>
  <si>
    <t>F:\desktop\Diretorio I\1 - Operação\1.2 - Relatórios\RO\RO 2012\01-JANEIRO 2012\Resolvidas\CPS 001Furto de mouse RO 001.xls</t>
  </si>
  <si>
    <t>CPS 002 Portão aberto.xlsx</t>
  </si>
  <si>
    <t>F:\desktop\Diretorio I\1 - Operação\1.2 - Relatórios\RO\RO 2012\01-JANEIRO 2012\Resolvidas\CPS 002 Portão aberto.xlsx</t>
  </si>
  <si>
    <t>CPS 003 INFLIGIU AS NORMAS.xls</t>
  </si>
  <si>
    <t>F:\desktop\Diretorio I\1 - Operação\1.2 - Relatórios\RO\RO 2012\01-JANEIRO 2012\Resolvidas\CPS 003 INFLIGIU AS NORMAS.xls</t>
  </si>
  <si>
    <t>11/22/2019 09:50:40</t>
  </si>
  <si>
    <t>CPS 004 PERDA DE CARTEIRA.xls</t>
  </si>
  <si>
    <t>F:\desktop\Diretorio I\1 - Operação\1.2 - Relatórios\RO\RO 2012\01-JANEIRO 2012\Resolvidas\CPS 004 PERDA DE CARTEIRA.xls</t>
  </si>
  <si>
    <t>CPS 005 PERDA DE CHAVE.xls</t>
  </si>
  <si>
    <t>F:\desktop\Diretorio I\1 - Operação\1.2 - Relatórios\RO\RO 2012\01-JANEIRO 2012\Resolvidas\CPS 005 PERDA DE CHAVE.xls</t>
  </si>
  <si>
    <t>E:\desktop\Diretorio I\1 - Operação\1.2 - Relatórios\RO\RO 2012\02-FEVEREIRO 2012\</t>
  </si>
  <si>
    <t>F:\desktop\Diretorio I\1 - Operação\1.2 - Relatórios\RO\RO 2012\02-FEVEREIRO 2012\FORMULÁRIO DE RO.xls</t>
  </si>
  <si>
    <t>R.O CPS 010 USO DE ENTORPECENTES.xlsx</t>
  </si>
  <si>
    <t>F:\desktop\Diretorio I\1 - Operação\1.2 - Relatórios\RO\RO 2012\02-FEVEREIRO 2012\R.O CPS 010 USO DE ENTORPECENTES.xlsx</t>
  </si>
  <si>
    <t>11/22/2019 09:50:41</t>
  </si>
  <si>
    <t>Relatorio RO 2012...(1).xlsx</t>
  </si>
  <si>
    <t>F:\desktop\Diretorio I\1 - Operação\1.2 - Relatórios\RO\RO 2012\02-FEVEREIRO 2012\Relatorio RO 2012...(1).xlsx</t>
  </si>
  <si>
    <t>E:\desktop\Diretorio I\1 - Operação\1.2 - Relatórios\RO\RO 2012\03-MARÇO 2012\</t>
  </si>
  <si>
    <t>F:\desktop\Diretorio I\1 - Operação\1.2 - Relatórios\RO\RO 2012\03-MARÇO 2012\FORMULÁRIO DE RO.xls</t>
  </si>
  <si>
    <t>11/22/2019 09:50:42</t>
  </si>
  <si>
    <t>E:\desktop\Diretorio I\1 - Operação\1.2 - Relatórios\RO\RO 2012\04-ABRIL 2012\</t>
  </si>
  <si>
    <t>F:\desktop\Diretorio I\1 - Operação\1.2 - Relatórios\RO\RO 2012\04-ABRIL 2012\FORMULÁRIO DE RO.xls</t>
  </si>
  <si>
    <t>E:\desktop\Diretorio I\1 - Operação\1.2 - Relatórios\RO\RO 2012\05-MAIO 2012\</t>
  </si>
  <si>
    <t>F:\desktop\Diretorio I\1 - Operação\1.2 - Relatórios\RO\RO 2012\05-MAIO 2012\FORMULÁRIO DE RO.xls</t>
  </si>
  <si>
    <t>E:\desktop\Diretorio I\1 - Operação\1.2 - Relatórios\RO\RO 2012\06-JUNHO 2012\</t>
  </si>
  <si>
    <t>F:\desktop\Diretorio I\1 - Operação\1.2 - Relatórios\RO\RO 2012\06-JUNHO 2012\FORMULÁRIO DE RO.xls</t>
  </si>
  <si>
    <t>11/22/2019 09:50:43</t>
  </si>
  <si>
    <t>E:\desktop\Diretorio I\1 - Operação\1.2 - Relatórios\RO\RO 2012\07-JULHO 2012\</t>
  </si>
  <si>
    <t>F:\desktop\Diretorio I\1 - Operação\1.2 - Relatórios\RO\RO 2012\07-JULHO 2012\FORMULÁRIO DE RO.xls</t>
  </si>
  <si>
    <t>E:\desktop\Diretorio I\1 - Operação\1.2 - Relatórios\RO\RO 2012\08-AGOSTO 2012\</t>
  </si>
  <si>
    <t>F:\desktop\Diretorio I\1 - Operação\1.2 - Relatórios\RO\RO 2012\08-AGOSTO 2012\FORMULÁRIO DE RO.xls</t>
  </si>
  <si>
    <t>E:\desktop\Diretorio I\1 - Operação\1.2 - Relatórios\RO\RO 2012\09-SETEMBRO 2012\</t>
  </si>
  <si>
    <t>F:\desktop\Diretorio I\1 - Operação\1.2 - Relatórios\RO\RO 2012\09-SETEMBRO 2012\FORMULÁRIO DE RO.xls</t>
  </si>
  <si>
    <t>11/22/2019 09:50:44</t>
  </si>
  <si>
    <t>E:\desktop\Diretorio I\1 - Operação\1.2 - Relatórios\RO\RO 2012\10- OUTUBRO 2012\</t>
  </si>
  <si>
    <t>F:\desktop\Diretorio I\1 - Operação\1.2 - Relatórios\RO\RO 2012\10- OUTUBRO 2012\FORMULÁRIO DE RO.xls</t>
  </si>
  <si>
    <t>E:\desktop\Diretorio I\1 - Operação\1.2 - Relatórios\RO\RO 2012\11-NOVEMBRO 2012\</t>
  </si>
  <si>
    <t>F:\desktop\Diretorio I\1 - Operação\1.2 - Relatórios\RO\RO 2012\11-NOVEMBRO 2012\FORMULÁRIO DE RO.xls</t>
  </si>
  <si>
    <t>11/22/2019 09:50:45</t>
  </si>
  <si>
    <t>E:\desktop\Diretorio I\1 - Operação\1.2 - Relatórios\RO\RO 2012\12- DEZEMBRO 2012\</t>
  </si>
  <si>
    <t>F:\desktop\Diretorio I\1 - Operação\1.2 - Relatórios\RO\RO 2012\12- DEZEMBRO 2012\FORMULÁRIO DE RO.xls</t>
  </si>
  <si>
    <t>E:\desktop\Diretorio I\Controle Entrada Amazon\</t>
  </si>
  <si>
    <t>Controle Entrada Amazon.xlsx</t>
  </si>
  <si>
    <t>F:\desktop\Diretorio I\Controle Entrada Amazon\Controle Entrada Amazon.xlsx</t>
  </si>
  <si>
    <t>11/22/2019 09:52:22</t>
  </si>
  <si>
    <t>E:\desktop\Novos processos Bancos\</t>
  </si>
  <si>
    <t>Contatos PAB's.xlsx</t>
  </si>
  <si>
    <t>F:\desktop\Novos processos Bancos\Contatos PAB's.xlsx</t>
  </si>
  <si>
    <t>11/22/2019 09:52:24</t>
  </si>
  <si>
    <t>E:\desktop\Organizar\</t>
  </si>
  <si>
    <t>F:\desktop\Organizar\FORMULÁRIO DE RO.xls</t>
  </si>
  <si>
    <t>Posto Brasília.xlsx</t>
  </si>
  <si>
    <t>F:\desktop\Organizar\Posto Brasília.xlsx</t>
  </si>
  <si>
    <t>11/22/2019 09:52:25</t>
  </si>
  <si>
    <t>Projeto+GED+-+Segurança+Empresarial2012.xlsx</t>
  </si>
  <si>
    <t>F:\desktop\Organizar\Projeto+GED+-+Segurança+Empresarial2012.xlsx</t>
  </si>
  <si>
    <t>11/22/2019 09:52:26</t>
  </si>
  <si>
    <t>E:\desktop\Organizar\Mudança PDC\</t>
  </si>
  <si>
    <t>Mudança Portaria DC_2012.xlsx</t>
  </si>
  <si>
    <t>F:\desktop\Organizar\Mudança PDC\Mudança Portaria DC_2012.xlsx</t>
  </si>
  <si>
    <t>11/22/2019 09:52:35</t>
  </si>
  <si>
    <t>E:\desktop\Treinamento MS-Project 2010\Projeto Video\</t>
  </si>
  <si>
    <t>Book1.xlsx</t>
  </si>
  <si>
    <t>F:\desktop\Treinamento MS-Project 2010\Projeto Video\Book1.xlsx</t>
  </si>
  <si>
    <t>Calendário.xlsx</t>
  </si>
  <si>
    <t>F:\desktop\Treinamento MS-Project 2010\Projeto Video\Calendário.xlsx</t>
  </si>
  <si>
    <t>E:\desktop\Treinamento MS-Project 2010\Treinamento Project_2 aula\</t>
  </si>
  <si>
    <t>F:\desktop\Treinamento MS-Project 2010\Treinamento Project_2 aula\Calendário.xlsx</t>
  </si>
  <si>
    <t>Projeto Obra.xlsx</t>
  </si>
  <si>
    <t>F:\desktop\Treinamento MS-Project 2010\Treinamento Project_2 aula\Projeto Obra.xlsx</t>
  </si>
  <si>
    <t>11/22/2019 09:52:38</t>
  </si>
  <si>
    <t>E:\desktop\Treinamento MS-Project 2010\TreinamentoMSP\</t>
  </si>
  <si>
    <t>F:\desktop\Treinamento MS-Project 2010\TreinamentoMSP\Book1.xlsx</t>
  </si>
  <si>
    <t>11/22/2019 09:52:43</t>
  </si>
  <si>
    <t>E:\Diretório H\9.1 - Segurança Física\9.1.1 - Unidades Algar Tec\9.1.1.3 - 235\2 - Projetos\Melhoria 235\</t>
  </si>
  <si>
    <t>CFTV e Controle de Acesso 235.xlsx</t>
  </si>
  <si>
    <t>F:\Diretório H\9.1 - Segurança Física\9.1.1 - Unidades Algar Tec\9.1.1.3 - 235\2 - Projetos\Melhoria 235\CFTV e Controle de Acesso 235.xlsx</t>
  </si>
  <si>
    <t>11/22/2019 09:52:53</t>
  </si>
  <si>
    <t>E:\Diretório H\9.4 - Administrativo\Objetivos\2 Semestre_2013\</t>
  </si>
  <si>
    <t>OBJETIVOS Carlos e Wemerson.xls</t>
  </si>
  <si>
    <t>F:\Diretório H\9.4 - Administrativo\Objetivos\2 Semestre_2013\OBJETIVOS Carlos e Wemerson.xls</t>
  </si>
  <si>
    <t>OBJETIVOS COI.xls</t>
  </si>
  <si>
    <t>F:\Diretório H\9.4 - Administrativo\Objetivos\2 Semestre_2013\OBJETIVOS COI.xls</t>
  </si>
  <si>
    <t>11/22/2019 09:53:16</t>
  </si>
  <si>
    <t>E:\Objetivos_2013\</t>
  </si>
  <si>
    <t>F:\Objetivos_2013\Objetivos 1ª Semestre 2014_COI.xlsx</t>
  </si>
  <si>
    <t>OBJETIVOS EQUIPE_ 2 Semestre 2013_02.xls</t>
  </si>
  <si>
    <t>F:\Objetivos_2013\OBJETIVOS EQUIPE_ 2 Semestre 2013_02.xls</t>
  </si>
  <si>
    <t>OBJETIVOS EQUIPE_ 2 Semestre 2013_Geral.xls</t>
  </si>
  <si>
    <t>F:\Objetivos_2013\OBJETIVOS EQUIPE_ 2 Semestre 2013_Geral.xls</t>
  </si>
  <si>
    <t>OBJETIVOS EQUIPE_ 2 Semestre 2013_Maria Edith.xls</t>
  </si>
  <si>
    <t>F:\Objetivos_2013\OBJETIVOS EQUIPE_ 2 Semestre 2013_Maria Edith.xls</t>
  </si>
  <si>
    <t>OBJETIVOS EQUIPE_ 2 Semestre_Desligados.xls</t>
  </si>
  <si>
    <t>F:\Objetivos_2013\OBJETIVOS EQUIPE_ 2 Semestre_Desligados.xls</t>
  </si>
  <si>
    <t>11/22/2019 09:53:21</t>
  </si>
  <si>
    <t>E:\Procedimentos e Instruções\IT - Cargos e Remunerações.doc\</t>
  </si>
  <si>
    <t>F:\Procedimentos e Instruções\IT - Cargos e Remunerações.doc</t>
  </si>
  <si>
    <t>11/22/2019 09:54:16</t>
  </si>
  <si>
    <t>E:\Projeto Willy\</t>
  </si>
  <si>
    <t>1AAD9566.tmp</t>
  </si>
  <si>
    <t>F:\Projeto Willy\1AAD9566.tmp</t>
  </si>
  <si>
    <t>11/22/2019 09:54:17</t>
  </si>
  <si>
    <t>Descritivo Serviços de Segurança_2014.xls</t>
  </si>
  <si>
    <t>F:\Projeto Willy\Descritivo Serviços de Segurança_2014.xls</t>
  </si>
  <si>
    <t>Descritivo Serviços de Segurança_2014_Willy.xls</t>
  </si>
  <si>
    <t>F:\Projeto Willy\Descritivo Serviços de Segurança_2014_Willy.xls</t>
  </si>
  <si>
    <t>Detalhamento de notas_Willy.xlsx</t>
  </si>
  <si>
    <t>F:\Projeto Willy\Detalhamento de notas_Willy.xlsx</t>
  </si>
  <si>
    <t>Reajuste Algar Segurança_2014 controle.xlsx</t>
  </si>
  <si>
    <t>F:\Projeto Willy\Reajuste Algar Segurança_2014 controle.xlsx</t>
  </si>
  <si>
    <t>11/21/2019 17:40:45</t>
  </si>
  <si>
    <t>11/22/2019 09:56:36</t>
  </si>
  <si>
    <t>/o=exchangelabs/ou=exchange administrative group (fydibohf23spdlt)/cn=recipients/cn=0ee39e9e189c42369588db5cf6d2866d-celia regin;/o=exchangelabs/ou=exchange administrative group (fydibohf23spdlt)/cn=recipients/cn=161c8ab454bb4f4ebde8223bf694a34b-pedro felip;/o=exchangelabs/ou=exchange administrative group (fydibohf23spdlt)/cn=recipients/cn=2144abc9537143519f505fcb8550b74c-juliana emi;/o=exchangelabs/ou=exchange administrative group (fydibohf23spdlt)/cn=recipients/cn=61af722dd06149089cf1c867d796b8bc-delso estre;/o=exchangelabs/ou=exchange administrative group (fydibohf23spdlt)/cn=recipients/cn=9ec15fdf8a374c6f80ea1bf33684216e-roberta alv;/o=exchangelabs/ou=exchange administrative group (fydibohf23spdlt)/cn=recipients/cn=ab45243d601947128cfe3dec663408bf-pamela tava;/o=exchangelabs/ou=exchange administrative group (fydibohf23spdlt)/cn=recipients/cn=e46cd96e8e9e452c8cc8ba65a6c4ec57-gustavo hen;kellycb@algartech.com;rafaelqs@algartech.com;</t>
  </si>
  <si>
    <t>ENC: Planilhas calculo premio</t>
  </si>
  <si>
    <t>RE Planilhas calculo premio.msg\s1\</t>
  </si>
  <si>
    <t>/o=exchangelabs/ou=exchange administrative group (fydibohf23spdlt)/cn=recipients/cn=0ee39e9e189c42369588db5cf6d2866d-celia regin,/o=exchangelabs/ou=exchange administrative group (fydibohf23spdlt)/cn=recipients/cn=161c8ab454bb4f4ebde8223bf694a34b-pedro felip,/o=exchangelabs/ou=exchange administrative group (fydibohf23spdlt)/cn=recipients/cn=2144abc9537143519f505fcb8550b74c-juliana emi,/o=exchangelabs/ou=exchange administrative group (fydibohf23spdlt)/cn=recipients/cn=61af722dd06149089cf1c867d796b8bc-delso estre,/o=exchangelabs/ou=exchange administrative group (fydibohf23spdlt)/cn=recipients/cn=9ec15fdf8a374c6f80ea1bf33684216e-roberta alv,/o=exchangelabs/ou=exchange administrative group (fydibohf23spdlt)/cn=recipients/cn=ab45243d601947128cfe3dec663408bf-pamela tava,/o=exchangelabs/ou=exchange administrative group (fydibohf23spdlt)/cn=recipients/cn=e46cd96e8e9e452c8cc8ba65a6c4ec57-gustavo hen,kellycb@algartech.com,rafaelqs@algartech.com</t>
  </si>
  <si>
    <t>11/22/2019 09:53:56</t>
  </si>
  <si>
    <t>11/22/2019 09:58:36</t>
  </si>
  <si>
    <t>11/22/2019 09:55:25</t>
  </si>
  <si>
    <t>11/22/2019 10:00:36</t>
  </si>
  <si>
    <t>E:\Temp\</t>
  </si>
  <si>
    <t>0012628 - DENÚNCIA SOBRE PORTE ILEGAL DE ARMA - CARLOS.xls</t>
  </si>
  <si>
    <t>F:\Temp\0012628 - DENÚNCIA SOBRE PORTE ILEGAL DE ARMA - CARLOS.xls</t>
  </si>
  <si>
    <t>11/22/2019 09:55:26</t>
  </si>
  <si>
    <t>cancela de saída.xls</t>
  </si>
  <si>
    <t>F:\Temp\cancela de saída.xls</t>
  </si>
  <si>
    <t>11/22/2019 09:55:28</t>
  </si>
  <si>
    <t>Equipe por horario.xlsx</t>
  </si>
  <si>
    <t>F:\Temp\Equipe por horario.xlsx</t>
  </si>
  <si>
    <t>11/22/2019 09:55:29</t>
  </si>
  <si>
    <t>investigaÇÃo_genesys.xls</t>
  </si>
  <si>
    <t>F:\Temp\investigaÇÃo_genesys.xls</t>
  </si>
  <si>
    <t>Levantamento de Incidentes_2013-2014.xls</t>
  </si>
  <si>
    <t>F:\Temp\Levantamento de Incidentes_2013-2014.xls</t>
  </si>
  <si>
    <t>11/22/2019 09:55:42</t>
  </si>
  <si>
    <t>Plano de ação_Segurança 1.xls</t>
  </si>
  <si>
    <t>F:\Temp\Plano de ação_Segurança 1.xls</t>
  </si>
  <si>
    <t>PLANO DIRETOR_15ANOS ALGAR.xlsx</t>
  </si>
  <si>
    <t>F:\Temp\PLANO DIRETOR_15ANOS ALGAR.xlsx</t>
  </si>
  <si>
    <t>11/22/2019 09:55:48</t>
  </si>
  <si>
    <t>teste.xls</t>
  </si>
  <si>
    <t>F:\Temp\teste.xls</t>
  </si>
  <si>
    <t>11/22/2019 09:55:54</t>
  </si>
  <si>
    <t>E:\Temp\Temporário\</t>
  </si>
  <si>
    <t>2013_RGP.xls</t>
  </si>
  <si>
    <t>F:\Temp\Temporário\2013_RGP.xls</t>
  </si>
  <si>
    <t>11/22/2019 09:55:55</t>
  </si>
  <si>
    <t>Action Plan_.xls</t>
  </si>
  <si>
    <t>F:\Temp\Temporário\Action Plan_.xls</t>
  </si>
  <si>
    <t>11/22/2019 09:55:57</t>
  </si>
  <si>
    <t>COI (1).xls</t>
  </si>
  <si>
    <t>F:\Temp\Temporário\COI (1).xls</t>
  </si>
  <si>
    <t>11/22/2019 09:55:58</t>
  </si>
  <si>
    <t>F:\Temp\Temporário\COI.xls</t>
  </si>
  <si>
    <t>11/22/2019 09:55:59</t>
  </si>
  <si>
    <t>DRE INFRA 2013_Carlos.xlsx</t>
  </si>
  <si>
    <t>F:\Temp\Temporário\DRE INFRA 2013_Carlos.xlsx</t>
  </si>
  <si>
    <t>11/22/2019 09:56:01</t>
  </si>
  <si>
    <t>Estrutura_Segurança Empresarial.xlsx</t>
  </si>
  <si>
    <t>F:\Temp\Temporário\Estrutura_Segurança Empresarial.xlsx</t>
  </si>
  <si>
    <t>11/22/2019 09:56:05</t>
  </si>
  <si>
    <t>Indicadores de RO.xlsx</t>
  </si>
  <si>
    <t>F:\Temp\Temporário\Indicadores de RO.xlsx</t>
  </si>
  <si>
    <t>11/22/2019 09:56:06</t>
  </si>
  <si>
    <t>Jacimara.xls</t>
  </si>
  <si>
    <t>F:\Temp\Temporário\Jacimara.xls</t>
  </si>
  <si>
    <t>11/22/2019 09:56:07</t>
  </si>
  <si>
    <t>Lista de Contato PCN - Desatualizada.xls</t>
  </si>
  <si>
    <t>F:\Temp\Temporário\Lista de Contato PCN - Desatualizada.xls</t>
  </si>
  <si>
    <t>Listas Adequação Rio de Janeiro.xlsx</t>
  </si>
  <si>
    <t>F:\Temp\Temporário\Listas Adequação Rio de Janeiro.xlsx</t>
  </si>
  <si>
    <t>Mapeamento de Furtos e Roubos Caixa Eletrônicos_UDI CPS_v02.xls</t>
  </si>
  <si>
    <t>F:\Temp\Temporário\Mapeamento de Furtos e Roubos Caixa Eletrônicos_UDI CPS_v02.xls</t>
  </si>
  <si>
    <t>11/22/2019 09:56:08</t>
  </si>
  <si>
    <t>Modelo Fluxo_Suporte a Segurança.xlsx</t>
  </si>
  <si>
    <t>F:\Temp\Temporário\Modelo Fluxo_Suporte a Segurança.xlsx</t>
  </si>
  <si>
    <t>11/22/2019 09:56:09</t>
  </si>
  <si>
    <t>perfis de acesso.xls</t>
  </si>
  <si>
    <t>F:\Temp\Temporário\perfis de acesso.xls</t>
  </si>
  <si>
    <t>11/22/2019 09:56:10</t>
  </si>
  <si>
    <t>Plano de ação.xls</t>
  </si>
  <si>
    <t>F:\Temp\Temporário\Plano de ação.xls</t>
  </si>
  <si>
    <t>11/22/2019 09:56:11</t>
  </si>
  <si>
    <t>Plano de ação_Segurança.xls</t>
  </si>
  <si>
    <t>F:\Temp\Temporário\Plano de ação_Segurança.xls</t>
  </si>
  <si>
    <t>11/22/2019 09:56:13</t>
  </si>
  <si>
    <t>REVISÃO_09-2013.xlsx</t>
  </si>
  <si>
    <t>F:\Temp\Temporário\REVISÃO_09-2013.xlsx</t>
  </si>
  <si>
    <t>11/22/2019 09:56:14</t>
  </si>
  <si>
    <t>Treinamentos 2014.xlsx</t>
  </si>
  <si>
    <t>F:\Temp\Temporário\Treinamentos 2014.xlsx</t>
  </si>
  <si>
    <t>11/22/2019 09:59:44</t>
  </si>
  <si>
    <t>F:\Cópia\AA - Festa 15 anos\Check-list segurança.xlsx</t>
  </si>
  <si>
    <t>11/22/2019 09:59:48</t>
  </si>
  <si>
    <t>F:\Cópia\AA - SP 22-02-17\14.5 - Site CASA - Santo Amaro\E-mail_Avaliação do Site CASA.msg</t>
  </si>
  <si>
    <t>11/22/2019 09:57:18</t>
  </si>
  <si>
    <t>11/22/2019 10:02:36</t>
  </si>
  <si>
    <t>RES: Reset WF</t>
  </si>
  <si>
    <t>11/22/2019 10:01:59</t>
  </si>
  <si>
    <t>11/22/2019 10:03:36</t>
  </si>
  <si>
    <t>11/22/2019 10:00:45</t>
  </si>
  <si>
    <t>11/22/2019 10:05:37</t>
  </si>
  <si>
    <t>F:\Cópia\Área de Trabalho\25667CCD.tmp</t>
  </si>
  <si>
    <t>11/22/2019 10:00:47</t>
  </si>
  <si>
    <t>F:\Cópia\Área de Trabalho\Ações Interna_Simulação.xlsx</t>
  </si>
  <si>
    <t>F:\Cópia\Área de Trabalho\CAMPINAS - PROPOSTA 3A.xlsx</t>
  </si>
  <si>
    <t>F:\Cópia\Área de Trabalho\CAMPINAS - PROPOSTA 3A_V2.xlsx</t>
  </si>
  <si>
    <t>F:\Cópia\Área de Trabalho\CEI_Planejamento Capex 2017_REV1 - 19-08-16.xlsx</t>
  </si>
  <si>
    <t>F:\Cópia\Área de Trabalho\Cálculo_ACORDO COLETIVO_2016.xlsx</t>
  </si>
  <si>
    <t>11/22/2019 10:00:48</t>
  </si>
  <si>
    <t>F:\Cópia\Área de Trabalho\Cópia de CEI_Adequações das Equipes para 2017_V02.xlsx</t>
  </si>
  <si>
    <t>F:\Cópia\Área de Trabalho\Descritivo Serviços de Segurança_2015-Em atualização.xls</t>
  </si>
  <si>
    <t>F:\Cópia\Área de Trabalho\Entrevista Carlos.xls</t>
  </si>
  <si>
    <t>11/22/2019 10:00:58</t>
  </si>
  <si>
    <t>F:\Cópia\Área de Trabalho\Formulario_Correios.xls</t>
  </si>
  <si>
    <t>11/22/2019 10:00:59</t>
  </si>
  <si>
    <t>F:\Cópia\Área de Trabalho\Memória de cálculo_Reduções de custos 2017.xlsx</t>
  </si>
  <si>
    <t>11/22/2019 10:01:00</t>
  </si>
  <si>
    <t>F:\Cópia\Área de Trabalho\QUESTIONÁRIO-AUDITORIA-DE-PROCESSO-FORNECEDOR.xls</t>
  </si>
  <si>
    <t>F:\Cópia\Área de Trabalho\Relatório de despesas_Carlos.xlsx</t>
  </si>
  <si>
    <t>11/22/2019 10:01:02</t>
  </si>
  <si>
    <t>F:\Cópia\Área de Trabalho\Relação de Grupos de acesso a rede.xlsx</t>
  </si>
  <si>
    <t>F:\Cópia\Área de Trabalho\Serviços de Vigilância e Portaria_2016.xlsx</t>
  </si>
  <si>
    <t>11/22/2019 10:01:07</t>
  </si>
  <si>
    <t>F:\Cópia\Área de Trabalho\Pendências\Análise de Custo Crahá Funcional.xlsx</t>
  </si>
  <si>
    <t>11/22/2019 10:01:08</t>
  </si>
  <si>
    <t>F:\Cópia\Área de Trabalho\Pendências\Avaliação de desempenho.xls</t>
  </si>
  <si>
    <t>11/22/2019 10:01:10</t>
  </si>
  <si>
    <t>F:\Cópia\Área de Trabalho\Pendências\Planejamento de atividades_Carlos.xlsx</t>
  </si>
  <si>
    <t>11/22/2019 10:01:13</t>
  </si>
  <si>
    <t>F:\Cópia\Área de Trabalho\Temp\CRS_Assessoria_340001415_7000.xls</t>
  </si>
  <si>
    <t>F:\Cópia\Área de Trabalho\Temp\Descritivo Serviços de Segurança_2014_Willy - Atualizada 2015.xls</t>
  </si>
  <si>
    <t>11/22/2019 10:01:14</t>
  </si>
  <si>
    <t>F:\Cópia\Área de Trabalho\Temp\OPEX_2015.xls</t>
  </si>
  <si>
    <t>11/22/2019 10:01:17</t>
  </si>
  <si>
    <t>F:\Cópia\Área de Trabalho\Temp\Apresentação_Diretoria\CUSTO BOTTON.xlsx</t>
  </si>
  <si>
    <t>F:\Cópia\Área de Trabalho\Temp\Apresentação_Diretoria\MATERIAIS PARA SUBSTITUIÇÃO DO USO DOS BOTONS .xlsx</t>
  </si>
  <si>
    <t>F:\Cópia\Área de Trabalho\Temp\Apresentação_Diretoria\MATERIAIS PARA SUBSTITUIÇÃO DO USO DOS BOTONS..xlsx</t>
  </si>
  <si>
    <t>11/22/2019 10:01:22</t>
  </si>
  <si>
    <t>F:\Cópia\Área de Trabalho\Temp\Apresentação_Diretoria\COI\ANALISE CUSTO DE CONFECÇÃO DE CRACHÁ..xlsx</t>
  </si>
  <si>
    <t>11/22/2019 10:01:23</t>
  </si>
  <si>
    <t>F:\Cópia\Área de Trabalho\Temp\Apresentação_Diretoria\COI\COI.xls</t>
  </si>
  <si>
    <t>F:\Cópia\Área de Trabalho\Temp\Apresentação_Diretoria\COI\Cópia de Indicadores de performance_Seguranca.xlsx</t>
  </si>
  <si>
    <t>F:\Cópia\Área de Trabalho\Temp\Apresentação_Diretoria\COI\Lista_Segurança Empresarial.xls .xls</t>
  </si>
  <si>
    <t>11/22/2019 10:01:54</t>
  </si>
  <si>
    <t>F:\Cópia\Área de Trabalho\Temporário02\ALAOR_Seguranca.xlsx</t>
  </si>
  <si>
    <t>11/22/2019 10:01:55</t>
  </si>
  <si>
    <t>F:\Cópia\Área de Trabalho\Temporário02\Algar_Tech_Infraestrutura_Carlos Rodrigues_v1.xls</t>
  </si>
  <si>
    <t>11/22/2019 10:01:56</t>
  </si>
  <si>
    <t>F:\Cópia\Área de Trabalho\Temporário02\CARLOS RODRIGUES COSTA.xls</t>
  </si>
  <si>
    <t>F:\Cópia\Área de Trabalho\Temporário02\Categorias RO.xlsx</t>
  </si>
  <si>
    <t>11/22/2019 10:01:57</t>
  </si>
  <si>
    <t>F:\Cópia\Área de Trabalho\Temporário02\Controle de atividadades.xlsx</t>
  </si>
  <si>
    <t>F:\Cópia\Área de Trabalho\Temporário02\ControleTarefas_v2.xlsx</t>
  </si>
  <si>
    <t>11/22/2019 10:01:58</t>
  </si>
  <si>
    <t>F:\Cópia\Área de Trabalho\Temporário02\Cópia de Planejamento CAPEX INFRAESTRUTURA 2015.xls</t>
  </si>
  <si>
    <t>F:\Cópia\Área de Trabalho\Temporário02\Cópia de Planilha Resumo Corporativo.xlsx</t>
  </si>
  <si>
    <t>F:\Cópia\Área de Trabalho\Temporário02\DE - PARA - segurança.xlsx</t>
  </si>
  <si>
    <t>F:\Cópia\Área de Trabalho\Temporário02\DEPARTAMENTAL - CARLOS - 102014.xlsx</t>
  </si>
  <si>
    <t>F:\Cópia\Área de Trabalho\Temporário02\Descritivo Serviços de Segurança_2014_Com reajuste_Willy.xls</t>
  </si>
  <si>
    <t>11/22/2019 10:02:05</t>
  </si>
  <si>
    <t>F:\Cópia\Área de Trabalho\Temporário02\Evidência para objetivos 1º semestre 2014.xls</t>
  </si>
  <si>
    <t>11/22/2019 10:02:06</t>
  </si>
  <si>
    <t>F:\Cópia\Área de Trabalho\Temporário02\Informações para processo de investigação.xlsx</t>
  </si>
  <si>
    <t>11/22/2019 10:02:07</t>
  </si>
  <si>
    <t>F:\Cópia\Área de Trabalho\Temporário02\Link Rápido_Carlos.xlsx</t>
  </si>
  <si>
    <t>11/22/2019 10:02:09</t>
  </si>
  <si>
    <t>F:\Cópia\Área de Trabalho\Temporário02\Mapa de atividades.xlsx</t>
  </si>
  <si>
    <t>11/22/2019 10:00:22</t>
  </si>
  <si>
    <t>F:\Cópia\Área de Trabalho\Temporário02\Números de segurança eletrônica_04-09-14.xlsx</t>
  </si>
  <si>
    <t>11/22/2019 10:02:10</t>
  </si>
  <si>
    <t>F:\Cópia\Área de Trabalho\Temporário02\Objetivos 1ª Semestre 2014_COI.xlsx</t>
  </si>
  <si>
    <t>F:\Cópia\Área de Trabalho\Temporário02\Objetivos 1ª Semestre 2014_Final.xlsx</t>
  </si>
  <si>
    <t>F:\Cópia\Área de Trabalho\Temporário02\Objetivos 2ª Semestre 2014_Assessoria_Carlos e Wemerson.xlsx</t>
  </si>
  <si>
    <t>11/22/2019 10:02:17</t>
  </si>
  <si>
    <t>F:\Cópia\Área de Trabalho\Temporário02\EVIDENCIA\POLITICA PLT-EM-Cartoes-015 - Emails contendo anexo INCIDENTE 48861231 (7.81 MB).msg</t>
  </si>
  <si>
    <t>11/22/2019 10:02:27</t>
  </si>
  <si>
    <t>F:\Cópia\Área de Trabalho\Temporário02\Indicadores_2013 2014\1º Trimestre_2013.xls</t>
  </si>
  <si>
    <t>11/22/2019 10:02:34</t>
  </si>
  <si>
    <t>F:\Cópia\Área de Trabalho\Temporário02\Indicadores_2013 2014\1º Trimestre_2014.xls</t>
  </si>
  <si>
    <t>11/22/2019 10:02:38</t>
  </si>
  <si>
    <t>F:\Cópia\Área de Trabalho\Temporário02\Indicadores_2013 2014\2º Trimestre_2013.xls</t>
  </si>
  <si>
    <t>11/22/2019 10:02:41</t>
  </si>
  <si>
    <t>F:\Cópia\Área de Trabalho\Temporário02\Indicadores_2013 2014\2º Trimestre_2014.xls</t>
  </si>
  <si>
    <t>11/22/2019 10:02:45</t>
  </si>
  <si>
    <t>F:\Cópia\Área de Trabalho\Temporário02\Indicadores_2013 2014\3º Trimestre_2013.xls</t>
  </si>
  <si>
    <t>11/22/2019 10:02:48</t>
  </si>
  <si>
    <t>F:\Cópia\Área de Trabalho\Temporário02\Indicadores_2013 2014\3º Trimestre_2014.xls</t>
  </si>
  <si>
    <t>11/22/2019 10:02:52</t>
  </si>
  <si>
    <t>F:\Cópia\Área de Trabalho\Temporário02\Indicadores_2013 2014\4º Trimestre_2013.xls</t>
  </si>
  <si>
    <t>11/22/2019 10:03:00</t>
  </si>
  <si>
    <t>F:\Cópia\Área de Trabalho\Temporário02\Indicadores_2013 2014\Indicadores_2013_Tickets.xls</t>
  </si>
  <si>
    <t>11/22/2019 10:03:09</t>
  </si>
  <si>
    <t>F:\Cópia\Área de Trabalho\Temporário02\Indicadores_2013 2014\Indicadores_até 3 trimestre 2014_Ticket.xls</t>
  </si>
  <si>
    <t>11/22/2019 10:03:11</t>
  </si>
  <si>
    <t>F:\Cópia\Área de Trabalho\Temporário02\Pesquisa de Clima_Seg\Algar Tech_Clima 2014_Seg.ppt</t>
  </si>
  <si>
    <t>11/22/2019 10:03:12</t>
  </si>
  <si>
    <t>F:\Cópia\Área de Trabalho\Temporário02\Pesquisa de Clima_Seg\Pesquisa 2014_Comentários.xlsx</t>
  </si>
  <si>
    <t>F:\Cópia\Área de Trabalho\Temporário02\Pesquisa de Clima_Seg\Pesquisa_2014_Melhorias.xlsx</t>
  </si>
  <si>
    <t>11/22/2019 10:03:40</t>
  </si>
  <si>
    <t>F:\Cópia\carlosrcos\desktop_backup\Planos de ação\Action Plan Carlos 2011 v1_01.xls</t>
  </si>
  <si>
    <t>11/22/2019 10:03:41</t>
  </si>
  <si>
    <t>F:\Cópia\carlosrcos\desktop_backup\Planos de ação\Action Plan_Alex 2011 v1.xls</t>
  </si>
  <si>
    <t>11/22/2019 10:04:05</t>
  </si>
  <si>
    <t>F:\Cópia\carlosrcos\desktop_backup\RRPerimetral_UDI\Mapeamento de Roubo em Caixas Eletrônicos.xls</t>
  </si>
  <si>
    <t>F:\Cópia\carlosrcos\desktop_backup\Segurança Empresarial_Nova equipe\Estrutura_Segurança.xls</t>
  </si>
  <si>
    <t>11/22/2019 10:04:06</t>
  </si>
  <si>
    <t>F:\Cópia\carlosrcos\desktop_backup\Temporário\49xxxx.xls</t>
  </si>
  <si>
    <t>F:\Cópia\carlosrcos\desktop_backup\Temporário\access events.xls</t>
  </si>
  <si>
    <t>F:\Cópia\carlosrcos\desktop_backup\Temporário\acessos habilitado.xls</t>
  </si>
  <si>
    <t>11/22/2019 10:04:07</t>
  </si>
  <si>
    <t>F:\Cópia\carlosrcos\desktop_backup\Temporário\Acompanhamento.xls</t>
  </si>
  <si>
    <t>F:\Cópia\carlosrcos\desktop_backup\Temporário\Analise CTBC do contrato ATI 2011..xls</t>
  </si>
  <si>
    <t>F:\Cópia\carlosrcos\desktop_backup\Temporário\Analise CTBC do contrato ATI 2011.xls</t>
  </si>
  <si>
    <t>F:\Cópia\carlosrcos\desktop_backup\Temporário\Analise do contrato ATI 2011.xls</t>
  </si>
  <si>
    <t>11/22/2019 10:04:08</t>
  </si>
  <si>
    <t>F:\Cópia\carlosrcos\desktop_backup\Temporário\Análise Gerencial Consolidada - Internalização - 18-08-2011.xls</t>
  </si>
  <si>
    <t>11/22/2019 10:04:09</t>
  </si>
  <si>
    <t>F:\Cópia\carlosrcos\desktop_backup\Temporário\Auditoria operação Bradesco_23-09-11.xlsx</t>
  </si>
  <si>
    <t>11/22/2019 10:04:10</t>
  </si>
  <si>
    <t>F:\Cópia\carlosrcos\desktop_backup\Temporário\avaliar alterações.xls</t>
  </si>
  <si>
    <t>F:\Cópia\carlosrcos\desktop_backup\Temporário\Avaliação de Eficacia - Carlos.xls</t>
  </si>
  <si>
    <t>F:\Cópia\carlosrcos\desktop_backup\Temporário\calculo maturidade SGSI-v2.xls</t>
  </si>
  <si>
    <t>11/22/2019 10:04:11</t>
  </si>
  <si>
    <t>F:\Cópia\carlosrcos\desktop_backup\Temporário\COD.xlsx</t>
  </si>
  <si>
    <t>F:\Cópia\carlosrcos\desktop_backup\Temporário\Codinomes_Equipe VIG.xlsx</t>
  </si>
  <si>
    <t>11/22/2019 10:04:12</t>
  </si>
  <si>
    <t>F:\Cópia\carlosrcos\desktop_backup\Temporário\Contatos - Comunidade de Inteligência.xls</t>
  </si>
  <si>
    <t>F:\Cópia\carlosrcos\desktop_backup\Temporário\Contatos - RICEI_Atualizada 2011.xls</t>
  </si>
  <si>
    <t>F:\Cópia\carlosrcos\desktop_backup\Temporário\Controle de chaves.xlsx</t>
  </si>
  <si>
    <t>F:\Cópia\carlosrcos\desktop_backup\Temporário\Controle de gastos - CPS.xlsx</t>
  </si>
  <si>
    <t>11/22/2019 10:04:14</t>
  </si>
  <si>
    <t>F:\Cópia\carlosrcos\desktop_backup\Temporário\Controle Ferias.xls</t>
  </si>
  <si>
    <t>11/22/2019 10:04:15</t>
  </si>
  <si>
    <t>F:\Cópia\carlosrcos\desktop_backup\Temporário\coordenadores.xls</t>
  </si>
  <si>
    <t>11/22/2019 10:04:16</t>
  </si>
  <si>
    <t>F:\Cópia\carlosrcos\desktop_backup\Temporário\Cópia de DC_Sede_238_Retirar acessos.xls</t>
  </si>
  <si>
    <t>F:\Cópia\carlosrcos\desktop_backup\Temporário\Dados.xls</t>
  </si>
  <si>
    <t>F:\Cópia\carlosrcos\desktop_backup\Temporário\DC_Sede_238_Emerson.xls</t>
  </si>
  <si>
    <t>F:\Cópia\carlosrcos\desktop_backup\Temporário\DC_Sede_238_Retirar acessos.xls</t>
  </si>
  <si>
    <t>F:\Cópia\carlosrcos\desktop_backup\Temporário\Departamental(1).xls</t>
  </si>
  <si>
    <t>F:\Cópia\carlosrcos\desktop_backup\Temporário\Despesa com viagem.xlsx</t>
  </si>
  <si>
    <t>11/22/2019 10:04:20</t>
  </si>
  <si>
    <t>F:\Cópia\carlosrcos\desktop_backup\Temporário\entrada%20e%20saida_alterado(1).xls</t>
  </si>
  <si>
    <t>11/22/2019 10:04:21</t>
  </si>
  <si>
    <t>F:\Cópia\carlosrcos\desktop_backup\Temporário\Fluxo de Acessos_Segurança - em criação.xls</t>
  </si>
  <si>
    <t>11/22/2019 10:04:24</t>
  </si>
  <si>
    <t>F:\Cópia\carlosrcos\desktop_backup\Temporário\habilitados.xls</t>
  </si>
  <si>
    <t>F:\Cópia\carlosrcos\desktop_backup\Temporário\Infra - Detalhe Atividades - SLA.xlsx</t>
  </si>
  <si>
    <t>F:\Cópia\carlosrcos\desktop_backup\Temporário\irregular_algar seg..xls</t>
  </si>
  <si>
    <t>F:\Cópia\carlosrcos\desktop_backup\Temporário\Levantamento de custo_internalização.xlsx</t>
  </si>
  <si>
    <t>11/22/2019 10:04:28</t>
  </si>
  <si>
    <t>F:\Cópia\carlosrcos\desktop_backup\Temporário\NOVO TEMPLATE RDM (vinculo com BDGC).xls</t>
  </si>
  <si>
    <t>F:\Cópia\carlosrcos\desktop_backup\Temporário\Novos usuários DC 238.xlsx</t>
  </si>
  <si>
    <t>F:\Cópia\carlosrcos\desktop_backup\Temporário\Oportunidades - Gerais de Seg. Patrimonial.xls</t>
  </si>
  <si>
    <t>F:\Cópia\carlosrcos\desktop_backup\Temporário\Pasta3.xlsx</t>
  </si>
  <si>
    <t>11/22/2019 10:04:31</t>
  </si>
  <si>
    <t>F:\Cópia\carlosrcos\desktop_backup\Temporário\png2_com cpf.xls</t>
  </si>
  <si>
    <t>11/22/2019 10:04:36</t>
  </si>
  <si>
    <t>F:\Cópia\carlosrcos\desktop_backup\Temporário\Relatório_01-01 a 04-10_incidentes.xlsx</t>
  </si>
  <si>
    <t>F:\Cópia\carlosrcos\desktop_backup\Temporário\relação algar RJ.xls</t>
  </si>
  <si>
    <t>F:\Cópia\carlosrcos\desktop_backup\Temporário\RO-MODELO_v3.XLS</t>
  </si>
  <si>
    <t>F:\Cópia\carlosrcos\desktop_backup\Temporário\Rua Padre Pio.xlsx</t>
  </si>
  <si>
    <t>F:\Cópia\carlosrcos\desktop_backup\Temporário\Solicitação de Viagem - Campinas SP - Carlos Rodrigues Costa.xls</t>
  </si>
  <si>
    <t>F:\Cópia\carlosrcos\desktop_backup\Temporário\Terceiros habilitados.xls</t>
  </si>
  <si>
    <t>11/22/2019 10:04:38</t>
  </si>
  <si>
    <t>F:\Cópia\carlosrcos\desktop_backup\Temporário\Tickets encerrados.xls</t>
  </si>
  <si>
    <t>11/22/2019 10:04:39</t>
  </si>
  <si>
    <t>F:\Cópia\carlosrcos\desktop_backup\Temporário\usuários com acesso.xls</t>
  </si>
  <si>
    <t>F:\Cópia\carlosrcos\desktop_backup\Temporário\Validação Luismar.xlsx</t>
  </si>
  <si>
    <t>F:\Cópia\carlosrcos\desktop_backup\Temporário\Validação Luismar_Revisão Carlos_14-10-11.xlsx</t>
  </si>
  <si>
    <t>11/22/2019 10:04:42</t>
  </si>
  <si>
    <t>F:\Cópia\carlosrcos\desktop_backup\Temporário\Álcool x Gasolina.xlsx</t>
  </si>
  <si>
    <t>F:\Cópia\carlosrcos\desktop_backup\Temporário\Análise crítica de acesso\assessoria.xls</t>
  </si>
  <si>
    <t>F:\Cópia\carlosrcos\desktop_backup\Temporário\Análise crítica de acesso\dc em férias.xls</t>
  </si>
  <si>
    <t>11/22/2019 10:04:43</t>
  </si>
  <si>
    <t>F:\Cópia\carlosrcos\desktop_backup\Temporário\Análise crítica de acesso\DC_Sede, 238.xls</t>
  </si>
  <si>
    <t>F:\Cópia\carlosrcos\desktop_backup\Temporário\Análise crítica de acesso\Relação de usuários_Edilson.xlsx</t>
  </si>
  <si>
    <t>F:\Cópia\carlosrcos\desktop_backup\Temporário\Análise crítica de acesso\Relação de usuários_Frederico.xlsx</t>
  </si>
  <si>
    <t>F:\Cópia\carlosrcos\desktop_backup\Temporário\Análise crítica de acesso\ti_238_ativos.xls</t>
  </si>
  <si>
    <t>F:\Cópia\carlosrcos\desktop_backup\Temporário\Análise crítica de acesso\ti_geral_férias.xls</t>
  </si>
  <si>
    <t>F:\Cópia\carlosrcos\desktop_backup\Temporário\Análise crítica de acesso\Atualização\Rodrigo_Pode ter crachá 49 mas não terá o acesso.xls</t>
  </si>
  <si>
    <t>11/22/2019 10:04:44</t>
  </si>
  <si>
    <t>F:\Cópia\carlosrcos\desktop_backup\Temporário\Análise crítica de acesso\Infra\infra_ativos.xls</t>
  </si>
  <si>
    <t>F:\Cópia\carlosrcos\desktop_backup\Temporário\Análise crítica de acesso\Liberação final_autorizado por Emerson\Equipe Kelly Cristina.xlsx</t>
  </si>
  <si>
    <t>11/22/2019 10:04:45</t>
  </si>
  <si>
    <t>F:\Cópia\carlosrcos\desktop_backup\Temporário\Análise crítica de acesso\Liberação final_autorizado por Emerson\Equipe Rodrigo Storti.xls</t>
  </si>
  <si>
    <t>F:\Cópia\carlosrcos\desktop_backup\Temporário\Análise crítica de acesso\Subistituição de crachá 49xxx_14-10-11\Recolhimento_01.xlsx</t>
  </si>
  <si>
    <t>11/22/2019 10:04:48</t>
  </si>
  <si>
    <t>F:\Cópia\carlosrcos\desktop_backup\Temporário\Estudar Planilhas\Documento de Apoio 232.xls</t>
  </si>
  <si>
    <t>11/22/2019 10:04:49</t>
  </si>
  <si>
    <t>F:\Cópia\carlosrcos\desktop_backup\Temporário\Estudar Planilhas\Documento de Apoio 232_2.xls</t>
  </si>
  <si>
    <t>F:\Cópia\carlosrcos\desktop_backup\Temporário\Estudar Planilhas\Lista de Ramais AMEX ATUALIZADOS-USAR AS 2 LISTAS (portaria v1).xls</t>
  </si>
  <si>
    <t>F:\Cópia\carlosrcos\desktop_backup\Treinamento_Nova equipe\Controle de Usuários e Aprovadores Responsáveis_V01.xlsx</t>
  </si>
  <si>
    <t>11/22/2019 10:05:07</t>
  </si>
  <si>
    <t>F:\Cópia\desktop\amazon_geral.xls</t>
  </si>
  <si>
    <t>F:\Cópia\desktop\Assessment SEB - COC v3.2 - Livia.rar</t>
  </si>
  <si>
    <t>F:\Cópia\desktop\Avaliação de Eficácia 2012 - Carlos.xls</t>
  </si>
  <si>
    <t>11/22/2019 10:05:08</t>
  </si>
  <si>
    <t>F:\Cópia\desktop\Codinomes_Equipe VIG.xlsx</t>
  </si>
  <si>
    <t>F:\Cópia\desktop\COI.xls</t>
  </si>
  <si>
    <t>11/22/2019 10:02:20</t>
  </si>
  <si>
    <t>11/22/2019 10:07:37</t>
  </si>
  <si>
    <t>ENC: Report Back</t>
  </si>
  <si>
    <t>Report Back Geral.xlsx</t>
  </si>
  <si>
    <t>11/22/2019 10:05:09</t>
  </si>
  <si>
    <t>11/22/2019 10:10:36</t>
  </si>
  <si>
    <t>F:\Cópia\desktop\Escala.xlsx</t>
  </si>
  <si>
    <t>11/22/2019 10:05:10</t>
  </si>
  <si>
    <t>F:\Cópia\desktop\Imagens Facebook_.xlsx</t>
  </si>
  <si>
    <t>11/22/2019 10:05:11</t>
  </si>
  <si>
    <t>F:\Cópia\desktop\Mapeamento de Furtos e Roubos Caixa Eletrônicos_UDI CPS.xls</t>
  </si>
  <si>
    <t>11/22/2019 10:05:12</t>
  </si>
  <si>
    <t>F:\Cópia\desktop\OBJETIVOS ASSESSORIA SEGURANÇA 2012.xls</t>
  </si>
  <si>
    <t>F:\Cópia\desktop\Postos e CRs_ leonidas.xlsx</t>
  </si>
  <si>
    <t>11/22/2019 10:05:48</t>
  </si>
  <si>
    <t>F:\Cópia\desktop\TELECOM (2).xlsx</t>
  </si>
  <si>
    <t>F:\Cópia\desktop\TELECOM.xlsx</t>
  </si>
  <si>
    <t>F:\Cópia\desktop\Valores e Rateios postos Vigilancia e Portaria.xlsx</t>
  </si>
  <si>
    <t>11/22/2019 10:05:49</t>
  </si>
  <si>
    <t>F:\Cópia\desktop\Acompanhamento\0009031 - VEICULO SUSPEITO - REGINALDO MORAIS.XLS</t>
  </si>
  <si>
    <t>11/22/2019 10:06:10</t>
  </si>
  <si>
    <t>F:\Cópia\desktop\DeskTop Temp\car299c.xls</t>
  </si>
  <si>
    <t>11/22/2019 10:06:11</t>
  </si>
  <si>
    <t>F:\Cópia\desktop\DeskTop Temp\Cópia de Mapeamento de Furtos e Roubos Caixa Eletrônicos_UDI CPS.xls</t>
  </si>
  <si>
    <t>11/22/2019 10:06:12</t>
  </si>
  <si>
    <t>F:\Cópia\desktop\DeskTop Temp\Mapeamento%20de%20Roubo%20em%20Caixas%20Eletrônicos(1).xls</t>
  </si>
  <si>
    <t>11/22/2019 10:06:29</t>
  </si>
  <si>
    <t>F:\Cópia\desktop\DeskTop Temp\Tickets encerrados -2010 e 2011.xlsm</t>
  </si>
  <si>
    <t>11/22/2019 10:06:42</t>
  </si>
  <si>
    <t>F:\Cópia\desktop\DeskTop Temp\Tickets encerrados -2010.xlsm</t>
  </si>
  <si>
    <t>11/22/2019 10:06:54</t>
  </si>
  <si>
    <t>F:\Cópia\desktop\DeskTop Temp\Tickets encerrados -2011.xlsm</t>
  </si>
  <si>
    <t>11/22/2019 10:06:55</t>
  </si>
  <si>
    <t>F:\Cópia\desktop\DeskTop Temp\COI - Centro de Operações de Inteligência\Estrutura_Segurança.xls</t>
  </si>
  <si>
    <t>11/22/2019 10:06:56</t>
  </si>
  <si>
    <t>F:\Cópia\desktop\DeskTop Temp\Organiza\Análise de entrada de veículo_945961.xlsx</t>
  </si>
  <si>
    <t>11/22/2019 10:06:57</t>
  </si>
  <si>
    <t>F:\Cópia\desktop\DeskTop Temp\Organiza\Mapeamento de Furtos e Roubos a Caixa Eletrônicos_Campinas.xls</t>
  </si>
  <si>
    <t>11/22/2019 10:06:58</t>
  </si>
  <si>
    <t>F:\Cópia\desktop\DeskTop Temp\Organiza\Mapeamento de Furtos e Roubos a Caixa Eletrônicos_ULA.xls</t>
  </si>
  <si>
    <t>F:\Cópia\desktop\DeskTop Temp\Organiza\Recomendações Petrobras.xlsx</t>
  </si>
  <si>
    <t>11/22/2019 10:07:01</t>
  </si>
  <si>
    <t>F:\Cópia\desktop\DeskTop Temp\Organiza\Tickets encerrados.xls</t>
  </si>
  <si>
    <t>11/22/2019 10:08:25</t>
  </si>
  <si>
    <t>F:\Cópia\desktop\DeskTop Temp\Organiza\Indicadores 2011\CAIBM_Atualizar.xlsx</t>
  </si>
  <si>
    <t>11/22/2019 10:08:29</t>
  </si>
  <si>
    <t>F:\Cópia\desktop\DeskTop Temp\Organiza\Indicadores 2011\CAToutatis_26-07-11.xls</t>
  </si>
  <si>
    <t>11/22/2019 10:08:31</t>
  </si>
  <si>
    <t>F:\Cópia\desktop\DeskTop Temp\Organiza\Indicadores 2011\Panilha RJ - verificar se esta ativo ou demitido.xls</t>
  </si>
  <si>
    <t>11/22/2019 10:08:33</t>
  </si>
  <si>
    <t>F:\Cópia\desktop\DeskTop Temp\Organiza\Indicadores 2011\Tickets encerrados 2011.xls</t>
  </si>
  <si>
    <t>11/22/2019 10:08:36</t>
  </si>
  <si>
    <t>F:\Cópia\desktop\DeskTop Temp\Organiza\Indicadores 2011\Tickets encerrados_2010.xls</t>
  </si>
  <si>
    <t>11/22/2019 10:08:43</t>
  </si>
  <si>
    <t>F:\Cópia\desktop\Diretorio I\CONTROLE DE TERCEIROS.xlsx</t>
  </si>
  <si>
    <t>F:\Cópia\desktop\Diretorio I\RAMAIS.xlsx</t>
  </si>
  <si>
    <t>11/22/2019 10:08:46</t>
  </si>
  <si>
    <t>F:\Cópia\desktop\Diretorio I\1 - Operação\1.1 - Seguranca Patrimonial\1.1.3 - Administrativo Algar Tecnologia\Escala de Plantão Infraestrutura\Plantão 2010.xls</t>
  </si>
  <si>
    <t>11/22/2019 10:10:43</t>
  </si>
  <si>
    <t>11/22/2019 10:12:36</t>
  </si>
  <si>
    <t>/o=exchangelabs/ou=exchange administrative group (fydibohf23spdlt)/cn=recipients/cn=0ca6cc8d100949a7866a928f62ef5778-rosilene de;/o=exchangelabs/ou=exchange administrative group (fydibohf23spdlt)/cn=recipients/cn=2b2fb8df84f84951b6d53454b4b3e8b3-izadora may;/o=exchangelabs/ou=exchange administrative group (fydibohf23spdlt)/cn=recipients/cn=545f738e0fe740ba856f4eb6ef0135e0-vinicius si;/o=exchangelabs/ou=exchange administrative group (fydibohf23spdlt)/cn=recipients/cn=7903c13fa0504ff0bc7dd2644020b0e8-mirna prado;/o=exchangelabs/ou=exchange administrative group (fydibohf23spdlt)/cn=recipients/cn=a72a765de829420582b78941417073ac-karina rodr;/o=exchangelabs/ou=exchange administrative group (fydibohf23spdlt)/cn=recipients/cn=c22b2d8de1594760baec681322c0933f-fernanda ma;/o=exchangelabs/ou=exchange administrative group (fydibohf23spdlt)/cn=recipients/cn=e174366906884bd1b4d4c5ddfc8c9433-rodrigo men;</t>
  </si>
  <si>
    <t>Operações EH - Janeiro/2020</t>
  </si>
  <si>
    <t>Estrutura Prevista_Janeiro 2020.xlsx</t>
  </si>
  <si>
    <t>/o=exchangelabs/ou=exchange administrative group (fydibohf23spdlt)/cn=recipients/cn=0ca6cc8d100949a7866a928f62ef5778-rosilene de,/o=exchangelabs/ou=exchange administrative group (fydibohf23spdlt)/cn=recipients/cn=2b2fb8df84f84951b6d53454b4b3e8b3-izadora may,/o=exchangelabs/ou=exchange administrative group (fydibohf23spdlt)/cn=recipients/cn=545f738e0fe740ba856f4eb6ef0135e0-vinicius si,/o=exchangelabs/ou=exchange administrative group (fydibohf23spdlt)/cn=recipients/cn=7903c13fa0504ff0bc7dd2644020b0e8-mirna prado,/o=exchangelabs/ou=exchange administrative group (fydibohf23spdlt)/cn=recipients/cn=a72a765de829420582b78941417073ac-karina rodr,/o=exchangelabs/ou=exchange administrative group (fydibohf23spdlt)/cn=recipients/cn=c22b2d8de1594760baec681322c0933f-fernanda ma,/o=exchangelabs/ou=exchange administrative group (fydibohf23spdlt)/cn=recipients/cn=e174366906884bd1b4d4c5ddfc8c9433-rodrigo men</t>
  </si>
  <si>
    <t>11/22/2019 10:10:25</t>
  </si>
  <si>
    <t>/o=exchangelabs/ou=exchange administrative group (fydibohf23spdlt)/cn=recipients/cn=97bf0b4d6b424f9fbf91192510276150-renata de o;</t>
  </si>
  <si>
    <t>Receitamento novembro.19</t>
  </si>
  <si>
    <t>/o=exchangelabs/ou=exchange administrative group (fydibohf23spdlt)/cn=recipients/cn=97bf0b4d6b424f9fbf91192510276150-renata de o</t>
  </si>
  <si>
    <t>11/22/2019 10:10:40</t>
  </si>
  <si>
    <t>11/22/2019 10:13:37</t>
  </si>
  <si>
    <t>11/22/2019 10:14:10</t>
  </si>
  <si>
    <t>11/22/2019 10:15:37</t>
  </si>
  <si>
    <t>ENC: Programação de férias do associado Hercules Angieski</t>
  </si>
  <si>
    <t>11/22/2019 10:11:27</t>
  </si>
  <si>
    <t>F:\Cópia\desktop\Diretorio I\1 - Operação\1.1 - Seguranca Patrimonial\1.1.3 - Administrativo Algar Tecnologia\Fotos X Matriculas Campinas\Old\Matriculas\Nome e matrícula novos associados.xls</t>
  </si>
  <si>
    <t>F:\Cópia\desktop\Diretorio I\1 - Operação\1.1 - Seguranca Patrimonial\1.1.3 - Administrativo Algar Tecnologia\Fotos X Matriculas Campinas\Old\Relatórios de Admissões\Admissões Abril - 17-04-09.xls</t>
  </si>
  <si>
    <t>11/22/2019 10:11:28</t>
  </si>
  <si>
    <t>F:\Cópia\desktop\Diretorio I\1 - Operação\1.2 - Relatórios\RO\RO 2011\01 - JANEIRO 2011\FORMULÁRIO DE RO.xls</t>
  </si>
  <si>
    <t>F:\Cópia\desktop\Diretorio I\1 - Operação\1.2 - Relatórios\RO\RO 2011\01 - JANEIRO 2011\Resolvidas\CPS068 Uso Indevido de Sala.xls</t>
  </si>
  <si>
    <t>F:\Cópia\desktop\Diretorio I\1 - Operação\1.2 - Relatórios\RO\RO 2011\01 - JANEIRO 2011\Resolvidas\CPS069 INCIDENTE COM MOTO.xls</t>
  </si>
  <si>
    <t>F:\Cópia\desktop\Diretorio I\1 - Operação\1.2 - Relatórios\RO\RO 2011\01 - JANEIRO 2011\Resolvidas\CPS071 Liberação sem Documento.xls</t>
  </si>
  <si>
    <t>11/22/2019 10:11:29</t>
  </si>
  <si>
    <t>F:\Cópia\desktop\Diretorio I\1 - Operação\1.2 - Relatórios\RO\RO 2011\01 - JANEIRO 2011\Resolvidas\CPS072USO INDEVIDO DE ARMÁRIO.xls</t>
  </si>
  <si>
    <t>F:\Cópia\desktop\Diretorio I\1 - Operação\1.2 - Relatórios\RO\RO 2011\01 - JANEIRO 2011\Resolvidas\CPS073 MAL ESTAR DE ASSOCIADA.xls</t>
  </si>
  <si>
    <t>F:\Cópia\desktop\Diretorio I\1 - Operação\1.2 - Relatórios\RO\RO 2011\01 - JANEIRO 2011\Resolvidas\CPS074 Atitude Suspeita.xlsx</t>
  </si>
  <si>
    <t>F:\Cópia\desktop\Diretorio I\1 - Operação\1.2 - Relatórios\RO\RO 2011\01 - JANEIRO 2011\Resolvidas\CPS075 QUEBRA DE CADEADO.xls</t>
  </si>
  <si>
    <t>F:\Cópia\desktop\Diretorio I\1 - Operação\1.2 - Relatórios\RO\RO 2011\01 - JANEIRO 2011\Resolvidas\CPS076 ALIMENTAÇÃO EM SALA DE TRN.xls</t>
  </si>
  <si>
    <t>F:\Cópia\desktop\Diretorio I\1 - Operação\1.2 - Relatórios\RO\RO 2011\01 - JANEIRO 2011\Resolvidas\CPS077DESRESPEITO FAIXA DE PEDESTRES.xls</t>
  </si>
  <si>
    <t>F:\Cópia\desktop\Diretorio I\1 - Operação\1.2 - Relatórios\RO\RO 2011\01 - JANEIRO 2011\Resolvidas\CPS078 DANOS NA CERCA ELÉTRICA.xls</t>
  </si>
  <si>
    <t>11/22/2019 10:11:30</t>
  </si>
  <si>
    <t>F:\Cópia\desktop\Diretorio I\1 - Operação\1.2 - Relatórios\RO\RO 2011\01 - JANEIRO 2011\Resolvidas\RO 070 DESAPARECIMENTO DE CAMERA.xlsx</t>
  </si>
  <si>
    <t>F:\Cópia\desktop\Diretorio I\1 - Operação\1.2 - Relatórios\RO\RO 2011\02- FEVEREIRO 2011\FORMULARIO RO 2011.xlsx</t>
  </si>
  <si>
    <t>F:\Cópia\desktop\Diretorio I\1 - Operação\1.2 - Relatórios\RO\RO 2011\02- FEVEREIRO 2011\FORMULÁRIO DE RO.xls</t>
  </si>
  <si>
    <t>11/22/2019 10:11:31</t>
  </si>
  <si>
    <t>F:\Cópia\desktop\Diretorio I\1 - Operação\1.2 - Relatórios\RO\RO 2011\02- FEVEREIRO 2011\Resolvidas\CPS079 SUMIÇO DE FONE.xls</t>
  </si>
  <si>
    <t>F:\Cópia\desktop\Diretorio I\1 - Operação\1.2 - Relatórios\RO\RO 2011\02- FEVEREIRO 2011\Resolvidas\cps080 vazamento caixa D'água.xlsx</t>
  </si>
  <si>
    <t>F:\Cópia\desktop\Diretorio I\1 - Operação\1.2 - Relatórios\RO\RO 2011\02- FEVEREIRO 2011\Resolvidas\CPS081 NOTEBOOKS NO STAFF.xls</t>
  </si>
  <si>
    <t>F:\Cópia\desktop\Diretorio I\1 - Operação\1.2 - Relatórios\RO\RO 2011\02- FEVEREIRO 2011\Resolvidas\CPS082 VISITA SUSPEITA.xlsx</t>
  </si>
  <si>
    <t>F:\Cópia\desktop\Diretorio I\1 - Operação\1.2 - Relatórios\RO\RO 2011\02- FEVEREIRO 2011\Resolvidas\CPS083 LUZ DE EMERGÊNCIA GMG 2.xls</t>
  </si>
  <si>
    <t>F:\Cópia\desktop\Diretorio I\1 - Operação\1.2 - Relatórios\RO\RO 2011\02- FEVEREIRO 2011\Resolvidas\CPS084 ACHADOS E PERDIDOS.xls</t>
  </si>
  <si>
    <t>F:\Cópia\desktop\Diretorio I\1 - Operação\1.2 - Relatórios\RO\RO 2011\02- FEVEREIRO 2011\Resolvidas\CPS085 LIBERAÇÃO SEM DOCUMENTO.xls</t>
  </si>
  <si>
    <t>11/22/2019 10:11:32</t>
  </si>
  <si>
    <t>F:\Cópia\desktop\Diretorio I\1 - Operação\1.2 - Relatórios\RO\RO 2011\02- FEVEREIRO 2011\Resolvidas\CPS086 USO INCORRETO DE ARMÁRIO.xls</t>
  </si>
  <si>
    <t>F:\Cópia\desktop\Diretorio I\1 - Operação\1.2 - Relatórios\RO\RO 2011\02- FEVEREIRO 2011\Resolvidas\CPS087 ROUBO DE MOTO.xls</t>
  </si>
  <si>
    <t>F:\Cópia\desktop\Diretorio I\1 - Operação\1.2 - Relatórios\RO\RO 2011\02- FEVEREIRO 2011\Resolvidas\CPS088 ACHADOS E PERDIDOS.xls</t>
  </si>
  <si>
    <t>F:\Cópia\desktop\Diretorio I\1 - Operação\1.2 - Relatórios\RO\RO 2011\02- FEVEREIRO 2011\Resolvidas\CPS089 SAIDA COM NOTEBOOK.xls</t>
  </si>
  <si>
    <t>F:\Cópia\desktop\Diretorio I\1 - Operação\1.2 - Relatórios\RO\RO 2011\02- FEVEREIRO 2011\Resolvidas\CPS090 FURTO DE BANDEIJA.xls</t>
  </si>
  <si>
    <t>F:\Cópia\desktop\Diretorio I\1 - Operação\1.2 - Relatórios\RO\RO 2011\02- FEVEREIRO 2011\Resolvidas\CPS091 AGRESSÃO VERBAL.xls</t>
  </si>
  <si>
    <t>11/22/2019 10:11:33</t>
  </si>
  <si>
    <t>F:\Cópia\desktop\Diretorio I\1 - Operação\1.2 - Relatórios\RO\RO 2011\02- FEVEREIRO 2011\Resolvidas\CPS092 ROUBO DE GUARDA CHUVA.xls</t>
  </si>
  <si>
    <t>F:\Cópia\desktop\Diretorio I\1 - Operação\1.2 - Relatórios\RO\RO 2011\02- FEVEREIRO 2011\Resolvidas\CPS093A FURTO DE MARMITA.xlsx</t>
  </si>
  <si>
    <t>F:\Cópia\desktop\Diretorio I\1 - Operação\1.2 - Relatórios\RO\RO 2011\02- FEVEREIRO 2011\Resolvidas\CPS094 INFRINGIU NORMAS DA EMPRESA.xlsx</t>
  </si>
  <si>
    <t>F:\Cópia\desktop\Diretorio I\1 - Operação\1.2 - Relatórios\RO\RO 2011\03 - MARÇO 2011\FORMULARIO RO 2011.xlsx</t>
  </si>
  <si>
    <t>F:\Cópia\desktop\Diretorio I\1 - Operação\1.2 - Relatórios\RO\RO 2011\03 - MARÇO 2011\FORMULÁRIO DE RO.xls</t>
  </si>
  <si>
    <t>11/22/2019 10:11:34</t>
  </si>
  <si>
    <t>F:\Cópia\desktop\Diretorio I\1 - Operação\1.2 - Relatórios\RO\RO 2011\03 - MARÇO 2011\Resolvidas\CPS 099 INFRINGIU NORMAS DA EMPRESA.xls</t>
  </si>
  <si>
    <t>F:\Cópia\desktop\Diretorio I\1 - Operação\1.2 - Relatórios\RO\RO 2011\03 - MARÇO 2011\Resolvidas\CPS095 ASSOCIADA ASSALTADA.xls</t>
  </si>
  <si>
    <t>F:\Cópia\desktop\Diretorio I\1 - Operação\1.2 - Relatórios\RO\RO 2011\03 - MARÇO 2011\Resolvidas\CPS096 FURTO DE MOTO.xls</t>
  </si>
  <si>
    <t>F:\Cópia\desktop\Diretorio I\1 - Operação\1.2 - Relatórios\RO\RO 2011\03 - MARÇO 2011\Resolvidas\CPS097 ALIMENTAÇÃO DENTRO DO SITE.xls</t>
  </si>
  <si>
    <t>11/22/2019 10:16:37</t>
  </si>
  <si>
    <t>F:\Cópia\desktop\Diretorio I\1 - Operação\1.2 - Relatórios\RO\RO 2011\03 - MARÇO 2011\Resolvidas\CPS098 RETIRADA DE EQUIPAMENTOS.xls</t>
  </si>
  <si>
    <t>F:\Cópia\desktop\Diretorio I\1 - Operação\1.2 - Relatórios\RO\RO 2011\03 - MARÇO 2011\Resolvidas\CPS100 INCIDENTE KIT SALA.xls</t>
  </si>
  <si>
    <t>11/22/2019 10:11:35</t>
  </si>
  <si>
    <t>F:\Cópia\desktop\Diretorio I\1 - Operação\1.2 - Relatórios\RO\RO 2011\03 - MARÇO 2011\Resolvidas\CPS101 INCIDENTE KIT SALA.xls</t>
  </si>
  <si>
    <t>F:\Cópia\desktop\Diretorio I\1 - Operação\1.2 - Relatórios\RO\RO 2011\03 - MARÇO 2011\Resolvidas\CPS102 PERDA DE PORTA-CELULAR.xls</t>
  </si>
  <si>
    <t>F:\Cópia\desktop\Diretorio I\1 - Operação\1.2 - Relatórios\RO\RO 2011\03 - MARÇO 2011\Resolvidas\CPS103 ALEGAÇÃO DE FURTO.xls</t>
  </si>
  <si>
    <t>F:\Cópia\desktop\Diretorio I\1 - Operação\1.2 - Relatórios\RO\RO 2011\03 - MARÇO 2011\Resolvidas\CPS104 LIBERAÇÃO SEM DOCUMENTO.xls</t>
  </si>
  <si>
    <t>F:\Cópia\desktop\Diretorio I\1 - Operação\1.2 - Relatórios\RO\RO 2011\03 - MARÇO 2011\Resolvidas\CPS105 INCIDENTE KIT SALA.xls</t>
  </si>
  <si>
    <t>F:\Cópia\desktop\Diretorio I\1 - Operação\1.2 - Relatórios\RO\RO 2011\03 - MARÇO 2011\Resolvidas\CPS106 FURTO DE MARMITA.xls</t>
  </si>
  <si>
    <t>F:\Cópia\desktop\Diretorio I\1 - Operação\1.2 - Relatórios\RO\RO 2011\03 - MARÇO 2011\Resolvidas\CPS108 FURTO DE CELULAR.xls</t>
  </si>
  <si>
    <t>11/22/2019 10:11:36</t>
  </si>
  <si>
    <t>F:\Cópia\desktop\Diretorio I\1 - Operação\1.2 - Relatórios\RO\RO 2011\03 - MARÇO 2011\Resolvidas\CPS109 FURTO DE MARMITA.xls</t>
  </si>
  <si>
    <t>F:\Cópia\desktop\Diretorio I\1 - Operação\1.2 - Relatórios\RO\RO 2011\03 - MARÇO 2011\Resolvidas\CSP094 FURTO NA ALPINO.xls</t>
  </si>
  <si>
    <t>F:\Cópia\desktop\Diretorio I\1 - Operação\1.2 - Relatórios\RO\RO 2011\04 - ABRIL 2011\FORMULARIO RO 2011.xlsx</t>
  </si>
  <si>
    <t>F:\Cópia\desktop\Diretorio I\1 - Operação\1.2 - Relatórios\RO\RO 2011\04 - ABRIL 2011\FORMULÁRIO DE RO.xls</t>
  </si>
  <si>
    <t>F:\Cópia\desktop\Diretorio I\1 - Operação\1.2 - Relatórios\RO\RO 2011\04 - ABRIL 2011\Resolvidas\COPIA DE CPS110.xls</t>
  </si>
  <si>
    <t>F:\Cópia\desktop\Diretorio I\1 - Operação\1.2 - Relatórios\RO\RO 2011\04 - ABRIL 2011\Resolvidas\CPS111 LIBERAÇÃO SEM DOCUMENTO.xls</t>
  </si>
  <si>
    <t>11/22/2019 10:11:37</t>
  </si>
  <si>
    <t>F:\Cópia\desktop\Diretorio I\1 - Operação\1.2 - Relatórios\RO\RO 2011\04 - ABRIL 2011\Resolvidas\CPS112 DESAPARECIMENTO DE NOTEBOOK.xls</t>
  </si>
  <si>
    <t>F:\Cópia\desktop\Diretorio I\1 - Operação\1.2 - Relatórios\RO\RO 2011\04 - ABRIL 2011\Resolvidas\CPS113 DESAPARECIMENTO DE NEXTEL.xls</t>
  </si>
  <si>
    <t>F:\Cópia\desktop\Diretorio I\1 - Operação\1.2 - Relatórios\RO\RO 2011\04 - ABRIL 2011\Resolvidas\CPS114 KIT CHAVES.xls</t>
  </si>
  <si>
    <t>F:\Cópia\desktop\Diretorio I\1 - Operação\1.2 - Relatórios\RO\RO 2011\04 - ABRIL 2011\Resolvidas\cps115 liberaçao th nucleo.xls</t>
  </si>
  <si>
    <t>F:\Cópia\desktop\Diretorio I\1 - Operação\1.2 - Relatórios\RO\RO 2011\04 - ABRIL 2011\Resolvidas\CPS117 PERDA DE APARELHO CELULAR.xls</t>
  </si>
  <si>
    <t>F:\Cópia\desktop\Diretorio I\1 - Operação\1.2 - Relatórios\RO\RO 2011\04 - ABRIL 2011\Resolvidas\fotos nao autorizadas cps 116.xls</t>
  </si>
  <si>
    <t>F:\Cópia\desktop\Diretorio I\1 - Operação\1.2 - Relatórios\RO\RO 2011\05 - MAIO 2011\FORMULARIO RO 2011.xlsx</t>
  </si>
  <si>
    <t>11/22/2019 10:11:38</t>
  </si>
  <si>
    <t>F:\Cópia\desktop\Diretorio I\1 - Operação\1.2 - Relatórios\RO\RO 2011\05 - MAIO 2011\FORMULÁRIO DE RO.xls</t>
  </si>
  <si>
    <t>F:\Cópia\desktop\Diretorio I\1 - Operação\1.2 - Relatórios\RO\RO 2011\05 - MAIO 2011\Resolvidas\CPS119 COMERCIALIZAÇÃO DENTRO DA EMPRESA.xls</t>
  </si>
  <si>
    <t>F:\Cópia\desktop\Diretorio I\1 - Operação\1.2 - Relatórios\RO\RO 2011\05 - MAIO 2011\Resolvidas\CPS120 DANIFICOU PORTÃO DE VEICULOS.xls</t>
  </si>
  <si>
    <t>F:\Cópia\desktop\Diretorio I\1 - Operação\1.2 - Relatórios\RO\RO 2011\05 - MAIO 2011\Resolvidas\CPS121 passando o crachá de outra associada.xls</t>
  </si>
  <si>
    <t>F:\Cópia\desktop\Diretorio I\1 - Operação\1.2 - Relatórios\RO\RO 2011\05 - MAIO 2011\Resolvidas\CPS122 INFRINGIU NORMAS DA EMPRESA.xls</t>
  </si>
  <si>
    <t>F:\Cópia\desktop\Diretorio I\1 - Operação\1.2 - Relatórios\RO\RO 2011\05 - MAIO 2011\Resolvidas\CPS123 ACHADOS E PERDIDOS.xls</t>
  </si>
  <si>
    <t>F:\Cópia\desktop\Diretorio I\1 - Operação\1.2 - Relatórios\RO\RO 2011\05 - MAIO 2011\Resolvidas\CPS124 INCIDENTE DE SEGURANÇA.xls</t>
  </si>
  <si>
    <t>11/22/2019 10:11:39</t>
  </si>
  <si>
    <t>F:\Cópia\desktop\Diretorio I\1 - Operação\1.2 - Relatórios\RO\RO 2011\05 - MAIO 2011\Resolvidas\CPS125 INFRINGIU NORMAS DA EMPRESA.xls</t>
  </si>
  <si>
    <t>F:\Cópia\desktop\Diretorio I\1 - Operação\1.2 - Relatórios\RO\RO 2011\06 - JUNHO 2011\Cópia de FORMULÁRIO DE RO.xls</t>
  </si>
  <si>
    <t>F:\Cópia\desktop\Diretorio I\1 - Operação\1.2 - Relatórios\RO\RO 2011\06 - JUNHO 2011\FORMULÁRIO DE RO.xls</t>
  </si>
  <si>
    <t>F:\Cópia\desktop\Diretorio I\1 - Operação\1.2 - Relatórios\RO\RO 2011\06 - JUNHO 2011\Resolvidas\CPS 134 RISCO NO TETO DO VEICULO.xls</t>
  </si>
  <si>
    <t>F:\Cópia\desktop\Diretorio I\1 - Operação\1.2 - Relatórios\RO\RO 2011\06 - JUNHO 2011\Resolvidas\CPS 135 ALEGAÇÃO DE FURTO OBRAS.xls</t>
  </si>
  <si>
    <t>F:\Cópia\desktop\Diretorio I\1 - Operação\1.2 - Relatórios\RO\RO 2011\06 - JUNHO 2011\Resolvidas\CPS 136 LIBERAÇÃO SEM DOCUMENTO.xls</t>
  </si>
  <si>
    <t>F:\Cópia\desktop\Diretorio I\1 - Operação\1.2 - Relatórios\RO\RO 2011\06 - JUNHO 2011\Resolvidas\CPS126.xls</t>
  </si>
  <si>
    <t>11/22/2019 10:11:40</t>
  </si>
  <si>
    <t>F:\Cópia\desktop\Diretorio I\1 - Operação\1.2 - Relatórios\RO\RO 2011\06 - JUNHO 2011\Resolvidas\CPS128 VANDALISMO.xls</t>
  </si>
  <si>
    <t>F:\Cópia\desktop\Diretorio I\1 - Operação\1.2 - Relatórios\RO\RO 2011\06 - JUNHO 2011\Resolvidas\CPS129 ALEGAÇAO DE FURTO.xls</t>
  </si>
  <si>
    <t>F:\Cópia\desktop\Diretorio I\1 - Operação\1.2 - Relatórios\RO\RO 2011\06 - JUNHO 2011\Resolvidas\CPS130 ALEGAÇAO DE FURTO.xls</t>
  </si>
  <si>
    <t>F:\Cópia\desktop\Diretorio I\1 - Operação\1.2 - Relatórios\RO\RO 2011\06 - JUNHO 2011\Resolvidas\CPS131 DIFICULDADE DE CONTATO.xls</t>
  </si>
  <si>
    <t>F:\Cópia\desktop\Diretorio I\1 - Operação\1.2 - Relatórios\RO\RO 2011\06 - JUNHO 2011\Resolvidas\CPS132 ALEGAÇAO DE FURTO.xls</t>
  </si>
  <si>
    <t>F:\Cópia\desktop\Diretorio I\1 - Operação\1.2 - Relatórios\RO\RO 2011\06 - JUNHO 2011\Resolvidas\CPS133 GOTEIRA DC.xls</t>
  </si>
  <si>
    <t>11/22/2019 10:11:41</t>
  </si>
  <si>
    <t>F:\Cópia\desktop\Diretorio I\1 - Operação\1.2 - Relatórios\RO\RO 2011\06 - JUNHO 2011\Resolvidas\FORMULARIO RO 2011.xlsx</t>
  </si>
  <si>
    <t>11/22/2019 10:11:53</t>
  </si>
  <si>
    <t>F:\Cópia\desktop\Diretorio I\1 - Operação\1.2 - Relatórios\RO\RO 2011\07 - JULHO 2011\FORMULARIO RO 2011.xlsx</t>
  </si>
  <si>
    <t>F:\Cópia\desktop\Diretorio I\1 - Operação\1.2 - Relatórios\RO\RO 2011\07 - JULHO 2011\FORMULÁRIO DE RO.xls</t>
  </si>
  <si>
    <t>F:\Cópia\desktop\Diretorio I\1 - Operação\1.2 - Relatórios\RO\RO 2011\07 - JULHO 2011\Resolvidas\CPS 137 ALEGAÇÃO DE FURTO GM.xls</t>
  </si>
  <si>
    <t>11/22/2019 10:11:54</t>
  </si>
  <si>
    <t>F:\Cópia\desktop\Diretorio I\1 - Operação\1.2 - Relatórios\RO\RO 2011\07 - JULHO 2011\Resolvidas\CPS 138 ALTA VELOCIDADE.xls</t>
  </si>
  <si>
    <t>F:\Cópia\desktop\Diretorio I\1 - Operação\1.2 - Relatórios\RO\RO 2011\07 - JULHO 2011\Resolvidas\CPS 140 SUSPEITOS.xls</t>
  </si>
  <si>
    <t>F:\Cópia\desktop\Diretorio I\1 - Operação\1.2 - Relatórios\RO\RO 2011\07 - JULHO 2011\Resolvidas\CPS 143 ALEGAÇÃO DE FURTO.xls</t>
  </si>
  <si>
    <t>F:\Cópia\desktop\Diretorio I\1 - Operação\1.2 - Relatórios\RO\RO 2011\07 - JULHO 2011\Resolvidas\CPS 144 BEBIDA ALCOOLICA.xlsx</t>
  </si>
  <si>
    <t>F:\Cópia\desktop\Diretorio I\1 - Operação\1.2 - Relatórios\RO\RO 2011\07 - JULHO 2011\Resolvidas\CPS139LIBERAÇÃO SEM DOCUMENTO.xls</t>
  </si>
  <si>
    <t>F:\Cópia\desktop\Diretorio I\1 - Operação\1.2 - Relatórios\RO\RO 2011\07 - JULHO 2011\Resolvidas\CPS141 ALEGAÇÃO DE FURTO.xls</t>
  </si>
  <si>
    <t>F:\Cópia\desktop\Diretorio I\1 - Operação\1.2 - Relatórios\RO\RO 2011\07 - JULHO 2011\Resolvidas\CPS142 ALEGAÇÃO DE FURTO..xls</t>
  </si>
  <si>
    <t>11/22/2019 10:11:55</t>
  </si>
  <si>
    <t>F:\Cópia\desktop\Diretorio I\1 - Operação\1.2 - Relatórios\RO\RO 2011\07 - JULHO 2011\Resolvidas\CPS145 ALEGAÇÃO DE FURTO.xls</t>
  </si>
  <si>
    <t>F:\Cópia\desktop\Diretorio I\1 - Operação\1.2 - Relatórios\RO\RO 2011\07 - JULHO 2011\Resolvidas\CPS146 INFRINGIU NORMAS DA EMPRESA.xls</t>
  </si>
  <si>
    <t>11/22/2019 10:12:35</t>
  </si>
  <si>
    <t>F:\Cópia\desktop\Diretorio I\1 - Operação\1.2 - Relatórios\RO\RO 2011\08 - AGOSTO 2011\Cópia de FORMULÁRIO DE RO.xls</t>
  </si>
  <si>
    <t>F:\Cópia\desktop\Diretorio I\1 - Operação\1.2 - Relatórios\RO\RO 2011\08 - AGOSTO 2011\Resolvidas\CPS 150 SALA DE TREINAMENTO CULTO.xls</t>
  </si>
  <si>
    <t>F:\Cópia\desktop\Diretorio I\1 - Operação\1.2 - Relatórios\RO\RO 2011\08 - AGOSTO 2011\Resolvidas\CPS 151 ENTRADA IRREGULAR.xls</t>
  </si>
  <si>
    <t>F:\Cópia\desktop\Diretorio I\1 - Operação\1.2 - Relatórios\RO\RO 2011\08 - AGOSTO 2011\Resolvidas\CPS 153 COLISÃO DE VEICULO.xls</t>
  </si>
  <si>
    <t>F:\Cópia\desktop\Diretorio I\1 - Operação\1.2 - Relatórios\RO\RO 2011\08 - AGOSTO 2011\Resolvidas\CPS147 ACHADOS E PERDIDOS.xls</t>
  </si>
  <si>
    <t>F:\Cópia\desktop\Diretorio I\1 - Operação\1.2 - Relatórios\RO\RO 2011\08 - AGOSTO 2011\Resolvidas\CPS148 INFRINGIU NORMAS DA EMPRESA.xls</t>
  </si>
  <si>
    <t>F:\Cópia\desktop\Diretorio I\1 - Operação\1.2 - Relatórios\RO\RO 2011\08 - AGOSTO 2011\Resolvidas\FORMULARIO RO CPS149.xls</t>
  </si>
  <si>
    <t>F:\Cópia\desktop\Diretorio I\1 - Operação\1.2 - Relatórios\RO\RO 2011\08 - AGOSTO 2011\Resolvidas\RO CPS 152 FURTO DE CALÇADOS.xls</t>
  </si>
  <si>
    <t>F:\Cópia\desktop\Diretorio I\1 - Operação\1.2 - Relatórios\RO\RO 2011\08 - AGOSTO 2011\RO 152\RO 152 Relatorio de acesso.xls</t>
  </si>
  <si>
    <t>11/22/2019 10:12:41</t>
  </si>
  <si>
    <t>F:\Cópia\desktop\Diretorio I\1 - Operação\1.2 - Relatórios\RO\RO 2011\08 - AGOSTO 2011\RO 152\RO CPS 152 FURTO DE CALÇADOS.xls</t>
  </si>
  <si>
    <t>11/22/2019 10:12:43</t>
  </si>
  <si>
    <t>F:\Cópia\desktop\Diretorio I\1 - Operação\1.2 - Relatórios\RO\RO 2011\09 - SETEMBRO 2011\Cópia de Cópia de FORMULÁRIO DE RO.xls</t>
  </si>
  <si>
    <t>F:\Cópia\desktop\Diretorio I\1 - Operação\1.2 - Relatórios\RO\RO 2011\09 - SETEMBRO 2011\FORMULARIO RO 2011.xlsx</t>
  </si>
  <si>
    <t>11/22/2019 10:12:44</t>
  </si>
  <si>
    <t>F:\Cópia\desktop\Diretorio I\1 - Operação\1.2 - Relatórios\RO\RO 2011\09 - SETEMBRO 2011\Resolvidas\CPS 156 FURTO DE MARMITA.xls</t>
  </si>
  <si>
    <t>F:\Cópia\desktop\Diretorio I\1 - Operação\1.2 - Relatórios\RO\RO 2011\09 - SETEMBRO 2011\Resolvidas\cps 160 furto de celular.xls</t>
  </si>
  <si>
    <t>F:\Cópia\desktop\Diretorio I\1 - Operação\1.2 - Relatórios\RO\RO 2011\09 - SETEMBRO 2011\Resolvidas\CPS Furto Celular 159.xls</t>
  </si>
  <si>
    <t>F:\Cópia\desktop\Diretorio I\1 - Operação\1.2 - Relatórios\RO\RO 2011\09 - SETEMBRO 2011\Resolvidas\CPS155 Liberação não autorisada ao Data Center.xls</t>
  </si>
  <si>
    <t>F:\Cópia\desktop\Diretorio I\1 - Operação\1.2 - Relatórios\RO\RO 2011\09 - SETEMBRO 2011\Resolvidas\CPS157 Veiculo Quebrado.xls</t>
  </si>
  <si>
    <t>F:\Cópia\desktop\Diretorio I\1 - Operação\1.2 - Relatórios\RO\RO 2011\09 - SETEMBRO 2011\Resolvidas\FORMULÁRIO DE RO cps154.xls</t>
  </si>
  <si>
    <t>F:\Cópia\desktop\Diretorio I\1 - Operação\1.2 - Relatórios\RO\RO 2011\09 - SETEMBRO 2011\Resolvidas\Futo de Lanche na Geladeira CPS158.xls</t>
  </si>
  <si>
    <t>11/22/2019 10:12:45</t>
  </si>
  <si>
    <t>F:\Cópia\desktop\Diretorio I\1 - Operação\1.2 - Relatórios\RO\RO 2011\10 - OUTUBRO 2011\Cópia (2) de FORMULÁRIO DE RO.xls</t>
  </si>
  <si>
    <t>F:\Cópia\desktop\Diretorio I\1 - Operação\1.2 - Relatórios\RO\RO 2011\10 - OUTUBRO 2011\FORMULARIO RO 2011.xlsx</t>
  </si>
  <si>
    <t>F:\Cópia\desktop\Diretorio I\1 - Operação\1.2 - Relatórios\RO\RO 2011\10 - OUTUBRO 2011\Resolvidas\CPS 165 FURTO DE MEMORIA COMPUTADOR.xls</t>
  </si>
  <si>
    <t>F:\Cópia\desktop\Diretorio I\1 - Operação\1.2 - Relatórios\RO\RO 2011\10 - OUTUBRO 2011\Resolvidas\cps 166 furto de guarda chuva.xls</t>
  </si>
  <si>
    <t>F:\Cópia\desktop\Diretorio I\1 - Operação\1.2 - Relatórios\RO\RO 2011\10 - OUTUBRO 2011\Resolvidas\Cópia de CPS 162 INFRAÇAO NAS NORMAS.xls</t>
  </si>
  <si>
    <t>F:\Cópia\desktop\Diretorio I\1 - Operação\1.2 - Relatórios\RO\RO 2011\10 - OUTUBRO 2011\Resolvidas\Furto na Geladeira Frontal 161.xls</t>
  </si>
  <si>
    <t>11/22/2019 10:12:46</t>
  </si>
  <si>
    <t>F:\Cópia\desktop\Diretorio I\1 - Operação\1.2 - Relatórios\RO\RO 2011\10 - OUTUBRO 2011\Resolvidas\RO 163 VESTIMENTAS.xls</t>
  </si>
  <si>
    <t>F:\Cópia\desktop\Diretorio I\1 - Operação\1.2 - Relatórios\RO\RO 2011\10 - OUTUBRO 2011\Resolvidas\RO 167 DATA CENTER.xls</t>
  </si>
  <si>
    <t>F:\Cópia\desktop\Diretorio I\1 - Operação\1.2 - Relatórios\RO\RO 2011\10 - OUTUBRO 2011\Resolvidas\RO164 DESACATO.xls</t>
  </si>
  <si>
    <t>11/22/2019 10:13:29</t>
  </si>
  <si>
    <t>F:\Cópia\desktop\Diretorio I\1 - Operação\1.2 - Relatórios\RO\RO 2011\11 - NOVEMBRO 2011\Cópia de FORMULÁRIO DE RO.xls</t>
  </si>
  <si>
    <t>11/22/2019 10:13:30</t>
  </si>
  <si>
    <t>F:\Cópia\desktop\Diretorio I\1 - Operação\1.2 - Relatórios\RO\RO 2011\11 - NOVEMBRO 2011\FORMULARIO RO 2011.xlsx</t>
  </si>
  <si>
    <t>F:\Cópia\desktop\Diretorio I\1 - Operação\1.2 - Relatórios\RO\RO 2011\11 - NOVEMBRO 2011\Resolvidas\FURTO DE NECESSARE 168.xls</t>
  </si>
  <si>
    <t>F:\Cópia\desktop\Diretorio I\1 - Operação\1.2 - Relatórios\RO\RO 2011\11 - NOVEMBRO 2011\Resolvidas\RO 169 FURTO MOUSE.xls</t>
  </si>
  <si>
    <t>11/22/2019 10:13:33</t>
  </si>
  <si>
    <t>F:\Cópia\desktop\Diretorio I\1 - Operação\1.2 - Relatórios\RO\RO 2011\12 - DEZEMBRO 2011\FORMULARIO RO 2011.xlsx</t>
  </si>
  <si>
    <t>F:\Cópia\desktop\Diretorio I\1 - Operação\1.2 - Relatórios\RO\RO 2011\12 - DEZEMBRO 2011\Resolvidas\CPS 170 FURTO DE CELULAR.xls</t>
  </si>
  <si>
    <t>F:\Cópia\desktop\Diretorio I\1 - Operação\1.2 - Relatórios\RO\RO 2011\12 - DEZEMBRO 2011\Resolvidas\CPS 171 Entrada indevida.xls</t>
  </si>
  <si>
    <t>F:\Cópia\desktop\Diretorio I\1 - Operação\1.2 - Relatórios\RO\RO 2011\12 - DEZEMBRO 2011\Resolvidas\RO 172 Notebook encontrado.xls</t>
  </si>
  <si>
    <t>11/22/2019 10:13:34</t>
  </si>
  <si>
    <t>F:\Cópia\desktop\Diretorio I\1 - Operação\1.2 - Relatórios\RO\RO 2011\12 - DEZEMBRO 2011\Resolvidas\RO 173 Furto geladeira.xls</t>
  </si>
  <si>
    <t>F:\Cópia\desktop\Diretorio I\1 - Operação\1.2 - Relatórios\RO\RO 2011\12 - DEZEMBRO 2011\Resolvidas\RO 174 Furto De Armario.xls</t>
  </si>
  <si>
    <t>F:\Cópia\desktop\Diretorio I\1 - Operação\1.2 - Relatórios\RO\RO 2011\12 - DEZEMBRO 2011\Resolvidas\RO 175 FURTO NO BANHEIRO.xls</t>
  </si>
  <si>
    <t>F:\Cópia\desktop\Diretorio I\1 - Operação\1.2 - Relatórios\RO\RO 2011\12 - DEZEMBRO 2011\Resolvidas\RO 176 Furto de Celular.xls</t>
  </si>
  <si>
    <t>F:\Cópia\desktop\Diretorio I\1 - Operação\1.2 - Relatórios\RO\RO 2012\01-JANEIRO 2012\cps 006 FURTO DE RECIPIENTE DE MARMITA.xls</t>
  </si>
  <si>
    <t>F:\Cópia\desktop\Diretorio I\1 - Operação\1.2 - Relatórios\RO\RO 2012\01-JANEIRO 2012\CPS 007 ARMARIO.xls</t>
  </si>
  <si>
    <t>11/22/2019 10:13:35</t>
  </si>
  <si>
    <t>F:\Cópia\desktop\Diretorio I\1 - Operação\1.2 - Relatórios\RO\RO 2012\01-JANEIRO 2012\CPS 008 INFRIGIU AS NORMAS.xls</t>
  </si>
  <si>
    <t>F:\Cópia\desktop\Diretorio I\1 - Operação\1.2 - Relatórios\RO\RO 2012\01-JANEIRO 2012\CPS 009 DESRESPEITO AS NORMAS.xls</t>
  </si>
  <si>
    <t>F:\Cópia\desktop\Diretorio I\1 - Operação\1.2 - Relatórios\RO\RO 2012\01-JANEIRO 2012\Cópia de FORMULÁRIO DE RO.xls</t>
  </si>
  <si>
    <t>F:\Cópia\desktop\Diretorio I\1 - Operação\1.2 - Relatórios\RO\RO 2012\01-JANEIRO 2012\FORMULÁRIO DE RO.xls</t>
  </si>
  <si>
    <t>F:\Cópia\desktop\Diretorio I\1 - Operação\1.2 - Relatórios\RO\RO 2012\01-JANEIRO 2012\Resolvidas\CPS 001Furto de mouse RO 001.xls</t>
  </si>
  <si>
    <t>11/22/2019 10:13:36</t>
  </si>
  <si>
    <t>F:\Cópia\desktop\Diretorio I\1 - Operação\1.2 - Relatórios\RO\RO 2012\01-JANEIRO 2012\Resolvidas\CPS 002 Portão aberto.xlsx</t>
  </si>
  <si>
    <t>F:\Cópia\desktop\Diretorio I\1 - Operação\1.2 - Relatórios\RO\RO 2012\01-JANEIRO 2012\Resolvidas\CPS 003 INFLIGIU AS NORMAS.xls</t>
  </si>
  <si>
    <t>F:\Cópia\desktop\Diretorio I\1 - Operação\1.2 - Relatórios\RO\RO 2012\01-JANEIRO 2012\Resolvidas\CPS 004 PERDA DE CARTEIRA.xls</t>
  </si>
  <si>
    <t>F:\Cópia\desktop\Diretorio I\1 - Operação\1.2 - Relatórios\RO\RO 2012\01-JANEIRO 2012\Resolvidas\CPS 005 PERDA DE CHAVE.xls</t>
  </si>
  <si>
    <t>F:\Cópia\desktop\Diretorio I\1 - Operação\1.2 - Relatórios\RO\RO 2012\02-FEVEREIRO 2012\FORMULÁRIO DE RO.xls</t>
  </si>
  <si>
    <t>F:\Cópia\desktop\Diretorio I\1 - Operação\1.2 - Relatórios\RO\RO 2012\02-FEVEREIRO 2012\R.O CPS 010 USO DE ENTORPECENTES.xlsx</t>
  </si>
  <si>
    <t>F:\Cópia\desktop\Diretorio I\1 - Operação\1.2 - Relatórios\RO\RO 2012\02-FEVEREIRO 2012\Relatorio RO 2012...(1).xlsx</t>
  </si>
  <si>
    <t>F:\Cópia\desktop\Diretorio I\1 - Operação\1.2 - Relatórios\RO\RO 2012\03-MARÇO 2012\FORMULÁRIO DE RO.xls</t>
  </si>
  <si>
    <t>F:\Cópia\desktop\Diretorio I\1 - Operação\1.2 - Relatórios\RO\RO 2012\04-ABRIL 2012\FORMULÁRIO DE RO.xls</t>
  </si>
  <si>
    <t>F:\Cópia\desktop\Diretorio I\1 - Operação\1.2 - Relatórios\RO\RO 2012\05-MAIO 2012\FORMULÁRIO DE RO.xls</t>
  </si>
  <si>
    <t>11/22/2019 10:13:38</t>
  </si>
  <si>
    <t>F:\Cópia\desktop\Diretorio I\1 - Operação\1.2 - Relatórios\RO\RO 2012\06-JUNHO 2012\FORMULÁRIO DE RO.xls</t>
  </si>
  <si>
    <t>F:\Cópia\desktop\Diretorio I\1 - Operação\1.2 - Relatórios\RO\RO 2012\07-JULHO 2012\FORMULÁRIO DE RO.xls</t>
  </si>
  <si>
    <t>F:\Cópia\desktop\Diretorio I\1 - Operação\1.2 - Relatórios\RO\RO 2012\08-AGOSTO 2012\FORMULÁRIO DE RO.xls</t>
  </si>
  <si>
    <t>11/22/2019 10:13:39</t>
  </si>
  <si>
    <t>F:\Cópia\desktop\Diretorio I\1 - Operação\1.2 - Relatórios\RO\RO 2012\09-SETEMBRO 2012\FORMULÁRIO DE RO.xls</t>
  </si>
  <si>
    <t>F:\Cópia\desktop\Diretorio I\1 - Operação\1.2 - Relatórios\RO\RO 2012\10- OUTUBRO 2012\FORMULÁRIO DE RO.xls</t>
  </si>
  <si>
    <t>11/22/2019 10:11:52</t>
  </si>
  <si>
    <t>Correntista - Análise</t>
  </si>
  <si>
    <t>Correntista - Análise.xlsx</t>
  </si>
  <si>
    <t>11/22/2019 10:13:40</t>
  </si>
  <si>
    <t>F:\Cópia\desktop\Diretorio I\1 - Operação\1.2 - Relatórios\RO\RO 2012\11-NOVEMBRO 2012\FORMULÁRIO DE RO.xls</t>
  </si>
  <si>
    <t>F:\Cópia\desktop\Diretorio I\1 - Operação\1.2 - Relatórios\RO\RO 2012\12- DEZEMBRO 2012\FORMULÁRIO DE RO.xls</t>
  </si>
  <si>
    <t>F:\Cópia\desktop\Diretorio I\Controle Entrada Amazon\Controle Entrada Amazon.xlsx</t>
  </si>
  <si>
    <t>11/22/2019 10:15:07</t>
  </si>
  <si>
    <t>F:\Cópia\desktop\Novos processos Bancos\Contatos PAB's.xlsx</t>
  </si>
  <si>
    <t>11/22/2019 10:15:08</t>
  </si>
  <si>
    <t>F:\Cópia\desktop\Organizar\FORMULÁRIO DE RO.xls</t>
  </si>
  <si>
    <t>F:\Cópia\desktop\Organizar\Posto Brasília.xlsx</t>
  </si>
  <si>
    <t>11/22/2019 10:15:09</t>
  </si>
  <si>
    <t>F:\Cópia\desktop\Organizar\Projeto+GED+-+Segurança+Empresarial2012.xlsx</t>
  </si>
  <si>
    <t>11/22/2019 10:15:10</t>
  </si>
  <si>
    <t>F:\Cópia\desktop\Organizar\Mudança PDC\Mudança Portaria DC_2012.xlsx</t>
  </si>
  <si>
    <t>11/22/2019 10:15:18</t>
  </si>
  <si>
    <t>F:\Cópia\desktop\Treinamento MS-Project 2010\Projeto Video\Book1.xlsx</t>
  </si>
  <si>
    <t>F:\Cópia\desktop\Treinamento MS-Project 2010\Projeto Video\Calendário.xlsx</t>
  </si>
  <si>
    <t>11/22/2019 10:15:19</t>
  </si>
  <si>
    <t>F:\Cópia\desktop\Treinamento MS-Project 2010\Treinamento Project_2 aula\Calendário.xlsx</t>
  </si>
  <si>
    <t>F:\Cópia\desktop\Treinamento MS-Project 2010\Treinamento Project_2 aula\Projeto Obra.xlsx</t>
  </si>
  <si>
    <t>11/22/2019 10:15:21</t>
  </si>
  <si>
    <t>F:\Cópia\desktop\Treinamento MS-Project 2010\TreinamentoMSP\Book1.xlsx</t>
  </si>
  <si>
    <t>11/22/2019 10:15:24</t>
  </si>
  <si>
    <t>F:\Cópia\Diretório H\9.1 - Segurança Física\9.1.1 - Unidades Algar Tec\9.1.1.3 - 235\2 - Projetos\Melhoria 235\CFTV e Controle de Acesso 235.xlsx</t>
  </si>
  <si>
    <t>11/22/2019 10:13:27</t>
  </si>
  <si>
    <t>11/22/2019 10:17:37</t>
  </si>
  <si>
    <t>10.200.68.12</t>
  </si>
  <si>
    <t>/o=exchangelabs/ou=exchange administrative group (fydibohf23spdlt)/cn=recipients/cn=5dd03a66f797451390d7113259343399-aline da si;/o=exchangelabs/ou=exchange administrative group (fydibohf23spdlt)/cn=recipients/cn=f4de30cd53104832ac10bc8c610e453e-gustavo pae;</t>
  </si>
  <si>
    <t>ENC: Acompanhamento de Receita | Período: 01//19 a 20/11/19</t>
  </si>
  <si>
    <t>Acompanhamento de Receita Telecom - 211119.xlsx</t>
  </si>
  <si>
    <t>/o=exchangelabs/ou=exchange administrative group (fydibohf23spdlt)/cn=recipients/cn=5dd03a66f797451390d7113259343399-aline da si,/o=exchangelabs/ou=exchange administrative group (fydibohf23spdlt)/cn=recipients/cn=f4de30cd53104832ac10bc8c610e453e-gustavo pae</t>
  </si>
  <si>
    <t>11/22/2019 10:15:34</t>
  </si>
  <si>
    <t>11/22/2019 10:21:37</t>
  </si>
  <si>
    <t>F:\Cópia\Diretório H\9.4 - Administrativo\Objetivos\2 Semestre_2013\OBJETIVOS Carlos e Wemerson.xls</t>
  </si>
  <si>
    <t>F:\Cópia\Diretório H\9.4 - Administrativo\Objetivos\2 Semestre_2013\OBJETIVOS COI.xls</t>
  </si>
  <si>
    <t>11/22/2019 10:15:57</t>
  </si>
  <si>
    <t>F:\Cópia\Objetivos_2013\Objetivos 1ª Semestre 2014_COI.xlsx</t>
  </si>
  <si>
    <t>F:\Cópia\Objetivos_2013\OBJETIVOS EQUIPE_ 2 Semestre 2013_02.xls</t>
  </si>
  <si>
    <t>F:\Cópia\Objetivos_2013\OBJETIVOS EQUIPE_ 2 Semestre 2013_Geral.xls</t>
  </si>
  <si>
    <t>F:\Cópia\Objetivos_2013\OBJETIVOS EQUIPE_ 2 Semestre 2013_Maria Edith.xls</t>
  </si>
  <si>
    <t>F:\Cópia\Objetivos_2013\OBJETIVOS EQUIPE_ 2 Semestre_Desligados.xls</t>
  </si>
  <si>
    <t>11/22/2019 10:16:03</t>
  </si>
  <si>
    <t>F:\Cópia\Procedimentos e Instruções\IT - Cargos e Remunerações.doc</t>
  </si>
  <si>
    <t>11/22/2019 10:16:53</t>
  </si>
  <si>
    <t>F:\Cópia\Projeto Willy\1AAD9566.tmp</t>
  </si>
  <si>
    <t>11/22/2019 10:16:54</t>
  </si>
  <si>
    <t>F:\Cópia\Projeto Willy\Descritivo Serviços de Segurança_2014.xls</t>
  </si>
  <si>
    <t>F:\Cópia\Projeto Willy\Descritivo Serviços de Segurança_2014_Willy.xls</t>
  </si>
  <si>
    <t>F:\Cópia\Projeto Willy\Detalhamento de notas_Willy.xlsx</t>
  </si>
  <si>
    <t>F:\Cópia\Projeto Willy\Reajuste Algar Segurança_2014 controle.xlsx</t>
  </si>
  <si>
    <t>11/22/2019 10:17:59</t>
  </si>
  <si>
    <t>F:\Cópia\Temp\0012628 - DENÚNCIA SOBRE PORTE ILEGAL DE ARMA - CARLOS.xls</t>
  </si>
  <si>
    <t>11/22/2019 10:18:00</t>
  </si>
  <si>
    <t>F:\Cópia\Temp\cancela de saída.xls</t>
  </si>
  <si>
    <t>11/22/2019 10:18:02</t>
  </si>
  <si>
    <t>F:\Cópia\Temp\Equipe por horario.xlsx</t>
  </si>
  <si>
    <t>F:\Cópia\Temp\investigaÇÃo_genesys.xls</t>
  </si>
  <si>
    <t>11/22/2019 10:18:10</t>
  </si>
  <si>
    <t>F:\Cópia\Temp\Levantamento de Incidentes_2013-2014.xls</t>
  </si>
  <si>
    <t>11/22/2019 10:18:15</t>
  </si>
  <si>
    <t>F:\Cópia\Temp\Plano de ação_Segurança 1.xls</t>
  </si>
  <si>
    <t>F:\Cópia\Temp\PLANO DIRETOR_15ANOS ALGAR.xlsx</t>
  </si>
  <si>
    <t>11/22/2019 10:18:19</t>
  </si>
  <si>
    <t>F:\Cópia\Temp\teste.xls</t>
  </si>
  <si>
    <t>11/22/2019 10:18:25</t>
  </si>
  <si>
    <t>F:\Cópia\Temp\Temporário\2013_RGP.xls</t>
  </si>
  <si>
    <t>11/22/2019 10:18:26</t>
  </si>
  <si>
    <t>F:\Cópia\Temp\Temporário\Action Plan_.xls</t>
  </si>
  <si>
    <t>11/22/2019 10:18:28</t>
  </si>
  <si>
    <t>F:\Cópia\Temp\Temporário\COI (1).xls</t>
  </si>
  <si>
    <t>F:\Cópia\Temp\Temporário\COI.xls</t>
  </si>
  <si>
    <t>11/22/2019 10:18:30</t>
  </si>
  <si>
    <t>F:\Cópia\Temp\Temporário\DRE INFRA 2013_Carlos.xlsx</t>
  </si>
  <si>
    <t>11/22/2019 10:18:31</t>
  </si>
  <si>
    <t>F:\Cópia\Temp\Temporário\Estrutura_Segurança Empresarial.xlsx</t>
  </si>
  <si>
    <t>11/22/2019 10:18:35</t>
  </si>
  <si>
    <t>F:\Cópia\Temp\Temporário\Indicadores de RO.xlsx</t>
  </si>
  <si>
    <t>11/22/2019 10:18:36</t>
  </si>
  <si>
    <t>F:\Cópia\Temp\Temporário\Jacimara.xls</t>
  </si>
  <si>
    <t>F:\Cópia\Temp\Temporário\Lista de Contato PCN - Desatualizada.xls</t>
  </si>
  <si>
    <t>F:\Cópia\Temp\Temporário\Listas Adequação Rio de Janeiro.xlsx</t>
  </si>
  <si>
    <t>11/22/2019 10:18:37</t>
  </si>
  <si>
    <t>F:\Cópia\Temp\Temporário\Mapeamento de Furtos e Roubos Caixa Eletrônicos_UDI CPS_v02.xls</t>
  </si>
  <si>
    <t>F:\Cópia\Temp\Temporário\Modelo Fluxo_Suporte a Segurança.xlsx</t>
  </si>
  <si>
    <t>11/22/2019 10:18:38</t>
  </si>
  <si>
    <t>F:\Cópia\Temp\Temporário\perfis de acesso.xls</t>
  </si>
  <si>
    <t>11/22/2019 10:18:39</t>
  </si>
  <si>
    <t>F:\Cópia\Temp\Temporário\Plano de ação.xls</t>
  </si>
  <si>
    <t>11/22/2019 10:18:40</t>
  </si>
  <si>
    <t>F:\Cópia\Temp\Temporário\Plano de ação_Segurança.xls</t>
  </si>
  <si>
    <t>11/22/2019 10:18:42</t>
  </si>
  <si>
    <t>F:\Cópia\Temp\Temporário\REVISÃO_09-2013.xlsx</t>
  </si>
  <si>
    <t>11/22/2019 10:18:43</t>
  </si>
  <si>
    <t>F:\Cópia\Temp\Temporário\Treinamentos 2014.xlsx</t>
  </si>
  <si>
    <t>11/22/2019 10:22:10</t>
  </si>
  <si>
    <t>11/22/2019 10:23:37</t>
  </si>
  <si>
    <t>Cartinhas de Natal - Novas - 1411.xlsx</t>
  </si>
  <si>
    <t>11/22/2019 10:22:45</t>
  </si>
  <si>
    <t>11/22/2019 10:24:36</t>
  </si>
  <si>
    <t>/o=exchangelabs/ou=exchange administrative group (fydibohf23spdlt)/cn=recipients/cn=b79663656cc44aa3bf06617d1695ae51-carlos faci;/o=exchangelabs/ou=exchange administrative group (fydibohf23spdlt)/cn=recipients/cn=e894bfa401c848dc9e25ced4ad1f3dd7-luciana fer;</t>
  </si>
  <si>
    <t>/o=exchangelabs/ou=exchange administrative group (fydibohf23spdlt)/cn=recipients/cn=b79663656cc44aa3bf06617d1695ae51-carlos faci,/o=exchangelabs/ou=exchange administrative group (fydibohf23spdlt)/cn=recipients/cn=e894bfa401c848dc9e25ced4ad1f3dd7-luciana fer</t>
  </si>
  <si>
    <t>11/22/2019 10:29:30</t>
  </si>
  <si>
    <t>11/22/2019 10:31:36</t>
  </si>
  <si>
    <t>eliane.martins@bv.com.br;jose.gomes@bv.com.br;</t>
  </si>
  <si>
    <t>Diário de Bordo - Novembro Algar</t>
  </si>
  <si>
    <t>Cópia de Diario de Bordo BV 2019.xlsb</t>
  </si>
  <si>
    <t>eliane.martins@bv.com.br,jose.gomes@bv.com.br</t>
  </si>
  <si>
    <t>11/22/2019 10:27:20</t>
  </si>
  <si>
    <t>11/22/2019 10:32:37</t>
  </si>
  <si>
    <t>/o=exchangelabs/ou=exchange administrative group (fydibohf23spdlt)/cn=recipients/cn=287c26b08a0f48578479a15a452f025d-edilson rod;/o=exchangelabs/ou=exchange administrative group (fydibohf23spdlt)/cn=recipients/cn=3d85af75e9a44da5bad9ced68d6c53ed-rosana peix;/o=exchangelabs/ou=exchange administrative group (fydibohf23spdlt)/cn=recipients/cn=4e42be0c35fe437c89a815dbb8f1ffeb-faturamento;/o=exchangelabs/ou=exchange administrative group (fydibohf23spdlt)/cn=recipients/cn=79b149cf7a984ca686e3b0e40b3bc8cf-danilo cesa;/o=exchangelabs/ou=exchange administrative group (fydibohf23spdlt)/cn=recipients/cn=d376cbd484f64104bc8476daf590c7dc-paulo eduar;</t>
  </si>
  <si>
    <t>/o=exchangelabs/ou=exchange administrative group (fydibohf23spdlt)/cn=recipients/cn=287c26b08a0f48578479a15a452f025d-edilson rod,/o=exchangelabs/ou=exchange administrative group (fydibohf23spdlt)/cn=recipients/cn=3d85af75e9a44da5bad9ced68d6c53ed-rosana peix,/o=exchangelabs/ou=exchange administrative group (fydibohf23spdlt)/cn=recipients/cn=4e42be0c35fe437c89a815dbb8f1ffeb-faturamento,/o=exchangelabs/ou=exchange administrative group (fydibohf23spdlt)/cn=recipients/cn=79b149cf7a984ca686e3b0e40b3bc8cf-danilo cesa,/o=exchangelabs/ou=exchange administrative group (fydibohf23spdlt)/cn=recipients/cn=d376cbd484f64104bc8476daf590c7dc-paulo eduar</t>
  </si>
  <si>
    <t>11/22/2019 10:30:21</t>
  </si>
  <si>
    <t>11/22/2019 10:33:36</t>
  </si>
  <si>
    <t>RES: Considerar este / Comentário (REVISÃO) - Nº 519074</t>
  </si>
  <si>
    <t>11/22/2019 10:39:04</t>
  </si>
  <si>
    <t>11/22/2019 10:41:37</t>
  </si>
  <si>
    <t>polianaad@algartech.com;</t>
  </si>
  <si>
    <t>Planilha de Acompanhamento de Viagens - BV Financeira</t>
  </si>
  <si>
    <t>Planejamento de Viagens _ BV.xlsx</t>
  </si>
  <si>
    <t>polianaad@algartech.com</t>
  </si>
  <si>
    <t>11/22/2019 10:37:02</t>
  </si>
  <si>
    <t>/o=exchangelabs/ou=exchange administrative group (fydibohf23spdlt)/cn=recipients/cn=06d628e3f48b48f491437fe6311215ae-claudiane a;/o=exchangelabs/ou=exchange administrative group (fydibohf23spdlt)/cn=recipients/cn=a9a1fe1d51ef4ee29617a1c11aa10050-marinalva i;/o=exchangelabs/ou=exchange administrative group (fydibohf23spdlt)/cn=recipients/cn=bf5c8ee8081a4a4cbf005372e2697869-tassiane ci;/o=exchangelabs/ou=exchange administrative group (fydibohf23spdlt)/cn=recipients/cn=group19021abd;</t>
  </si>
  <si>
    <t>/o=exchangelabs/ou=exchange administrative group (fydibohf23spdlt)/cn=recipients/cn=06d628e3f48b48f491437fe6311215ae-claudiane a,/o=exchangelabs/ou=exchange administrative group (fydibohf23spdlt)/cn=recipients/cn=a9a1fe1d51ef4ee29617a1c11aa10050-marinalva i,/o=exchangelabs/ou=exchange administrative group (fydibohf23spdlt)/cn=recipients/cn=bf5c8ee8081a4a4cbf005372e2697869-tassiane ci,/o=exchangelabs/ou=exchange administrative group (fydibohf23spdlt)/cn=recipients/cn=group19021abd</t>
  </si>
  <si>
    <t>11/22/2019 10:38:10</t>
  </si>
  <si>
    <t>/o=exchangelabs/ou=exchange administrative group (fydibohf23spdlt)/cn=recipients/cn=2f4bb3276da2464096fd9ebe23e1d908-marla jorda;/o=exchangelabs/ou=exchange administrative group (fydibohf23spdlt)/cn=recipients/cn=38bffaaccd0949f9804fcde336e4fb36-emilio sant;/o=exchangelabs/ou=exchange administrative group (fydibohf23spdlt)/cn=recipients/cn=583ab8d189e142a9b21d65898b5a0d82-camila porf;/o=exchangelabs/ou=exchange administrative group (fydibohf23spdlt)/cn=recipients/cn=830ba83a6b9b441ab3f8d8b3a47d0ffe-angelica ma;/o=exchangelabs/ou=exchange administrative group (fydibohf23spdlt)/cn=recipients/cn=8448bc0d964c4200bf3bd8bd54310da1-kesley isai;/o=exchangelabs/ou=exchange administrative group (fydibohf23spdlt)/cn=recipients/cn=d634880a7abd41c6afd38546d3ce7eaa-andressa fi;/o=exchangelabs/ou=exchange administrative group (fydibohf23spdlt)/cn=recipients/cn=f0ea6176274649dbb6ccb918587786a9-dalina arau;</t>
  </si>
  <si>
    <t>Resultado Auditorias TOP Outubro</t>
  </si>
  <si>
    <t>Auditoria Outubro online.xlsx</t>
  </si>
  <si>
    <t>/o=exchangelabs/ou=exchange administrative group (fydibohf23spdlt)/cn=recipients/cn=2f4bb3276da2464096fd9ebe23e1d908-marla jorda,/o=exchangelabs/ou=exchange administrative group (fydibohf23spdlt)/cn=recipients/cn=38bffaaccd0949f9804fcde336e4fb36-emilio sant,/o=exchangelabs/ou=exchange administrative group (fydibohf23spdlt)/cn=recipients/cn=583ab8d189e142a9b21d65898b5a0d82-camila porf,/o=exchangelabs/ou=exchange administrative group (fydibohf23spdlt)/cn=recipients/cn=830ba83a6b9b441ab3f8d8b3a47d0ffe-angelica ma,/o=exchangelabs/ou=exchange administrative group (fydibohf23spdlt)/cn=recipients/cn=8448bc0d964c4200bf3bd8bd54310da1-kesley isai,/o=exchangelabs/ou=exchange administrative group (fydibohf23spdlt)/cn=recipients/cn=d634880a7abd41c6afd38546d3ce7eaa-andressa fi,/o=exchangelabs/ou=exchange administrative group (fydibohf23spdlt)/cn=recipients/cn=f0ea6176274649dbb6ccb918587786a9-dalina arau</t>
  </si>
  <si>
    <t>11/22/2019 10:38:24</t>
  </si>
  <si>
    <t>/o=exchangelabs/ou=exchange administrative group (fydibohf23spdlt)/cn=recipients/cn=d634880a7abd41c6afd38546d3ce7eaa-andressa fi;</t>
  </si>
  <si>
    <t>Cintia Nunes.xlsx</t>
  </si>
  <si>
    <t>/o=exchangelabs/ou=exchange administrative group (fydibohf23spdlt)/cn=recipients/cn=d634880a7abd41c6afd38546d3ce7eaa-andressa fi</t>
  </si>
  <si>
    <t>11/22/2019 10:46:30</t>
  </si>
  <si>
    <t>11/22/2019 10:48:36</t>
  </si>
  <si>
    <t>11/22/2019 10:47:46</t>
  </si>
  <si>
    <t>11/22/2019 10:50:36</t>
  </si>
  <si>
    <t>11/22/2019 10:51:47</t>
  </si>
  <si>
    <t>11/22/2019 10:53:37</t>
  </si>
  <si>
    <t>ENC: Status Pesquisa de Clima 21/11</t>
  </si>
  <si>
    <t>Status Pesquisa de Clima 2019 - 2111.xlsx</t>
  </si>
  <si>
    <t>11/22/2019 10:53:22</t>
  </si>
  <si>
    <t>11/22/2019 10:54:36</t>
  </si>
  <si>
    <t>Goodyear Licitação: TAP para aprovação</t>
  </si>
  <si>
    <t>TAP_Goodyear Licitacao_v1.pptx\</t>
  </si>
  <si>
    <t>11/22/2019 10:54:51</t>
  </si>
  <si>
    <t>11/22/2019 10:58:36</t>
  </si>
  <si>
    <t>/o=exchangelabs/ou=exchange administrative group (fydibohf23spdlt)/cn=recipients/cn=1e212ef08dab4f26b88cba944f2ab7cb-pmo.governa;/o=exchangelabs/ou=exchange administrative group (fydibohf23spdlt)/cn=recipients/cn=56f1ed18d0b4438e8484a989403b0f53-ana paula c;/o=exchangelabs/ou=exchange administrative group (fydibohf23spdlt)/cn=recipients/cn=65d35bc38c6743d7a55b3ae9726a5893-diego ribei;/o=exchangelabs/ou=exchange administrative group (fydibohf23spdlt)/cn=recipients/cn=b3ad8a638fcc4c57bf8c7953dd4b3cb8-augusto ces;emersonmdp@algartech.com;</t>
  </si>
  <si>
    <t>RES: CAPEX Projetos Estratégicos</t>
  </si>
  <si>
    <t>Resultados Financeiros Projetos.xlsx</t>
  </si>
  <si>
    <t>/o=exchangelabs/ou=exchange administrative group (fydibohf23spdlt)/cn=recipients/cn=1e212ef08dab4f26b88cba944f2ab7cb-pmo.governa,/o=exchangelabs/ou=exchange administrative group (fydibohf23spdlt)/cn=recipients/cn=56f1ed18d0b4438e8484a989403b0f53-ana paula c,/o=exchangelabs/ou=exchange administrative group (fydibohf23spdlt)/cn=recipients/cn=65d35bc38c6743d7a55b3ae9726a5893-diego ribei,/o=exchangelabs/ou=exchange administrative group (fydibohf23spdlt)/cn=recipients/cn=b3ad8a638fcc4c57bf8c7953dd4b3cb8-augusto ces,emersonmdp@algartech.com</t>
  </si>
  <si>
    <t>11/22/2019 10:58:27</t>
  </si>
  <si>
    <t>C:\Users\mariannacsm\OneDrive - Grupo Algar\0- PMO-POOL\COMPRAS\Demandas pontuais\</t>
  </si>
  <si>
    <t>11/22/2019 10:57:18</t>
  </si>
  <si>
    <t>11/22/2019 10:59:37</t>
  </si>
  <si>
    <t>Orcamento Comparado.xlsx</t>
  </si>
  <si>
    <t>11/22/2019 10:59:01</t>
  </si>
  <si>
    <t>11/22/2019 11:00:36</t>
  </si>
  <si>
    <t>CADASTRO GERAL NOVEMBRO 2019 (002).csv</t>
  </si>
  <si>
    <t>11/22/2019 10:57:23</t>
  </si>
  <si>
    <t>ENC: Premissas Orçamentárias - 2020 - Rev01 27_08.xlsb</t>
  </si>
  <si>
    <t>Premissas Orçamentárias - 2020 - Rev01 27_08.xlsb</t>
  </si>
  <si>
    <t>11/22/2019 10:52:48</t>
  </si>
  <si>
    <t>11/22/2019 11:02:36</t>
  </si>
  <si>
    <t>BASE BRADESCO_ANALISE.xlsx</t>
  </si>
  <si>
    <t>11/22/2019 11:00:13</t>
  </si>
  <si>
    <t>11/22/2019 11:04:36</t>
  </si>
  <si>
    <t>Orcamento Comparado - TESTE.xlsx</t>
  </si>
  <si>
    <t>11/22/2019 10:59:38</t>
  </si>
  <si>
    <t>/o=exchangelabs/ou=exchange administrative group (fydibohf23spdlt)/cn=recipients/cn=953d0b5cb08e4147ab387438ebcc9fb6-leandro rei;/o=exchangelabs/ou=exchange administrative group (fydibohf23spdlt)/cn=recipients/cn=d8541cfaa44f4aa6a8421fccd6aa2d4a-joao edson;lucasm@algartech.com;</t>
  </si>
  <si>
    <t>RES: Ticket 833736 GOODYEAR CAS</t>
  </si>
  <si>
    <t>Goodyear Licitação TAP para aprovação .msg\s1\</t>
  </si>
  <si>
    <t>/o=exchangelabs/ou=exchange administrative group (fydibohf23spdlt)/cn=recipients/cn=953d0b5cb08e4147ab387438ebcc9fb6-leandro rei,/o=exchangelabs/ou=exchange administrative group (fydibohf23spdlt)/cn=recipients/cn=d8541cfaa44f4aa6a8421fccd6aa2d4a-joao edson,lucasm@algartech.com</t>
  </si>
  <si>
    <t>11/21/2019 17:46:00</t>
  </si>
  <si>
    <t>mail.google.com/_/upload?authuser=0&amp;dcp=asu-n&amp;upload_id=AEnB2UrCl1CyGH9EfivHBzVbb_T5iycRlcMHo22ossYYlB1qZ4cittCbC6HutdKikzcdpyHW71vzlIwhYGUuUwFqGyM4WPKcgbe1tVsJWhN2C6O9_qVpF_E&amp;upload_protocol=resumable</t>
  </si>
  <si>
    <t>alessandra.flores@prudential.com;alexandre.souto@prudential.com;amandacdr@algartech.com;bruno.souza@prudential.com;joseeb@algartech.com;luiz.m.carvalho@algartech.com;marcelo.decaux@prudential.com;savio.pires@prudential.com;wilsonaapn@algartech.com;</t>
  </si>
  <si>
    <t>C:\Users\filemoncmj\OneDrive - Grupo Algar\01. Algar Tech\01. Projetos de Clientes\47. Prudential\17. FTE\Novembro\</t>
  </si>
  <si>
    <t>alessandra.flores@prudential.com,alexandre.souto@prudential.com,amandacdr@algartech.com,bruno.souza@prudential.com,joseeb@algartech.com,luiz.m.carvalho@algartech.com,marcelo.decaux@prudential.com,savio.pires@prudential.com,wilsonaapn@algartech.com</t>
  </si>
  <si>
    <t>mail.google.com/_/upload?authuser=0&amp;dcp=asu-n&amp;upload_id=AEnB2UoaIbeG8eFNBoGUmHZ_KPLopk1WJ2D40FLQayeuYeCxkBblNPPRpyeGvuwARIunPJlbmFGu6gk3aU5QfvChwl5oWRYm8BAVrYtkeLnOvHHG6dsRq-M&amp;upload_protocol=resumable</t>
  </si>
  <si>
    <t>11/21/2019 21:49:26</t>
  </si>
  <si>
    <t>11/22/2019 11:06:44</t>
  </si>
  <si>
    <t>11/22/2019 11:08:36</t>
  </si>
  <si>
    <t>andreavm@algartech.com.br;rafaelsan@algartech.com.br;</t>
  </si>
  <si>
    <t>andreavm@algartech.com.br,rafaelsan@algartech.com.br</t>
  </si>
  <si>
    <t>11/22/2019 11:05:40</t>
  </si>
  <si>
    <t>11/22/2019 11:09:37</t>
  </si>
  <si>
    <t>11/22/2019 11:05:49</t>
  </si>
  <si>
    <t>Orcamento Comparado - Copia.xlsx</t>
  </si>
  <si>
    <t>11/22/2019 11:05:18</t>
  </si>
  <si>
    <t>ENC Reajuste Yah.msg\s1\</t>
  </si>
  <si>
    <t>Faturamento Yahsat Setembro.xlsx</t>
  </si>
  <si>
    <t>11/22/2019 11:08:15</t>
  </si>
  <si>
    <t>11/22/2019 11:10:36</t>
  </si>
  <si>
    <t>Farol Churn - Parcial - Nov/2019 - 21/11/19</t>
  </si>
  <si>
    <t>Base BW % Conversão - Nov-2019 - Parcial - 21-11-19.xlsm</t>
  </si>
  <si>
    <t>11/22/2019 11:08:41</t>
  </si>
  <si>
    <t>Produtividade RAF - NOV-2019 - Parcial - 21-11-19.xlsm</t>
  </si>
  <si>
    <t>11/22/2019 11:12:15</t>
  </si>
  <si>
    <t>11/22/2019 11:13:36</t>
  </si>
  <si>
    <t>mail.google.com/_/upload?authuser=0&amp;dcp=asu-n&amp;upload_id=AEnB2Uof1XbK0spctv08_RrHY4vMppgS2IcbegLUPoUIz2tDK1ygzGkb_PYGSnmvlGp-xvxDRXRo4H27CZ-OPVjTj_HS4M1EY5MmNU27FMtc6zhH85KOjoA&amp;upload_protocol=resumable</t>
  </si>
  <si>
    <t>Atividades-ANF31 - BH_22_11_19 (4)juu.xlsx</t>
  </si>
  <si>
    <t>11/22/2019 11:11:01</t>
  </si>
  <si>
    <t>11/22/2019 11:15:35</t>
  </si>
  <si>
    <t>11/22/2019 11:16:37</t>
  </si>
  <si>
    <t>/o=exchangelabs/ou=exchange administrative group (fydibohf23spdlt)/cn=recipients/cn=2f13f6d577d947158c5f81c08b0e5faf-tatiane dor;carolina.farah@bradesco.com.br;</t>
  </si>
  <si>
    <t>Daily Next</t>
  </si>
  <si>
    <t>Daily Unificado Next - Nov_envio.zip\</t>
  </si>
  <si>
    <t>Daily Unificado Next - Nov_envio.xlsm</t>
  </si>
  <si>
    <t>/o=exchangelabs/ou=exchange administrative group (fydibohf23spdlt)/cn=recipients/cn=2f13f6d577d947158c5f81c08b0e5faf-tatiane dor,carolina.farah@bradesco.com.br</t>
  </si>
  <si>
    <t>11/22/2019 11:17:10</t>
  </si>
  <si>
    <t>11/22/2019 11:18:36</t>
  </si>
  <si>
    <t>recibo de reembolso - iramilda - 2211.xls</t>
  </si>
  <si>
    <t>11/22/2019 11:14:29</t>
  </si>
  <si>
    <t>11/22/2019 11:19:37</t>
  </si>
  <si>
    <t>11/22/2019 11:20:03</t>
  </si>
  <si>
    <t>11/22/2019 11:21:37</t>
  </si>
  <si>
    <t>/o=exchangelabs/ou=exchange administrative group (fydibohf23spdlt)/cn=recipients/cn=0ee39e9e189c42369588db5cf6d2866d-celia regin;/o=exchangelabs/ou=exchange administrative group (fydibohf23spdlt)/cn=recipients/cn=2144abc9537143519f505fcb8550b74c-juliana emi;/o=exchangelabs/ou=exchange administrative group (fydibohf23spdlt)/cn=recipients/cn=4b453b7f02914710b3e94bcf7b311ad4-fernando po;/o=exchangelabs/ou=exchange administrative group (fydibohf23spdlt)/cn=recipients/cn=61af722dd06149089cf1c867d796b8bc-delso estre;/o=exchangelabs/ou=exchange administrative group (fydibohf23spdlt)/cn=recipients/cn=825e22489f504b16aae369306c36d2e0-olivar anto;/o=exchangelabs/ou=exchange administrative group (fydibohf23spdlt)/cn=recipients/cn=8c253c95243a40aa99c9416b7eb70a2a-julio cesar;/o=exchangelabs/ou=exchange administrative group (fydibohf23spdlt)/cn=recipients/cn=ab45243d601947128cfe3dec663408bf-pamela tava;/o=exchangelabs/ou=exchange administrative group (fydibohf23spdlt)/cn=recipients/cn=e3778f57d65f4c17a6287602f9eb0cdc-ales</t>
  </si>
  <si>
    <t>EBIT Final para comunicação com associados (novas assembleias)</t>
  </si>
  <si>
    <t>Consolidado_EBIT 1sem2019_versão final 19.nov.xlsx</t>
  </si>
  <si>
    <t>/o=exchangelabs/ou=exchange administrative group (fydibohf23spdlt)/cn=recipients/cn=0ee39e9e189c42369588db5cf6d2866d-celia regin,/o=exchangelabs/ou=exchange administrative group (fydibohf23spdlt)/cn=recipients/cn=2144abc9537143519f505fcb8550b74c-juliana emi,/o=exchangelabs/ou=exchange administrative group (fydibohf23spdlt)/cn=recipients/cn=4b453b7f02914710b3e94bcf7b311ad4-fernando po,/o=exchangelabs/ou=exchange administrative group (fydibohf23spdlt)/cn=recipients/cn=61af722dd06149089cf1c867d796b8bc-delso estre,/o=exchangelabs/ou=exchange administrative group (fydibohf23spdlt)/cn=recipients/cn=825e22489f504b16aae369306c36d2e0-olivar anto,/o=exchangelabs/ou=exchange administrative group (fydibohf23spdlt)/cn=recipients/cn=8c253c95243a40aa99c9416b7eb70a2a-julio cesar,/o=exchangelabs/ou=exchange administrative group (fydibohf23spdlt)/cn=recipients/cn=ab45243d601947128cfe3dec663408bf-pamela tava,/o=exchangelabs/ou=exchange administrative group (fydibohf23spdlt)/cn=recipients/cn=e3778f57d65f4c17a6287602f9eb0cdc-ales</t>
  </si>
  <si>
    <t>11/22/2019 11:21:13</t>
  </si>
  <si>
    <t>11/22/2019 11:22:36</t>
  </si>
  <si>
    <t>11/22/2019 11:22:28</t>
  </si>
  <si>
    <t>11/22/2019 11:27:37</t>
  </si>
  <si>
    <t>fup fp</t>
  </si>
  <si>
    <t>FUP.xlsx</t>
  </si>
  <si>
    <t>11/22/2019 11:25:02</t>
  </si>
  <si>
    <t>Memoria provisão novembro.xlsm</t>
  </si>
  <si>
    <t>11/22/2019 11:26:58</t>
  </si>
  <si>
    <t>/o=exchangelabs/ou=exchange administrative group (fydibohf23spdlt)/cn=recipients/cn=8da96f497b5c46ee81c2775857a1df84-pedro henri;/o=exchangelabs/ou=exchange administrative group (fydibohf23spdlt)/cn=recipients/cn=daea76c116d14ba69bf57b6e77a4327e-luana almei;/o=exchangelabs/ou=exchange administrative group (fydibohf23spdlt)/cn=recipients/cn=f77afa0ad3f042109f536c9634dccf97-wanderson g;/o=exchangelabs/ou=exchange administrative group (fydibohf23spdlt)/cn=recipients/cn=f9e751102def46a896bc3ec6e90e1aed-katia dos r;</t>
  </si>
  <si>
    <t>/o=exchangelabs/ou=exchange administrative group (fydibohf23spdlt)/cn=recipients/cn=8da96f497b5c46ee81c2775857a1df84-pedro henri,/o=exchangelabs/ou=exchange administrative group (fydibohf23spdlt)/cn=recipients/cn=daea76c116d14ba69bf57b6e77a4327e-luana almei,/o=exchangelabs/ou=exchange administrative group (fydibohf23spdlt)/cn=recipients/cn=f77afa0ad3f042109f536c9634dccf97-wanderson g,/o=exchangelabs/ou=exchange administrative group (fydibohf23spdlt)/cn=recipients/cn=f9e751102def46a896bc3ec6e90e1aed-katia dos r</t>
  </si>
  <si>
    <t>11/22/2019 11:23:38</t>
  </si>
  <si>
    <t>Status Conta Luciana Savi</t>
  </si>
  <si>
    <t>Status Conta Luciana Savi.xlsx</t>
  </si>
  <si>
    <t>11/22/2019 11:26:16</t>
  </si>
  <si>
    <t>Status das minhas contas.</t>
  </si>
  <si>
    <t>11/22/2019 11:27:20</t>
  </si>
  <si>
    <t>11/22/2019 11:32:37</t>
  </si>
  <si>
    <t>11/22/2019 11:30:26</t>
  </si>
  <si>
    <t>11/22/2019 11:33:37</t>
  </si>
  <si>
    <t>ENC: Report Intradiário - Atendimento Cerrado - 22/11/2019 - Acumulado até 11 hrs</t>
  </si>
  <si>
    <t>11/22/2019 11:31:20</t>
  </si>
  <si>
    <t>ENC: Report Intradiário - Atendimento Algar Tech - 22/11/2019 - Acumulado até 11 hrs</t>
  </si>
  <si>
    <t>11/22/2019 11:26:19</t>
  </si>
  <si>
    <t>11/22/2019 11:34:36</t>
  </si>
  <si>
    <t>ENC: Home Office Novembro.</t>
  </si>
  <si>
    <t>11/22/2019 11:30:25</t>
  </si>
  <si>
    <t>11/22/2019 11:35:36</t>
  </si>
  <si>
    <t>mail.google.com/_/upload?authuser=0&amp;dcp=asu-n&amp;upload_id=AEnB2Uqvy5yQ37guwm7cMBjNUc2NXjuXTG0yACQZ2RNsaC9XVPhtWM8DllI1ajjQtCLp7V6wkeQzRoQWY_vzNsH66l04v2XnGiLYYK-3hjfIrlVWlFhgfcM&amp;upload_protocol=resumable</t>
  </si>
  <si>
    <t>11/22/2019 11:36:51</t>
  </si>
  <si>
    <t>11/22/2019 11:39:37</t>
  </si>
  <si>
    <t>ENC: Home Office.</t>
  </si>
  <si>
    <t>Home Office PROJETOS - Janeiro.xlsx</t>
  </si>
  <si>
    <t>11/22/2019 11:38:56</t>
  </si>
  <si>
    <t>11/22/2019 11:41:37</t>
  </si>
  <si>
    <t>ENC: Daily Ativo, Receptivo, Unique connect, Promessa x Pagamento e Digital - Setembro - Operação P2</t>
  </si>
  <si>
    <t>2019-11 - Relatório Unique Connect Total Risk.xlsx</t>
  </si>
  <si>
    <t>11/22/2019 11:37:32</t>
  </si>
  <si>
    <t>11/22/2019 11:42:36</t>
  </si>
  <si>
    <t>/o=exchangelabs/ou=exchange administrative group (fydibohf23spdlt)/cn=recipients/cn=bec14da9ad4d434b8151ce12587e9186-khassio mar;crce@algartech.com.br;</t>
  </si>
  <si>
    <t>ENC: RE: Atualização de acessos Amex CRM:000260002805</t>
  </si>
  <si>
    <t>Ferramentas Amex (1).xlsx</t>
  </si>
  <si>
    <t>/o=exchangelabs/ou=exchange administrative group (fydibohf23spdlt)/cn=recipients/cn=bec14da9ad4d434b8151ce12587e9186-khassio mar,crce@algartech.com.br</t>
  </si>
  <si>
    <t>11/22/2019 11:47:39</t>
  </si>
  <si>
    <t>11/22/2019 11:51:36</t>
  </si>
  <si>
    <t>\\acsfs\deptos\controladoria\3. csc\controles csc\7-orçamento 2020\rateio ebit csc 2020_v3 - engeset novo\</t>
  </si>
  <si>
    <t>dre_csc 2020 previa do oficial_v9.xlsx</t>
  </si>
  <si>
    <t>11/22/2019 11:53:13</t>
  </si>
  <si>
    <t>11/22/2019 11:54:37</t>
  </si>
  <si>
    <t>/o=exchangelabs/ou=exchange administrative group (fydibohf23spdlt)/cn=recipients/cn=027c2da1ea5a42378a892f895ed29947-andressa tu;/o=exchangelabs/ou=exchange administrative group (fydibohf23spdlt)/cn=recipients/cn=f9fe932422d84c28aad0bc6079f59209-daniele dos;/o=exchangelabs/ou=exchange administrative group (fydibohf23spdlt)/cn=recipients/cn=valeria de mello lima;carlosfn@algartech.com;</t>
  </si>
  <si>
    <t>Oportunisticos - Canais.xlsx</t>
  </si>
  <si>
    <t>/o=exchangelabs/ou=exchange administrative group (fydibohf23spdlt)/cn=recipients/cn=027c2da1ea5a42378a892f895ed29947-andressa tu,/o=exchangelabs/ou=exchange administrative group (fydibohf23spdlt)/cn=recipients/cn=f9fe932422d84c28aad0bc6079f59209-daniele dos,/o=exchangelabs/ou=exchange administrative group (fydibohf23spdlt)/cn=recipients/cn=valeria de mello lima,carlosfn@algartech.com</t>
  </si>
  <si>
    <t>11/22/2019 11:54:03</t>
  </si>
  <si>
    <t>11/22/2019 11:55:27</t>
  </si>
  <si>
    <t>11/22/2019 11:56:37</t>
  </si>
  <si>
    <t>11/22/2019 11:56:20</t>
  </si>
  <si>
    <t>11/22/2019 11:57:37</t>
  </si>
  <si>
    <t>desvio.xls</t>
  </si>
  <si>
    <t>11/22/2019 11:54:38</t>
  </si>
  <si>
    <t>11/22/2019 11:58:36</t>
  </si>
  <si>
    <t>RES: Receitamento novembro.19</t>
  </si>
  <si>
    <t>11/22/2019 11:57:18</t>
  </si>
  <si>
    <t>11/22/2019 11:59:38</t>
  </si>
  <si>
    <t>FTE_BV_Nov19_v2.xlsb</t>
  </si>
  <si>
    <t>11/22/2019 11:58:09</t>
  </si>
  <si>
    <t>11/22/2019 11:59:13</t>
  </si>
  <si>
    <t>11/22/2019 12:04:37</t>
  </si>
  <si>
    <t>RV</t>
  </si>
  <si>
    <t>11/22/2019 12:03:16</t>
  </si>
  <si>
    <t>11/22/2019 12:08:37</t>
  </si>
  <si>
    <t>10.12.241.81</t>
  </si>
  <si>
    <t>11/22/2019 12:10:12</t>
  </si>
  <si>
    <t>11/22/2019 12:14:36</t>
  </si>
  <si>
    <t>Relação Notebook x Associado.xlsx</t>
  </si>
  <si>
    <t>11/22/2019 12:15:10</t>
  </si>
  <si>
    <t>11/22/2019 12:16:37</t>
  </si>
  <si>
    <t>11/22/2019 12:12:00</t>
  </si>
  <si>
    <t>ENC: CRCE: Relatórios B2B vencimento 1 de dezembro - AMBEV CRM:005310000777</t>
  </si>
  <si>
    <t>CRBS venc 01dec19.xlsx</t>
  </si>
  <si>
    <t>11/22/2019 12:16:36</t>
  </si>
  <si>
    <t>11/22/2019 12:17:37</t>
  </si>
  <si>
    <t>analvc@algartech.com.br;</t>
  </si>
  <si>
    <t>RES: \Compartilhado\Entre_secoes\S807_Atendimento_BOPJ_Compartilhado\00 - AÇÃO MIGRAÇÃO\AÇÃO CONTATO ATIVO MIGRAÇÃO\Saldo Credor UN</t>
  </si>
  <si>
    <t>analvc@algartech.com.br</t>
  </si>
  <si>
    <t>11/22/2019 12:17:13</t>
  </si>
  <si>
    <t>11/22/2019 12:19:37</t>
  </si>
  <si>
    <t>/o=exchangelabs/ou=exchange administrative group (fydibohf23spdlt)/cn=recipients/cn=8f185d9b3bd9437bbda2e6edb3323202-natalia men;luanda_s_almeida@whirlpool.com;</t>
  </si>
  <si>
    <t>ENC: Status ATIVO MP Digital - atualizar visão</t>
  </si>
  <si>
    <t>ativo_mp_digital_20191122.xlsx</t>
  </si>
  <si>
    <t>/o=exchangelabs/ou=exchange administrative group (fydibohf23spdlt)/cn=recipients/cn=8f185d9b3bd9437bbda2e6edb3323202-natalia men,luanda_s_almeida@whirlpool.com</t>
  </si>
  <si>
    <t>11/22/2019 12:15:53</t>
  </si>
  <si>
    <t>11/22/2019 12:22:58</t>
  </si>
  <si>
    <t>11/22/2019 12:24:37</t>
  </si>
  <si>
    <t>/o=exchangelabs/ou=exchange administrative group (fydibohf23spdlt)/cn=recipients/cn=cd93dacc38404a95a829585c2e317a9f-dionizio ri;/o=exchangelabs/ou=exchange administrative group (fydibohf23spdlt)/cn=recipients/cn=f67f0409c7ae4580b53b07ea98cce4c6-talita pele;/o=exchangelabs/ou=exchange administrative group (fydibohf23spdlt)/cn=recipients/cn=fe8fdec9c88140d18f5303035fad45f0-ricardo bor;</t>
  </si>
  <si>
    <t>New_Ricardo Borges_v2.xlsx</t>
  </si>
  <si>
    <t>/o=exchangelabs/ou=exchange administrative group (fydibohf23spdlt)/cn=recipients/cn=cd93dacc38404a95a829585c2e317a9f-dionizio ri,/o=exchangelabs/ou=exchange administrative group (fydibohf23spdlt)/cn=recipients/cn=f67f0409c7ae4580b53b07ea98cce4c6-talita pele,/o=exchangelabs/ou=exchange administrative group (fydibohf23spdlt)/cn=recipients/cn=fe8fdec9c88140d18f5303035fad45f0-ricardo bor</t>
  </si>
  <si>
    <t>11/22/2019 12:23:20</t>
  </si>
  <si>
    <t>/o=exchangelabs/ou=exchange administrative group (fydibohf23spdlt)/cn=recipients/cn=6776a442e9d74eb38a4e02467843d314-juliana mar;/o=exchangelabs/ou=exchange administrative group (fydibohf23spdlt)/cn=recipients/cn=cd93dacc38404a95a829585c2e317a9f-dionizio ri;/o=exchangelabs/ou=exchange administrative group (fydibohf23spdlt)/cn=recipients/cn=f67f0409c7ae4580b53b07ea98cce4c6-talita pele;</t>
  </si>
  <si>
    <t>New_Juliana Maria.xlsx</t>
  </si>
  <si>
    <t>/o=exchangelabs/ou=exchange administrative group (fydibohf23spdlt)/cn=recipients/cn=6776a442e9d74eb38a4e02467843d314-juliana mar,/o=exchangelabs/ou=exchange administrative group (fydibohf23spdlt)/cn=recipients/cn=cd93dacc38404a95a829585c2e317a9f-dionizio ri,/o=exchangelabs/ou=exchange administrative group (fydibohf23spdlt)/cn=recipients/cn=f67f0409c7ae4580b53b07ea98cce4c6-talita pele</t>
  </si>
  <si>
    <t>11/22/2019 12:23:32</t>
  </si>
  <si>
    <t>/o=exchangelabs/ou=exchange administrative group (fydibohf23spdlt)/cn=recipients/cn=1635ed1077024674b65c52767dacde9a-jullian pac;/o=exchangelabs/ou=exchange administrative group (fydibohf23spdlt)/cn=recipients/cn=cd93dacc38404a95a829585c2e317a9f-dionizio ri;/o=exchangelabs/ou=exchange administrative group (fydibohf23spdlt)/cn=recipients/cn=f67f0409c7ae4580b53b07ea98cce4c6-talita pele;</t>
  </si>
  <si>
    <t>New_Jullian Pacheco_v3.xlsx</t>
  </si>
  <si>
    <t>/o=exchangelabs/ou=exchange administrative group (fydibohf23spdlt)/cn=recipients/cn=1635ed1077024674b65c52767dacde9a-jullian pac,/o=exchangelabs/ou=exchange administrative group (fydibohf23spdlt)/cn=recipients/cn=cd93dacc38404a95a829585c2e317a9f-dionizio ri,/o=exchangelabs/ou=exchange administrative group (fydibohf23spdlt)/cn=recipients/cn=f67f0409c7ae4580b53b07ea98cce4c6-talita pele</t>
  </si>
  <si>
    <t>11/22/2019 12:27:04</t>
  </si>
  <si>
    <t>11/22/2019 12:27:37</t>
  </si>
  <si>
    <t>11/22/2019 12:36:04</t>
  </si>
  <si>
    <t>11/22/2019 12:40:37</t>
  </si>
  <si>
    <t>ENC: MOVE TO CLOUD</t>
  </si>
  <si>
    <t>11/22/2019 12:38:47</t>
  </si>
  <si>
    <t>11/22/2019 12:41:36</t>
  </si>
  <si>
    <t>/o=exchangelabs/ou=exchange administrative group (fydibohf23spdlt)/cn=recipients/cn=161c8ab454bb4f4ebde8223bf694a34b-pedro felip;/o=exchangelabs/ou=exchange administrative group (fydibohf23spdlt)/cn=recipients/cn=9ec15fdf8a374c6f80ea1bf33684216e-roberta alv;/o=exchangelabs/ou=exchange administrative group (fydibohf23spdlt)/cn=recipients/cn=userdc05fc7c;</t>
  </si>
  <si>
    <t>Planilhas de Cálculo PLR - SINDPD-DF</t>
  </si>
  <si>
    <t>Cálculo PLR 1º semestre 2019_SINDPD-DF.xlsx</t>
  </si>
  <si>
    <t>/o=exchangelabs/ou=exchange administrative group (fydibohf23spdlt)/cn=recipients/cn=161c8ab454bb4f4ebde8223bf694a34b-pedro felip,/o=exchangelabs/ou=exchange administrative group (fydibohf23spdlt)/cn=recipients/cn=9ec15fdf8a374c6f80ea1bf33684216e-roberta alv,/o=exchangelabs/ou=exchange administrative group (fydibohf23spdlt)/cn=recipients/cn=userdc05fc7c</t>
  </si>
  <si>
    <t>11/22/2019 12:42:06</t>
  </si>
  <si>
    <t>11/22/2019 12:45:37</t>
  </si>
  <si>
    <t>Presença feira de produtos</t>
  </si>
  <si>
    <t>PRESENÇA - FEIRA DE PRODUTOS 22.11.xlsx</t>
  </si>
  <si>
    <t>11/22/2019 12:44:14</t>
  </si>
  <si>
    <t>11/22/2019 12:48:36</t>
  </si>
  <si>
    <t>/o=exchangelabs/ou=exchange administrative group (fydibohf23spdlt)/cn=recipients/cn=6857e7b89b5f46e3b6aed2352ac8d5ac-carlos albe;/o=exchangelabs/ou=exchange administrative group (fydibohf23spdlt)/cn=recipients/cn=690534bfcd7340c7beff9dafbdbfc25f-paulo henri;/o=exchangelabs/ou=exchange administrative group (fydibohf23spdlt)/cn=recipients/cn=e6b7580a624e482b95aa2b9747aa6d6d-paulo sergi;</t>
  </si>
  <si>
    <t>/o=exchangelabs/ou=exchange administrative group (fydibohf23spdlt)/cn=recipients/cn=6857e7b89b5f46e3b6aed2352ac8d5ac-carlos albe,/o=exchangelabs/ou=exchange administrative group (fydibohf23spdlt)/cn=recipients/cn=690534bfcd7340c7beff9dafbdbfc25f-paulo henri,/o=exchangelabs/ou=exchange administrative group (fydibohf23spdlt)/cn=recipients/cn=e6b7580a624e482b95aa2b9747aa6d6d-paulo sergi</t>
  </si>
  <si>
    <t>11/22/2019 12:51:24</t>
  </si>
  <si>
    <t>11/22/2019 12:54:36</t>
  </si>
  <si>
    <t>C:\Users\mariannacsm\OneDrive - Grupo Algar\0- PMO-POOL\PMO\PROJETOS CSC\</t>
  </si>
  <si>
    <t>11/22/2019 12:51:39</t>
  </si>
  <si>
    <t>Peça Oficial 2020 - Projetos_Retorno 2510_Adeq TechCSC2211.xlsx</t>
  </si>
  <si>
    <t>11/22/2019 12:54:57</t>
  </si>
  <si>
    <t>11/22/2019 12:59:36</t>
  </si>
  <si>
    <t>11/22/2019 13:03:46</t>
  </si>
  <si>
    <t>11/22/2019 13:06:36</t>
  </si>
  <si>
    <t>ENC: Projeção Impacto - Retirada Associados Contato Out Onda 4 ( Escala Associados )</t>
  </si>
  <si>
    <t>Lista Empresas - Contato Out Migração.xlsx</t>
  </si>
  <si>
    <t>11/22/2019 13:17:11</t>
  </si>
  <si>
    <t>11/22/2019 13:19:38</t>
  </si>
  <si>
    <t>10.200.58.136</t>
  </si>
  <si>
    <t>mail.google.com/_/upload?authuser=0&amp;dcp=asu-n&amp;upload_id=AEnB2UoT-hIR_tZ1OVfFMsZhS0UahD8bHYubCQ3cgspY4I9iFTu0GxglYXaIIu66QMCgPSceDp9bE3aRE5H8uIZBq1WzpLubgw&amp;upload_protocol=resumable</t>
  </si>
  <si>
    <t>PMO - Capex_Longo Prazo_rev_A19M10_v22_11_vFinanceiro.xlsx</t>
  </si>
  <si>
    <t>11/22/2019 13:24:00</t>
  </si>
  <si>
    <t>11/22/2019 13:27:38</t>
  </si>
  <si>
    <t>ENC: Black Friday 2019 - MPE Expansão</t>
  </si>
  <si>
    <t>Simulador - Book Lego MPE 4.0 - Expansão_20112019 Black Friday.xls</t>
  </si>
  <si>
    <t>11/22/2019 13:32:57</t>
  </si>
  <si>
    <t>11/22/2019 13:35:40</t>
  </si>
  <si>
    <t>/o=exchangelabs/ou=exchange administrative group (fydibohf23spdlt)/cn=recipients/cn=18538d61f6f342f7a3d2db08df47d617-vanusa prec;/o=exchangelabs/ou=exchange administrative group (fydibohf23spdlt)/cn=recipients/cn=1e212ef08dab4f26b88cba944f2ab7cb-pmo.governa;/o=exchangelabs/ou=exchange administrative group (fydibohf23spdlt)/cn=recipients/cn=2504d5028b6b4fb89d14a5df6031358d-jane carla;/o=exchangelabs/ou=exchange administrative group (fydibohf23spdlt)/cn=recipients/cn=2d3379e2d04c40db810b4b1f41dd2aea-erica carol;/o=exchangelabs/ou=exchange administrative group (fydibohf23spdlt)/cn=recipients/cn=443a648e2bd247c69659ca2ac6a18582-adriele fer;/o=exchangelabs/ou=exchange administrative group (fydibohf23spdlt)/cn=recipients/cn=55f846c335d7437f892f0b0d49c89e92-celma ribei;/o=exchangelabs/ou=exchange administrative group (fydibohf23spdlt)/cn=recipients/cn=56f1ed18d0b4438e8484a989403b0f53-ana paula c;/o=exchangelabs/ou=exchange administrative group (fydibohf23spdlt)/cn=recipients/cn=65f2464c9a2e4d2981cae7124572133d-crist</t>
  </si>
  <si>
    <t>CAPEX 2020 - Ajustado</t>
  </si>
  <si>
    <t>CAPEX_2020 - FINANCEIRO22_11.xlsx</t>
  </si>
  <si>
    <t>/o=exchangelabs/ou=exchange administrative group (fydibohf23spdlt)/cn=recipients/cn=18538d61f6f342f7a3d2db08df47d617-vanusa prec,/o=exchangelabs/ou=exchange administrative group (fydibohf23spdlt)/cn=recipients/cn=1e212ef08dab4f26b88cba944f2ab7cb-pmo.governa,/o=exchangelabs/ou=exchange administrative group (fydibohf23spdlt)/cn=recipients/cn=2504d5028b6b4fb89d14a5df6031358d-jane carla,/o=exchangelabs/ou=exchange administrative group (fydibohf23spdlt)/cn=recipients/cn=2d3379e2d04c40db810b4b1f41dd2aea-erica carol,/o=exchangelabs/ou=exchange administrative group (fydibohf23spdlt)/cn=recipients/cn=443a648e2bd247c69659ca2ac6a18582-adriele fer,/o=exchangelabs/ou=exchange administrative group (fydibohf23spdlt)/cn=recipients/cn=55f846c335d7437f892f0b0d49c89e92-celma ribei,/o=exchangelabs/ou=exchange administrative group (fydibohf23spdlt)/cn=recipients/cn=56f1ed18d0b4438e8484a989403b0f53-ana paula c,/o=exchangelabs/ou=exchange administrative group (fydibohf23spdlt)/cn=recipients/cn=65f2464c9a2e4d2981cae7124572133d-crist</t>
  </si>
  <si>
    <t>11/22/2019 13:35:59</t>
  </si>
  <si>
    <t>11/22/2019 13:37:41</t>
  </si>
  <si>
    <t>mail.google.com/_/upload?authuser=0&amp;dcp=asu-n&amp;upload_id=AEnB2Uq3ivXigsfDCVyrZEj3dAkgfljb2qRSNzBzU37oJ6-Ttg8U-GY4pppMHYnapyAIRErkGZ9S-cwtGrd_D1am_GD06L7Yww&amp;upload_protocol=resumable</t>
  </si>
  <si>
    <t>Associados que faltaram.xlsx</t>
  </si>
  <si>
    <t>11/22/2019 13:40:42</t>
  </si>
  <si>
    <t>11/22/2019 13:42:42</t>
  </si>
  <si>
    <t>6549;</t>
  </si>
  <si>
    <t>Formulário TTV - Lançamento de Hora Extra (15).xlsx</t>
  </si>
  <si>
    <t>http://6549</t>
  </si>
  <si>
    <t>11/22/2019 13:40:46</t>
  </si>
  <si>
    <t>11/22/2019 13:45:20</t>
  </si>
  <si>
    <t>11/22/2019 13:46:43</t>
  </si>
  <si>
    <t>11/22/2019 13:45:19</t>
  </si>
  <si>
    <t>/o=exchangelabs/ou=exchange administrative group (fydibohf23spdlt)/cn=recipients/cn=2f13f6d577d947158c5f81c08b0e5faf-tatiane dor;/o=exchangelabs/ou=exchange administrative group (fydibohf23spdlt)/cn=recipients/cn=823ff3c9d5fe49399d544dd8d287e4b4-alexandre m;/o=exchangelabs/ou=exchange administrative group (fydibohf23spdlt)/cn=recipients/cn=a4ba92cba10f4fe498074594f937f3b6-leandro lop;</t>
  </si>
  <si>
    <t>Analise Indicadores por HC Produtivo</t>
  </si>
  <si>
    <t>Analise Indicadores por HC Produtivo.xlsx</t>
  </si>
  <si>
    <t>/o=exchangelabs/ou=exchange administrative group (fydibohf23spdlt)/cn=recipients/cn=2f13f6d577d947158c5f81c08b0e5faf-tatiane dor,/o=exchangelabs/ou=exchange administrative group (fydibohf23spdlt)/cn=recipients/cn=823ff3c9d5fe49399d544dd8d287e4b4-alexandre m,/o=exchangelabs/ou=exchange administrative group (fydibohf23spdlt)/cn=recipients/cn=a4ba92cba10f4fe498074594f937f3b6-leandro lop</t>
  </si>
  <si>
    <t>11/22/2019 13:43:03</t>
  </si>
  <si>
    <t>11/22/2019 13:47:43</t>
  </si>
  <si>
    <t>sheilacdf@algartech.com.br;</t>
  </si>
  <si>
    <t>ENC: PLANILHA PADRÃO PARA EMISSÃO DE ADICIONAL ARYSTA/UPL</t>
  </si>
  <si>
    <t>BRADESCO CARTÕES - Planilha Portador (1).xls</t>
  </si>
  <si>
    <t>sheilacdf@algartech.com.br</t>
  </si>
  <si>
    <t>11/22/2019 13:46:12</t>
  </si>
  <si>
    <t>11/22/2019 13:50:43</t>
  </si>
  <si>
    <t>mail.google.com/_/upload?authuser=1&amp;dcp=asu-n&amp;upload_id=AEnB2UoYjEnQg07AJPb9UzCkgc19j4kdAqVHFkyGhvsOK9poxQn7EsdfRTFCo3Xv149t2F8mJBGBVR1Vx35pG3JU-swMXDwhgg&amp;upload_protocol=resumable</t>
  </si>
  <si>
    <t>\\acsfs\DEPTOS\Governança da Estratégia\Governança\Holding\2019\Tech Day\Preparação Prévia\</t>
  </si>
  <si>
    <t>Tech Day - Evolução histórica e outros gráficosvfinal.xlsx</t>
  </si>
  <si>
    <t>11/22/2019 13:46:07</t>
  </si>
  <si>
    <t>algar.thaynara@voeazul.com.br;taynacds@algartech.com;</t>
  </si>
  <si>
    <t>RES: HE - Equipe Thaynara</t>
  </si>
  <si>
    <t>Cópia de feriado 20.11.xlsx</t>
  </si>
  <si>
    <t>algar.thaynara@voeazul.com.br,taynacds@algartech.com</t>
  </si>
  <si>
    <t>11/22/2019 13:51:01</t>
  </si>
  <si>
    <t>11/22/2019 13:52:44</t>
  </si>
  <si>
    <t>mail.google.com/_/upload?authuser=0&amp;dcp=asu-n&amp;upload_id=AEnB2Uqt96fnw3n7GPGAIQPmVLImrTqEH2jcnLuILlGply6_Lc4mR8xSmBYXcvyyHnPa_eENIG7i01ejKVU1sFjmdmewRrbJ7fm2fYX4FRscTstKBTaFc50&amp;upload_protocol=resumable</t>
  </si>
  <si>
    <t>11/22/2019 13:55:52</t>
  </si>
  <si>
    <t>11/22/2019 14:00:45</t>
  </si>
  <si>
    <t>guilherme.arruda@forceoneit.com;heitorft@algartech.com;suporteredes@algartech.com;tulio.carvalhais@forceoneit.com;</t>
  </si>
  <si>
    <t>Formulario_Ativacao - VPN-ELCANO-FORNECEDOR (Forceone).xlsx</t>
  </si>
  <si>
    <t>guilherme.arruda@forceoneit.com,heitorft@algartech.com,suporteredes@algartech.com,tulio.carvalhais@forceoneit.com</t>
  </si>
  <si>
    <t>11/22/2019 13:56:38</t>
  </si>
  <si>
    <t>11/22/2019 14:01:46</t>
  </si>
  <si>
    <t>11/22/2019 13:57:31</t>
  </si>
  <si>
    <t>11/22/2019 14:03:59</t>
  </si>
  <si>
    <t>11/22/2019 14:06:47</t>
  </si>
  <si>
    <t>11/22/2019 14:07:10</t>
  </si>
  <si>
    <t>11/22/2019 14:11:49</t>
  </si>
  <si>
    <t>ENC: ALGAR - Fechamento Bradescard P2 - Outubro/19</t>
  </si>
  <si>
    <t>11/22/2019 14:06:18</t>
  </si>
  <si>
    <t>11/22/2019 14:12:48</t>
  </si>
  <si>
    <t>/o=exchangelabs/ou=exchange administrative group (fydibohf23spdlt)/cn=recipients/cn=690534bfcd7340c7beff9dafbdbfc25f-paulo henri;/o=exchangelabs/ou=exchange administrative group (fydibohf23spdlt)/cn=recipients/cn=bb3e654013ba45d5b07da1bcdc47e1d4-larrynir ma;/o=exchangelabs/ou=exchange administrative group (fydibohf23spdlt)/cn=recipients/cn=d6cce5a70d504cc2ad89cee834cd59a9-luciana rib;claudia@tripag.com.br;ganunes@tripag.com.br;</t>
  </si>
  <si>
    <t>RES: Desativação de terminais</t>
  </si>
  <si>
    <t>Ordem de Servico Desativação.xls</t>
  </si>
  <si>
    <t>/o=exchangelabs/ou=exchange administrative group (fydibohf23spdlt)/cn=recipients/cn=690534bfcd7340c7beff9dafbdbfc25f-paulo henri,/o=exchangelabs/ou=exchange administrative group (fydibohf23spdlt)/cn=recipients/cn=bb3e654013ba45d5b07da1bcdc47e1d4-larrynir ma,/o=exchangelabs/ou=exchange administrative group (fydibohf23spdlt)/cn=recipients/cn=d6cce5a70d504cc2ad89cee834cd59a9-luciana rib,claudia@tripag.com.br,ganunes@tripag.com.br</t>
  </si>
  <si>
    <t>11/22/2019 14:20:00</t>
  </si>
  <si>
    <t>11/22/2019 14:20:50</t>
  </si>
  <si>
    <t>ENC: Aderência Dezembro</t>
  </si>
  <si>
    <t>Aderência Diego - Dezembro.xlsx</t>
  </si>
  <si>
    <t>11/22/2019 14:18:04</t>
  </si>
  <si>
    <t>11/22/2019 14:21:51</t>
  </si>
  <si>
    <t>ENC: Status Pesquisa de Clima - Temos 8% de respostas (prazo: 02/12)</t>
  </si>
  <si>
    <t>Status Pesquisa de Clima 2019 - 2211.xlsx</t>
  </si>
  <si>
    <t>11/22/2019 14:18:23</t>
  </si>
  <si>
    <t>11/22/2019 14:28:33</t>
  </si>
  <si>
    <t>11/22/2019 14:29:52</t>
  </si>
  <si>
    <t>ENC: BP CJF</t>
  </si>
  <si>
    <t>Plan Precificacao C018 B018_v2.xlsb</t>
  </si>
  <si>
    <t>11/22/2019 14:31:19</t>
  </si>
  <si>
    <t>11/22/2019 14:34:53</t>
  </si>
  <si>
    <t>backup_restore@algartech.com;</t>
  </si>
  <si>
    <t>Ruf.xlsx</t>
  </si>
  <si>
    <t>backup_restore@algartech.com</t>
  </si>
  <si>
    <t>11/22/2019 14:35:42</t>
  </si>
  <si>
    <t>11/22/2019 14:39:54</t>
  </si>
  <si>
    <t>11/22/2019 14:37:34</t>
  </si>
  <si>
    <t>11/22/2019 14:46:47</t>
  </si>
  <si>
    <t>11/22/2019 14:49:56</t>
  </si>
  <si>
    <t>11/22/2019 14:45:23</t>
  </si>
  <si>
    <t>\\acsfs\DEPTOS\TH\05. Cargos e Remuneração\03.Remuneração Variável\Políticas\2020\GRC\</t>
  </si>
  <si>
    <t>Resumo Políticas de Incentivo 2019_métricas.xlsx</t>
  </si>
  <si>
    <t>11/22/2019 14:52:33</t>
  </si>
  <si>
    <t>11/22/2019 14:53:57</t>
  </si>
  <si>
    <t>Evidencias receitamento 22.11.2019</t>
  </si>
  <si>
    <t>Faturamento Consultoria Algar - Dezembro 2019_Reembolso.xlsm</t>
  </si>
  <si>
    <t>11/22/2019 14:58:41</t>
  </si>
  <si>
    <t>11/22/2019 15:00:59</t>
  </si>
  <si>
    <t>ENC: Correntista - Análise</t>
  </si>
  <si>
    <t>11/22/2019 15:01:54</t>
  </si>
  <si>
    <t>11/22/2019 15:06:00</t>
  </si>
  <si>
    <t>tatianedc@algartech.com;</t>
  </si>
  <si>
    <t>tatianedc@algartech.com</t>
  </si>
  <si>
    <t>11/22/2019 15:01:29</t>
  </si>
  <si>
    <t>11/22/2019 15:07:01</t>
  </si>
  <si>
    <t>RES: Correntista - Análise</t>
  </si>
  <si>
    <t>Analise Indicadores por HC Produtivo.msg\s1\</t>
  </si>
  <si>
    <t>11/22/2019 15:05:53</t>
  </si>
  <si>
    <t>11/22/2019 15:08:01</t>
  </si>
  <si>
    <t>C:\Users\mariannacsm\OneDrive - Grupo Algar\0- PMO-POOL\COMPRAS\08 - Processos Não Qualificados\</t>
  </si>
  <si>
    <t>Controle Negociações PPNQ.xlsx</t>
  </si>
  <si>
    <t>11/22/2019 15:10:46</t>
  </si>
  <si>
    <t>11/22/2019 15:12:01</t>
  </si>
  <si>
    <t>/o=exchangelabs/ou=exchange administrative group (fydibohf23spdlt)/cn=recipients/cn=2f13f6d577d947158c5f81c08b0e5faf-tatiane dor;/o=exchangelabs/ou=exchange administrative group (fydibohf23spdlt)/cn=recipients/cn=a4ba92cba10f4fe498074594f937f3b6-leandro lop;</t>
  </si>
  <si>
    <t>/o=exchangelabs/ou=exchange administrative group (fydibohf23spdlt)/cn=recipients/cn=2f13f6d577d947158c5f81c08b0e5faf-tatiane dor,/o=exchangelabs/ou=exchange administrative group (fydibohf23spdlt)/cn=recipients/cn=a4ba92cba10f4fe498074594f937f3b6-leandro lop</t>
  </si>
  <si>
    <t>11/22/2019 15:11:56</t>
  </si>
  <si>
    <t>11/22/2019 15:15:03</t>
  </si>
  <si>
    <t>/o=exchangelabs/ou=exchange administrative group (fydibohf23spdlt)/cn=recipients/cn=804f4398b96748e7962c1608bfe4071a-hewerson go;/o=exchangelabs/ou=exchange administrative group (fydibohf23spdlt)/cn=recipients/cn=a72a765de829420582b78941417073ac-karina rodr;/o=exchangelabs/ou=exchange administrative group (fydibohf23spdlt)/cn=recipients/cn=a78f7dae304e472e9f75bd537683f6e5-hugo de oli;/o=exchangelabs/ou=exchange administrative group (fydibohf23spdlt)/cn=recipients/cn=c6e6b9ec16fc4718b546aa6c7e01b754-thiago mart;/o=exchangelabs/ou=exchange administrative group (fydibohf23spdlt)/cn=recipients/cn=d1bcfb1498124af49c7d3ae622d9e2da-iara agosti;/o=exchangelabs/ou=exchange administrative group (fydibohf23spdlt)/cn=recipients/cn=de309567271c4871b341e820d0b7364e-luiz carlos;/o=exchangelabs/ou=exchange administrative group (fydibohf23spdlt)/cn=recipients/cn=e174366906884bd1b4d4c5ddfc8c9433-rodrigo men;/o=nt5/ou=00000000000000000000000000000000/cn=11911cfd10695c4bb1302302b8b775f3;</t>
  </si>
  <si>
    <t>Indicadores Ecohouse x DASH BKO</t>
  </si>
  <si>
    <t>/o=exchangelabs/ou=exchange administrative group (fydibohf23spdlt)/cn=recipients/cn=804f4398b96748e7962c1608bfe4071a-hewerson go,/o=exchangelabs/ou=exchange administrative group (fydibohf23spdlt)/cn=recipients/cn=a72a765de829420582b78941417073ac-karina rodr,/o=exchangelabs/ou=exchange administrative group (fydibohf23spdlt)/cn=recipients/cn=a78f7dae304e472e9f75bd537683f6e5-hugo de oli,/o=exchangelabs/ou=exchange administrative group (fydibohf23spdlt)/cn=recipients/cn=c6e6b9ec16fc4718b546aa6c7e01b754-thiago mart,/o=exchangelabs/ou=exchange administrative group (fydibohf23spdlt)/cn=recipients/cn=d1bcfb1498124af49c7d3ae622d9e2da-iara agosti,/o=exchangelabs/ou=exchange administrative group (fydibohf23spdlt)/cn=recipients/cn=de309567271c4871b341e820d0b7364e-luiz carlos,/o=exchangelabs/ou=exchange administrative group (fydibohf23spdlt)/cn=recipients/cn=e174366906884bd1b4d4c5ddfc8c9433-rodrigo men,/o=nt5/ou=00000000000000000000000000000000/cn=11911cfd10695c4bb1302302b8b775f3</t>
  </si>
  <si>
    <t>11/22/2019 15:14:56</t>
  </si>
  <si>
    <t>11/22/2019 15:16:02</t>
  </si>
  <si>
    <t>/o=exchangelabs/ou=exchange administrative group (fydibohf23spdlt)/cn=recipients/cn=0ca6cc8d100949a7866a928f62ef5778-rosilene de;/o=exchangelabs/ou=exchange administrative group (fydibohf23spdlt)/cn=recipients/cn=a72a765de829420582b78941417073ac-karina rodr;/o=exchangelabs/ou=exchange administrative group (fydibohf23spdlt)/cn=recipients/cn=a75579a499254c2291e852b70c4d70d1-eunice apar;/o=exchangelabs/ou=exchange administrative group (fydibohf23spdlt)/cn=recipients/cn=d1d015f213f648abbf348b5ccdf8e9d9-senilda per;/o=exchangelabs/ou=exchange administrative group (fydibohf23spdlt)/cn=recipients/cn=e39e329fc16a43329eb2766bae675122-mariana gon;/o=exchangelabs/ou=exchange administrative group (fydibohf23spdlt)/cn=recipients/cn=userd3ef8196;</t>
  </si>
  <si>
    <t>ORÇADO X REAL 2020 - OPERAÇÕES - KARINA.xlsb</t>
  </si>
  <si>
    <t>/o=exchangelabs/ou=exchange administrative group (fydibohf23spdlt)/cn=recipients/cn=0ca6cc8d100949a7866a928f62ef5778-rosilene de,/o=exchangelabs/ou=exchange administrative group (fydibohf23spdlt)/cn=recipients/cn=a72a765de829420582b78941417073ac-karina rodr,/o=exchangelabs/ou=exchange administrative group (fydibohf23spdlt)/cn=recipients/cn=a75579a499254c2291e852b70c4d70d1-eunice apar,/o=exchangelabs/ou=exchange administrative group (fydibohf23spdlt)/cn=recipients/cn=d1d015f213f648abbf348b5ccdf8e9d9-senilda per,/o=exchangelabs/ou=exchange administrative group (fydibohf23spdlt)/cn=recipients/cn=e39e329fc16a43329eb2766bae675122-mariana gon,/o=exchangelabs/ou=exchange administrative group (fydibohf23spdlt)/cn=recipients/cn=userd3ef8196</t>
  </si>
  <si>
    <t>11/22/2019 15:15:41</t>
  </si>
  <si>
    <t>11/22/2019 15:18:02</t>
  </si>
  <si>
    <t>ENC: Produtividade CRCe até 21/11</t>
  </si>
  <si>
    <t>11/22/2019 15:20:30</t>
  </si>
  <si>
    <t>11/22/2019 15:24:04</t>
  </si>
  <si>
    <t>11/22/2019 15:20:11</t>
  </si>
  <si>
    <t>ENC: Cenário 117MM</t>
  </si>
  <si>
    <t>Resumo Executivo_Escopo B_JAN_12NOV_36 meses.xlsx</t>
  </si>
  <si>
    <t>11/22/2019 15:30:06</t>
  </si>
  <si>
    <t>11/22/2019 15:34:06</t>
  </si>
  <si>
    <t>2019 11 20 - Exercício SImulação Big Deals.xlsx</t>
  </si>
  <si>
    <t>11/22/2019 15:31:09</t>
  </si>
  <si>
    <t>11/22/2019 15:36:05</t>
  </si>
  <si>
    <t>ENC: * Estudo T2 Honda</t>
  </si>
  <si>
    <t>Cópia de Volumetria 2w e 44.xls</t>
  </si>
  <si>
    <t>11/22/2019 15:35:27</t>
  </si>
  <si>
    <t>mobile_logs_1574437649893.csv</t>
  </si>
  <si>
    <t>11/22/2019 15:35:28</t>
  </si>
  <si>
    <t>login_logs_30dias_22112019.xlsx</t>
  </si>
  <si>
    <t>login_logs_1574444920034.csv</t>
  </si>
  <si>
    <t>mobile_logs_30dias_21112019_00 (1).xlsx</t>
  </si>
  <si>
    <t>mobile_logs_30dias_21112019_00.xlsx</t>
  </si>
  <si>
    <t>mobile_logs_1574442883795.csv</t>
  </si>
  <si>
    <t>11/22/2019 15:35:29</t>
  </si>
  <si>
    <t>mobile_logs_1574437649893.xlsx</t>
  </si>
  <si>
    <t>11/22/2019 15:39:13</t>
  </si>
  <si>
    <t>11/22/2019 15:42:07</t>
  </si>
  <si>
    <t>/o=exchangelabs/ou=exchange administrative group (fydibohf23spdlt)/cn=recipients/cn=109f6d628834480fabc1188cbdef64fa-antonia apa;/o=exchangelabs/ou=exchange administrative group (fydibohf23spdlt)/cn=recipients/cn=91f3ef961d644e629e519da4c82beec3-vinicius go;/o=exchangelabs/ou=exchange administrative group (fydibohf23spdlt)/cn=recipients/cn=a2244b2f9e6a4f3689f1c93d321bdc33-debora apar;/o=exchangelabs/ou=exchange administrative group (fydibohf23spdlt)/cn=recipients/cn=matheus vinicius da silva;</t>
  </si>
  <si>
    <t>Motivos Mais Acessados no Bot</t>
  </si>
  <si>
    <t>Relatório AgentBot e Chat Electrolux - Outubro.xlsx</t>
  </si>
  <si>
    <t>/o=exchangelabs/ou=exchange administrative group (fydibohf23spdlt)/cn=recipients/cn=109f6d628834480fabc1188cbdef64fa-antonia apa,/o=exchangelabs/ou=exchange administrative group (fydibohf23spdlt)/cn=recipients/cn=91f3ef961d644e629e519da4c82beec3-vinicius go,/o=exchangelabs/ou=exchange administrative group (fydibohf23spdlt)/cn=recipients/cn=a2244b2f9e6a4f3689f1c93d321bdc33-debora apar,/o=exchangelabs/ou=exchange administrative group (fydibohf23spdlt)/cn=recipients/cn=matheus vinicius da silva</t>
  </si>
  <si>
    <t>11/22/2019 15:43:02</t>
  </si>
  <si>
    <t>11/22/2019 15:48:08</t>
  </si>
  <si>
    <t>ENC: Evidências reporte de férias</t>
  </si>
  <si>
    <t>Inconsistencias Relatório de Avos.xlsx</t>
  </si>
  <si>
    <t>11/22/2019 15:47:34</t>
  </si>
  <si>
    <t>11/22/2019 15:51:08</t>
  </si>
  <si>
    <t>11/22/2019 15:51:10</t>
  </si>
  <si>
    <t>11/22/2019 15:52:08</t>
  </si>
  <si>
    <t>BradesCard_R_Acss_011119_211119.csv</t>
  </si>
  <si>
    <t>11/22/2019 15:56:26</t>
  </si>
  <si>
    <t>11/22/2019 15:58:10</t>
  </si>
  <si>
    <t>\\acsfs\deptos\cei - coordenação de engenharia e infraestrutura\cei – engenharia\04 - projetos em andamento\4.05 - 2018\cc\06 desktop\ortec\04-13\</t>
  </si>
  <si>
    <t>04-13 aditivos algar tech 15.01.2019.xlsx</t>
  </si>
  <si>
    <t>11/22/2019 15:54:17</t>
  </si>
  <si>
    <t>11/22/2019 15:59:11</t>
  </si>
  <si>
    <t>RES Relatório de máquinas x pacote Office - Domínio BRA - URGENTE - URGENTE.msg\s1\</t>
  </si>
  <si>
    <t>Posições Fraude.xlsx</t>
  </si>
  <si>
    <t>11/22/2019 15:55:42</t>
  </si>
  <si>
    <t>11/22/2019 16:00:11</t>
  </si>
  <si>
    <t>/o=exchangelabs/ou=exchange administrative group (fydibohf23spdlt)/cn=recipients/cn=2efe26bca22a43cc89c6ed48ba5e50b4-luciano cor;/o=exchangelabs/ou=exchange administrative group (fydibohf23spdlt)/cn=recipients/cn=a7d54e15e3a94d53b0b5014d75c8d080-wanessa bor;/o=exchangelabs/ou=exchange administrative group (fydibohf23spdlt)/cn=recipients/cn=b194f014572c4c36b52132f9199df1aa-jairo junio;/o=exchangelabs/ou=exchange administrative group (fydibohf23spdlt)/cn=recipients/cn=d5130784dc81436d9511788de4df376c-jeciene gom;</t>
  </si>
  <si>
    <t>RES: Segue BP</t>
  </si>
  <si>
    <t>214269_Bradesco_SD_Cenário_01_24_JR_(C018_B018)_v3 - bp novo.xlsb</t>
  </si>
  <si>
    <t>/o=exchangelabs/ou=exchange administrative group (fydibohf23spdlt)/cn=recipients/cn=2efe26bca22a43cc89c6ed48ba5e50b4-luciano cor,/o=exchangelabs/ou=exchange administrative group (fydibohf23spdlt)/cn=recipients/cn=a7d54e15e3a94d53b0b5014d75c8d080-wanessa bor,/o=exchangelabs/ou=exchange administrative group (fydibohf23spdlt)/cn=recipients/cn=b194f014572c4c36b52132f9199df1aa-jairo junio,/o=exchangelabs/ou=exchange administrative group (fydibohf23spdlt)/cn=recipients/cn=d5130784dc81436d9511788de4df376c-jeciene gom</t>
  </si>
  <si>
    <t>11/22/2019 15:58:35</t>
  </si>
  <si>
    <t>11/22/2019 16:01:11</t>
  </si>
  <si>
    <t>apresentação ajustada</t>
  </si>
  <si>
    <t>112019_Apresentação de resultados URR_ALGAR_V6_PB (006).pptx\</t>
  </si>
  <si>
    <t>11/22/2019 16:00:04</t>
  </si>
  <si>
    <t>11/22/2019 16:04:11</t>
  </si>
  <si>
    <t>11/22/2019 16:01:51</t>
  </si>
  <si>
    <t>11/22/2019 16:07:12</t>
  </si>
  <si>
    <t>RES: Base Pesquisa</t>
  </si>
  <si>
    <t>20191112 PESQUISA SATISFAÇÃO GERAL C16 ENV PEDIDOS.xls</t>
  </si>
  <si>
    <t>11/22/2019 16:05:19</t>
  </si>
  <si>
    <t>ENC: Base de conhecimento Electrolux</t>
  </si>
  <si>
    <t>11/22/2019 16:05:30</t>
  </si>
  <si>
    <t>11/22/2019 16:09:13</t>
  </si>
  <si>
    <t>/o=exchangelabs/ou=exchange administrative group (fydibohf23spdlt)/cn=recipients/cn=a4ba92cba10f4fe498074594f937f3b6-leandro lop;/o=exchangelabs/ou=exchange administrative group (fydibohf23spdlt)/cn=recipients/cn=f45617401bdf436baf70c45766699413-frederico b;</t>
  </si>
  <si>
    <t>/o=exchangelabs/ou=exchange administrative group (fydibohf23spdlt)/cn=recipients/cn=a4ba92cba10f4fe498074594f937f3b6-leandro lop,/o=exchangelabs/ou=exchange administrative group (fydibohf23spdlt)/cn=recipients/cn=f45617401bdf436baf70c45766699413-frederico b</t>
  </si>
  <si>
    <t>11/22/2019 16:04:26</t>
  </si>
  <si>
    <t>RES: Relatório de Pagamento Rejeitado 18/11/2019</t>
  </si>
  <si>
    <t>Controle de pagamentos Rejeitados 2011 - Algar.xlsx</t>
  </si>
  <si>
    <t>11/22/2019 16:09:05</t>
  </si>
  <si>
    <t>11/22/2019 16:11:13</t>
  </si>
  <si>
    <t>BP Brasif + HH Atualizada</t>
  </si>
  <si>
    <t>11/22/2019 16:16:24</t>
  </si>
  <si>
    <t>11/22/2019 16:17:01</t>
  </si>
  <si>
    <t>02/12/2019;</t>
  </si>
  <si>
    <t>CDI_MANUAL WANESSA ROSA SANTOS DA SILVA.xlsx</t>
  </si>
  <si>
    <t>https://02/12/2019</t>
  </si>
  <si>
    <t>11/22/2019 16:15:35</t>
  </si>
  <si>
    <t>09-DIMENS_EH SAC_PJOTINHA_SET- Ressimulação.xlsm</t>
  </si>
  <si>
    <t>11/22/2019 16:14:10</t>
  </si>
  <si>
    <t>11/22/2019 16:19:55</t>
  </si>
  <si>
    <t>/o=exchangelabs/ou=exchange administrative group (fydibohf23spdlt)/cn=recipients/cn=726858f262f449b3961fa2ea8f183ca5-lazaro anto;/o=exchangelabs/ou=exchange administrative group (fydibohf23spdlt)/cn=recipients/cn=de9f854a14d9435dad27cd6ba8926e87-cinthia mot;</t>
  </si>
  <si>
    <t>Erro planilha - Chamado 835700</t>
  </si>
  <si>
    <t>/o=exchangelabs/ou=exchange administrative group (fydibohf23spdlt)/cn=recipients/cn=726858f262f449b3961fa2ea8f183ca5-lazaro anto,/o=exchangelabs/ou=exchange administrative group (fydibohf23spdlt)/cn=recipients/cn=de9f854a14d9435dad27cd6ba8926e87-cinthia mot</t>
  </si>
  <si>
    <t>11/22/2019 16:16:15</t>
  </si>
  <si>
    <t>11/22/2019 16:20:53</t>
  </si>
  <si>
    <t>recurso.csv</t>
  </si>
  <si>
    <t>11/22/2019 16:16:17</t>
  </si>
  <si>
    <t>mail.google.com/_/upload?authuser=0&amp;dcp=asu-n&amp;upload_id=AEnB2Uo3aipL8dy4k61ebbyypMQAxg3a80x1dYb7goFhXKcCc52KqbY9LNXfOfSCUX2WAzNshZX-hmlj_x9lI5-KzfO5GGWuPw&amp;upload_protocol=resumable</t>
  </si>
  <si>
    <t>11/22/2019 16:17:06</t>
  </si>
  <si>
    <t>11/22/2019 16:21:52</t>
  </si>
  <si>
    <t>09-DIMENS_EH SAC_PJOTINHA_SET RFP - SAC+RETENÇÃO 90-30.xlsm</t>
  </si>
  <si>
    <t>11/22/2019 16:18:12</t>
  </si>
  <si>
    <t>09-DIMENS_EH SAC_PJOTINHA_SET RFP - RETENÇÃO.xlsm</t>
  </si>
  <si>
    <t>11/22/2019 16:21:55</t>
  </si>
  <si>
    <t>11/22/2019 16:24:49</t>
  </si>
  <si>
    <t>Template_Registro_FTE_Realizado_Novembro_v2.xlsb</t>
  </si>
  <si>
    <t>11/22/2019 16:22:25</t>
  </si>
  <si>
    <t>11/22/2019 16:23:27</t>
  </si>
  <si>
    <t>11/22/2019 16:25:49</t>
  </si>
  <si>
    <t>11/22/2019 16:27:59</t>
  </si>
  <si>
    <t>11/22/2019 16:28:46</t>
  </si>
  <si>
    <t>/o=exchangelabs/ou=exchange administrative group (fydibohf23spdlt)/cn=recipients/cn=56c2af2d07fd48c0aebfc00ddc006494-alessio rod;/o=exchangelabs/ou=exchange administrative group (fydibohf23spdlt)/cn=recipients/cn=c29ec9dae022497281c840087cccddec-patricia ar;/o=exchangelabs/ou=exchange administrative group (fydibohf23spdlt)/cn=recipients/cn=f00c439d0d474c0586a503a0209ed1f2-bruno wande;</t>
  </si>
  <si>
    <t>RES: Assessment UP Brasil</t>
  </si>
  <si>
    <t>ENC CURVAS_VOL_AHT.xlsx.msg\s1\</t>
  </si>
  <si>
    <t>CURVAS_VOL_AHT.xlsx</t>
  </si>
  <si>
    <t>/o=exchangelabs/ou=exchange administrative group (fydibohf23spdlt)/cn=recipients/cn=56c2af2d07fd48c0aebfc00ddc006494-alessio rod,/o=exchangelabs/ou=exchange administrative group (fydibohf23spdlt)/cn=recipients/cn=c29ec9dae022497281c840087cccddec-patricia ar,/o=exchangelabs/ou=exchange administrative group (fydibohf23spdlt)/cn=recipients/cn=f00c439d0d474c0586a503a0209ed1f2-bruno wande</t>
  </si>
  <si>
    <t>11/22/2019 16:30:06</t>
  </si>
  <si>
    <t>11/22/2019 16:31:46</t>
  </si>
  <si>
    <t>11/22/2019 16:29:24</t>
  </si>
  <si>
    <t>11/22/2019 16:34:45</t>
  </si>
  <si>
    <t>/o=exchangelabs/ou=exchange administrative group (fydibohf23spdlt)/cn=recipients/cn=2efe26bca22a43cc89c6ed48ba5e50b4-luciano cor;/o=exchangelabs/ou=exchange administrative group (fydibohf23spdlt)/cn=recipients/cn=a7d54e15e3a94d53b0b5014d75c8d080-wanessa bor;/o=exchangelabs/ou=exchange administrative group (fydibohf23spdlt)/cn=recipients/cn=b194f014572c4c36b52132f9199df1aa-jairo junio;/o=exchangelabs/ou=exchange administrative group (fydibohf23spdlt)/cn=recipients/cn=d5130784dc81436d9511788de4df376c-jeciene gom;/o=exchangelabs/ou=exchange administrative group (fydibohf23spdlt)/cn=recipients/cn=e5dfe65308934e02acfffcb2185133f4-daniel bier;</t>
  </si>
  <si>
    <t>/o=exchangelabs/ou=exchange administrative group (fydibohf23spdlt)/cn=recipients/cn=2efe26bca22a43cc89c6ed48ba5e50b4-luciano cor,/o=exchangelabs/ou=exchange administrative group (fydibohf23spdlt)/cn=recipients/cn=a7d54e15e3a94d53b0b5014d75c8d080-wanessa bor,/o=exchangelabs/ou=exchange administrative group (fydibohf23spdlt)/cn=recipients/cn=b194f014572c4c36b52132f9199df1aa-jairo junio,/o=exchangelabs/ou=exchange administrative group (fydibohf23spdlt)/cn=recipients/cn=d5130784dc81436d9511788de4df376c-jeciene gom,/o=exchangelabs/ou=exchange administrative group (fydibohf23spdlt)/cn=recipients/cn=e5dfe65308934e02acfffcb2185133f4-daniel bier</t>
  </si>
  <si>
    <t>11/22/2019 16:33:41</t>
  </si>
  <si>
    <t>11/22/2019 16:35:45</t>
  </si>
  <si>
    <t>11/22/2019 16:34:51</t>
  </si>
  <si>
    <t>11/22/2019 16:39:43</t>
  </si>
  <si>
    <t>/o=exchangelabs/ou=exchange administrative group (fydibohf23spdlt)/cn=recipients/cn=1635ed1077024674b65c52767dacde9a-jullian pac;/o=exchangelabs/ou=exchange administrative group (fydibohf23spdlt)/cn=recipients/cn=c29ec9dae022497281c840087cccddec-patricia ar;/o=exchangelabs/ou=exchange administrative group (fydibohf23spdlt)/cn=recipients/cn=f00c439d0d474c0586a503a0209ed1f2-bruno wande;/o=exchangelabs/ou=exchange administrative group (fydibohf23spdlt)/cn=recipients/cn=usere11ed38c;</t>
  </si>
  <si>
    <t>ENC: Assessment UP Brasil</t>
  </si>
  <si>
    <t>/o=exchangelabs/ou=exchange administrative group (fydibohf23spdlt)/cn=recipients/cn=1635ed1077024674b65c52767dacde9a-jullian pac,/o=exchangelabs/ou=exchange administrative group (fydibohf23spdlt)/cn=recipients/cn=c29ec9dae022497281c840087cccddec-patricia ar,/o=exchangelabs/ou=exchange administrative group (fydibohf23spdlt)/cn=recipients/cn=f00c439d0d474c0586a503a0209ed1f2-bruno wande,/o=exchangelabs/ou=exchange administrative group (fydibohf23spdlt)/cn=recipients/cn=usere11ed38c</t>
  </si>
  <si>
    <t>11/22/2019 16:44:20</t>
  </si>
  <si>
    <t>11/22/2019 16:46:44</t>
  </si>
  <si>
    <t>09-DIMENS_EH SAC_PJOTINHA_SET- Reprojeção 10-09 - Imp 24,8% IDEAL - Até 19-09.xlsm</t>
  </si>
  <si>
    <t>11/22/2019 16:51:52</t>
  </si>
  <si>
    <t>11/22/2019 16:52:43</t>
  </si>
  <si>
    <t>Arquivos ITSM</t>
  </si>
  <si>
    <t>Service Now v4.xlsx</t>
  </si>
  <si>
    <t>11/22/2019 16:52:12</t>
  </si>
  <si>
    <t>11/22/2019 16:54:43</t>
  </si>
  <si>
    <t>/o=exchangelabs/ou=exchange administrative group (fydibohf23spdlt)/cn=recipients/cn=00199f381bc24874abdb7fc23e694b38-daniel edua;/o=exchangelabs/ou=exchange administrative group (fydibohf23spdlt)/cn=recipients/cn=26c4a9466ffd49b9b767efcaab0786f5-jaqueline d;/o=exchangelabs/ou=exchange administrative group (fydibohf23spdlt)/cn=recipients/cn=8d66bf0fd9334a81b7c67eda8652a948-guilherme c;</t>
  </si>
  <si>
    <t>ENC: Duda Sicoob - Melhorias de entendimento</t>
  </si>
  <si>
    <t>Cópia de Sicoob Curadoria.xlsx</t>
  </si>
  <si>
    <t>/o=exchangelabs/ou=exchange administrative group (fydibohf23spdlt)/cn=recipients/cn=00199f381bc24874abdb7fc23e694b38-daniel edua,/o=exchangelabs/ou=exchange administrative group (fydibohf23spdlt)/cn=recipients/cn=26c4a9466ffd49b9b767efcaab0786f5-jaqueline d,/o=exchangelabs/ou=exchange administrative group (fydibohf23spdlt)/cn=recipients/cn=8d66bf0fd9334a81b7c67eda8652a948-guilherme c</t>
  </si>
  <si>
    <t>11/22/2019 16:52:29</t>
  </si>
  <si>
    <t>11/22/2019 16:56:42</t>
  </si>
  <si>
    <t>C:\Users\ricardoft\OneDrive - Grupo Algar\Documentos\Projetos\2019\Banco Original\</t>
  </si>
  <si>
    <t>tabela_baseline.xlsx</t>
  </si>
  <si>
    <t>11/22/2019 17:00:33</t>
  </si>
  <si>
    <t>11/22/2019 17:04:42</t>
  </si>
  <si>
    <t>10.200.57.133</t>
  </si>
  <si>
    <t>48-5A-B6-89-95-F4</t>
  </si>
  <si>
    <t>NB-HELIORG</t>
  </si>
  <si>
    <t>heliorg</t>
  </si>
  <si>
    <t>C:\Users\heliorg\OneDrive - Grupo Algar\Squad\URAs\6 - Whirlpool\URA To be\Antigos\</t>
  </si>
  <si>
    <t>Base Auxiliar de VQ's - URA Whirlpool 14.11.19 - Cópia.xlsx</t>
  </si>
  <si>
    <t>11/22/2019 17:02:37</t>
  </si>
  <si>
    <t>/o=exchangelabs/ou=exchange administrative group (fydibohf23spdlt)/cn=recipients/cn=545f738e0fe740ba856f4eb6ef0135e0-vinicius si;/o=exchangelabs/ou=exchange administrative group (fydibohf23spdlt)/cn=recipients/cn=98e18f75c1d448d18c2b385d101db11f-luiz alfred;/o=exchangelabs/ou=exchange administrative group (fydibohf23spdlt)/cn=recipients/cn=a72a765de829420582b78941417073ac-karina rodr;/o=exchangelabs/ou=exchange administrative group (fydibohf23spdlt)/cn=recipients/cn=userd3ef8196;</t>
  </si>
  <si>
    <t>Operações D2C - Janeiro/2020</t>
  </si>
  <si>
    <t>/o=exchangelabs/ou=exchange administrative group (fydibohf23spdlt)/cn=recipients/cn=545f738e0fe740ba856f4eb6ef0135e0-vinicius si,/o=exchangelabs/ou=exchange administrative group (fydibohf23spdlt)/cn=recipients/cn=98e18f75c1d448d18c2b385d101db11f-luiz alfred,/o=exchangelabs/ou=exchange administrative group (fydibohf23spdlt)/cn=recipients/cn=a72a765de829420582b78941417073ac-karina rodr,/o=exchangelabs/ou=exchange administrative group (fydibohf23spdlt)/cn=recipients/cn=userd3ef8196</t>
  </si>
  <si>
    <t>11/22/2019 17:03:55</t>
  </si>
  <si>
    <t>\\acsfs\ACS\Suporte à Operações\09 - Provisões\2019\11 - Novembro\ROBERTA\</t>
  </si>
  <si>
    <t>Receitamento Novembro Bradesco.xlsm</t>
  </si>
  <si>
    <t>11/22/2019 17:04:19</t>
  </si>
  <si>
    <t>11/22/2019 17:04:28</t>
  </si>
  <si>
    <t>11/22/2019 17:04:36</t>
  </si>
  <si>
    <t>11/22/2019 17:05:42</t>
  </si>
  <si>
    <t>11/22/2019 17:05:05</t>
  </si>
  <si>
    <t>11/22/2019 17:09:43</t>
  </si>
  <si>
    <t>ENC: Consolidado 22/11</t>
  </si>
  <si>
    <t>11/22/2019 17:06:20</t>
  </si>
  <si>
    <t>11/22/2019 17:10:43</t>
  </si>
  <si>
    <t>\\acsfs\DEPTOS\PMO Governança\06 - GOVERNANÇA DO CAPEX\CAPEX LONGO PRAZO\CAPEX LP - REVISÃO_A19_M10\VALIDAÇÃO CAPEX LP 20 a 24 - alteração Nimbus_22_11.pptx\</t>
  </si>
  <si>
    <t>11/22/2019 17:05:08</t>
  </si>
  <si>
    <t>11/22/2019 17:12:42</t>
  </si>
  <si>
    <t>/o=exchangelabs/ou=exchange administrative group (fydibohf23spdlt)/cn=recipients/cn=43a054bacf514a8a9cdcb240b072cd47-cecilia mul;/o=exchangelabs/ou=exchange administrative group (fydibohf23spdlt)/cn=recipients/cn=4ee575483b844a988f6cff145e9558a8-adriana ass;/o=exchangelabs/ou=exchange administrative group (fydibohf23spdlt)/cn=recipients/cn=546d63420d554c4d858776a48a93ef0f-gustavo de;</t>
  </si>
  <si>
    <t>ENC: Goodyear Licitação: Classificação de Ativos</t>
  </si>
  <si>
    <t>Classificaca_de__Ativos_Goodyear_Licitacao_v1_classificada.xlsx</t>
  </si>
  <si>
    <t>/o=exchangelabs/ou=exchange administrative group (fydibohf23spdlt)/cn=recipients/cn=43a054bacf514a8a9cdcb240b072cd47-cecilia mul,/o=exchangelabs/ou=exchange administrative group (fydibohf23spdlt)/cn=recipients/cn=4ee575483b844a988f6cff145e9558a8-adriana ass,/o=exchangelabs/ou=exchange administrative group (fydibohf23spdlt)/cn=recipients/cn=546d63420d554c4d858776a48a93ef0f-gustavo de</t>
  </si>
  <si>
    <t>11/22/2019 17:07:11</t>
  </si>
  <si>
    <t>/o=exchangelabs/ou=exchange administrative group (fydibohf23spdlt)/cn=recipients/cn=825e22489f504b16aae369306c36d2e0-olivar anto;/o=exchangelabs/ou=exchange administrative group (fydibohf23spdlt)/cn=recipients/cn=8c253c95243a40aa99c9416b7eb70a2a-julio cesar;danieldom@algartech.com;</t>
  </si>
  <si>
    <t>ENC: Aplicação da CCT Sindados-MG para PLR</t>
  </si>
  <si>
    <t>Atingimentos EBIT_1ºsem2019.xlsx</t>
  </si>
  <si>
    <t>/o=exchangelabs/ou=exchange administrative group (fydibohf23spdlt)/cn=recipients/cn=825e22489f504b16aae369306c36d2e0-olivar anto,/o=exchangelabs/ou=exchange administrative group (fydibohf23spdlt)/cn=recipients/cn=8c253c95243a40aa99c9416b7eb70a2a-julio cesar,danieldom@algartech.com</t>
  </si>
  <si>
    <t>11/22/2019 17:04:46</t>
  </si>
  <si>
    <t>11/22/2019 17:05:53</t>
  </si>
  <si>
    <t>11/22/2019 17:04:59</t>
  </si>
  <si>
    <t>11/22/2019 17:13:43</t>
  </si>
  <si>
    <t>11/22/2019 17:05:13</t>
  </si>
  <si>
    <t>11/22/2019 17:14:43</t>
  </si>
  <si>
    <t>11/22/2019 17:10:56</t>
  </si>
  <si>
    <t>/o=exchangelabs/ou=exchange administrative group (fydibohf23spdlt)/cn=recipients/cn=249f643ba1e044588b45a020c76dadde-daniel de o;/o=exchangelabs/ou=exchange administrative group (fydibohf23spdlt)/cn=recipients/cn=2f0504a78d5b4043b1a19dfb73572376-tatiane eli;/o=exchangelabs/ou=exchange administrative group (fydibohf23spdlt)/cn=recipients/cn=651324bc204a42f6bbcdf62273ebdc5c-aluisio ant;camila.tirso@bradesco.com.br;</t>
  </si>
  <si>
    <t>Arquivos Consultoria</t>
  </si>
  <si>
    <t>/o=exchangelabs/ou=exchange administrative group (fydibohf23spdlt)/cn=recipients/cn=249f643ba1e044588b45a020c76dadde-daniel de o,/o=exchangelabs/ou=exchange administrative group (fydibohf23spdlt)/cn=recipients/cn=2f0504a78d5b4043b1a19dfb73572376-tatiane eli,/o=exchangelabs/ou=exchange administrative group (fydibohf23spdlt)/cn=recipients/cn=651324bc204a42f6bbcdf62273ebdc5c-aluisio ant,camila.tirso@bradesco.com.br</t>
  </si>
  <si>
    <t>11/22/2019 17:05:25</t>
  </si>
  <si>
    <t>11/22/2019 17:15:42</t>
  </si>
  <si>
    <t>11/22/2019 17:09:03</t>
  </si>
  <si>
    <t>/o=exchangelabs/ou=exchange administrative group (fydibohf23spdlt)/cn=recipients/cn=3d8a3ace44d54499a30000d5bd9dcba8-mirian tosh;/o=exchangelabs/ou=exchange administrative group (fydibohf23spdlt)/cn=recipients/cn=9e72be441e9e4b08a759859a5b3a336a-daniela de;/o=exchangelabs/ou=exchange administrative group (fydibohf23spdlt)/cn=recipients/cn=e894bfa401c848dc9e25ced4ad1f3dd7-luciana fer;erica@quilleconsultoria.com.br;</t>
  </si>
  <si>
    <t>RES: Projeto Customer Success - CRs vinculados aos Contratos</t>
  </si>
  <si>
    <t>/o=exchangelabs/ou=exchange administrative group (fydibohf23spdlt)/cn=recipients/cn=3d8a3ace44d54499a30000d5bd9dcba8-mirian tosh,/o=exchangelabs/ou=exchange administrative group (fydibohf23spdlt)/cn=recipients/cn=9e72be441e9e4b08a759859a5b3a336a-daniela de,/o=exchangelabs/ou=exchange administrative group (fydibohf23spdlt)/cn=recipients/cn=e894bfa401c848dc9e25ced4ad1f3dd7-luciana fer,erica@quilleconsultoria.com.br</t>
  </si>
  <si>
    <t>11/22/2019 17:05:35</t>
  </si>
  <si>
    <t>11/22/2019 17:10:16</t>
  </si>
  <si>
    <t>Whirlpool_FDD_Roteamento_Voz - 21.11.2019 - Cópia.xlsx</t>
  </si>
  <si>
    <t>11/22/2019 17:11:10</t>
  </si>
  <si>
    <t>Associado sem bater Ponto.xlsx</t>
  </si>
  <si>
    <t>11/22/2019 17:05:47</t>
  </si>
  <si>
    <t>11/22/2019 17:06:01</t>
  </si>
  <si>
    <t>11/22/2019 17:16:43</t>
  </si>
  <si>
    <t>11/22/2019 17:06:13</t>
  </si>
  <si>
    <t>11/22/2019 17:06:24</t>
  </si>
  <si>
    <t>11/22/2019 17:06:35</t>
  </si>
  <si>
    <t>11/22/2019 17:06:51</t>
  </si>
  <si>
    <t>11/22/2019 17:07:04</t>
  </si>
  <si>
    <t>11/22/2019 17:07:16</t>
  </si>
  <si>
    <t>11/22/2019 17:07:26</t>
  </si>
  <si>
    <t>11/22/2019 17:07:44</t>
  </si>
  <si>
    <t>11/22/2019 17:07:54</t>
  </si>
  <si>
    <t>11/22/2019 17:08:10</t>
  </si>
  <si>
    <t>11/22/2019 17:08:25</t>
  </si>
  <si>
    <t>11/22/2019 17:08:34</t>
  </si>
  <si>
    <t>11/22/2019 17:08:50</t>
  </si>
  <si>
    <t>11/22/2019 17:09:01</t>
  </si>
  <si>
    <t>11/22/2019 17:09:29</t>
  </si>
  <si>
    <t>11/22/2019 17:18:43</t>
  </si>
  <si>
    <t>11/22/2019 17:19:42</t>
  </si>
  <si>
    <t>11/22/2019 17:20:43</t>
  </si>
  <si>
    <t>11/22/2019 17:21:43</t>
  </si>
  <si>
    <t>11/22/2019 17:09:41</t>
  </si>
  <si>
    <t>11/22/2019 17:09:52</t>
  </si>
  <si>
    <t>11/22/2019 17:10:05</t>
  </si>
  <si>
    <t>11/22/2019 17:10:28</t>
  </si>
  <si>
    <t>11/22/2019 17:10:42</t>
  </si>
  <si>
    <t>11/22/2019 17:11:04</t>
  </si>
  <si>
    <t>11/22/2019 17:11:15</t>
  </si>
  <si>
    <t>11/22/2019 17:11:25</t>
  </si>
  <si>
    <t>11/22/2019 17:12:04</t>
  </si>
  <si>
    <t>11/22/2019 17:22:41</t>
  </si>
  <si>
    <t>11/22/2019 17:24:43</t>
  </si>
  <si>
    <t>renataalves@algartech.com;</t>
  </si>
  <si>
    <t>RES: Informações Pre-Closing</t>
  </si>
  <si>
    <t>renataalves@algartech.com</t>
  </si>
  <si>
    <t>11/22/2019 17:23:57</t>
  </si>
  <si>
    <t>11/22/2019 17:25:42</t>
  </si>
  <si>
    <t>/o=exchangelabs/ou=exchange administrative group (fydibohf23spdlt)/cn=recipients/cn=c1386be8d0e84480a18aa5e6ad7ebb45-pedro soare;</t>
  </si>
  <si>
    <t>[ Whirlpool] - Status Report - Acompanhamento Atraso MP</t>
  </si>
  <si>
    <t>/o=exchangelabs/ou=exchange administrative group (fydibohf23spdlt)/cn=recipients/cn=c1386be8d0e84480a18aa5e6ad7ebb45-pedro soare</t>
  </si>
  <si>
    <t>11/22/2019 17:29:40</t>
  </si>
  <si>
    <t>11/22/2019 17:32:42</t>
  </si>
  <si>
    <t>/o=exchangelabs/ou=exchange administrative group (fydibohf23spdlt)/cn=recipients/cn=01258235ab064fe382971a269caa9ae4-camila alve;/o=exchangelabs/ou=exchange administrative group (fydibohf23spdlt)/cn=recipients/cn=38a577afc82741f3a6931f08d972dadd-ana paula l;/o=exchangelabs/ou=exchange administrative group (fydibohf23spdlt)/cn=recipients/cn=5edd3119d5be484e8f7d76c7e692f780-vanessa flo;/o=exchangelabs/ou=exchange administrative group (fydibohf23spdlt)/cn=recipients/cn=afe703aaac894a95a93f05caa34fb443-trueisciele;/o=exchangelabs/ou=exchange administrative group (fydibohf23spdlt)/cn=recipients/cn=b3344521e5c94673b0c42b683cb2479c-leticia nun;/o=exchangelabs/ou=exchange administrative group (fydibohf23spdlt)/cn=recipients/cn=d450eb92a9be40a4b42269f112fd456d-larissa apa;/o=exchangelabs/ou=exchange administrative group (fydibohf23spdlt)/cn=recipients/cn=edae426e1b6b463380016e9cc0970bd9-jessica sil;</t>
  </si>
  <si>
    <t>Distribuição de Meta 4ª Semana</t>
  </si>
  <si>
    <t>4ª Semana - Novembro.xlsx</t>
  </si>
  <si>
    <t>/o=exchangelabs/ou=exchange administrative group (fydibohf23spdlt)/cn=recipients/cn=01258235ab064fe382971a269caa9ae4-camila alve,/o=exchangelabs/ou=exchange administrative group (fydibohf23spdlt)/cn=recipients/cn=38a577afc82741f3a6931f08d972dadd-ana paula l,/o=exchangelabs/ou=exchange administrative group (fydibohf23spdlt)/cn=recipients/cn=5edd3119d5be484e8f7d76c7e692f780-vanessa flo,/o=exchangelabs/ou=exchange administrative group (fydibohf23spdlt)/cn=recipients/cn=afe703aaac894a95a93f05caa34fb443-trueisciele,/o=exchangelabs/ou=exchange administrative group (fydibohf23spdlt)/cn=recipients/cn=b3344521e5c94673b0c42b683cb2479c-leticia nun,/o=exchangelabs/ou=exchange administrative group (fydibohf23spdlt)/cn=recipients/cn=d450eb92a9be40a4b42269f112fd456d-larissa apa,/o=exchangelabs/ou=exchange administrative group (fydibohf23spdlt)/cn=recipients/cn=edae426e1b6b463380016e9cc0970bd9-jessica sil</t>
  </si>
  <si>
    <t>11/22/2019 17:34:41</t>
  </si>
  <si>
    <t>11/22/2019 17:35:43</t>
  </si>
  <si>
    <t>/o=exchangelabs/ou=exchange administrative group (fydibohf23spdlt)/cn=recipients/cn=a541140f84c0497d919eaa7797d6c613-vinicius mo;/o=exchangelabs/ou=exchange administrative group (fydibohf23spdlt)/cn=recipients/cn=b1a72fc2d0234efca84c7771ea70c7ee-roberta cri;/o=exchangelabs/ou=exchange administrative group (fydibohf23spdlt)/cn=recipients/cn=f50351055a2944cebcbdc18a918945d6-gustavo res;</t>
  </si>
  <si>
    <t>ENC: Lista de Contratos GFC</t>
  </si>
  <si>
    <t>Controle Contratos GFC. - Alteração CPRB.xlsx</t>
  </si>
  <si>
    <t>/o=exchangelabs/ou=exchange administrative group (fydibohf23spdlt)/cn=recipients/cn=a541140f84c0497d919eaa7797d6c613-vinicius mo,/o=exchangelabs/ou=exchange administrative group (fydibohf23spdlt)/cn=recipients/cn=b1a72fc2d0234efca84c7771ea70c7ee-roberta cri,/o=exchangelabs/ou=exchange administrative group (fydibohf23spdlt)/cn=recipients/cn=f50351055a2944cebcbdc18a918945d6-gustavo res</t>
  </si>
  <si>
    <t>11/22/2019 17:37:01</t>
  </si>
  <si>
    <t>11/22/2019 17:39:42</t>
  </si>
  <si>
    <t>fredericofranco@kpmg.com.br;</t>
  </si>
  <si>
    <t>RES: Planilhas Precificação</t>
  </si>
  <si>
    <t>217469-IBM_Michelin_Atual_2020_(C018_B0181.xlsb</t>
  </si>
  <si>
    <t>fredericofranco@kpmg.com.br</t>
  </si>
  <si>
    <t>11/22/2019 17:40:57</t>
  </si>
  <si>
    <t>11/22/2019 17:41:42</t>
  </si>
  <si>
    <t>/o=exchangelabs/ou=exchange administrative group (fydibohf23spdlt)/cn=recipients/cn=76d765d676864fe79b29c865fa21a2c7-leticia rez;/o=exchangelabs/ou=exchange administrative group (fydibohf23spdlt)/cn=recipients/cn=f2208b22da5b4bf3a5f4a7b9dfa2fd06-danilo marq;</t>
  </si>
  <si>
    <t>RES: BP's Cielo/BV e Electrolux</t>
  </si>
  <si>
    <t>BP17 UDI BV CRCC_DAC ALGAR - ISOLADO_v3.xlsb</t>
  </si>
  <si>
    <t>/o=exchangelabs/ou=exchange administrative group (fydibohf23spdlt)/cn=recipients/cn=76d765d676864fe79b29c865fa21a2c7-leticia rez,/o=exchangelabs/ou=exchange administrative group (fydibohf23spdlt)/cn=recipients/cn=f2208b22da5b4bf3a5f4a7b9dfa2fd06-danilo marq</t>
  </si>
  <si>
    <t>11/22/2019 17:45:48</t>
  </si>
  <si>
    <t>11/22/2019 17:46:42</t>
  </si>
  <si>
    <t>C:\Users\elainemdlp\OD\_Projetos\Em andamento\Expansao Caixa\04 - Controle\FTE\</t>
  </si>
  <si>
    <t>11/22/2019 17:47:23</t>
  </si>
  <si>
    <t>11/22/2019 17:48:42</t>
  </si>
  <si>
    <t>ENC: Operações EH - Janeiro/2020 ---VALIDAÇÃO GH URGENTE ---PRECISAMOS FECHAR SEGUNDA-FEIRA</t>
  </si>
  <si>
    <t>11/22/2019 17:47:06</t>
  </si>
  <si>
    <t>11/22/2019 17:51:42</t>
  </si>
  <si>
    <t>11/22/2019 17:50:33</t>
  </si>
  <si>
    <t>11/22/2019 17:52:42</t>
  </si>
  <si>
    <t>RES: Distribuição de Meta 4ª Semana</t>
  </si>
  <si>
    <t>11/22/2019 17:55:33</t>
  </si>
  <si>
    <t>11/22/2019 17:58:42</t>
  </si>
  <si>
    <t>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90878932db2a45bb924c0e3aac6d5da2-jonatas lem;/o=exchangelabs/ou=exchange administrative group (fydibohf23spdlt)/cn=recipients/cn=e1b9b4a084be4d20a77219c47bd5f54a-lucas arrud;celso.goncalves@bradesco.com.br;daniela.bittencourt@bradesco.com.br;edirlei.silva@bradesco.com.br;elisangela.marques@bradesco.com.br;leandrolds@algartech.com;patricia.brito@bradesco.com.br;rafaelabsz@algartech.com.br;webersonads@algartech.com;wesleymb@algartech.com.br;yuri.andreoli@bradesco.com.br;</t>
  </si>
  <si>
    <t>[Atualização]: Ponto de Controle - Projeto URR</t>
  </si>
  <si>
    <t>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90878932db2a45bb924c0e3aac6d5da2-jonatas lem,/o=exchangelabs/ou=exchange administrative group (fydibohf23spdlt)/cn=recipients/cn=e1b9b4a084be4d20a77219c47bd5f54a-lucas arrud,celso.goncalves@bradesco.com.br,daniela.bittencourt@bradesco.com.br,edirlei.silva@bradesco.com.br,elisangela.marques@bradesco.com.br,leandrolds@algartech.com,patricia.brito@bradesco.com.br,rafaelabsz@algartech.com.br,webersonads@algartech.com,wesleymb@algartech.com.br,yuri.andreoli@bradesco.com.br</t>
  </si>
  <si>
    <t>11/22/2019 17:56:39</t>
  </si>
  <si>
    <t>/o=exchangelabs/ou=exchange administrative group (fydibohf23spdlt)/cn=recipients/cn=545f738e0fe740ba856f4eb6ef0135e0-vinicius si;/o=exchangelabs/ou=exchange administrative group (fydibohf23spdlt)/cn=recipients/cn=6857e7b89b5f46e3b6aed2352ac8d5ac-carlos albe;/o=exchangelabs/ou=exchange administrative group (fydibohf23spdlt)/cn=recipients/cn=8ab5e44d485043d59eb4f21463e63e6a-tays dos sa;/o=exchangelabs/ou=exchange administrative group (fydibohf23spdlt)/cn=recipients/cn=be0b59caa4dc43e39afaa089f44ef778-leonardo al;</t>
  </si>
  <si>
    <t>ENC: Sugestão de Volume Única - Janeiro-20</t>
  </si>
  <si>
    <t>01 - VALIDAÇÃO FORECAST - ALGAR - JAN- 2020.xlsx</t>
  </si>
  <si>
    <t>/o=exchangelabs/ou=exchange administrative group (fydibohf23spdlt)/cn=recipients/cn=545f738e0fe740ba856f4eb6ef0135e0-vinicius si,/o=exchangelabs/ou=exchange administrative group (fydibohf23spdlt)/cn=recipients/cn=6857e7b89b5f46e3b6aed2352ac8d5ac-carlos albe,/o=exchangelabs/ou=exchange administrative group (fydibohf23spdlt)/cn=recipients/cn=8ab5e44d485043d59eb4f21463e63e6a-tays dos sa,/o=exchangelabs/ou=exchange administrative group (fydibohf23spdlt)/cn=recipients/cn=be0b59caa4dc43e39afaa089f44ef778-leonardo al</t>
  </si>
  <si>
    <t>11/22/2019 18:08:44</t>
  </si>
  <si>
    <t>11/22/2019 18:12:43</t>
  </si>
  <si>
    <t>11/22/2019 18:15:56</t>
  </si>
  <si>
    <t>11/22/2019 18:18:43</t>
  </si>
  <si>
    <t>IFRS16_2020.xlsx</t>
  </si>
  <si>
    <t>11/22/2019 18:26:54</t>
  </si>
  <si>
    <t>11/22/2019 18:29:42</t>
  </si>
  <si>
    <t>Vale - BP NOC</t>
  </si>
  <si>
    <t>Vale_Plan Precificacao C017 B017 21_11_2019 NOC r9.xlsb</t>
  </si>
  <si>
    <t>11/22/2019 18:53:43</t>
  </si>
  <si>
    <t>11/22/2019 18:56:42</t>
  </si>
  <si>
    <t>C:\Users\renataalves\Desktop\Tech Day _ Apresentaçãov12.pptx\</t>
  </si>
  <si>
    <t>containsunsubscribedchildren,copyable,displa,display,displayname,domain,emailaddress,explicitlytrashed,file(kind,fileid,filesize,folderc,hasth,hasthumbnail,hasvisitorpermissions,id,id),items(deleted,items(kind,ken,kind,lastmodifyingus,lastmodifyinguser(kind,lastviewedbymedate,mimetype,modifiedbymedate,modifieddate,ontainsunsubscribedchildren,owners(kind,perm,permiss,permission,permissionid,pict,picture,quota,quotabytesused,rpermissions,share,shareable,shared,sharedwithme,sharedwithmedat,sharedwithmedate,subscribed,thumbnailversion,title,userpermission(role),workspaceids</t>
  </si>
  <si>
    <t>11/22/2019 18:53:46</t>
  </si>
  <si>
    <t>11/22/2019 19:05:42</t>
  </si>
  <si>
    <t>11/22/2019 19:06:42</t>
  </si>
  <si>
    <t>11/22/2019 19:32:02</t>
  </si>
  <si>
    <t>11/22/2019 19:35:42</t>
  </si>
  <si>
    <t>IMPORTANTE - Ocorrências no ponto período de 01 A 21/11</t>
  </si>
  <si>
    <t>Ocorrência0111a21112019.xlsm</t>
  </si>
  <si>
    <t>11/22/2019 19:39:08</t>
  </si>
  <si>
    <t>11/22/2019 19:40:42</t>
  </si>
  <si>
    <t>gat</t>
  </si>
  <si>
    <t>11/22/2019 20:40:14</t>
  </si>
  <si>
    <t>11/22/2019 20:43:42</t>
  </si>
  <si>
    <t>Dynamics</t>
  </si>
  <si>
    <t>Cópia de Planilha Vale - Hugo.xlsx</t>
  </si>
  <si>
    <t>11/23/2019 00:28:46</t>
  </si>
  <si>
    <t>11/23/2019 00:33:43</t>
  </si>
  <si>
    <t>validação marcelo.xlsx</t>
  </si>
  <si>
    <t>11/23/2019 08:08:09</t>
  </si>
  <si>
    <t>11/23/2019 08:10:48</t>
  </si>
  <si>
    <t>diegocp@algartech.com;iaraadss@algartech.com;leandrom@algartech.com;luizfsm@algartech.com;</t>
  </si>
  <si>
    <t>G Suite - Associados migrados e não migrados.xlsx</t>
  </si>
  <si>
    <t>diegocp@algartech.com,iaraadss@algartech.com,leandrom@algartech.com,luizfsm@algartech.com</t>
  </si>
  <si>
    <t>11/23/2019 08:35:34</t>
  </si>
  <si>
    <t>11/23/2019 14:56:55</t>
  </si>
  <si>
    <t>11/23/2019 19:33:26</t>
  </si>
  <si>
    <t>11/23/2019 21:02:59</t>
  </si>
  <si>
    <t>Lista Elegíveis - GSuite_v5_atualizada go live.xlsx</t>
  </si>
  <si>
    <t>11/24/2019 12:45:01</t>
  </si>
  <si>
    <t>11/24/2019 12:46:08</t>
  </si>
  <si>
    <t>Report-LucasBrito.xlsx</t>
  </si>
  <si>
    <t>11/24/2019 12:50:26</t>
  </si>
  <si>
    <t>11/24/2019 14:49:08</t>
  </si>
  <si>
    <t>C:\Users\filemoncmj\OneDrive - Grupo Algar\01. Algar Tech\01. Projetos de Clientes\47. Prudential\08. TH\Currículos\PS RJ\</t>
  </si>
  <si>
    <t>11/24/2019 14:37:00</t>
  </si>
  <si>
    <t>C:\Users\filemoncmj\OneDrive - Grupo Algar\01. Algar Tech\01. Projetos de Clientes\47. Prudential\21. Viagens\</t>
  </si>
  <si>
    <t>Relação SV's.xlsx</t>
  </si>
  <si>
    <t>11/24/2019 21:54:36</t>
  </si>
  <si>
    <t>11/24/2019 21:56:08</t>
  </si>
  <si>
    <t>10.200.61.173</t>
  </si>
  <si>
    <t>MailboxUsageDetail11_25_2019 12_54_13 AM.csv</t>
  </si>
  <si>
    <t>11/23/2019 09:39:23</t>
  </si>
  <si>
    <t>11/25/2019 07:15:13</t>
  </si>
  <si>
    <t>mail.google.com/_/upload?authuser=3&amp;dcp=asu-n</t>
  </si>
  <si>
    <t>C:\Users\matheusvs\Desktop\Squad - Canais Digitais\1 - Electrolux\</t>
  </si>
  <si>
    <t>11/24/2019 17:39:26</t>
  </si>
  <si>
    <t>11/25/2019 08:07:13</t>
  </si>
  <si>
    <t>C:\Users\elainemdlp\OD\Pessoal\Financeiro\</t>
  </si>
  <si>
    <t>' and title contains 'xlsx' and trashed = false and '0b9g57l5hshdstjbhq3nwrc1zc28' in parents&amp;fields=kind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,containsunsubscribedchildren,contentrestrictions(readonly),copyable,createddate,disp,displ,displa,displaynam,displayname,domain,emai,emailaddress,explicitlytrashed,file(kind,fileextension,fileid,filesize,flaggedforabuse,foldercolor,folderfeatures,hasaugmentedpermissions,haschildfolders,hasthumbnail,hasvisitorpermissions,hidden,hl6cpj146=,id,id),items(deleted,items(kind,ken,kind,labels(starred,lastmodifyinguser(kind,lastviewedbymedate,mimetype,modifiedbymedate,modifieddate,nextpagetoken,ontainsunsubscribedchildren,organizationdisplayname,owners(kind,parents(id),passivelysubscribed,permissionid,pict,picture,primarydomainname,primary</t>
  </si>
  <si>
    <t>11/22/2019 22:31:08</t>
  </si>
  <si>
    <t>11/25/2019 08:09:13</t>
  </si>
  <si>
    <t>mail.google.com/_/upload?authuser=1&amp;dcp=asu-n&amp;upload_id=AEnB2Uq8hbqSEUeSAJC2BF5iTVPcR9svGS3qEISsQMqhP_Q6TAK4Z9Jy1lxD1H0NvbPS9TgjUMI5XdZ80CWL6Ie3Zsdk61lYPw&amp;upload_protocol=resumable</t>
  </si>
  <si>
    <t>11/22/2019 22:55:45</t>
  </si>
  <si>
    <t>mail.google.com/_/upload?authuser=1&amp;dcp=asu-n&amp;upload_id=AEnB2UpOzTO9CgE5RBpRKcBkb0f0meNzd1E7omuDxSJEd76c84h60ugKjb05EU0nv8ESqEZhuaF2ABZQT9DIkOU8ldCG3SnL5g&amp;upload_protocol=resumable</t>
  </si>
  <si>
    <t>New_CONTROLE DE CLIENTES_PAGSEGURO (4).xlsx</t>
  </si>
  <si>
    <t>11/25/2019 08:08:42</t>
  </si>
  <si>
    <t>11/25/2019 08:13:13</t>
  </si>
  <si>
    <t>11/22/2019 12:43:22</t>
  </si>
  <si>
    <t>11/25/2019 08:17:13</t>
  </si>
  <si>
    <t>Chamados 22-11</t>
  </si>
  <si>
    <t>11/25/2019 08:14:21</t>
  </si>
  <si>
    <t>11/25/2019 08:18:13</t>
  </si>
  <si>
    <t>11/22/2019 08:42:23</t>
  </si>
  <si>
    <t>11/25/2019 08:19:13</t>
  </si>
  <si>
    <t>DARF.xlsx</t>
  </si>
  <si>
    <t>E:\INVESTIMENTOS\DARF.xlsx</t>
  </si>
  <si>
    <t>11/22/2019 13:35:29</t>
  </si>
  <si>
    <t>ACOMPANHAMENTO CAPEX 2019 v21_11.pptx</t>
  </si>
  <si>
    <t>ACOMPANHAMENTO CAPEX 2019 v21_11.pptx\</t>
  </si>
  <si>
    <t>11/23/2019 17:51:19</t>
  </si>
  <si>
    <t>/o=exchangelabs/ou=exchange administrative group (fydibohf23spdlt)/cn=recipients/cn=1e212ef08dab4f26b88cba944f2ab7cb-pmo.governa;/o=exchangelabs/ou=exchange administrative group (fydibohf23spdlt)/cn=recipients/cn=carlos henrique vilarinho_db6c0fb3df;</t>
  </si>
  <si>
    <t>CAPEX 4 TRI 19 - Efeito Microsoft em 19 e 20</t>
  </si>
  <si>
    <t>/o=exchangelabs/ou=exchange administrative group (fydibohf23spdlt)/cn=recipients/cn=1e212ef08dab4f26b88cba944f2ab7cb-pmo.governa,/o=exchangelabs/ou=exchange administrative group (fydibohf23spdlt)/cn=recipients/cn=carlos henrique vilarinho_db6c0fb3df</t>
  </si>
  <si>
    <t>11/24/2019 02:31:12</t>
  </si>
  <si>
    <t>C:\Users\diegorg\Desktop\ACOMPANHAMENTO CAPEX 2019 v21_11.pptx\</t>
  </si>
  <si>
    <t>11/22/2019 08:49:47</t>
  </si>
  <si>
    <t>11/22/2019 08:51:30</t>
  </si>
  <si>
    <t>11/25/2019 08:20:13</t>
  </si>
  <si>
    <t>11/22/2019 09:39:08</t>
  </si>
  <si>
    <t>/o=exchangelabs/ou=exchange administrative group (fydibohf23spdlt)/cn=recipients/cn=f47850ba49eb450ca5496d589a0fc607-isaac rodri;</t>
  </si>
  <si>
    <t>ENC: ATENÇÃO - USO MÚTUO - DIA 23/11/2019 AO DIA 29/11/2019 - VITÓRIA - SERRA</t>
  </si>
  <si>
    <t>USO MÚTUO - DIA 23.11.2019 Á 29.11.2019 - SERRA - VITÓRIA.xlsx</t>
  </si>
  <si>
    <t>/o=exchangelabs/ou=exchange administrative group (fydibohf23spdlt)/cn=recipients/cn=f47850ba49eb450ca5496d589a0fc607-isaac rodri</t>
  </si>
  <si>
    <t>11/22/2019 13:11:01</t>
  </si>
  <si>
    <t>11/22/2019 13:12:11</t>
  </si>
  <si>
    <t>11/22/2019 13:14:24</t>
  </si>
  <si>
    <t>11/22/2019 13:15:19</t>
  </si>
  <si>
    <t>11/22/2019 13:33:47</t>
  </si>
  <si>
    <t>11/22/2019 13:33:48</t>
  </si>
  <si>
    <t>11/22/2019 13:43:36</t>
  </si>
  <si>
    <t>11/22/2019 14:46:21</t>
  </si>
  <si>
    <t>Aceitação de Sites Junho CONSOLIDADO.xls</t>
  </si>
  <si>
    <t>11/22/2019 15:34:47</t>
  </si>
  <si>
    <t>11/22/2019 15:35:07</t>
  </si>
  <si>
    <t>11/22/2019 15:35:58</t>
  </si>
  <si>
    <t>11/22/2019 15:36:09</t>
  </si>
  <si>
    <t>11/23/2019 11:29:14</t>
  </si>
  <si>
    <t>11/25/2019 08:22:13</t>
  </si>
  <si>
    <t>10.12.241.93</t>
  </si>
  <si>
    <t>Escala TRN - FEIRA DO CONHECIMENTO MODULO 2 V2.xlsx</t>
  </si>
  <si>
    <t>11/25/2019 08:23:12</t>
  </si>
  <si>
    <t>11/21/2019 19:54:06</t>
  </si>
  <si>
    <t>11/25/2019 08:24:13</t>
  </si>
  <si>
    <t>marcotuliobrunelli@gmail.com</t>
  </si>
  <si>
    <t>mail.google.com/_/upload?authuser=0&amp;dcp=asu-n&amp;upload_id=AEnB2UqFr_KTt01EhBlTCm32ovBqb9lAj4byECPQf9Qgr0IlDslrggs8L-CMxtNKB0Rcdu2Xpw2G1jLZfL4yOKiG0DiookOjAQ&amp;upload_protocol=resumable</t>
  </si>
  <si>
    <t>Dimens Maio à Dez RCV e HD.xlsx</t>
  </si>
  <si>
    <t>11/25/2019 08:23:25</t>
  </si>
  <si>
    <t>11/25/2019 08:26:13</t>
  </si>
  <si>
    <t>C:\OneDrive\OneDrive - Grupo Algar\bHVpem1kYUBhbGdhcnRlY2guY29t\content_cache\d45\d93\</t>
  </si>
  <si>
    <t>11/25/2019 08:23:27</t>
  </si>
  <si>
    <t>C:\OneDrive\OneDrive - Grupo Algar\bHVpem1kYUBhbGdhcnRlY2guY29t\content_cache\d49\d97\</t>
  </si>
  <si>
    <t>11/25/2019 08:23:29</t>
  </si>
  <si>
    <t>C:\OneDrive\OneDrive - Grupo Algar\bHVpem1kYUBhbGdhcnRlY2guY29t\content_cache\d52\d100\</t>
  </si>
  <si>
    <t>11/25/2019 08:23:30</t>
  </si>
  <si>
    <t>C:\OneDrive\OneDrive - Grupo Algar\bHVpem1kYUBhbGdhcnRlY2guY29t\content_cache\d53\d101\</t>
  </si>
  <si>
    <t>C:\OneDrive\OneDrive - Grupo Algar\bHVpem1kYUBhbGdhcnRlY2guY29t\content_cache\d54\d102\</t>
  </si>
  <si>
    <t>11/25/2019 08:23:32</t>
  </si>
  <si>
    <t>C:\OneDrive\OneDrive - Grupo Algar\bHVpem1kYUBhbGdhcnRlY2guY29t\content_cache\d62\d110\</t>
  </si>
  <si>
    <t>C:\OneDrive\OneDrive - Grupo Algar\bHVpem1kYUBhbGdhcnRlY2guY29t\content_cache\d63\d111\</t>
  </si>
  <si>
    <t>11/25/2019 08:23:33</t>
  </si>
  <si>
    <t>C:\OneDrive\OneDrive - Grupo Algar\bHVpem1kYUBhbGdhcnRlY2guY29t\content_cache\d8\d123\</t>
  </si>
  <si>
    <t>11/22/2019 16:39:06</t>
  </si>
  <si>
    <t>11/25/2019 08:27:12</t>
  </si>
  <si>
    <t>10.200.57.144</t>
  </si>
  <si>
    <t>NF Estornada Fornecedor TI.xlsx</t>
  </si>
  <si>
    <t>11/25/2019 08:27:50</t>
  </si>
  <si>
    <t>11/25/2019 08:30:13</t>
  </si>
  <si>
    <t>daniela.monteiro@bradesco.com.br;hugo@b2breservas.com.br;</t>
  </si>
  <si>
    <t>ENC: CNPJ hotel diretório Nacional - HONDA</t>
  </si>
  <si>
    <t>Hoteis 2019.xlsx</t>
  </si>
  <si>
    <t>daniela.monteiro@bradesco.com.br,hugo@b2breservas.com.br</t>
  </si>
  <si>
    <t>11/22/2019 17:27:35</t>
  </si>
  <si>
    <t>11/25/2019 08:31:12</t>
  </si>
  <si>
    <t>HELIO REIS GUIMARAES</t>
  </si>
  <si>
    <t>RES: Lista de carteiras CAC</t>
  </si>
  <si>
    <t>Base Auxiliar de VQ's - URA Whirlpool 22.11.19.xlsx</t>
  </si>
  <si>
    <t>11/25/2019 08:32:24</t>
  </si>
  <si>
    <t>11/25/2019 08:37:13</t>
  </si>
  <si>
    <t>11/22/2019 09:57:41</t>
  </si>
  <si>
    <t>11/25/2019 08:38:13</t>
  </si>
  <si>
    <t>11/22/2019 11:21:30</t>
  </si>
  <si>
    <t>D:\OneDrive\AlgarTech\Pré-Vendas\Cliente\2019\Ruff\Desativa Servidor - RUFFWGER01 (SRVDCALG1)\PropostaVigente\</t>
  </si>
  <si>
    <t>11/22/2019 14:06:23</t>
  </si>
  <si>
    <t>/o=exchangelabs/ou=exchange administrative group (fydibohf23spdlt)/cn=recipients/cn=287c26b08a0f48578479a15a452f025d-edilson rod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c514dbe8b91547adb4618232d1a650ba-afonso domi;/o=exchangelabs/ou=exchange administrative group (fydibohf23spdlt)/cn=recipients/cn=cb5adfd7be5d42f39b6c2497336ba9d7-fernando gu;/o=exchangelabs/ou=exchange administrative group (fydibohf23spdlt)/cn=recipients/cn=da8b0d0eb1af471c9c028aba05e743fd-guilherme a;</t>
  </si>
  <si>
    <t>RES: Termo de Referência - Contratação Data Center</t>
  </si>
  <si>
    <t>/o=exchangelabs/ou=exchange administrative group (fydibohf23spdlt)/cn=recipients/cn=287c26b08a0f48578479a15a452f025d-edilson rod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c514dbe8b91547adb4618232d1a650ba-afonso domi,/o=exchangelabs/ou=exchange administrative group (fydibohf23spdlt)/cn=recipients/cn=cb5adfd7be5d42f39b6c2497336ba9d7-fernando gu,/o=exchangelabs/ou=exchange administrative group (fydibohf23spdlt)/cn=recipients/cn=da8b0d0eb1af471c9c028aba05e743fd-guilherme a</t>
  </si>
  <si>
    <t>11/22/2019 14:50:44</t>
  </si>
  <si>
    <t>D:\OneDrive\AlgarTech\Pré-Vendas\Cliente\2019\Ruff\Desativa Servidor - RUFFWGER01 (SRVDCALG1)\</t>
  </si>
  <si>
    <t>Precificação Ruff - 141239_V6_REDUCAO_VM_v01.xlsb</t>
  </si>
  <si>
    <t>11/25/2019 08:39:37</t>
  </si>
  <si>
    <t>11/25/2019 08:45:12</t>
  </si>
  <si>
    <t>RES: EMPRESA: GENIAL INSTITUCIONAL CORRETORA DE CAMBIO, TITULOS E VALORES MOBILIARIOS S.A. - CNPJ - 05.816.451/0001-15 CRM:007070000547</t>
  </si>
  <si>
    <t>11/25/2019 08:45:11</t>
  </si>
  <si>
    <t>11/25/2019 08:50:13</t>
  </si>
  <si>
    <t>11/25/2019 08:45:15</t>
  </si>
  <si>
    <t>C:\Users\eduardost\OneDrive - Grupo Algar\2019\BRADESCO\</t>
  </si>
  <si>
    <t>bo analises.xlsx</t>
  </si>
  <si>
    <t>11/25/2019 08:55:34</t>
  </si>
  <si>
    <t>11/25/2019 09:00:13</t>
  </si>
  <si>
    <t>**PENDENCIA! ** ENC: Relatório External Central de Notas</t>
  </si>
  <si>
    <t>11/25/2019 08:55:16</t>
  </si>
  <si>
    <t>10.200.57.214</t>
  </si>
  <si>
    <t>11/25/2019 00:16:52</t>
  </si>
  <si>
    <t>11/25/2019 09:05:13</t>
  </si>
  <si>
    <t>mail.google.com/_/upload?authuser=2&amp;dcp=asu-n&amp;upload_id=AEnB2UoGQAo-2UiwX8Z5Y1cGKDeZYvvOp-maw6vjNZVxImyWxq0Hw8jaH9AQlvuGRjR4MbaQ0tG5Ke1pOcVjEK-E-HS1c5101w&amp;upload_protocol=resumable</t>
  </si>
  <si>
    <t>C:\Users\hugooc\Desktop\HUGO CAMARGO\DeskTop HP\GERENTE DE PCP\MIS\</t>
  </si>
  <si>
    <t>VISÃO GERAL.xlsx</t>
  </si>
  <si>
    <t>11/22/2019 13:23:48</t>
  </si>
  <si>
    <t>10.16.72.54</t>
  </si>
  <si>
    <t>/o=exchangelabs/ou=exchange administrative group (fydibohf23spdlt)/cn=recipients/cn=5f81fe805d734dda80651a0797d779be-paulo cesar;</t>
  </si>
  <si>
    <t>/o=exchangelabs/ou=exchange administrative group (fydibohf23spdlt)/cn=recipients/cn=5f81fe805d734dda80651a0797d779be-paulo cesar</t>
  </si>
  <si>
    <t>11/22/2019 15:20:58</t>
  </si>
  <si>
    <t>/o=exchangelabs/ou=exchange administrative group (fydibohf23spdlt)/cn=recipients/cn=02b715e2a3c744dbab0f4054efc9d2d2-raquel corr;/o=exchangelabs/ou=exchange administrative group (fydibohf23spdlt)/cn=recipients/cn=88c76f56ba274d40bc5ef03a7197e5b9-marcos pere;cmenezes@timbrasil.com.br;cofernandes@timbrasil.com.br;lcifali@timbrasil.com.br;nimachado@timbrasil.com.br;</t>
  </si>
  <si>
    <t>Fatura B - BBN / Algar Tech.</t>
  </si>
  <si>
    <t>Mobilizações_Orçamentos executados 10-09_10-11-19 Algar.xlsx</t>
  </si>
  <si>
    <t>/o=exchangelabs/ou=exchange administrative group (fydibohf23spdlt)/cn=recipients/cn=02b715e2a3c744dbab0f4054efc9d2d2-raquel corr,/o=exchangelabs/ou=exchange administrative group (fydibohf23spdlt)/cn=recipients/cn=88c76f56ba274d40bc5ef03a7197e5b9-marcos pere,cmenezes@timbrasil.com.br,cofernandes@timbrasil.com.br,lcifali@timbrasil.com.br,nimachado@timbrasil.com.br</t>
  </si>
  <si>
    <t>11/22/2019 15:21:42</t>
  </si>
  <si>
    <t>/o=exchangelabs/ou=exchange administrative group (fydibohf23spdlt)/cn=recipients/cn=a111820ea97a440c83191c55259f676f-marcelo rod;/o=exchangelabs/ou=exchange administrative group (fydibohf23spdlt)/cn=recipients/cn=cd93dacc38404a95a829585c2e317a9f-dionizio ri;/o=exchangelabs/ou=exchange administrative group (fydibohf23spdlt)/cn=recipients/cn=user12c3790d;</t>
  </si>
  <si>
    <t>ENC: Fatura B - BBN / Algar Tech.</t>
  </si>
  <si>
    <t>/o=exchangelabs/ou=exchange administrative group (fydibohf23spdlt)/cn=recipients/cn=a111820ea97a440c83191c55259f676f-marcelo rod,/o=exchangelabs/ou=exchange administrative group (fydibohf23spdlt)/cn=recipients/cn=cd93dacc38404a95a829585c2e317a9f-dionizio ri,/o=exchangelabs/ou=exchange administrative group (fydibohf23spdlt)/cn=recipients/cn=user12c3790d</t>
  </si>
  <si>
    <t>11/22/2019 15:31:39</t>
  </si>
  <si>
    <t>11/25/2019 09:05:24</t>
  </si>
  <si>
    <t>11/25/2019 09:06:12</t>
  </si>
  <si>
    <t>C:\OneDrive\OneDrive - Grupo Algar\bHVpem1kYUBhbGdhcnRlY2guY29t\content_cache\d0\d81\</t>
  </si>
  <si>
    <t>11/25/2019 09:08:26</t>
  </si>
  <si>
    <t>11/25/2019 09:09:13</t>
  </si>
  <si>
    <t>/o=exchangelabs/ou=exchange administrative group (fydibohf23spdlt)/cn=recipients/cn=554d2cdc1361428a8f1cbe37bb559534-caroline fe;/o=exchangelabs/ou=exchange administrative group (fydibohf23spdlt)/cn=recipients/cn=56dc126fba5b4a5f8fb1cd7e4f10477d-thais olive;/o=exchangelabs/ou=exchange administrative group (fydibohf23spdlt)/cn=recipients/cn=5c0e0b883c0f4ccbb2cf13db05a00b36-luciene ivo;/o=exchangelabs/ou=exchange administrative group (fydibohf23spdlt)/cn=recipients/cn=60c79fa1bc994449ac17a5e2109f7abd-claudio fer;/o=exchangelabs/ou=exchange administrative group (fydibohf23spdlt)/cn=recipients/cn=90878932db2a45bb924c0e3aac6d5da2-jonatas lem;juliana.galardo@bradesco.com.br;khadja.sousa@bradesco.com.br;paula.tavares@bradesco.com.br;</t>
  </si>
  <si>
    <t>RES: [Formalização] Curvas de Dezembro 2019</t>
  </si>
  <si>
    <t>12 - Planejamento.xlsx</t>
  </si>
  <si>
    <t>/o=exchangelabs/ou=exchange administrative group (fydibohf23spdlt)/cn=recipients/cn=554d2cdc1361428a8f1cbe37bb559534-caroline fe,/o=exchangelabs/ou=exchange administrative group (fydibohf23spdlt)/cn=recipients/cn=56dc126fba5b4a5f8fb1cd7e4f10477d-thais olive,/o=exchangelabs/ou=exchange administrative group (fydibohf23spdlt)/cn=recipients/cn=5c0e0b883c0f4ccbb2cf13db05a00b36-luciene ivo,/o=exchangelabs/ou=exchange administrative group (fydibohf23spdlt)/cn=recipients/cn=60c79fa1bc994449ac17a5e2109f7abd-claudio fer,/o=exchangelabs/ou=exchange administrative group (fydibohf23spdlt)/cn=recipients/cn=90878932db2a45bb924c0e3aac6d5da2-jonatas lem,juliana.galardo@bradesco.com.br,khadja.sousa@bradesco.com.br,paula.tavares@bradesco.com.br</t>
  </si>
  <si>
    <t>11/25/2019 09:05:34</t>
  </si>
  <si>
    <t>11/25/2019 09:11:13</t>
  </si>
  <si>
    <t>C:\OneDrive\OneDrive - Grupo Algar\bHVpem1kYUBhbGdhcnRlY2guY29t\content_cache\d10\d140\</t>
  </si>
  <si>
    <t>11/25/2019 09:05:38</t>
  </si>
  <si>
    <t>C:\OneDrive\OneDrive - Grupo Algar\bHVpem1kYUBhbGdhcnRlY2guY29t\content_cache\d10\d74\</t>
  </si>
  <si>
    <t>11/25/2019 09:05:42</t>
  </si>
  <si>
    <t>C:\OneDrive\OneDrive - Grupo Algar\bHVpem1kYUBhbGdhcnRlY2guY29t\content_cache\d11\d142\</t>
  </si>
  <si>
    <t>11/25/2019 09:05:45</t>
  </si>
  <si>
    <t>C:\OneDrive\OneDrive - Grupo Algar\bHVpem1kYUBhbGdhcnRlY2guY29t\content_cache\d11\d8\</t>
  </si>
  <si>
    <t>11/25/2019 09:05:48</t>
  </si>
  <si>
    <t>C:\OneDrive\OneDrive - Grupo Algar\bHVpem1kYUBhbGdhcnRlY2guY29t\content_cache\d12\d127\</t>
  </si>
  <si>
    <t>11/25/2019 09:05:51</t>
  </si>
  <si>
    <t>C:\OneDrive\OneDrive - Grupo Algar\bHVpem1kYUBhbGdhcnRlY2guY29t\content_cache\d12\d76\</t>
  </si>
  <si>
    <t>11/25/2019 09:06:01</t>
  </si>
  <si>
    <t>C:\OneDrive\OneDrive - Grupo Algar\bHVpem1kYUBhbGdhcnRlY2guY29t\content_cache\d12\d43\</t>
  </si>
  <si>
    <t>11/25/2019 09:06:05</t>
  </si>
  <si>
    <t>C:\OneDrive\OneDrive - Grupo Algar\bHVpem1kYUBhbGdhcnRlY2guY29t\content_cache\d13\d27\</t>
  </si>
  <si>
    <t>11/25/2019 09:06:06</t>
  </si>
  <si>
    <t>C:\OneDrive\OneDrive - Grupo Algar\bHVpem1kYUBhbGdhcnRlY2guY29t\content_cache\d13\d44\</t>
  </si>
  <si>
    <t>11/25/2019 09:06:10</t>
  </si>
  <si>
    <t>C:\OneDrive\OneDrive - Grupo Algar\bHVpem1kYUBhbGdhcnRlY2guY29t\content_cache\d14\d10\</t>
  </si>
  <si>
    <t>11/25/2019 09:06:11</t>
  </si>
  <si>
    <t>C:\OneDrive\OneDrive - Grupo Algar\bHVpem1kYUBhbGdhcnRlY2guY29t\content_cache\d14\d128\</t>
  </si>
  <si>
    <t>11/25/2019 09:06:17</t>
  </si>
  <si>
    <t>C:\OneDrive\OneDrive - Grupo Algar\bHVpem1kYUBhbGdhcnRlY2guY29t\content_cache\d15\d113\</t>
  </si>
  <si>
    <t>11/25/2019 09:06:19</t>
  </si>
  <si>
    <t>C:\OneDrive\OneDrive - Grupo Algar\bHVpem1kYUBhbGdhcnRlY2guY29t\content_cache\d15\d45\</t>
  </si>
  <si>
    <t>11/25/2019 09:06:20</t>
  </si>
  <si>
    <t>C:\OneDrive\OneDrive - Grupo Algar\bHVpem1kYUBhbGdhcnRlY2guY29t\content_cache\d15\d46\</t>
  </si>
  <si>
    <t>11/25/2019 09:06:23</t>
  </si>
  <si>
    <t>C:\OneDrive\OneDrive - Grupo Algar\bHVpem1kYUBhbGdhcnRlY2guY29t\content_cache\d15\d95\</t>
  </si>
  <si>
    <t>11/25/2019 09:06:26</t>
  </si>
  <si>
    <t>C:\OneDrive\OneDrive - Grupo Algar\bHVpem1kYUBhbGdhcnRlY2guY29t\content_cache\d16\d13\</t>
  </si>
  <si>
    <t>11/25/2019 09:06:32</t>
  </si>
  <si>
    <t>C:\OneDrive\OneDrive - Grupo Algar\bHVpem1kYUBhbGdhcnRlY2guY29t\content_cache\d17\d31\</t>
  </si>
  <si>
    <t>11/25/2019 09:06:37</t>
  </si>
  <si>
    <t>C:\OneDrive\OneDrive - Grupo Algar\bHVpem1kYUBhbGdhcnRlY2guY29t\content_cache\d18\d133\</t>
  </si>
  <si>
    <t>C:\OneDrive\OneDrive - Grupo Algar\bHVpem1kYUBhbGdhcnRlY2guY29t\content_cache\d18\d14\</t>
  </si>
  <si>
    <t>11/25/2019 09:06:43</t>
  </si>
  <si>
    <t>C:\OneDrive\OneDrive - Grupo Algar\bHVpem1kYUBhbGdhcnRlY2guY29t\content_cache\d19\d134\</t>
  </si>
  <si>
    <t>11/25/2019 09:06:49</t>
  </si>
  <si>
    <t>C:\OneDrive\OneDrive - Grupo Algar\bHVpem1kYUBhbGdhcnRlY2guY29t\content_cache\d2\d32\</t>
  </si>
  <si>
    <t>11/25/2019 09:06:52</t>
  </si>
  <si>
    <t>C:\OneDrive\OneDrive - Grupo Algar\bHVpem1kYUBhbGdhcnRlY2guY29t\content_cache\d20\d0\</t>
  </si>
  <si>
    <t>11/25/2019 09:07:00</t>
  </si>
  <si>
    <t>C:\OneDrive\OneDrive - Grupo Algar\bHVpem1kYUBhbGdhcnRlY2guY29t\content_cache\d21\d52\</t>
  </si>
  <si>
    <t>11/25/2019 09:07:04</t>
  </si>
  <si>
    <t>C:\OneDrive\OneDrive - Grupo Algar\bHVpem1kYUBhbGdhcnRlY2guY29t\content_cache\d22\d35\</t>
  </si>
  <si>
    <t>11/25/2019 09:07:05</t>
  </si>
  <si>
    <t>C:\OneDrive\OneDrive - Grupo Algar\bHVpem1kYUBhbGdhcnRlY2guY29t\content_cache\d22\d36\</t>
  </si>
  <si>
    <t>11/25/2019 09:07:08</t>
  </si>
  <si>
    <t>C:\OneDrive\OneDrive - Grupo Algar\bHVpem1kYUBhbGdhcnRlY2guY29t\content_cache\d23\d3\</t>
  </si>
  <si>
    <t>11/25/2019 09:07:13</t>
  </si>
  <si>
    <t>C:\OneDrive\OneDrive - Grupo Algar\bHVpem1kYUBhbGdhcnRlY2guY29t\content_cache\d24\d4\</t>
  </si>
  <si>
    <t>11/25/2019 09:07:19</t>
  </si>
  <si>
    <t>C:\OneDrive\OneDrive - Grupo Algar\bHVpem1kYUBhbGdhcnRlY2guY29t\content_cache\d25\d72\</t>
  </si>
  <si>
    <t>11/25/2019 09:07:20</t>
  </si>
  <si>
    <t>C:\OneDrive\OneDrive - Grupo Algar\bHVpem1kYUBhbGdhcnRlY2guY29t\content_cache\d26\d107\</t>
  </si>
  <si>
    <t>C:\OneDrive\OneDrive - Grupo Algar\bHVpem1kYUBhbGdhcnRlY2guY29t\content_cache\d26\d124\</t>
  </si>
  <si>
    <t>11/25/2019 09:07:22</t>
  </si>
  <si>
    <t>C:\OneDrive\OneDrive - Grupo Algar\bHVpem1kYUBhbGdhcnRlY2guY29t\content_cache\d26\d56\</t>
  </si>
  <si>
    <t>11/25/2019 09:07:26</t>
  </si>
  <si>
    <t>C:\OneDrive\OneDrive - Grupo Algar\bHVpem1kYUBhbGdhcnRlY2guY29t\content_cache\d27\d142\</t>
  </si>
  <si>
    <t>11/25/2019 09:07:28</t>
  </si>
  <si>
    <t>C:\OneDrive\OneDrive - Grupo Algar\bHVpem1kYUBhbGdhcnRlY2guY29t\content_cache\d28\d126\</t>
  </si>
  <si>
    <t>11/25/2019 09:07:30</t>
  </si>
  <si>
    <t>C:\OneDrive\OneDrive - Grupo Algar\bHVpem1kYUBhbGdhcnRlY2guY29t\content_cache\d28\d42\</t>
  </si>
  <si>
    <t>11/25/2019 09:07:34</t>
  </si>
  <si>
    <t>C:\OneDrive\OneDrive - Grupo Algar\bHVpem1kYUBhbGdhcnRlY2guY29t\content_cache\d29\d144\</t>
  </si>
  <si>
    <t>11/25/2019 09:07:35</t>
  </si>
  <si>
    <t>C:\OneDrive\OneDrive - Grupo Algar\bHVpem1kYUBhbGdhcnRlY2guY29t\content_cache\d29\d9\</t>
  </si>
  <si>
    <t>11/25/2019 09:07:38</t>
  </si>
  <si>
    <t>C:\OneDrive\OneDrive - Grupo Algar\bHVpem1kYUBhbGdhcnRlY2guY29t\content_cache\d3\d117\</t>
  </si>
  <si>
    <t>C:\OneDrive\OneDrive - Grupo Algar\bHVpem1kYUBhbGdhcnRlY2guY29t\content_cache\d3\d133\</t>
  </si>
  <si>
    <t>11/25/2019 09:07:39</t>
  </si>
  <si>
    <t>C:\OneDrive\OneDrive - Grupo Algar\bHVpem1kYUBhbGdhcnRlY2guY29t\content_cache\d3\d33\</t>
  </si>
  <si>
    <t>11/25/2019 09:07:40</t>
  </si>
  <si>
    <t>C:\OneDrive\OneDrive - Grupo Algar\bHVpem1kYUBhbGdhcnRlY2guY29t\content_cache\d3\d83\</t>
  </si>
  <si>
    <t>11/25/2019 09:07:41</t>
  </si>
  <si>
    <t>C:\OneDrive\OneDrive - Grupo Algar\bHVpem1kYUBhbGdhcnRlY2guY29t\content_cache\d30\d10\</t>
  </si>
  <si>
    <t>11/25/2019 09:07:42</t>
  </si>
  <si>
    <t>C:\OneDrive\OneDrive - Grupo Algar\bHVpem1kYUBhbGdhcnRlY2guY29t\content_cache\d30\d128\</t>
  </si>
  <si>
    <t>11/25/2019 09:07:46</t>
  </si>
  <si>
    <t>C:\OneDrive\OneDrive - Grupo Algar\bHVpem1kYUBhbGdhcnRlY2guY29t\content_cache\d31\d129\</t>
  </si>
  <si>
    <t>11/25/2019 09:07:49</t>
  </si>
  <si>
    <t>C:\OneDrive\OneDrive - Grupo Algar\bHVpem1kYUBhbGdhcnRlY2guY29t\content_cache\d31\d94\</t>
  </si>
  <si>
    <t>C:\OneDrive\OneDrive - Grupo Algar\bHVpem1kYUBhbGdhcnRlY2guY29t\content_cache\d31\d95\</t>
  </si>
  <si>
    <t>11/25/2019 09:07:57</t>
  </si>
  <si>
    <t>C:\OneDrive\OneDrive - Grupo Algar\bHVpem1kYUBhbGdhcnRlY2guY29t\content_cache\d33\d97\</t>
  </si>
  <si>
    <t>11/25/2019 09:08:08</t>
  </si>
  <si>
    <t>C:\OneDrive\OneDrive - Grupo Algar\bHVpem1kYUBhbGdhcnRlY2guY29t\content_cache\d35\d31\</t>
  </si>
  <si>
    <t>11/25/2019 09:08:15</t>
  </si>
  <si>
    <t>C:\OneDrive\OneDrive - Grupo Algar\bHVpem1kYUBhbGdhcnRlY2guY29t\content_cache\d37\d100\</t>
  </si>
  <si>
    <t>11/25/2019 09:08:18</t>
  </si>
  <si>
    <t>C:\OneDrive\OneDrive - Grupo Algar\bHVpem1kYUBhbGdhcnRlY2guY29t\content_cache\d37\d51\</t>
  </si>
  <si>
    <t>11/25/2019 09:08:23</t>
  </si>
  <si>
    <t>C:\OneDrive\OneDrive - Grupo Algar\bHVpem1kYUBhbGdhcnRlY2guY29t\content_cache\d38\d18\</t>
  </si>
  <si>
    <t>11/25/2019 09:08:24</t>
  </si>
  <si>
    <t>C:\OneDrive\OneDrive - Grupo Algar\bHVpem1kYUBhbGdhcnRlY2guY29t\content_cache\d38\d51\</t>
  </si>
  <si>
    <t>11/25/2019 09:08:54</t>
  </si>
  <si>
    <t>C:\OneDrive\OneDrive - Grupo Algar\bHVpem1kYUBhbGdhcnRlY2guY29t\content_cache\d38\d2\</t>
  </si>
  <si>
    <t>11/25/2019 09:09:03</t>
  </si>
  <si>
    <t>C:\OneDrive\OneDrive - Grupo Algar\bHVpem1kYUBhbGdhcnRlY2guY29t\content_cache\d39\d2\</t>
  </si>
  <si>
    <t>11/25/2019 09:09:04</t>
  </si>
  <si>
    <t>C:\OneDrive\OneDrive - Grupo Algar\bHVpem1kYUBhbGdhcnRlY2guY29t\content_cache\d39\d3\</t>
  </si>
  <si>
    <t>11/25/2019 09:09:14</t>
  </si>
  <si>
    <t>C:\OneDrive\OneDrive - Grupo Algar\bHVpem1kYUBhbGdhcnRlY2guY29t\content_cache\d4\d118\</t>
  </si>
  <si>
    <t>11/25/2019 09:09:16</t>
  </si>
  <si>
    <t>C:\OneDrive\OneDrive - Grupo Algar\bHVpem1kYUBhbGdhcnRlY2guY29t\content_cache\d4\d35\21779\</t>
  </si>
  <si>
    <t>11/25/2019 09:09:17</t>
  </si>
  <si>
    <t>11/25/2019 09:09:23</t>
  </si>
  <si>
    <t>C:\OneDrive\OneDrive - Grupo Algar\bHVpem1kYUBhbGdhcnRlY2guY29t\content_cache\d40\d36\</t>
  </si>
  <si>
    <t>11/25/2019 09:09:28</t>
  </si>
  <si>
    <t>C:\OneDrive\OneDrive - Grupo Algar\bHVpem1kYUBhbGdhcnRlY2guY29t\content_cache\d41\d37\</t>
  </si>
  <si>
    <t>C:\OneDrive\OneDrive - Grupo Algar\bHVpem1kYUBhbGdhcnRlY2guY29t\content_cache\d41\d4\</t>
  </si>
  <si>
    <t>11/25/2019 09:09:34</t>
  </si>
  <si>
    <t>C:\OneDrive\OneDrive - Grupo Algar\bHVpem1kYUBhbGdhcnRlY2guY29t\content_cache\d41\d72\21816\</t>
  </si>
  <si>
    <t>11/25/2019 09:09:35</t>
  </si>
  <si>
    <t>C:\OneDrive\OneDrive - Grupo Algar\bHVpem1kYUBhbGdhcnRlY2guY29t\content_cache\d42\d123\</t>
  </si>
  <si>
    <t>11/25/2019 09:09:36</t>
  </si>
  <si>
    <t>C:\OneDrive\OneDrive - Grupo Algar\bHVpem1kYUBhbGdhcnRlY2guY29t\content_cache\d42\d140\</t>
  </si>
  <si>
    <t>C:\OneDrive\OneDrive - Grupo Algar\bHVpem1kYUBhbGdhcnRlY2guY29t\content_cache\d42\d22\</t>
  </si>
  <si>
    <t>11/25/2019 09:09:37</t>
  </si>
  <si>
    <t>C:\OneDrive\OneDrive - Grupo Algar\bHVpem1kYUBhbGdhcnRlY2guY29t\content_cache\d42\d5\</t>
  </si>
  <si>
    <t>11/25/2019 09:09:38</t>
  </si>
  <si>
    <t>C:\OneDrive\OneDrive - Grupo Algar\bHVpem1kYUBhbGdhcnRlY2guY29t\content_cache\d42\d6\</t>
  </si>
  <si>
    <t>11/25/2019 09:09:43</t>
  </si>
  <si>
    <t>C:\OneDrive\OneDrive - Grupo Algar\bHVpem1kYUBhbGdhcnRlY2guY29t\content_cache\d43\d7\</t>
  </si>
  <si>
    <t>C:\OneDrive\OneDrive - Grupo Algar\bHVpem1kYUBhbGdhcnRlY2guY29t\content_cache\d43\d73\</t>
  </si>
  <si>
    <t>11/25/2019 09:09:48</t>
  </si>
  <si>
    <t>C:\OneDrive\OneDrive - Grupo Algar\bHVpem1kYUBhbGdhcnRlY2guY29t\content_cache\d44\d8\</t>
  </si>
  <si>
    <t>11/25/2019 09:09:50</t>
  </si>
  <si>
    <t>C:\OneDrive\OneDrive - Grupo Algar\bHVpem1kYUBhbGdhcnRlY2guY29t\content_cache\d45\d143\</t>
  </si>
  <si>
    <t>C:\OneDrive\OneDrive - Grupo Algar\bHVpem1kYUBhbGdhcnRlY2guY29t\content_cache\d45\d41\</t>
  </si>
  <si>
    <t>11/25/2019 09:09:52</t>
  </si>
  <si>
    <t>C:\OneDrive\OneDrive - Grupo Algar\bHVpem1kYUBhbGdhcnRlY2guY29t\content_cache\d45\d92\</t>
  </si>
  <si>
    <t>11/25/2019 09:09:56</t>
  </si>
  <si>
    <t>C:\OneDrive\OneDrive - Grupo Algar\bHVpem1kYUBhbGdhcnRlY2guY29t\content_cache\d46\d93\</t>
  </si>
  <si>
    <t>11/25/2019 09:10:06</t>
  </si>
  <si>
    <t>C:\OneDrive\OneDrive - Grupo Algar\bHVpem1kYUBhbGdhcnRlY2guY29t\content_cache\d46\d43\</t>
  </si>
  <si>
    <t>11/25/2019 09:10:07</t>
  </si>
  <si>
    <t>C:\OneDrive\OneDrive - Grupo Algar\bHVpem1kYUBhbGdhcnRlY2guY29t\content_cache\d47\d127\</t>
  </si>
  <si>
    <t>11/25/2019 09:10:22</t>
  </si>
  <si>
    <t>C:\OneDrive\OneDrive - Grupo Algar\bHVpem1kYUBhbGdhcnRlY2guY29t\content_cache\d49\d130\</t>
  </si>
  <si>
    <t>11/25/2019 09:10:23</t>
  </si>
  <si>
    <t>C:\OneDrive\OneDrive - Grupo Algar\bHVpem1kYUBhbGdhcnRlY2guY29t\content_cache\d49\d62\</t>
  </si>
  <si>
    <t>11/25/2019 09:10:25</t>
  </si>
  <si>
    <t>C:\OneDrive\OneDrive - Grupo Algar\bHVpem1kYUBhbGdhcnRlY2guY29t\content_cache\d5\d102\</t>
  </si>
  <si>
    <t>11/25/2019 09:10:26</t>
  </si>
  <si>
    <t>C:\OneDrive\OneDrive - Grupo Algar\bHVpem1kYUBhbGdhcnRlY2guY29t\content_cache\d5\d119\</t>
  </si>
  <si>
    <t>C:\OneDrive\OneDrive - Grupo Algar\bHVpem1kYUBhbGdhcnRlY2guY29t\content_cache\d5\d136\</t>
  </si>
  <si>
    <t>C:\OneDrive\OneDrive - Grupo Algar\bHVpem1kYUBhbGdhcnRlY2guY29t\content_cache\d5\d18\</t>
  </si>
  <si>
    <t>11/25/2019 09:12:12</t>
  </si>
  <si>
    <t>Departamental_AlgarTecnologia.csv</t>
  </si>
  <si>
    <t>11/25/2019 09:11:31</t>
  </si>
  <si>
    <t>Departamental_Consolidada.csv</t>
  </si>
  <si>
    <t>11/25/2019 09:10:45</t>
  </si>
  <si>
    <t>11/25/2019 09:16:13</t>
  </si>
  <si>
    <t>C:\OneDrive\OneDrive - Grupo Algar\bHVpem1kYUBhbGdhcnRlY2guY29t\content_cache\d5\d86\</t>
  </si>
  <si>
    <t>11/25/2019 09:10:52</t>
  </si>
  <si>
    <t>C:\OneDrive\OneDrive - Grupo Algar\bHVpem1kYUBhbGdhcnRlY2guY29t\content_cache\d51\d148\</t>
  </si>
  <si>
    <t>C:\OneDrive\OneDrive - Grupo Algar\bHVpem1kYUBhbGdhcnRlY2guY29t\content_cache\d51\d15\21759\</t>
  </si>
  <si>
    <t>11/25/2019 09:10:55</t>
  </si>
  <si>
    <t>C:\OneDrive\OneDrive - Grupo Algar\bHVpem1kYUBhbGdhcnRlY2guY29t\content_cache\d51\d82\</t>
  </si>
  <si>
    <t>11/25/2019 09:10:58</t>
  </si>
  <si>
    <t>C:\OneDrive\OneDrive - Grupo Algar\bHVpem1kYUBhbGdhcnRlY2guY29t\content_cache\d52\d16\21760\</t>
  </si>
  <si>
    <t>C:\OneDrive\OneDrive - Grupo Algar\bHVpem1kYUBhbGdhcnRlY2guY29t\content_cache\d53\d33\</t>
  </si>
  <si>
    <t>11/25/2019 09:11:17</t>
  </si>
  <si>
    <t>C:\OneDrive\OneDrive - Grupo Algar\bHVpem1kYUBhbGdhcnRlY2guY29t\content_cache\d53\d67\</t>
  </si>
  <si>
    <t>11/25/2019 09:11:18</t>
  </si>
  <si>
    <t>C:\OneDrive\OneDrive - Grupo Algar\bHVpem1kYUBhbGdhcnRlY2guY29t\content_cache\d54\d101\</t>
  </si>
  <si>
    <t>11/25/2019 09:11:20</t>
  </si>
  <si>
    <t>C:\OneDrive\OneDrive - Grupo Algar\bHVpem1kYUBhbGdhcnRlY2guY29t\content_cache\d54\d51\</t>
  </si>
  <si>
    <t>11/25/2019 09:11:24</t>
  </si>
  <si>
    <t>C:\OneDrive\OneDrive - Grupo Algar\bHVpem1kYUBhbGdhcnRlY2guY29t\content_cache\d55\d136\</t>
  </si>
  <si>
    <t>11/25/2019 09:11:26</t>
  </si>
  <si>
    <t>C:\OneDrive\OneDrive - Grupo Algar\bHVpem1kYUBhbGdhcnRlY2guY29t\content_cache\d55\d86\</t>
  </si>
  <si>
    <t>11/25/2019 09:11:27</t>
  </si>
  <si>
    <t>C:\OneDrive\OneDrive - Grupo Algar\bHVpem1kYUBhbGdhcnRlY2guY29t\content_cache\d56\d120\</t>
  </si>
  <si>
    <t>11/25/2019 09:11:29</t>
  </si>
  <si>
    <t>C:\OneDrive\OneDrive - Grupo Algar\bHVpem1kYUBhbGdhcnRlY2guY29t\content_cache\d56\d3\</t>
  </si>
  <si>
    <t>C:\OneDrive\OneDrive - Grupo Algar\bHVpem1kYUBhbGdhcnRlY2guY29t\content_cache\d56\d53\</t>
  </si>
  <si>
    <t>C:\OneDrive\OneDrive - Grupo Algar\bHVpem1kYUBhbGdhcnRlY2guY29t\content_cache\d57\d121\</t>
  </si>
  <si>
    <t>11/25/2019 09:11:35</t>
  </si>
  <si>
    <t>C:\OneDrive\OneDrive - Grupo Algar\bHVpem1kYUBhbGdhcnRlY2guY29t\content_cache\d57\d71\</t>
  </si>
  <si>
    <t>11/25/2019 09:11:36</t>
  </si>
  <si>
    <t>C:\OneDrive\OneDrive - Grupo Algar\bHVpem1kYUBhbGdhcnRlY2guY29t\content_cache\d58\d105\</t>
  </si>
  <si>
    <t>11/25/2019 09:11:39</t>
  </si>
  <si>
    <t>C:\OneDrive\OneDrive - Grupo Algar\bHVpem1kYUBhbGdhcnRlY2guY29t\content_cache\d58\d55\</t>
  </si>
  <si>
    <t>11/25/2019 09:11:41</t>
  </si>
  <si>
    <t>C:\OneDrive\OneDrive - Grupo Algar\bHVpem1kYUBhbGdhcnRlY2guY29t\content_cache\d59\d139\</t>
  </si>
  <si>
    <t>11/25/2019 09:11:44</t>
  </si>
  <si>
    <t>C:\OneDrive\OneDrive - Grupo Algar\bHVpem1kYUBhbGdhcnRlY2guY29t\content_cache\d6\d103\</t>
  </si>
  <si>
    <t>11/25/2019 09:11:58</t>
  </si>
  <si>
    <t>C:\OneDrive\OneDrive - Grupo Algar\bHVpem1kYUBhbGdhcnRlY2guY29t\content_cache\d6\d69\</t>
  </si>
  <si>
    <t>11/25/2019 09:12:00</t>
  </si>
  <si>
    <t>C:\OneDrive\OneDrive - Grupo Algar\bHVpem1kYUBhbGdhcnRlY2guY29t\content_cache\d60\d57\</t>
  </si>
  <si>
    <t>11/25/2019 09:12:01</t>
  </si>
  <si>
    <t>C:\OneDrive\OneDrive - Grupo Algar\bHVpem1kYUBhbGdhcnRlY2guY29t\content_cache\d60\d90\</t>
  </si>
  <si>
    <t>11/25/2019 09:12:03</t>
  </si>
  <si>
    <t>C:\OneDrive\OneDrive - Grupo Algar\bHVpem1kYUBhbGdhcnRlY2guY29t\content_cache\d61\d41\</t>
  </si>
  <si>
    <t>11/25/2019 09:12:04</t>
  </si>
  <si>
    <t>C:\OneDrive\OneDrive - Grupo Algar\bHVpem1kYUBhbGdhcnRlY2guY29t\content_cache\d61\d75\</t>
  </si>
  <si>
    <t>11/25/2019 09:12:06</t>
  </si>
  <si>
    <t>C:\OneDrive\OneDrive - Grupo Algar\bHVpem1kYUBhbGdhcnRlY2guY29t\content_cache\d62\d126\</t>
  </si>
  <si>
    <t>11/25/2019 09:12:07</t>
  </si>
  <si>
    <t>C:\OneDrive\OneDrive - Grupo Algar\bHVpem1kYUBhbGdhcnRlY2guY29t\content_cache\d62\d25\22373\PCI Nespresso\</t>
  </si>
  <si>
    <t>C:\OneDrive\OneDrive - Grupo Algar\bHVpem1kYUBhbGdhcnRlY2guY29t\content_cache\d62\d26\</t>
  </si>
  <si>
    <t>11/25/2019 09:12:08</t>
  </si>
  <si>
    <t>C:\OneDrive\OneDrive - Grupo Algar\bHVpem1kYUBhbGdhcnRlY2guY29t\content_cache\d62\d76\</t>
  </si>
  <si>
    <t>C:\OneDrive\OneDrive - Grupo Algar\bHVpem1kYUBhbGdhcnRlY2guY29t\content_cache\d63\d77\</t>
  </si>
  <si>
    <t>11/25/2019 09:12:13</t>
  </si>
  <si>
    <t>C:\OneDrive\OneDrive - Grupo Algar\bHVpem1kYUBhbGdhcnRlY2guY29t\content_cache\d64\d127\</t>
  </si>
  <si>
    <t>11/25/2019 09:12:16</t>
  </si>
  <si>
    <t>C:\OneDrive\OneDrive - Grupo Algar\bHVpem1kYUBhbGdhcnRlY2guY29t\content_cache\d64\d94\</t>
  </si>
  <si>
    <t>11/25/2019 09:12:17</t>
  </si>
  <si>
    <t>C:\OneDrive\OneDrive - Grupo Algar\bHVpem1kYUBhbGdhcnRlY2guY29t\content_cache\d65\d129\</t>
  </si>
  <si>
    <t>11/25/2019 09:12:19</t>
  </si>
  <si>
    <t>C:\OneDrive\OneDrive - Grupo Algar\bHVpem1kYUBhbGdhcnRlY2guY29t\content_cache\d65\d29\</t>
  </si>
  <si>
    <t>11/25/2019 09:12:22</t>
  </si>
  <si>
    <t>C:\OneDrive\OneDrive - Grupo Algar\bHVpem1kYUBhbGdhcnRlY2guY29t\content_cache\d66\d29\</t>
  </si>
  <si>
    <t>11/25/2019 09:12:26</t>
  </si>
  <si>
    <t>C:\OneDrive\OneDrive - Grupo Algar\bHVpem1kYUBhbGdhcnRlY2guY29t\content_cache\d7\d137\</t>
  </si>
  <si>
    <t>11/25/2019 09:12:27</t>
  </si>
  <si>
    <t>C:\OneDrive\OneDrive - Grupo Algar\bHVpem1kYUBhbGdhcnRlY2guY29t\content_cache\d7\d37\</t>
  </si>
  <si>
    <t>11/25/2019 09:12:31</t>
  </si>
  <si>
    <t>C:\OneDrive\OneDrive - Grupo Algar\bHVpem1kYUBhbGdhcnRlY2guY29t\content_cache\d8\d5\</t>
  </si>
  <si>
    <t>C:\OneDrive\OneDrive - Grupo Algar\bHVpem1kYUBhbGdhcnRlY2guY29t\content_cache\d8\d55\</t>
  </si>
  <si>
    <t>11/25/2019 09:12:33</t>
  </si>
  <si>
    <t>C:\OneDrive\OneDrive - Grupo Algar\bHVpem1kYUBhbGdhcnRlY2guY29t\content_cache\d9\d139\</t>
  </si>
  <si>
    <t>11/25/2019 09:12:44</t>
  </si>
  <si>
    <t>C:\OneDrive\OneDrive - Grupo Algar\bHVpem1kYUBhbGdhcnRlY2guY29t\content_cache\d8\d89\</t>
  </si>
  <si>
    <t>11/25/2019 09:12:48</t>
  </si>
  <si>
    <t>C:\OneDrive\OneDrive - Grupo Algar\bHVpem1kYUBhbGdhcnRlY2guY29t\content_cache\d9\d90\</t>
  </si>
  <si>
    <t>11/25/2019 09:12:51</t>
  </si>
  <si>
    <t>C:\OneDrive\OneDrive - Grupo Algar\bHVpem1kYUBhbGdhcnRlY2guY29t\content_cache\d0\d128\</t>
  </si>
  <si>
    <t>11/25/2019 09:12:52</t>
  </si>
  <si>
    <t>C:\OneDrive\OneDrive - Grupo Algar\bHVpem1kYUBhbGdhcnRlY2guY29t\content_cache\d0\d145\</t>
  </si>
  <si>
    <t>11/25/2019 09:12:53</t>
  </si>
  <si>
    <t>C:\OneDrive\OneDrive - Grupo Algar\bHVpem1kYUBhbGdhcnRlY2guY29t\content_cache\d0\d28\</t>
  </si>
  <si>
    <t>11/25/2019 09:13:02</t>
  </si>
  <si>
    <t>C:\OneDrive\OneDrive - Grupo Algar\bHVpem1kYUBhbGdhcnRlY2guY29t\content_cache\d1\d129\23987\</t>
  </si>
  <si>
    <t>11/25/2019 09:13:12</t>
  </si>
  <si>
    <t>C:\OneDrive\OneDrive - Grupo Algar\bHVpem1kYUBhbGdhcnRlY2guY29t\content_cache\d1\d113\</t>
  </si>
  <si>
    <t>11/25/2019 09:13:13</t>
  </si>
  <si>
    <t>C:\OneDrive\OneDrive - Grupo Algar\bHVpem1kYUBhbGdhcnRlY2guY29t\content_cache\d1\d29\</t>
  </si>
  <si>
    <t>11/25/2019 09:13:23</t>
  </si>
  <si>
    <t>C:\OneDrive\OneDrive - Grupo Algar\bHVpem1kYUBhbGdhcnRlY2guY29t\content_cache\d10\d138\</t>
  </si>
  <si>
    <t>11/25/2019 09:13:24</t>
  </si>
  <si>
    <t>C:\OneDrive\OneDrive - Grupo Algar\bHVpem1kYUBhbGdhcnRlY2guY29t\content_cache\d10\d22\</t>
  </si>
  <si>
    <t>11/25/2019 09:13:26</t>
  </si>
  <si>
    <t>C:\OneDrive\OneDrive - Grupo Algar\bHVpem1kYUBhbGdhcnRlY2guY29t\content_cache\d10\d5\</t>
  </si>
  <si>
    <t>11/25/2019 09:13:29</t>
  </si>
  <si>
    <t>C:\OneDrive\OneDrive - Grupo Algar\bHVpem1kYUBhbGdhcnRlY2guY29t\content_cache\d10\d89\</t>
  </si>
  <si>
    <t>11/25/2019 09:13:32</t>
  </si>
  <si>
    <t>C:\OneDrive\OneDrive - Grupo Algar\bHVpem1kYUBhbGdhcnRlY2guY29t\content_cache\d11\d139\</t>
  </si>
  <si>
    <t>11/25/2019 09:13:33</t>
  </si>
  <si>
    <t>C:\OneDrive\OneDrive - Grupo Algar\bHVpem1kYUBhbGdhcnRlY2guY29t\content_cache\d11\d21\</t>
  </si>
  <si>
    <t>11/25/2019 09:13:42</t>
  </si>
  <si>
    <t>C:\OneDrive\OneDrive - Grupo Algar\bHVpem1kYUBhbGdhcnRlY2guY29t\content_cache\d12\d125\</t>
  </si>
  <si>
    <t>C:\OneDrive\OneDrive - Grupo Algar\bHVpem1kYUBhbGdhcnRlY2guY29t\content_cache\d12\d140\</t>
  </si>
  <si>
    <t>11/25/2019 09:13:43</t>
  </si>
  <si>
    <t>C:\OneDrive\OneDrive - Grupo Algar\bHVpem1kYUBhbGdhcnRlY2guY29t\content_cache\d12\d22\</t>
  </si>
  <si>
    <t>11/25/2019 09:13:45</t>
  </si>
  <si>
    <t>C:\OneDrive\OneDrive - Grupo Algar\bHVpem1kYUBhbGdhcnRlY2guY29t\content_cache\d12\d39\</t>
  </si>
  <si>
    <t>11/25/2019 09:13:47</t>
  </si>
  <si>
    <t>C:\OneDrive\OneDrive - Grupo Algar\bHVpem1kYUBhbGdhcnRlY2guY29t\content_cache\d12\d56\</t>
  </si>
  <si>
    <t>11/25/2019 09:13:49</t>
  </si>
  <si>
    <t>C:\OneDrive\OneDrive - Grupo Algar\bHVpem1kYUBhbGdhcnRlY2guY29t\content_cache\d12\d6\</t>
  </si>
  <si>
    <t>C:\OneDrive\OneDrive - Grupo Algar\bHVpem1kYUBhbGdhcnRlY2guY29t\content_cache\d12\d6\23864\</t>
  </si>
  <si>
    <t>11/25/2019 09:13:53</t>
  </si>
  <si>
    <t>C:\OneDrive\OneDrive - Grupo Algar\bHVpem1kYUBhbGdhcnRlY2guY29t\content_cache\d13\d109\</t>
  </si>
  <si>
    <t>11/25/2019 09:13:55</t>
  </si>
  <si>
    <t>C:\OneDrive\OneDrive - Grupo Algar\bHVpem1kYUBhbGdhcnRlY2guY29t\content_cache\d13\d124\</t>
  </si>
  <si>
    <t>11/25/2019 09:13:58</t>
  </si>
  <si>
    <t>C:\OneDrive\OneDrive - Grupo Algar\bHVpem1kYUBhbGdhcnRlY2guY29t\content_cache\d13\d23\</t>
  </si>
  <si>
    <t>11/25/2019 09:13:59</t>
  </si>
  <si>
    <t>C:\OneDrive\OneDrive - Grupo Algar\bHVpem1kYUBhbGdhcnRlY2guY29t\content_cache\d13\d40\</t>
  </si>
  <si>
    <t>11/25/2019 09:14:02</t>
  </si>
  <si>
    <t>C:\OneDrive\OneDrive - Grupo Algar\bHVpem1kYUBhbGdhcnRlY2guY29t\content_cache\d13\d57\</t>
  </si>
  <si>
    <t>11/25/2019 09:14:24</t>
  </si>
  <si>
    <t>C:\OneDrive\OneDrive - Grupo Algar\bHVpem1kYUBhbGdhcnRlY2guY29t\content_cache\d14\d142\</t>
  </si>
  <si>
    <t>11/25/2019 09:14:26</t>
  </si>
  <si>
    <t>C:\OneDrive\OneDrive - Grupo Algar\bHVpem1kYUBhbGdhcnRlY2guY29t\content_cache\d14\d41\</t>
  </si>
  <si>
    <t>11/25/2019 09:14:28</t>
  </si>
  <si>
    <t>C:\OneDrive\OneDrive - Grupo Algar\bHVpem1kYUBhbGdhcnRlY2guY29t\content_cache\d14\d58\</t>
  </si>
  <si>
    <t>11/25/2019 09:14:29</t>
  </si>
  <si>
    <t>C:\OneDrive\OneDrive - Grupo Algar\bHVpem1kYUBhbGdhcnRlY2guY29t\content_cache\d14\d59\</t>
  </si>
  <si>
    <t>11/25/2019 09:14:38</t>
  </si>
  <si>
    <t>C:\OneDrive\OneDrive - Grupo Algar\bHVpem1kYUBhbGdhcnRlY2guY29t\content_cache\d15\d42\</t>
  </si>
  <si>
    <t>11/25/2019 09:14:39</t>
  </si>
  <si>
    <t>C:\OneDrive\OneDrive - Grupo Algar\bHVpem1kYUBhbGdhcnRlY2guY29t\content_cache\d15\d59\</t>
  </si>
  <si>
    <t>11/25/2019 09:14:50</t>
  </si>
  <si>
    <t>C:\OneDrive\OneDrive - Grupo Algar\bHVpem1kYUBhbGdhcnRlY2guY29t\content_cache\d16\d60\</t>
  </si>
  <si>
    <t>11/25/2019 09:14:56</t>
  </si>
  <si>
    <t>C:\OneDrive\OneDrive - Grupo Algar\bHVpem1kYUBhbGdhcnRlY2guY29t\content_cache\d17\d129\</t>
  </si>
  <si>
    <t>C:\OneDrive\OneDrive - Grupo Algar\bHVpem1kYUBhbGdhcnRlY2guY29t\content_cache\d17\d130\</t>
  </si>
  <si>
    <t>11/25/2019 09:15:06</t>
  </si>
  <si>
    <t>C:\OneDrive\OneDrive - Grupo Algar\bHVpem1kYUBhbGdhcnRlY2guY29t\content_cache\d18\d111\</t>
  </si>
  <si>
    <t>11/25/2019 09:15:07</t>
  </si>
  <si>
    <t>C:\OneDrive\OneDrive - Grupo Algar\bHVpem1kYUBhbGdhcnRlY2guY29t\content_cache\d18\d113\23669\</t>
  </si>
  <si>
    <t>11/25/2019 09:15:08</t>
  </si>
  <si>
    <t>C:\OneDrive\OneDrive - Grupo Algar\bHVpem1kYUBhbGdhcnRlY2guY29t\content_cache\d18\d129\</t>
  </si>
  <si>
    <t>11/25/2019 09:15:10</t>
  </si>
  <si>
    <t>C:\OneDrive\OneDrive - Grupo Algar\bHVpem1kYUBhbGdhcnRlY2guY29t\content_cache\d18\d146\</t>
  </si>
  <si>
    <t>11/25/2019 09:15:13</t>
  </si>
  <si>
    <t>C:\OneDrive\OneDrive - Grupo Algar\bHVpem1kYUBhbGdhcnRlY2guY29t\content_cache\d18\d46\</t>
  </si>
  <si>
    <t>11/25/2019 09:15:14</t>
  </si>
  <si>
    <t>C:\OneDrive\OneDrive - Grupo Algar\bHVpem1kYUBhbGdhcnRlY2guY29t\content_cache\d18\d62\</t>
  </si>
  <si>
    <t>C:\OneDrive\OneDrive - Grupo Algar\bHVpem1kYUBhbGdhcnRlY2guY29t\content_cache\d18\d63\</t>
  </si>
  <si>
    <t>11/25/2019 09:15:15</t>
  </si>
  <si>
    <t>C:\OneDrive\OneDrive - Grupo Algar\bHVpem1kYUBhbGdhcnRlY2guY29t\content_cache\d18\d79\</t>
  </si>
  <si>
    <t>11/25/2019 09:15:17</t>
  </si>
  <si>
    <t>C:\OneDrive\OneDrive - Grupo Algar\bHVpem1kYUBhbGdhcnRlY2guY29t\content_cache\d18\d97\</t>
  </si>
  <si>
    <t>11/25/2019 09:15:20</t>
  </si>
  <si>
    <t>C:\OneDrive\OneDrive - Grupo Algar\bHVpem1kYUBhbGdhcnRlY2guY29t\content_cache\d19\d14\</t>
  </si>
  <si>
    <t>11/25/2019 09:15:25</t>
  </si>
  <si>
    <t>C:\OneDrive\OneDrive - Grupo Algar\bHVpem1kYUBhbGdhcnRlY2guY29t\content_cache\d19\d65\</t>
  </si>
  <si>
    <t>11/25/2019 09:15:27</t>
  </si>
  <si>
    <t>C:\OneDrive\OneDrive - Grupo Algar\bHVpem1kYUBhbGdhcnRlY2guY29t\content_cache\d19\d98\</t>
  </si>
  <si>
    <t>11/25/2019 09:15:29</t>
  </si>
  <si>
    <t>C:\OneDrive\OneDrive - Grupo Algar\bHVpem1kYUBhbGdhcnRlY2guY29t\content_cache\d2\d115\</t>
  </si>
  <si>
    <t>11/25/2019 09:15:33</t>
  </si>
  <si>
    <t>11/25/2019 09:21:13</t>
  </si>
  <si>
    <t>C:\OneDrive\OneDrive - Grupo Algar\bHVpem1kYUBhbGdhcnRlY2guY29t\content_cache\d2\d30\</t>
  </si>
  <si>
    <t>C:\OneDrive\OneDrive - Grupo Algar\bHVpem1kYUBhbGdhcnRlY2guY29t\content_cache\d2\d44\</t>
  </si>
  <si>
    <t>11/25/2019 09:15:39</t>
  </si>
  <si>
    <t>C:\OneDrive\OneDrive - Grupo Algar\bHVpem1kYUBhbGdhcnRlY2guY29t\content_cache\d20\d115\</t>
  </si>
  <si>
    <t>C:\OneDrive\OneDrive - Grupo Algar\bHVpem1kYUBhbGdhcnRlY2guY29t\content_cache\d20\d12\</t>
  </si>
  <si>
    <t>11/25/2019 09:15:45</t>
  </si>
  <si>
    <t>C:\OneDrive\OneDrive - Grupo Algar\bHVpem1kYUBhbGdhcnRlY2guY29t\content_cache\d20\d64\</t>
  </si>
  <si>
    <t>11/25/2019 09:15:48</t>
  </si>
  <si>
    <t>C:\OneDrive\OneDrive - Grupo Algar\bHVpem1kYUBhbGdhcnRlY2guY29t\content_cache\d21\d115\</t>
  </si>
  <si>
    <t>11/25/2019 09:16:03</t>
  </si>
  <si>
    <t>C:\OneDrive\OneDrive - Grupo Algar\bHVpem1kYUBhbGdhcnRlY2guY29t\content_cache\d21\d116\</t>
  </si>
  <si>
    <t>C:\OneDrive\OneDrive - Grupo Algar\bHVpem1kYUBhbGdhcnRlY2guY29t\content_cache\d21\d15\</t>
  </si>
  <si>
    <t>11/25/2019 09:16:04</t>
  </si>
  <si>
    <t>C:\OneDrive\OneDrive - Grupo Algar\bHVpem1kYUBhbGdhcnRlY2guY29t\content_cache\d21\d150\</t>
  </si>
  <si>
    <t>11/25/2019 09:16:06</t>
  </si>
  <si>
    <t>C:\OneDrive\OneDrive - Grupo Algar\bHVpem1kYUBhbGdhcnRlY2guY29t\content_cache\d21\d32\</t>
  </si>
  <si>
    <t>11/25/2019 09:16:09</t>
  </si>
  <si>
    <t>C:\OneDrive\OneDrive - Grupo Algar\bHVpem1kYUBhbGdhcnRlY2guY29t\content_cache\d21\d65\</t>
  </si>
  <si>
    <t>11/25/2019 09:16:12</t>
  </si>
  <si>
    <t>C:\OneDrive\OneDrive - Grupo Algar\bHVpem1kYUBhbGdhcnRlY2guY29t\content_cache\d22\d116\</t>
  </si>
  <si>
    <t>11/25/2019 09:16:17</t>
  </si>
  <si>
    <t>C:\OneDrive\OneDrive - Grupo Algar\bHVpem1kYUBhbGdhcnRlY2guY29t\content_cache\d22\d17\</t>
  </si>
  <si>
    <t>11/25/2019 09:16:18</t>
  </si>
  <si>
    <t>C:\OneDrive\OneDrive - Grupo Algar\bHVpem1kYUBhbGdhcnRlY2guY29t\content_cache\d22\d33\</t>
  </si>
  <si>
    <t>11/25/2019 09:16:21</t>
  </si>
  <si>
    <t>C:\OneDrive\OneDrive - Grupo Algar\bHVpem1kYUBhbGdhcnRlY2guY29t\content_cache\d22\d66\</t>
  </si>
  <si>
    <t>11/25/2019 09:16:23</t>
  </si>
  <si>
    <t>C:\OneDrive\OneDrive - Grupo Algar\bHVpem1kYUBhbGdhcnRlY2guY29t\content_cache\d22\d84\</t>
  </si>
  <si>
    <t>11/25/2019 09:16:26</t>
  </si>
  <si>
    <t>C:\OneDrive\OneDrive - Grupo Algar\bHVpem1kYUBhbGdhcnRlY2guY29t\content_cache\d23\d118\</t>
  </si>
  <si>
    <t>11/25/2019 09:16:29</t>
  </si>
  <si>
    <t>C:\OneDrive\OneDrive - Grupo Algar\bHVpem1kYUBhbGdhcnRlY2guY29t\content_cache\d23\d17\</t>
  </si>
  <si>
    <t>11/25/2019 09:16:36</t>
  </si>
  <si>
    <t>C:\OneDrive\OneDrive - Grupo Algar\bHVpem1kYUBhbGdhcnRlY2guY29t\content_cache\d24\d103\</t>
  </si>
  <si>
    <t>11/25/2019 09:16:40</t>
  </si>
  <si>
    <t>C:\OneDrive\OneDrive - Grupo Algar\bHVpem1kYUBhbGdhcnRlY2guY29t\content_cache\d24\d2\</t>
  </si>
  <si>
    <t>11/25/2019 09:16:43</t>
  </si>
  <si>
    <t>C:\OneDrive\OneDrive - Grupo Algar\bHVpem1kYUBhbGdhcnRlY2guY29t\content_cache\d24\d68\</t>
  </si>
  <si>
    <t>11/25/2019 09:16:49</t>
  </si>
  <si>
    <t>C:\OneDrive\OneDrive - Grupo Algar\bHVpem1kYUBhbGdhcnRlY2guY29t\content_cache\d25\d136\</t>
  </si>
  <si>
    <t>11/25/2019 09:16:54</t>
  </si>
  <si>
    <t>C:\OneDrive\OneDrive - Grupo Algar\bHVpem1kYUBhbGdhcnRlY2guY29t\content_cache\d25\d69\</t>
  </si>
  <si>
    <t>11/25/2019 09:16:56</t>
  </si>
  <si>
    <t>C:\OneDrive\OneDrive - Grupo Algar\bHVpem1kYUBhbGdhcnRlY2guY29t\content_cache\d26\d105\</t>
  </si>
  <si>
    <t>11/25/2019 09:16:59</t>
  </si>
  <si>
    <t>C:\OneDrive\OneDrive - Grupo Algar\bHVpem1kYUBhbGdhcnRlY2guY29t\content_cache\d26\d137\</t>
  </si>
  <si>
    <t>11/25/2019 09:17:01</t>
  </si>
  <si>
    <t>C:\OneDrive\OneDrive - Grupo Algar\bHVpem1kYUBhbGdhcnRlY2guY29t\content_cache\d26\d3\</t>
  </si>
  <si>
    <t>11/25/2019 09:17:12</t>
  </si>
  <si>
    <t>C:\OneDrive\OneDrive - Grupo Algar\bHVpem1kYUBhbGdhcnRlY2guY29t\content_cache\d26\d54\</t>
  </si>
  <si>
    <t>11/25/2019 09:17:16</t>
  </si>
  <si>
    <t>C:\OneDrive\OneDrive - Grupo Algar\bHVpem1kYUBhbGdhcnRlY2guY29t\content_cache\d27\d106\</t>
  </si>
  <si>
    <t>11/25/2019 09:17:18</t>
  </si>
  <si>
    <t>C:\OneDrive\OneDrive - Grupo Algar\bHVpem1kYUBhbGdhcnRlY2guY29t\content_cache\d27\d138\</t>
  </si>
  <si>
    <t>11/25/2019 09:17:19</t>
  </si>
  <si>
    <t>C:\OneDrive\OneDrive - Grupo Algar\bHVpem1kYUBhbGdhcnRlY2guY29t\content_cache\d27\d2\25219\PCI Nespresso\</t>
  </si>
  <si>
    <t>11/25/2019 09:17:26</t>
  </si>
  <si>
    <t>C:\OneDrive\OneDrive - Grupo Algar\bHVpem1kYUBhbGdhcnRlY2guY29t\content_cache\d27\d72\</t>
  </si>
  <si>
    <t>11/25/2019 09:17:29</t>
  </si>
  <si>
    <t>C:\OneDrive\OneDrive - Grupo Algar\bHVpem1kYUBhbGdhcnRlY2guY29t\content_cache\d28\d124\</t>
  </si>
  <si>
    <t>11/25/2019 09:17:30</t>
  </si>
  <si>
    <t>C:\OneDrive\OneDrive - Grupo Algar\bHVpem1kYUBhbGdhcnRlY2guY29t\content_cache\d28\d139\</t>
  </si>
  <si>
    <t>11/25/2019 09:17:31</t>
  </si>
  <si>
    <t>C:\OneDrive\OneDrive - Grupo Algar\bHVpem1kYUBhbGdhcnRlY2guY29t\content_cache\d28\d23\</t>
  </si>
  <si>
    <t>11/25/2019 09:17:37</t>
  </si>
  <si>
    <t>C:\OneDrive\OneDrive - Grupo Algar\bHVpem1kYUBhbGdhcnRlY2guY29t\content_cache\d28\d72\</t>
  </si>
  <si>
    <t>C:\OneDrive\OneDrive - Grupo Algar\bHVpem1kYUBhbGdhcnRlY2guY29t\content_cache\d28\d73\</t>
  </si>
  <si>
    <t>11/25/2019 09:17:40</t>
  </si>
  <si>
    <t>C:\OneDrive\OneDrive - Grupo Algar\bHVpem1kYUBhbGdhcnRlY2guY29t\content_cache\d29\d108\</t>
  </si>
  <si>
    <t>11/25/2019 09:17:41</t>
  </si>
  <si>
    <t>C:\OneDrive\OneDrive - Grupo Algar\bHVpem1kYUBhbGdhcnRlY2guY29t\content_cache\d29\d125\</t>
  </si>
  <si>
    <t>11/25/2019 09:17:42</t>
  </si>
  <si>
    <t>C:\OneDrive\OneDrive - Grupo Algar\bHVpem1kYUBhbGdhcnRlY2guY29t\content_cache\d29\d140\</t>
  </si>
  <si>
    <t>11/25/2019 09:17:47</t>
  </si>
  <si>
    <t>C:\OneDrive\OneDrive - Grupo Algar\bHVpem1kYUBhbGdhcnRlY2guY29t\content_cache\d29\d73\</t>
  </si>
  <si>
    <t>11/25/2019 09:17:48</t>
  </si>
  <si>
    <t>C:\OneDrive\OneDrive - Grupo Algar\bHVpem1kYUBhbGdhcnRlY2guY29t\content_cache\d29\d74\</t>
  </si>
  <si>
    <t>C:\OneDrive\OneDrive - Grupo Algar\bHVpem1kYUBhbGdhcnRlY2guY29t\content_cache\d29\d75\</t>
  </si>
  <si>
    <t>11/25/2019 09:17:53</t>
  </si>
  <si>
    <t>C:\OneDrive\OneDrive - Grupo Algar\bHVpem1kYUBhbGdhcnRlY2guY29t\content_cache\d3\d131\23989\</t>
  </si>
  <si>
    <t>11/25/2019 09:18:13</t>
  </si>
  <si>
    <t>C:\OneDrive\OneDrive - Grupo Algar\bHVpem1kYUBhbGdhcnRlY2guY29t\content_cache\d30\d108\</t>
  </si>
  <si>
    <t>11/25/2019 09:18:14</t>
  </si>
  <si>
    <t>C:\OneDrive\OneDrive - Grupo Algar\bHVpem1kYUBhbGdhcnRlY2guY29t\content_cache\d30\d142\23547\</t>
  </si>
  <si>
    <t>11/25/2019 09:18:16</t>
  </si>
  <si>
    <t>C:\OneDrive\OneDrive - Grupo Algar\bHVpem1kYUBhbGdhcnRlY2guY29t\content_cache\d30\d25\</t>
  </si>
  <si>
    <t>11/25/2019 09:18:17</t>
  </si>
  <si>
    <t>C:\OneDrive\OneDrive - Grupo Algar\bHVpem1kYUBhbGdhcnRlY2guY29t\content_cache\d30\d42\</t>
  </si>
  <si>
    <t>11/25/2019 09:18:19</t>
  </si>
  <si>
    <t>C:\OneDrive\OneDrive - Grupo Algar\bHVpem1kYUBhbGdhcnRlY2guY29t\content_cache\d30\d59\</t>
  </si>
  <si>
    <t>11/25/2019 09:18:20</t>
  </si>
  <si>
    <t>C:\OneDrive\OneDrive - Grupo Algar\bHVpem1kYUBhbGdhcnRlY2guY29t\content_cache\d30\d75\</t>
  </si>
  <si>
    <t>11/25/2019 09:18:21</t>
  </si>
  <si>
    <t>C:\OneDrive\OneDrive - Grupo Algar\bHVpem1kYUBhbGdhcnRlY2guY29t\content_cache\d30\d8\</t>
  </si>
  <si>
    <t>11/25/2019 09:18:22</t>
  </si>
  <si>
    <t>C:\OneDrive\OneDrive - Grupo Algar\bHVpem1kYUBhbGdhcnRlY2guY29t\content_cache\d30\d9\</t>
  </si>
  <si>
    <t>C:\OneDrive\OneDrive - Grupo Algar\bHVpem1kYUBhbGdhcnRlY2guY29t\content_cache\d30\d92\</t>
  </si>
  <si>
    <t>11/25/2019 09:18:23</t>
  </si>
  <si>
    <t>C:\OneDrive\OneDrive - Grupo Algar\bHVpem1kYUBhbGdhcnRlY2guY29t\content_cache\d31\d10\</t>
  </si>
  <si>
    <t>11/25/2019 09:18:25</t>
  </si>
  <si>
    <t>C:\OneDrive\OneDrive - Grupo Algar\bHVpem1kYUBhbGdhcnRlY2guY29t\content_cache\d30\d91\</t>
  </si>
  <si>
    <t>C:\OneDrive\OneDrive - Grupo Algar\bHVpem1kYUBhbGdhcnRlY2guY29t\content_cache\d30\d91\23949\</t>
  </si>
  <si>
    <t>11/25/2019 09:18:40</t>
  </si>
  <si>
    <t>C:\OneDrive\OneDrive - Grupo Algar\bHVpem1kYUBhbGdhcnRlY2guY29t\content_cache\d32\d111\</t>
  </si>
  <si>
    <t>11/25/2019 09:18:44</t>
  </si>
  <si>
    <t>C:\OneDrive\OneDrive - Grupo Algar\bHVpem1kYUBhbGdhcnRlY2guY29t\content_cache\d32\d42\</t>
  </si>
  <si>
    <t>11/25/2019 09:18:46</t>
  </si>
  <si>
    <t>C:\OneDrive\OneDrive - Grupo Algar\bHVpem1kYUBhbGdhcnRlY2guY29t\content_cache\d32\d58\</t>
  </si>
  <si>
    <t>11/25/2019 09:18:47</t>
  </si>
  <si>
    <t>C:\OneDrive\OneDrive - Grupo Algar\bHVpem1kYUBhbGdhcnRlY2guY29t\content_cache\d32\d77\</t>
  </si>
  <si>
    <t>11/25/2019 09:18:49</t>
  </si>
  <si>
    <t>C:\OneDrive\OneDrive - Grupo Algar\bHVpem1kYUBhbGdhcnRlY2guY29t\content_cache\d32\d94\</t>
  </si>
  <si>
    <t>11/25/2019 09:18:55</t>
  </si>
  <si>
    <t>C:\OneDrive\OneDrive - Grupo Algar\bHVpem1kYUBhbGdhcnRlY2guY29t\content_cache\d33\d27\</t>
  </si>
  <si>
    <t>11/25/2019 09:18:56</t>
  </si>
  <si>
    <t>C:\OneDrive\OneDrive - Grupo Algar\bHVpem1kYUBhbGdhcnRlY2guY29t\content_cache\d33\d45\</t>
  </si>
  <si>
    <t>11/25/2019 09:18:58</t>
  </si>
  <si>
    <t>C:\OneDrive\OneDrive - Grupo Algar\bHVpem1kYUBhbGdhcnRlY2guY29t\content_cache\d33\d78\</t>
  </si>
  <si>
    <t>11/25/2019 09:19:04</t>
  </si>
  <si>
    <t>C:\OneDrive\OneDrive - Grupo Algar\bHVpem1kYUBhbGdhcnRlY2guY29t\content_cache\d34\d13\</t>
  </si>
  <si>
    <t>11/25/2019 09:19:14</t>
  </si>
  <si>
    <t>C:\OneDrive\OneDrive - Grupo Algar\bHVpem1kYUBhbGdhcnRlY2guY29t\content_cache\d34\d61\</t>
  </si>
  <si>
    <t>11/25/2019 09:19:16</t>
  </si>
  <si>
    <t>C:\OneDrive\OneDrive - Grupo Algar\bHVpem1kYUBhbGdhcnRlY2guY29t\content_cache\d34\d78\</t>
  </si>
  <si>
    <t>11/25/2019 09:19:18</t>
  </si>
  <si>
    <t>C:\OneDrive\OneDrive - Grupo Algar\bHVpem1kYUBhbGdhcnRlY2guY29t\content_cache\d34\d96\</t>
  </si>
  <si>
    <t>11/25/2019 09:19:28</t>
  </si>
  <si>
    <t>C:\OneDrive\OneDrive - Grupo Algar\bHVpem1kYUBhbGdhcnRlY2guY29t\content_cache\d35\d148\</t>
  </si>
  <si>
    <t>11/25/2019 09:19:32</t>
  </si>
  <si>
    <t>C:\OneDrive\OneDrive - Grupo Algar\bHVpem1kYUBhbGdhcnRlY2guY29t\content_cache\d35\d47\</t>
  </si>
  <si>
    <t>11/25/2019 09:19:33</t>
  </si>
  <si>
    <t>C:\OneDrive\OneDrive - Grupo Algar\bHVpem1kYUBhbGdhcnRlY2guY29t\content_cache\d35\d64\</t>
  </si>
  <si>
    <t>C:\OneDrive\OneDrive - Grupo Algar\bHVpem1kYUBhbGdhcnRlY2guY29t\content_cache\d35\d79\</t>
  </si>
  <si>
    <t>11/25/2019 09:19:34</t>
  </si>
  <si>
    <t>C:\OneDrive\OneDrive - Grupo Algar\bHVpem1kYUBhbGdhcnRlY2guY29t\content_cache\d35\d80\</t>
  </si>
  <si>
    <t>11/25/2019 09:19:35</t>
  </si>
  <si>
    <t>C:\OneDrive\OneDrive - Grupo Algar\bHVpem1kYUBhbGdhcnRlY2guY29t\content_cache\d35\d96\</t>
  </si>
  <si>
    <t>11/25/2019 09:19:36</t>
  </si>
  <si>
    <t>C:\OneDrive\OneDrive - Grupo Algar\bHVpem1kYUBhbGdhcnRlY2guY29t\content_cache\d35\d97\</t>
  </si>
  <si>
    <t>11/25/2019 09:19:39</t>
  </si>
  <si>
    <t>C:\OneDrive\OneDrive - Grupo Algar\bHVpem1kYUBhbGdhcnRlY2guY29t\content_cache\d36\d14\</t>
  </si>
  <si>
    <t>11/25/2019 09:19:41</t>
  </si>
  <si>
    <t>C:\OneDrive\OneDrive - Grupo Algar\bHVpem1kYUBhbGdhcnRlY2guY29t\content_cache\d36\d30\</t>
  </si>
  <si>
    <t>11/25/2019 09:19:44</t>
  </si>
  <si>
    <t>C:\OneDrive\OneDrive - Grupo Algar\bHVpem1kYUBhbGdhcnRlY2guY29t\content_cache\d36\d65\</t>
  </si>
  <si>
    <t>11/25/2019 09:19:45</t>
  </si>
  <si>
    <t>C:\OneDrive\OneDrive - Grupo Algar\bHVpem1kYUBhbGdhcnRlY2guY29t\content_cache\d36\d81\</t>
  </si>
  <si>
    <t>11/25/2019 09:19:46</t>
  </si>
  <si>
    <t>C:\OneDrive\OneDrive - Grupo Algar\bHVpem1kYUBhbGdhcnRlY2guY29t\content_cache\d36\d98\</t>
  </si>
  <si>
    <t>11/25/2019 09:19:47</t>
  </si>
  <si>
    <t>C:\OneDrive\OneDrive - Grupo Algar\bHVpem1kYUBhbGdhcnRlY2guY29t\content_cache\d36\d97\</t>
  </si>
  <si>
    <t>C:\OneDrive\OneDrive - Grupo Algar\bHVpem1kYUBhbGdhcnRlY2guY29t\content_cache\d36\d97\23955\</t>
  </si>
  <si>
    <t>11/25/2019 09:19:49</t>
  </si>
  <si>
    <t>C:\OneDrive\OneDrive - Grupo Algar\bHVpem1kYUBhbGdhcnRlY2guY29t\content_cache\d37\d131\</t>
  </si>
  <si>
    <t>11/25/2019 09:19:50</t>
  </si>
  <si>
    <t>C:\OneDrive\OneDrive - Grupo Algar\bHVpem1kYUBhbGdhcnRlY2guY29t\content_cache\d37\d133\</t>
  </si>
  <si>
    <t>11/25/2019 09:19:59</t>
  </si>
  <si>
    <t>C:\OneDrive\OneDrive - Grupo Algar\bHVpem1kYUBhbGdhcnRlY2guY29t\content_cache\d37\d81\</t>
  </si>
  <si>
    <t>11/25/2019 09:20:01</t>
  </si>
  <si>
    <t>C:\OneDrive\OneDrive - Grupo Algar\bHVpem1kYUBhbGdhcnRlY2guY29t\content_cache\d37\d99\</t>
  </si>
  <si>
    <t>C:\OneDrive\OneDrive - Grupo Algar\bHVpem1kYUBhbGdhcnRlY2guY29t\content_cache\d38\d100\</t>
  </si>
  <si>
    <t>11/25/2019 09:20:26</t>
  </si>
  <si>
    <t>C:\OneDrive\OneDrive - Grupo Algar\bHVpem1kYUBhbGdhcnRlY2guY29t\content_cache\d38\d65\</t>
  </si>
  <si>
    <t>11/25/2019 09:20:28</t>
  </si>
  <si>
    <t>C:\OneDrive\OneDrive - Grupo Algar\bHVpem1kYUBhbGdhcnRlY2guY29t\content_cache\d38\d82\</t>
  </si>
  <si>
    <t>11/25/2019 09:19:05</t>
  </si>
  <si>
    <t>11/25/2019 09:22:12</t>
  </si>
  <si>
    <t>mail.google.com/_/upload?authuser=0&amp;dcp=asu-n&amp;upload_id=AEnB2UqAFOlC4ag3ptEAjkpgheRbrGUl1PzSWG6vaixEc64UJAqbcVuxtYV72MLA5xtV3S9QohFD2qscp-uC5-7jPhDa40ou-Q&amp;upload_protocol=resumable</t>
  </si>
  <si>
    <t>C:\Users\adrielefc\Desktop\</t>
  </si>
  <si>
    <t>11/25/2019 09:20:37</t>
  </si>
  <si>
    <t>11/25/2019 09:26:13</t>
  </si>
  <si>
    <t>C:\OneDrive\OneDrive - Grupo Algar\bHVpem1kYUBhbGdhcnRlY2guY29t\content_cache\d39\d34\</t>
  </si>
  <si>
    <t>11/25/2019 09:20:43</t>
  </si>
  <si>
    <t>C:\OneDrive\OneDrive - Grupo Algar\bHVpem1kYUBhbGdhcnRlY2guY29t\content_cache\d4\d117\</t>
  </si>
  <si>
    <t>11/25/2019 09:20:49</t>
  </si>
  <si>
    <t>C:\OneDrive\OneDrive - Grupo Algar\bHVpem1kYUBhbGdhcnRlY2guY29t\content_cache\d4\d46\</t>
  </si>
  <si>
    <t>C:\OneDrive\OneDrive - Grupo Algar\bHVpem1kYUBhbGdhcnRlY2guY29t\content_cache\d4\d49\</t>
  </si>
  <si>
    <t>11/25/2019 09:20:55</t>
  </si>
  <si>
    <t>C:\OneDrive\OneDrive - Grupo Algar\bHVpem1kYUBhbGdhcnRlY2guY29t\content_cache\d40\d1\</t>
  </si>
  <si>
    <t>11/25/2019 09:21:08</t>
  </si>
  <si>
    <t>C:\OneDrive\OneDrive - Grupo Algar\bHVpem1kYUBhbGdhcnRlY2guY29t\content_cache\d41\d101\</t>
  </si>
  <si>
    <t>11/25/2019 09:21:21</t>
  </si>
  <si>
    <t>C:\OneDrive\OneDrive - Grupo Algar\bHVpem1kYUBhbGdhcnRlY2guY29t\content_cache\d41\d119\</t>
  </si>
  <si>
    <t>11/25/2019 09:21:24</t>
  </si>
  <si>
    <t>C:\OneDrive\OneDrive - Grupo Algar\bHVpem1kYUBhbGdhcnRlY2guY29t\content_cache\d41\d16\</t>
  </si>
  <si>
    <t>C:\OneDrive\OneDrive - Grupo Algar\bHVpem1kYUBhbGdhcnRlY2guY29t\content_cache\d41\d2\</t>
  </si>
  <si>
    <t>11/25/2019 09:21:34</t>
  </si>
  <si>
    <t>C:\OneDrive\OneDrive - Grupo Algar\bHVpem1kYUBhbGdhcnRlY2guY29t\content_cache\d42\d118\</t>
  </si>
  <si>
    <t>11/25/2019 09:21:38</t>
  </si>
  <si>
    <t>C:\OneDrive\OneDrive - Grupo Algar\bHVpem1kYUBhbGdhcnRlY2guY29t\content_cache\d42\d121\23224\</t>
  </si>
  <si>
    <t>11/25/2019 09:21:42</t>
  </si>
  <si>
    <t>C:\OneDrive\OneDrive - Grupo Algar\bHVpem1kYUBhbGdhcnRlY2guY29t\content_cache\d42\d3\</t>
  </si>
  <si>
    <t>11/25/2019 09:21:43</t>
  </si>
  <si>
    <t>C:\OneDrive\OneDrive - Grupo Algar\bHVpem1kYUBhbGdhcnRlY2guY29t\content_cache\d42\d36\</t>
  </si>
  <si>
    <t>11/25/2019 09:21:44</t>
  </si>
  <si>
    <t>C:\OneDrive\OneDrive - Grupo Algar\bHVpem1kYUBhbGdhcnRlY2guY29t\content_cache\d42\d51\</t>
  </si>
  <si>
    <t>11/25/2019 09:21:46</t>
  </si>
  <si>
    <t>C:\OneDrive\OneDrive - Grupo Algar\bHVpem1kYUBhbGdhcnRlY2guY29t\content_cache\d42\d71\</t>
  </si>
  <si>
    <t>11/25/2019 09:21:51</t>
  </si>
  <si>
    <t>C:\OneDrive\OneDrive - Grupo Algar\bHVpem1kYUBhbGdhcnRlY2guY29t\content_cache\d43\d121\</t>
  </si>
  <si>
    <t>11/25/2019 09:21:52</t>
  </si>
  <si>
    <t>C:\OneDrive\OneDrive - Grupo Algar\bHVpem1kYUBhbGdhcnRlY2guY29t\content_cache\d43\d18\</t>
  </si>
  <si>
    <t>11/25/2019 09:21:55</t>
  </si>
  <si>
    <t>C:\OneDrive\OneDrive - Grupo Algar\bHVpem1kYUBhbGdhcnRlY2guY29t\content_cache\d43\d4\</t>
  </si>
  <si>
    <t>11/25/2019 09:21:58</t>
  </si>
  <si>
    <t>C:\OneDrive\OneDrive - Grupo Algar\bHVpem1kYUBhbGdhcnRlY2guY29t\content_cache\d43\d72\</t>
  </si>
  <si>
    <t>11/25/2019 09:22:00</t>
  </si>
  <si>
    <t>C:\OneDrive\OneDrive - Grupo Algar\bHVpem1kYUBhbGdhcnRlY2guY29t\content_cache\d43\d88\</t>
  </si>
  <si>
    <t>11/25/2019 09:22:01</t>
  </si>
  <si>
    <t>C:\OneDrive\OneDrive - Grupo Algar\bHVpem1kYUBhbGdhcnRlY2guY29t\content_cache\d44\d105\</t>
  </si>
  <si>
    <t>11/25/2019 09:22:04</t>
  </si>
  <si>
    <t>C:\OneDrive\OneDrive - Grupo Algar\bHVpem1kYUBhbGdhcnRlY2guY29t\content_cache\d44\d19\</t>
  </si>
  <si>
    <t>11/25/2019 09:22:06</t>
  </si>
  <si>
    <t>C:\OneDrive\OneDrive - Grupo Algar\bHVpem1kYUBhbGdhcnRlY2guY29t\content_cache\d44\d37\</t>
  </si>
  <si>
    <t>11/25/2019 09:22:09</t>
  </si>
  <si>
    <t>C:\OneDrive\OneDrive - Grupo Algar\bHVpem1kYUBhbGdhcnRlY2guY29t\content_cache\d44\d6\</t>
  </si>
  <si>
    <t>C:\OneDrive\OneDrive - Grupo Algar\bHVpem1kYUBhbGdhcnRlY2guY29t\content_cache\d44\d89\</t>
  </si>
  <si>
    <t>11/25/2019 09:22:19</t>
  </si>
  <si>
    <t>C:\OneDrive\OneDrive - Grupo Algar\bHVpem1kYUBhbGdhcnRlY2guY29t\content_cache\d45\d4\</t>
  </si>
  <si>
    <t>11/25/2019 09:22:21</t>
  </si>
  <si>
    <t>C:\OneDrive\OneDrive - Grupo Algar\bHVpem1kYUBhbGdhcnRlY2guY29t\content_cache\d45\d6\</t>
  </si>
  <si>
    <t>11/25/2019 09:22:25</t>
  </si>
  <si>
    <t>C:\OneDrive\OneDrive - Grupo Algar\bHVpem1kYUBhbGdhcnRlY2guY29t\content_cache\d46\d124\</t>
  </si>
  <si>
    <t>11/25/2019 09:22:33</t>
  </si>
  <si>
    <t>C:\OneDrive\OneDrive - Grupo Algar\bHVpem1kYUBhbGdhcnRlY2guY29t\content_cache\d46\d75\</t>
  </si>
  <si>
    <t>11/25/2019 09:22:35</t>
  </si>
  <si>
    <t>C:\OneDrive\OneDrive - Grupo Algar\bHVpem1kYUBhbGdhcnRlY2guY29t\content_cache\d46\d91\</t>
  </si>
  <si>
    <t>11/25/2019 09:22:53</t>
  </si>
  <si>
    <t>C:\OneDrive\OneDrive - Grupo Algar\bHVpem1kYUBhbGdhcnRlY2guY29t\content_cache\d48\d59\</t>
  </si>
  <si>
    <t>11/25/2019 09:22:55</t>
  </si>
  <si>
    <t>C:\OneDrive\OneDrive - Grupo Algar\bHVpem1kYUBhbGdhcnRlY2guY29t\content_cache\d48\d8\</t>
  </si>
  <si>
    <t>11/25/2019 09:22:56</t>
  </si>
  <si>
    <t>C:\OneDrive\OneDrive - Grupo Algar\bHVpem1kYUBhbGdhcnRlY2guY29t\content_cache\d48\d91\</t>
  </si>
  <si>
    <t>11/25/2019 09:22:58</t>
  </si>
  <si>
    <t>C:\OneDrive\OneDrive - Grupo Algar\bHVpem1kYUBhbGdhcnRlY2guY29t\content_cache\d49\d110\</t>
  </si>
  <si>
    <t>C:\OneDrive\OneDrive - Grupo Algar\bHVpem1kYUBhbGdhcnRlY2guY29t\content_cache\d49\d111\</t>
  </si>
  <si>
    <t>11/25/2019 09:23:00</t>
  </si>
  <si>
    <t>C:\OneDrive\OneDrive - Grupo Algar\bHVpem1kYUBhbGdhcnRlY2guY29t\content_cache\d49\d145\</t>
  </si>
  <si>
    <t>11/25/2019 09:23:17</t>
  </si>
  <si>
    <t>C:\OneDrive\OneDrive - Grupo Algar\bHVpem1kYUBhbGdhcnRlY2guY29t\content_cache\d5\d16\</t>
  </si>
  <si>
    <t>11/25/2019 09:23:19</t>
  </si>
  <si>
    <t>C:\OneDrive\OneDrive - Grupo Algar\bHVpem1kYUBhbGdhcnRlY2guY29t\content_cache\d5\d33\</t>
  </si>
  <si>
    <t>11/25/2019 09:23:20</t>
  </si>
  <si>
    <t>C:\OneDrive\OneDrive - Grupo Algar\bHVpem1kYUBhbGdhcnRlY2guY29t\content_cache\d5\d47\</t>
  </si>
  <si>
    <t>C:\OneDrive\OneDrive - Grupo Algar\bHVpem1kYUBhbGdhcnRlY2guY29t\content_cache\d5\d49\</t>
  </si>
  <si>
    <t>11/25/2019 09:23:25</t>
  </si>
  <si>
    <t>C:\OneDrive\OneDrive - Grupo Algar\bHVpem1kYUBhbGdhcnRlY2guY29t\content_cache\d50\d11\</t>
  </si>
  <si>
    <t>11/25/2019 09:23:30</t>
  </si>
  <si>
    <t>C:\OneDrive\OneDrive - Grupo Algar\bHVpem1kYUBhbGdhcnRlY2guY29t\content_cache\d50\d44\</t>
  </si>
  <si>
    <t>11/25/2019 09:23:34</t>
  </si>
  <si>
    <t>C:\OneDrive\OneDrive - Grupo Algar\bHVpem1kYUBhbGdhcnRlY2guY29t\content_cache\d51\d11\</t>
  </si>
  <si>
    <t>11/25/2019 09:23:35</t>
  </si>
  <si>
    <t>C:\OneDrive\OneDrive - Grupo Algar\bHVpem1kYUBhbGdhcnRlY2guY29t\content_cache\d51\d113\</t>
  </si>
  <si>
    <t>11/25/2019 09:23:37</t>
  </si>
  <si>
    <t>C:\OneDrive\OneDrive - Grupo Algar\bHVpem1kYUBhbGdhcnRlY2guY29t\content_cache\d51\d146\</t>
  </si>
  <si>
    <t>C:\OneDrive\OneDrive - Grupo Algar\bHVpem1kYUBhbGdhcnRlY2guY29t\content_cache\d51\d147\</t>
  </si>
  <si>
    <t>11/25/2019 09:23:40</t>
  </si>
  <si>
    <t>C:\OneDrive\OneDrive - Grupo Algar\bHVpem1kYUBhbGdhcnRlY2guY29t\content_cache\d51\d60\</t>
  </si>
  <si>
    <t>11/25/2019 09:23:44</t>
  </si>
  <si>
    <t>C:\OneDrive\OneDrive - Grupo Algar\bHVpem1kYUBhbGdhcnRlY2guY29t\content_cache\d52\d11\</t>
  </si>
  <si>
    <t>11/25/2019 09:23:45</t>
  </si>
  <si>
    <t>C:\OneDrive\OneDrive - Grupo Algar\bHVpem1kYUBhbGdhcnRlY2guY29t\content_cache\d52\d112\</t>
  </si>
  <si>
    <t>11/25/2019 09:23:51</t>
  </si>
  <si>
    <t>C:\OneDrive\OneDrive - Grupo Algar\bHVpem1kYUBhbGdhcnRlY2guY29t\content_cache\d52\d63\</t>
  </si>
  <si>
    <t>11/25/2019 09:23:56</t>
  </si>
  <si>
    <t>C:\OneDrive\OneDrive - Grupo Algar\bHVpem1kYUBhbGdhcnRlY2guY29t\content_cache\d53\d12\</t>
  </si>
  <si>
    <t>11/25/2019 09:23:58</t>
  </si>
  <si>
    <t>C:\OneDrive\OneDrive - Grupo Algar\bHVpem1kYUBhbGdhcnRlY2guY29t\content_cache\d53\d132\</t>
  </si>
  <si>
    <t>11/25/2019 09:23:59</t>
  </si>
  <si>
    <t>C:\OneDrive\OneDrive - Grupo Algar\bHVpem1kYUBhbGdhcnRlY2guY29t\content_cache\d53\d148\</t>
  </si>
  <si>
    <t>11/25/2019 09:24:00</t>
  </si>
  <si>
    <t>C:\OneDrive\OneDrive - Grupo Algar\bHVpem1kYUBhbGdhcnRlY2guY29t\content_cache\d53\d30\</t>
  </si>
  <si>
    <t>11/25/2019 09:24:02</t>
  </si>
  <si>
    <t>C:\OneDrive\OneDrive - Grupo Algar\bHVpem1kYUBhbGdhcnRlY2guY29t\content_cache\d53\d63\</t>
  </si>
  <si>
    <t>C:\OneDrive\OneDrive - Grupo Algar\bHVpem1kYUBhbGdhcnRlY2guY29t\content_cache\d53\d65\</t>
  </si>
  <si>
    <t>11/25/2019 09:24:03</t>
  </si>
  <si>
    <t>C:\OneDrive\OneDrive - Grupo Algar\bHVpem1kYUBhbGdhcnRlY2guY29t\content_cache\d53\d82\</t>
  </si>
  <si>
    <t>11/25/2019 09:24:07</t>
  </si>
  <si>
    <t>C:\OneDrive\OneDrive - Grupo Algar\bHVpem1kYUBhbGdhcnRlY2guY29t\content_cache\d54\d13\</t>
  </si>
  <si>
    <t>11/25/2019 09:24:19</t>
  </si>
  <si>
    <t>C:\OneDrive\OneDrive - Grupo Algar\bHVpem1kYUBhbGdhcnRlY2guY29t\content_cache\d55\d100\</t>
  </si>
  <si>
    <t>C:\OneDrive\OneDrive - Grupo Algar\bHVpem1kYUBhbGdhcnRlY2guY29t\content_cache\d55\d101\</t>
  </si>
  <si>
    <t>11/25/2019 09:24:21</t>
  </si>
  <si>
    <t>C:\OneDrive\OneDrive - Grupo Algar\bHVpem1kYUBhbGdhcnRlY2guY29t\content_cache\d55\d133\</t>
  </si>
  <si>
    <t>11/25/2019 09:24:22</t>
  </si>
  <si>
    <t>C:\OneDrive\OneDrive - Grupo Algar\bHVpem1kYUBhbGdhcnRlY2guY29t\content_cache\d55\d150\</t>
  </si>
  <si>
    <t>C:\OneDrive\OneDrive - Grupo Algar\bHVpem1kYUBhbGdhcnRlY2guY29t\content_cache\d55\d16\</t>
  </si>
  <si>
    <t>11/25/2019 09:24:24</t>
  </si>
  <si>
    <t>C:\OneDrive\OneDrive - Grupo Algar\bHVpem1kYUBhbGdhcnRlY2guY29t\content_cache\d55\d34\</t>
  </si>
  <si>
    <t>11/25/2019 09:24:26</t>
  </si>
  <si>
    <t>C:\OneDrive\OneDrive - Grupo Algar\bHVpem1kYUBhbGdhcnRlY2guY29t\content_cache\d55\d64\</t>
  </si>
  <si>
    <t>11/25/2019 09:24:29</t>
  </si>
  <si>
    <t>C:\OneDrive\OneDrive - Grupo Algar\bHVpem1kYUBhbGdhcnRlY2guY29t\content_cache\d56\d0\</t>
  </si>
  <si>
    <t>C:\OneDrive\OneDrive - Grupo Algar\bHVpem1kYUBhbGdhcnRlY2guY29t\content_cache\d56\d101\</t>
  </si>
  <si>
    <t>11/25/2019 09:24:33</t>
  </si>
  <si>
    <t>C:\OneDrive\OneDrive - Grupo Algar\bHVpem1kYUBhbGdhcnRlY2guY29t\content_cache\d56\d134\</t>
  </si>
  <si>
    <t>11/25/2019 09:24:34</t>
  </si>
  <si>
    <t>C:\OneDrive\OneDrive - Grupo Algar\bHVpem1kYUBhbGdhcnRlY2guY29t\content_cache\d56\d135\</t>
  </si>
  <si>
    <t>C:\OneDrive\OneDrive - Grupo Algar\bHVpem1kYUBhbGdhcnRlY2guY29t\content_cache\d56\d148\</t>
  </si>
  <si>
    <t>11/25/2019 09:24:35</t>
  </si>
  <si>
    <t>C:\OneDrive\OneDrive - Grupo Algar\bHVpem1kYUBhbGdhcnRlY2guY29t\content_cache\d56\d17\</t>
  </si>
  <si>
    <t>11/25/2019 09:24:36</t>
  </si>
  <si>
    <t>C:\OneDrive\OneDrive - Grupo Algar\bHVpem1kYUBhbGdhcnRlY2guY29t\content_cache\d56\d31\</t>
  </si>
  <si>
    <t>11/25/2019 09:24:37</t>
  </si>
  <si>
    <t>C:\OneDrive\OneDrive - Grupo Algar\bHVpem1kYUBhbGdhcnRlY2guY29t\content_cache\d56\d34\</t>
  </si>
  <si>
    <t>11/25/2019 09:24:47</t>
  </si>
  <si>
    <t>C:\OneDrive\OneDrive - Grupo Algar\bHVpem1kYUBhbGdhcnRlY2guY29t\content_cache\d57\d18\</t>
  </si>
  <si>
    <t>C:\OneDrive\OneDrive - Grupo Algar\bHVpem1kYUBhbGdhcnRlY2guY29t\content_cache\d57\d2\</t>
  </si>
  <si>
    <t>11/25/2019 09:24:48</t>
  </si>
  <si>
    <t>C:\OneDrive\OneDrive - Grupo Algar\bHVpem1kYUBhbGdhcnRlY2guY29t\content_cache\d57\d32\</t>
  </si>
  <si>
    <t>C:\OneDrive\OneDrive - Grupo Algar\bHVpem1kYUBhbGdhcnRlY2guY29t\content_cache\d57\d35\</t>
  </si>
  <si>
    <t>11/25/2019 09:24:55</t>
  </si>
  <si>
    <t>C:\OneDrive\OneDrive - Grupo Algar\bHVpem1kYUBhbGdhcnRlY2guY29t\content_cache\d58\d120\</t>
  </si>
  <si>
    <t>11/25/2019 09:24:57</t>
  </si>
  <si>
    <t>C:\OneDrive\OneDrive - Grupo Algar\bHVpem1kYUBhbGdhcnRlY2guY29t\content_cache\d58\d19\</t>
  </si>
  <si>
    <t>11/25/2019 09:25:05</t>
  </si>
  <si>
    <t>C:\OneDrive\OneDrive - Grupo Algar\bHVpem1kYUBhbGdhcnRlY2guY29t\content_cache\d59\d120\</t>
  </si>
  <si>
    <t>C:\OneDrive\OneDrive - Grupo Algar\bHVpem1kYUBhbGdhcnRlY2guY29t\content_cache\d59\d121\</t>
  </si>
  <si>
    <t>11/25/2019 09:25:08</t>
  </si>
  <si>
    <t>C:\OneDrive\OneDrive - Grupo Algar\bHVpem1kYUBhbGdhcnRlY2guY29t\content_cache\d59\d20\</t>
  </si>
  <si>
    <t>11/25/2019 09:25:09</t>
  </si>
  <si>
    <t>C:\OneDrive\OneDrive - Grupo Algar\bHVpem1kYUBhbGdhcnRlY2guY29t\content_cache\d59\d37\</t>
  </si>
  <si>
    <t>11/25/2019 09:25:10</t>
  </si>
  <si>
    <t>C:\OneDrive\OneDrive - Grupo Algar\bHVpem1kYUBhbGdhcnRlY2guY29t\content_cache\d59\d4\</t>
  </si>
  <si>
    <t>11/25/2019 09:25:22</t>
  </si>
  <si>
    <t>C:\OneDrive\OneDrive - Grupo Algar\bHVpem1kYUBhbGdhcnRlY2guY29t\content_cache\d6\d34\</t>
  </si>
  <si>
    <t>C:\OneDrive\OneDrive - Grupo Algar\bHVpem1kYUBhbGdhcnRlY2guY29t\content_cache\d6\d50\</t>
  </si>
  <si>
    <t>11/25/2019 09:25:23</t>
  </si>
  <si>
    <t>C:\OneDrive\OneDrive - Grupo Algar\bHVpem1kYUBhbGdhcnRlY2guY29t\content_cache\d6\d51\</t>
  </si>
  <si>
    <t>C:\OneDrive\OneDrive - Grupo Algar\bHVpem1kYUBhbGdhcnRlY2guY29t\content_cache\d6\d52\</t>
  </si>
  <si>
    <t>C:\OneDrive\OneDrive - Grupo Algar\bHVpem1kYUBhbGdhcnRlY2guY29t\content_cache\d6\d68\</t>
  </si>
  <si>
    <t>11/25/2019 09:25:27</t>
  </si>
  <si>
    <t>C:\OneDrive\OneDrive - Grupo Algar\bHVpem1kYUBhbGdhcnRlY2guY29t\content_cache\d60\d104\</t>
  </si>
  <si>
    <t>11/25/2019 09:25:28</t>
  </si>
  <si>
    <t>C:\OneDrive\OneDrive - Grupo Algar\bHVpem1kYUBhbGdhcnRlY2guY29t\content_cache\d60\d122\</t>
  </si>
  <si>
    <t>11/25/2019 09:25:33</t>
  </si>
  <si>
    <t>C:\OneDrive\OneDrive - Grupo Algar\bHVpem1kYUBhbGdhcnRlY2guY29t\content_cache\d60\d38\</t>
  </si>
  <si>
    <t>C:\OneDrive\OneDrive - Grupo Algar\bHVpem1kYUBhbGdhcnRlY2guY29t\content_cache\d60\d5\</t>
  </si>
  <si>
    <t>11/25/2019 09:25:36</t>
  </si>
  <si>
    <t>11/25/2019 09:31:13</t>
  </si>
  <si>
    <t>C:\OneDrive\OneDrive - Grupo Algar\bHVpem1kYUBhbGdhcnRlY2guY29t\content_cache\d60\d86\</t>
  </si>
  <si>
    <t>11/25/2019 09:25:42</t>
  </si>
  <si>
    <t>C:\OneDrive\OneDrive - Grupo Algar\bHVpem1kYUBhbGdhcnRlY2guY29t\content_cache\d61\d22\</t>
  </si>
  <si>
    <t>11/25/2019 09:25:43</t>
  </si>
  <si>
    <t>C:\OneDrive\OneDrive - Grupo Algar\bHVpem1kYUBhbGdhcnRlY2guY29t\content_cache\d61\d39\</t>
  </si>
  <si>
    <t>11/25/2019 09:25:48</t>
  </si>
  <si>
    <t>C:\OneDrive\OneDrive - Grupo Algar\bHVpem1kYUBhbGdhcnRlY2guY29t\content_cache\d62\d107\</t>
  </si>
  <si>
    <t>C:\OneDrive\OneDrive - Grupo Algar\bHVpem1kYUBhbGdhcnRlY2guY29t\content_cache\d62\d108\</t>
  </si>
  <si>
    <t>11/25/2019 09:25:51</t>
  </si>
  <si>
    <t>C:\OneDrive\OneDrive - Grupo Algar\bHVpem1kYUBhbGdhcnRlY2guY29t\content_cache\d62\d23\</t>
  </si>
  <si>
    <t>11/25/2019 09:26:02</t>
  </si>
  <si>
    <t>C:\OneDrive\OneDrive - Grupo Algar\bHVpem1kYUBhbGdhcnRlY2guY29t\content_cache\d63\d108\</t>
  </si>
  <si>
    <t>11/25/2019 09:26:25</t>
  </si>
  <si>
    <t>C:\OneDrive\OneDrive - Grupo Algar\bHVpem1kYUBhbGdhcnRlY2guY29t\content_cache\d63\d24\</t>
  </si>
  <si>
    <t>11/25/2019 09:26:26</t>
  </si>
  <si>
    <t>C:\OneDrive\OneDrive - Grupo Algar\bHVpem1kYUBhbGdhcnRlY2guY29t\content_cache\d63\d38\</t>
  </si>
  <si>
    <t>11/25/2019 09:26:31</t>
  </si>
  <si>
    <t>C:\OneDrive\OneDrive - Grupo Algar\bHVpem1kYUBhbGdhcnRlY2guY29t\content_cache\d63\d75\</t>
  </si>
  <si>
    <t>C:\OneDrive\OneDrive - Grupo Algar\bHVpem1kYUBhbGdhcnRlY2guY29t\content_cache\d63\d8\</t>
  </si>
  <si>
    <t>11/25/2019 09:26:34</t>
  </si>
  <si>
    <t>C:\OneDrive\OneDrive - Grupo Algar\bHVpem1kYUBhbGdhcnRlY2guY29t\content_cache\d64\d109\</t>
  </si>
  <si>
    <t>11/25/2019 09:26:38</t>
  </si>
  <si>
    <t>C:\OneDrive\OneDrive - Grupo Algar\bHVpem1kYUBhbGdhcnRlY2guY29t\content_cache\d64\d25\</t>
  </si>
  <si>
    <t>11/25/2019 09:26:47</t>
  </si>
  <si>
    <t>C:\OneDrive\OneDrive - Grupo Algar\bHVpem1kYUBhbGdhcnRlY2guY29t\content_cache\d65\d10\</t>
  </si>
  <si>
    <t>11/25/2019 09:26:49</t>
  </si>
  <si>
    <t>C:\OneDrive\OneDrive - Grupo Algar\bHVpem1kYUBhbGdhcnRlY2guY29t\content_cache\d65\d111\</t>
  </si>
  <si>
    <t>11/25/2019 09:26:51</t>
  </si>
  <si>
    <t>C:\OneDrive\OneDrive - Grupo Algar\bHVpem1kYUBhbGdhcnRlY2guY29t\content_cache\d65\d126\</t>
  </si>
  <si>
    <t>11/25/2019 09:26:54</t>
  </si>
  <si>
    <t>C:\OneDrive\OneDrive - Grupo Algar\bHVpem1kYUBhbGdhcnRlY2guY29t\content_cache\d65\d26\</t>
  </si>
  <si>
    <t>11/25/2019 09:27:00</t>
  </si>
  <si>
    <t>C:\OneDrive\OneDrive - Grupo Algar\bHVpem1kYUBhbGdhcnRlY2guY29t\content_cache\d65\d76\</t>
  </si>
  <si>
    <t>11/25/2019 09:27:01</t>
  </si>
  <si>
    <t>C:\OneDrive\OneDrive - Grupo Algar\bHVpem1kYUBhbGdhcnRlY2guY29t\content_cache\d65\d9\</t>
  </si>
  <si>
    <t>11/25/2019 09:27:02</t>
  </si>
  <si>
    <t>C:\OneDrive\OneDrive - Grupo Algar\bHVpem1kYUBhbGdhcnRlY2guY29t\content_cache\d66\d10\</t>
  </si>
  <si>
    <t>11/25/2019 09:27:03</t>
  </si>
  <si>
    <t>C:\OneDrive\OneDrive - Grupo Algar\bHVpem1kYUBhbGdhcnRlY2guY29t\content_cache\d66\d11\</t>
  </si>
  <si>
    <t>11/25/2019 09:27:04</t>
  </si>
  <si>
    <t>C:\OneDrive\OneDrive - Grupo Algar\bHVpem1kYUBhbGdhcnRlY2guY29t\content_cache\d66\d110\</t>
  </si>
  <si>
    <t>11/25/2019 09:27:05</t>
  </si>
  <si>
    <t>C:\OneDrive\OneDrive - Grupo Algar\bHVpem1kYUBhbGdhcnRlY2guY29t\content_cache\d66\d127\</t>
  </si>
  <si>
    <t>11/25/2019 09:27:08</t>
  </si>
  <si>
    <t>C:\OneDrive\OneDrive - Grupo Algar\bHVpem1kYUBhbGdhcnRlY2guY29t\content_cache\d66\d26\</t>
  </si>
  <si>
    <t>C:\OneDrive\OneDrive - Grupo Algar\bHVpem1kYUBhbGdhcnRlY2guY29t\content_cache\d66\d27\</t>
  </si>
  <si>
    <t>11/25/2019 09:27:14</t>
  </si>
  <si>
    <t>C:\OneDrive\OneDrive - Grupo Algar\bHVpem1kYUBhbGdhcnRlY2guY29t\content_cache\d66\d92\</t>
  </si>
  <si>
    <t>11/25/2019 09:27:23</t>
  </si>
  <si>
    <t>C:\OneDrive\OneDrive - Grupo Algar\bHVpem1kYUBhbGdhcnRlY2guY29t\content_cache\d7\d35\</t>
  </si>
  <si>
    <t>11/25/2019 09:27:24</t>
  </si>
  <si>
    <t>C:\OneDrive\OneDrive - Grupo Algar\bHVpem1kYUBhbGdhcnRlY2guY29t\content_cache\d7\d51\</t>
  </si>
  <si>
    <t>11/25/2019 09:27:36</t>
  </si>
  <si>
    <t>C:\OneDrive\OneDrive - Grupo Algar\bHVpem1kYUBhbGdhcnRlY2guY29t\content_cache\d8\d52\</t>
  </si>
  <si>
    <t>C:\OneDrive\OneDrive - Grupo Algar\bHVpem1kYUBhbGdhcnRlY2guY29t\content_cache\d8\d53\</t>
  </si>
  <si>
    <t>11/25/2019 09:27:37</t>
  </si>
  <si>
    <t>C:\OneDrive\OneDrive - Grupo Algar\bHVpem1kYUBhbGdhcnRlY2guY29t\content_cache\d8\d54\</t>
  </si>
  <si>
    <t>11/25/2019 09:27:45</t>
  </si>
  <si>
    <t>C:\OneDrive\OneDrive - Grupo Algar\bHVpem1kYUBhbGdhcnRlY2guY29t\content_cache\d9\d19\</t>
  </si>
  <si>
    <t>11/25/2019 09:27:50</t>
  </si>
  <si>
    <t>C:\OneDrive\OneDrive - Grupo Algar\bHVpem1kYUBhbGdhcnRlY2guY29t\content_cache\d9\d37\</t>
  </si>
  <si>
    <t>11/25/2019 09:27:51</t>
  </si>
  <si>
    <t>C:\OneDrive\OneDrive - Grupo Algar\bHVpem1kYUBhbGdhcnRlY2guY29t\content_cache\d9\d53\</t>
  </si>
  <si>
    <t>11/25/2019 09:35:22</t>
  </si>
  <si>
    <t>11/25/2019 09:40:13</t>
  </si>
  <si>
    <t>C:\Users\denysgds\Documents\Backup Denys\Denys Guidio Backup\Backup\Brasif\AMS Brasif\</t>
  </si>
  <si>
    <t>217399 Brasif Precificacao C018 B018_v1 92 Incidenes+25 Requisições_v2.xlsb</t>
  </si>
  <si>
    <t>C:\Users\denysgds\Documents\Backup Denys\Denys Guidio Backup\Backup\Brasif\AMS Brasif\217399 Brasif Precificacao C018 B018_v1 92 Incidenes+25 Requisições_v2.xlsb\</t>
  </si>
  <si>
    <t>11/25/2019 09:47:10</t>
  </si>
  <si>
    <t>11/25/2019 09:50:13</t>
  </si>
  <si>
    <t>mail.google.com/_/upload?authuser=0&amp;dcp=asu-n&amp;upload_id=AEnB2UoiYvLW74du-pLPR25g9cWjszZtEahynsffQp67gMlpUAvsdbaJb2eaUDLD66V5-X1ocIKHkLRESTBtiGX8o63lHPK4Og&amp;upload_protocol=resumable</t>
  </si>
  <si>
    <t>\\acsfs\DEPTOS\Operacao\PCP\5 - Comum\Francieli Cararo\Dynamics\Relatórios\2019\11 -Novembro\23\</t>
  </si>
  <si>
    <t>Exibição de Localização Avançada de Resumo da Ocorrência.xlsx</t>
  </si>
  <si>
    <t>11/25/2019 09:52:38</t>
  </si>
  <si>
    <t>11/25/2019 09:55:14</t>
  </si>
  <si>
    <t>Cartinhas de Natal - Novas - 2211.xlsx</t>
  </si>
  <si>
    <t>11/25/2019 09:51:37</t>
  </si>
  <si>
    <t>mail.google.com/_/upload?authuser=2&amp;dcp=asu-n&amp;upload_id=AEnB2UrEI13EaQmEAIN9FAksU7R7sFuh2ms7ImbVKR9ILM4c4EED36cJMhJ9vRD58a8DuZGHoz5gteNinu63lIQRRtiZrS26FA&amp;upload_protocol=resumable</t>
  </si>
  <si>
    <t>C:\Users\rodrigombu\Desktop\</t>
  </si>
  <si>
    <t>11/25/2019 09:54:15</t>
  </si>
  <si>
    <t>11/25/2019 09:57:14</t>
  </si>
  <si>
    <t>11/25/2019 09:56:34</t>
  </si>
  <si>
    <t>11/25/2019 10:00:37</t>
  </si>
  <si>
    <t>11/25/2019 10:05:14</t>
  </si>
  <si>
    <t>C:\Users\marinasf\OneDrive - Grupo Algar\NOVO IMÓVEL BH\</t>
  </si>
  <si>
    <t>ACC BELO HORIZONTE.xlsx</t>
  </si>
  <si>
    <t>11/25/2019 10:06:59</t>
  </si>
  <si>
    <t>11/25/2019 10:08:14</t>
  </si>
  <si>
    <t>mail.google.com/_/upload?authuser=0&amp;dcp=asu-n&amp;upload_id=AEnB2Uqt_41CCjbaet5KbhjUKVLvKkmBzLuHEI1-gxzTZSAh0oRkzRHGUCrcvWYHC8A-7f7E9ZleFOMzSbtS_I6D1EWnGRGSIA&amp;upload_protocol=resumable</t>
  </si>
  <si>
    <t>\\acsfs\deptos\Operacao\Unica\1. Gestão da Área\1.1 Administrativo\1.1.3 Reports\Relatórios\Credenciamento Ativo\</t>
  </si>
  <si>
    <t>11/25/2019 10:08:20</t>
  </si>
  <si>
    <t>11/25/2019 10:09:13</t>
  </si>
  <si>
    <t>Custos faturamento cartão.xls</t>
  </si>
  <si>
    <t>11/25/2019 10:09:40</t>
  </si>
  <si>
    <t>11/25/2019 10:11:13</t>
  </si>
  <si>
    <t>Receitamento FAT B LOTE 1.xlsx</t>
  </si>
  <si>
    <t>11/25/2019 10:12:45</t>
  </si>
  <si>
    <t>11/25/2019 10:15:13</t>
  </si>
  <si>
    <t>ASSOCIADOS BRAGA x SUPERVISOR.xlsx</t>
  </si>
  <si>
    <t>11/22/2019 18:41:57</t>
  </si>
  <si>
    <t>11/25/2019 10:16:14</t>
  </si>
  <si>
    <t>10.200.58.170</t>
  </si>
  <si>
    <t>alinerg@algartech.com;alinescsi@algartecnologia.com.br;antoniaama@algartech.com;cassiaafa@algartech.com;deboraaxm@algartech.com;matheusvs@algartech.com;viniciusgr@algartech.com;</t>
  </si>
  <si>
    <t>BaseConhecimento_20191122_172140.csv</t>
  </si>
  <si>
    <t>alinerg@algartech.com,alinescsi@algartecnologia.com.br,antoniaama@algartech.com,cassiaafa@algartech.com,deboraaxm@algartech.com,matheusvs@algartech.com,viniciusgr@algartech.com</t>
  </si>
  <si>
    <t>11/24/2019 17:51:47</t>
  </si>
  <si>
    <t>mail.google.com/_/upload?authuser=1&amp;dcp=asu-n&amp;upload_id=AEnB2UrYaBuodASFvJvI8HT4obWPDLQhBblYCQyy2kwu2SgFFNkBSTNNMcMCFSCIN4UUM31bb_li4_Gpf4GsveyBAK3sTHGkgA&amp;upload_protocol=resumable</t>
  </si>
  <si>
    <t>45144;marcos vinicius soares;</t>
  </si>
  <si>
    <t>Meterial para Curadora - Continental.xlsx</t>
  </si>
  <si>
    <t>45144,marcos vinicius soares</t>
  </si>
  <si>
    <t>11/24/2019 17:53:00</t>
  </si>
  <si>
    <t>11/25/2019 10:15:31</t>
  </si>
  <si>
    <t>mail.google.com/_/upload?authuser=0&amp;dcp=asu-n&amp;upload_id=AEnB2UqVazoqtQ486CXK-wRj8Gu0bMqIfTSsq8xr8tKiMQv40uPyu4JBFRAewufbVxM8CnE9lLckMgT4RA9hInIcrl02rVkTRpvPV6q75-g_ktCf7TyHPSg&amp;upload_protocol=resumable</t>
  </si>
  <si>
    <t>Base 04.11.xlsx</t>
  </si>
  <si>
    <t>11/25/2019 10:15:38</t>
  </si>
  <si>
    <t>mail.google.com/_/upload?authuser=0&amp;dcp=asu-n&amp;upload_id=AEnB2Up6Hw5MD6wYvvdHTsnqek9MJ4wP18BwBy24N011_5BC6ZxvAtULGTnlYZFTLrX3N8wh2dk9i4-kelPT7OZ_bLXPMGwzqdTmcbz_2on6kHX5RIlUQLc&amp;upload_protocol=resumable</t>
  </si>
  <si>
    <t>Base 06.11.xlsx</t>
  </si>
  <si>
    <t>11/25/2019 10:15:40</t>
  </si>
  <si>
    <t>mail.google.com/_/upload?authuser=0&amp;dcp=asu-n&amp;upload_id=AEnB2UowOCPWTwkBxR9pRRFLjJkCubfER0iLlDvaAXqfjXq1Y2bKf0tMylpOycTJScpv9Efkmymlg8mv5uhPy9q9hPpEkDBCnw&amp;upload_protocol=resumable</t>
  </si>
  <si>
    <t>Base 07.11.xlsx</t>
  </si>
  <si>
    <t>11/25/2019 10:17:55</t>
  </si>
  <si>
    <t>11/25/2019 10:20:13</t>
  </si>
  <si>
    <t>Status 18-11 - Copia.xlsx</t>
  </si>
  <si>
    <t>11/25/2019 10:22:52</t>
  </si>
  <si>
    <t>11/25/2019 10:25:14</t>
  </si>
  <si>
    <t>mail.google.com/_/upload?authuser=3&amp;dcp=asu-n&amp;upload_id=AEnB2UoVjoYBhF1Gb2pUPJt8JO0upoRYuvpRGwaTGlCTKZBwkKjfAdTVawmbVC71r3j5cQAMN_rzY5OWf3gIZf3DAlKWBDiMFg&amp;upload_protocol=resumable</t>
  </si>
  <si>
    <t>11/25/2019 10:25:19</t>
  </si>
  <si>
    <t>11/25/2019 10:28:13</t>
  </si>
  <si>
    <t>/o=exchangelabs/ou=exchange administrative group (fydibohf23spdlt)/cn=recipients/cn=b1f7688b183f4d74a7993976c4ad8f5e-diogenes pa;</t>
  </si>
  <si>
    <t>intradiario</t>
  </si>
  <si>
    <t>/o=exchangelabs/ou=exchange administrative group (fydibohf23spdlt)/cn=recipients/cn=b1f7688b183f4d74a7993976c4ad8f5e-diogenes pa</t>
  </si>
  <si>
    <t>11/25/2019 10:26:44</t>
  </si>
  <si>
    <t>11/25/2019 10:31:14</t>
  </si>
  <si>
    <t>denisevc@algartech.com</t>
  </si>
  <si>
    <t>11/25/2019 10:29:34</t>
  </si>
  <si>
    <t>11/25/2019 10:34:13</t>
  </si>
  <si>
    <t>Estrutura de Processos.xlsx</t>
  </si>
  <si>
    <t>11/25/2019 10:31:18</t>
  </si>
  <si>
    <t>11/25/2019 10:35:14</t>
  </si>
  <si>
    <t>/o=exchangelabs/ou=exchange administrative group (fydibohf23spdlt)/cn=recipients/cn=8ffcdd39b62f4308b2f876f9624fa69a-wasley luiz;nathalia.guil@youse.com.br;sheila.lopes@youse.com.br;</t>
  </si>
  <si>
    <t>RES: Forecast Youse Televendas Receptivo - Dezembro</t>
  </si>
  <si>
    <t>Planejamento TELEVENDAS RECEPTIVO.xlsx</t>
  </si>
  <si>
    <t>/o=exchangelabs/ou=exchange administrative group (fydibohf23spdlt)/cn=recipients/cn=8ffcdd39b62f4308b2f876f9624fa69a-wasley luiz,nathalia.guil@youse.com.br,sheila.lopes@youse.com.br</t>
  </si>
  <si>
    <t>11/25/2019 10:39:30</t>
  </si>
  <si>
    <t>11/25/2019 10:40:13</t>
  </si>
  <si>
    <t>Parcelado.xlsx</t>
  </si>
  <si>
    <t>11/25/2019 10:35:19</t>
  </si>
  <si>
    <t>C:\Users\rodrigombu\OneDrive - Grupo Algar\Whirlpool\2019\03 - Março\Arquivos\RAF\</t>
  </si>
  <si>
    <t>Produtividade RAF - Mar-2019 - Fechamento.xlsm</t>
  </si>
  <si>
    <t>11/25/2019 10:37:38</t>
  </si>
  <si>
    <t>C:\Users\rodrigombu\OneDrive - Grupo Algar\Whirlpool\2019\04 - Abril\Arquivos\RAF\</t>
  </si>
  <si>
    <t>Produtividade RAF - Fechamento - Abr-2019.xlsm</t>
  </si>
  <si>
    <t>11/25/2019 10:40:45</t>
  </si>
  <si>
    <t>11/25/2019 10:42:14</t>
  </si>
  <si>
    <t>11/25/2019 10:40:02</t>
  </si>
  <si>
    <t>11/25/2019 10:45:13</t>
  </si>
  <si>
    <t>11/25/2019 10:42:17</t>
  </si>
  <si>
    <t>C:\Users\rodrigombu\OneDrive - Grupo Algar\Whirlpool\2019\06 - Junho\Arquivo\RAF\</t>
  </si>
  <si>
    <t>Produtividade RAF - Jun-2019 - Fechamento.xlsm</t>
  </si>
  <si>
    <t>11/25/2019 10:45:34</t>
  </si>
  <si>
    <t>11/25/2019 10:48:14</t>
  </si>
  <si>
    <t>mail.google.com/_/upload?authuser=0&amp;dcp=asu-n&amp;upload_id=AEnB2UpjzsBwk34DZPCBSkXVdXT5pJs2-ia6fs98HYqkUNQbynJuMdk9QKhbuBp-zFmX2C2G46ympzB5HuAF6MZFqKh5o5iSyIG1sJVpWyuFYQpd0FUryhs&amp;upload_protocol=resumable</t>
  </si>
  <si>
    <t>Atividades-ANF31 - BH_25_11_19 (2) EDUARDA.xlsx</t>
  </si>
  <si>
    <t>11/25/2019 10:45:22</t>
  </si>
  <si>
    <t>11/25/2019 10:50:14</t>
  </si>
  <si>
    <t>C:\Users\rodrigombu\OneDrive - Grupo Algar\Whirlpool\2019\07 - Julho\Arquivo\RAF\</t>
  </si>
  <si>
    <t>Produtividade RAF - Jul-2019 - Fechamento.xlsm</t>
  </si>
  <si>
    <t>11/25/2019 10:51:55</t>
  </si>
  <si>
    <t>11/25/2019 10:52:14</t>
  </si>
  <si>
    <t>mail.google.com/mail/u/0/#inbox</t>
  </si>
  <si>
    <t>C:\Users\sarahro\Desktop\</t>
  </si>
  <si>
    <t>11/25/2019 10:54:42</t>
  </si>
  <si>
    <t>11/25/2019 10:55:14</t>
  </si>
  <si>
    <t>Status 25-11.xlsx</t>
  </si>
  <si>
    <t>11/25/2019 10:54:19</t>
  </si>
  <si>
    <t>11/25/2019 10:58:14</t>
  </si>
  <si>
    <t>/o=exchangelabs/ou=exchange administrative group (fydibohf23spdlt)/cn=recipients/cn=4661e55ca89b4e56a85d5bce819cc072-luana cunha;pedrohma@algartech.com.br;</t>
  </si>
  <si>
    <t>/o=exchangelabs/ou=exchange administrative group (fydibohf23spdlt)/cn=recipients/cn=4661e55ca89b4e56a85d5bce819cc072-luana cunha,pedrohma@algartech.com.br</t>
  </si>
  <si>
    <t>11/25/2019 11:01:14</t>
  </si>
  <si>
    <t>11/25/2019 11:04:14</t>
  </si>
  <si>
    <t>lucianasg@algartech.com;</t>
  </si>
  <si>
    <t>\\acsfs\deptos\DME\CME - Coordenacao de Marketing e Estrategia\Gestão de Vendas\Receita\Longo Prazo\2020\Final\LP 2020-2024.pptx\</t>
  </si>
  <si>
    <t>lucianasg@algartech.com</t>
  </si>
  <si>
    <t>11/25/2019 11:02:59</t>
  </si>
  <si>
    <t>11/25/2019 11:05:13</t>
  </si>
  <si>
    <t>mail.google.com/_/upload?authuser=3&amp;dcp=asu-n&amp;upload_id=AEnB2Uoze1edGTkdS_9c6mmBntuADahMA9lM4D--dhz52hor7l7VnPMbU8na6kY3MlYyVKPX5hI5QpLguOi6FbykYVBl5KUaJ5XoLIlcUvZU9LHb13i6MFg&amp;upload_protocol=resumable</t>
  </si>
  <si>
    <t>11/25/2019 11:03:29</t>
  </si>
  <si>
    <t>C:\Users\luizavs\Downloads\</t>
  </si>
  <si>
    <t>EXPORT.xlsx</t>
  </si>
  <si>
    <t>11/25/2019 11:04:45</t>
  </si>
  <si>
    <t>11/25/2019 11:06:14</t>
  </si>
  <si>
    <t>heliorg@algartech.com</t>
  </si>
  <si>
    <t>douglassp@algartech.com;marcelobsa@algartech.com;</t>
  </si>
  <si>
    <t>C:\Users\heliorg\Grupo Algar\Douglas Silverio Pinto - S&amp;OP\2019\</t>
  </si>
  <si>
    <t>S&amp;OP-CRONOGRAMA19_V2 - Copia.xlsx</t>
  </si>
  <si>
    <t>douglassp@algartech.com,marcelobsa@algartech.com</t>
  </si>
  <si>
    <t>11/25/2019 11:06:22</t>
  </si>
  <si>
    <t>11/25/2019 11:10:13</t>
  </si>
  <si>
    <t>Escalas Horario Trabalho TLE MG - BA.xlsx</t>
  </si>
  <si>
    <t>11/25/2019 11:11:23</t>
  </si>
  <si>
    <t>11/25/2019 11:12:13</t>
  </si>
  <si>
    <t>mail.google.com/_/upload?authuser=0&amp;dcp=asu-n&amp;upload_id=AEnB2UrWJzO3kx6bsgwEZcQPImsanTOrzpguFOuvD7phgAPIv0IzQWAV2jOkrjQucxOyrv3U6ypdH3loCHtNZNTLI6YtsCOKfg&amp;upload_protocol=resumable</t>
  </si>
  <si>
    <t>11/25/2019 11:13:25</t>
  </si>
  <si>
    <t>11/25/2019 11:16:13</t>
  </si>
  <si>
    <t>ENC: Produtividade CRCe 22/11</t>
  </si>
  <si>
    <t>11/25/2019 11:17:58</t>
  </si>
  <si>
    <t>11/25/2019 11:21:14</t>
  </si>
  <si>
    <t>mail.google.com/_/upload?authuser=1&amp;dcp=asu-n&amp;upload_id=AEnB2UoS7Nh57q72qVWQULfl6Ey8MFeyyuGfPdsZRAbJ8qG-cn9qc-ogwbsSm6tAcOYel-KsCZBp921roD8Rf4qwTkqLI9cLfw&amp;upload_protocol=resumable</t>
  </si>
  <si>
    <t>11/25/2019 11:28:05</t>
  </si>
  <si>
    <t>11/25/2019 11:31:15</t>
  </si>
  <si>
    <t>Receitamento Lote 1 FAT B atualizado Novembro19.xlsx</t>
  </si>
  <si>
    <t>11/25/2019 11:29:52</t>
  </si>
  <si>
    <t>11/25/2019 11:32:15</t>
  </si>
  <si>
    <t>215371_Preco_WIT+NOC_SETUP_V1 - Copia.xlsb</t>
  </si>
  <si>
    <t>D:\OneDrive\AlgarTech\Pré-Vendas\Cliente\2019\Harald\215371 - ISD Linha + Bodyshop\NOC+WIT\215371_Preco_WIT+NOC_SETUP_V1 - Copia.xlsb\</t>
  </si>
  <si>
    <t>11/25/2019 11:35:30</t>
  </si>
  <si>
    <t>11/25/2019 11:37:15</t>
  </si>
  <si>
    <t>215371_Preco_NOC_SETUP_V1.xlsb</t>
  </si>
  <si>
    <t>D:\OneDrive\AlgarTech\Pré-Vendas\Cliente\2019\Harald\215371 - ISD Linha + Bodyshop\NOC+WIT\215371_Preco_NOC_SETUP_V1.xlsb\</t>
  </si>
  <si>
    <t>11/25/2019 11:43:04</t>
  </si>
  <si>
    <t>11/25/2019 11:46:15</t>
  </si>
  <si>
    <t>Aderência Diego - Dezembro (Salvo automaticamente).xlsx</t>
  </si>
  <si>
    <t>11/20/2019 14:13:49</t>
  </si>
  <si>
    <t>11/25/2019 11:47:14</t>
  </si>
  <si>
    <t>rosjesse@amazon.com;</t>
  </si>
  <si>
    <t>RES: qbr deck</t>
  </si>
  <si>
    <t>Vendor 2019.11 - Algar Business Review Presentation.pptx\</t>
  </si>
  <si>
    <t>rosjesse@amazon.com</t>
  </si>
  <si>
    <t>11/25/2019 11:48:03</t>
  </si>
  <si>
    <t>11/25/2019 11:52:15</t>
  </si>
  <si>
    <t>C:\Users\lucianabo\AppData\Local\Temp\</t>
  </si>
  <si>
    <t>11/25/2019 11:52:58</t>
  </si>
  <si>
    <t>11/25/2019 11:58:14</t>
  </si>
  <si>
    <t>10.211.2.108</t>
  </si>
  <si>
    <t>/o=exchangelabs/ou=exchange administrative group (fydibohf23spdlt)/cn=recipients/cn=9e66b187ad984d3996b1c4de7e282f98-jessica fer;</t>
  </si>
  <si>
    <t>Cadastro Geral - Setembro</t>
  </si>
  <si>
    <t>Cadastro geral 04_09.xlsx</t>
  </si>
  <si>
    <t>/o=exchangelabs/ou=exchange administrative group (fydibohf23spdlt)/cn=recipients/cn=9e66b187ad984d3996b1c4de7e282f98-jessica fer</t>
  </si>
  <si>
    <t>11/25/2019 11:57:22</t>
  </si>
  <si>
    <t>mail.google.com/mail/u/1/#inbox?compose=CllgCHrjDZhVBKfZdVkSpkXnQNSRqLQNZGVfftmqVWTfZfRjbtQzwRZvKzFVGRlFCFJmBDwLvSq</t>
  </si>
  <si>
    <t>Z:\RELATORIOS FPW\Controle\CADASTRO GERAL\</t>
  </si>
  <si>
    <t>11/25/2019 11:53:47</t>
  </si>
  <si>
    <t>\\cppfs\cpdeptos\CPC\4 - Relatorios\BRADESCO EAVM\02 - Estratégia\Passo 2\</t>
  </si>
  <si>
    <t>Mascara Estratégia EAVM.xlsx</t>
  </si>
  <si>
    <t>11/25/2019 11:55:12</t>
  </si>
  <si>
    <t>11/25/2019 11:59:15</t>
  </si>
  <si>
    <t>C:\Users\carlosasr\Desktop\BRADESCO\EAVM\</t>
  </si>
  <si>
    <t>Regua Estratégia.xlsx</t>
  </si>
  <si>
    <t>11/25/2019 11:53:18</t>
  </si>
  <si>
    <t>c:\users\fernandorsju\desktop\</t>
  </si>
  <si>
    <t>11/25/2019 11:59:25</t>
  </si>
  <si>
    <t>11/25/2019 12:02:14</t>
  </si>
  <si>
    <t>11/25/2019 11:59:26</t>
  </si>
  <si>
    <t>215371_Preco_WIT_SETUP_V1.xlsb</t>
  </si>
  <si>
    <t>D:\OneDrive\AlgarTech\Pré-Vendas\Cliente\2019\Harald\215371 - ISD Linha + Bodyshop\NOC+WIT\215371_Preco_WIT_SETUP_V1.xlsb\</t>
  </si>
  <si>
    <t>11/25/2019 12:08:31</t>
  </si>
  <si>
    <t>11/25/2019 12:09:14</t>
  </si>
  <si>
    <t>10.201.30.50</t>
  </si>
  <si>
    <t>andremg@algartech.com</t>
  </si>
  <si>
    <t>andremg@algartecnologia.com.br;humbertopj@algartech.com;marceloab@algartech.com;rafael@quilleconsultoria.com.br;yasminma@algartech.com;</t>
  </si>
  <si>
    <t>URA Central de Relacionamento - Yahsat.xlsx</t>
  </si>
  <si>
    <t>andremg@algartecnologia.com.br,humbertopj@algartech.com,marceloab@algartech.com,rafael@quilleconsultoria.com.br,yasminma@algartech.com</t>
  </si>
  <si>
    <t>11/25/2019 12:09:24</t>
  </si>
  <si>
    <t>11/25/2019 12:10:15</t>
  </si>
  <si>
    <t>mail.google.com/_/upload?authuser=1&amp;dcp=asu-n&amp;upload_id=AEnB2UrKLVbD-Am_6N6jKXQmMgPa2mXxAC-BXbKkbKLCKG7hYw8Ss-yjqNN8Z5jZm6sdgN8kn-w1grlrfXW_7XFjaNT_RNgvaQD6lXg37W1kCATQ3SH_pX4&amp;upload_protocol=resumable</t>
  </si>
  <si>
    <t>\\acsfs\Deptos\CPC\4 - MIS\2 - Cliente\8 - Bradesco\53 - URR\03 - Entrega\</t>
  </si>
  <si>
    <t>Evidencia 2211.xlsx</t>
  </si>
  <si>
    <t>11/25/2019 12:08:03</t>
  </si>
  <si>
    <t>11/25/2019 12:11:15</t>
  </si>
  <si>
    <t>mail.google.com/_/upload?authuser=0&amp;dcp=asu-n&amp;upload_id=AEnB2UpHV0HNhNEG4ezrkIAPF1GBut8dllEtbtTAq2cmaJdcBR0bfSZoJbl9X_-Rd_L2_A0HYOwPQXRyr4S9yNVmDT1QIJjCQw&amp;upload_protocol=resumable</t>
  </si>
  <si>
    <t>11/25/2019 12:08:21</t>
  </si>
  <si>
    <t>11/25/2019 12:12:14</t>
  </si>
  <si>
    <t>Cópia de Ficha de Reparo TIM - NOVO.xlsx</t>
  </si>
  <si>
    <t>11/25/2019 12:19:11</t>
  </si>
  <si>
    <t>11/25/2019 12:22:15</t>
  </si>
  <si>
    <t>lucianabo@algartech.com</t>
  </si>
  <si>
    <t>COMPOSIÇÃO FATURAMENTO - WHP.xlsx</t>
  </si>
  <si>
    <t>11/25/2019 12:24:43</t>
  </si>
  <si>
    <t>11/25/2019 12:28:14</t>
  </si>
  <si>
    <t>11/25/2019 12:34:58</t>
  </si>
  <si>
    <t>11/25/2019 12:38:15</t>
  </si>
  <si>
    <t>mail.google.com/_/upload?authuser=1&amp;dcp=asu-n&amp;upload_id=AEnB2UrfRTdbMcz4d3zEN_GB53bdSM7NUHGAS25M1CHpXzgPr8og_To8WNwernEfFrmDh6PriVdTlr2Kk5IXeXsM_na3unudUw&amp;upload_protocol=resumable</t>
  </si>
  <si>
    <t>Cópia de 10 Outubro - Recall.xlsb</t>
  </si>
  <si>
    <t>11/25/2019 12:39:58</t>
  </si>
  <si>
    <t>11/25/2019 12:45:15</t>
  </si>
  <si>
    <t>/o=exchangelabs/ou=exchange administrative group (fydibohf23spdlt)/cn=recipients/cn=c32cee7d339f4e7fab5beda7be171cc0-priscila ca;/o=exchangelabs/ou=exchange administrative group (fydibohf23spdlt)/cn=recipients/cn=d05b086490f84e1380a430afb1101aa7-giofrerdane;/o=exchangelabs/ou=exchange administrative group (fydibohf23spdlt)/cn=recipients/cn=e3778f57d65f4c17a6287602f9eb0cdc-alessandra;</t>
  </si>
  <si>
    <t>/o=exchangelabs/ou=exchange administrative group (fydibohf23spdlt)/cn=recipients/cn=c32cee7d339f4e7fab5beda7be171cc0-priscila ca,/o=exchangelabs/ou=exchange administrative group (fydibohf23spdlt)/cn=recipients/cn=d05b086490f84e1380a430afb1101aa7-giofrerdane,/o=exchangelabs/ou=exchange administrative group (fydibohf23spdlt)/cn=recipients/cn=e3778f57d65f4c17a6287602f9eb0cdc-alessandra</t>
  </si>
  <si>
    <t>11/25/2019 13:07:24</t>
  </si>
  <si>
    <t>11/25/2019 13:10:15</t>
  </si>
  <si>
    <t>joseasn@algartech.com</t>
  </si>
  <si>
    <t>mail.google.com/_/upload?authuser=0&amp;dcp=asu-n&amp;upload_id=AEnB2UpZztTCsws2nzo4N6DVXGy9iJetx4jcgCMNQuVTSkRfKAcL_D5qKFyhzZ61vHW2zZCCXnSqgRqfjPStvK2lh2fwgY8TdQ&amp;upload_protocol=resumable</t>
  </si>
  <si>
    <t>cpc-controldeskavon@algartech.com;senildapdo@algartech.com;viniciussg@algartech.com;</t>
  </si>
  <si>
    <t>C:\Users\joseasn\Downloads\</t>
  </si>
  <si>
    <t>cpc-controldeskavon@algartech.com,senildapdo@algartech.com,viniciussg@algartech.com</t>
  </si>
  <si>
    <t>11/25/2019 13:25:25</t>
  </si>
  <si>
    <t>11/25/2019 13:28:16</t>
  </si>
  <si>
    <t>\\acsfs\DEPTOS\EDUCACAO EMPRESARIAL\4 - Gestão de Educação\4.4 Analistas\Ericson\Ericson Pessoal\Contratos Comite\Igor Alessandro (lavajato)\</t>
  </si>
  <si>
    <t>11/25/2019 13:34:40</t>
  </si>
  <si>
    <t>11/25/2019 13:37:15</t>
  </si>
  <si>
    <t>mail.google.com/_/upload?authuser=0&amp;dcp=asu-n&amp;upload_id=AEnB2UpjI_bBhLKehdxzIbIqGu9UDJk7Q8TLRAXmNoE6BiQWiaNgjDGa1s1vmL2Ee_7i-iPW28Ihfg1bivbVP8rSgNxeXGuuhw&amp;upload_protocol=resumable</t>
  </si>
  <si>
    <t>CANCELAMENTO_FORA COMPETENCIA.xlsx</t>
  </si>
  <si>
    <t>11/25/2019 13:35:44</t>
  </si>
  <si>
    <t>11/25/2019 13:40:16</t>
  </si>
  <si>
    <t>Base BW % Conversão - Nov-2019 - Parcial - 21-11-19 - V2.xlsm</t>
  </si>
  <si>
    <t>11/25/2019 13:35:48</t>
  </si>
  <si>
    <t>11/25/2019 13:37:19</t>
  </si>
  <si>
    <t>11/25/2019 13:49:42</t>
  </si>
  <si>
    <t>11/25/2019 13:52:16</t>
  </si>
  <si>
    <t>https://caey.fa.us2.oraclecloud.com/crmui/faces/fusewelcome?_adf.ctrl-state=13jpag4jkq_253</t>
  </si>
  <si>
    <t>C:\Users\sherleyce\Desktop\ENC Margens GAT 2018 minimo aceito 30%.msg\s1\</t>
  </si>
  <si>
    <t>11/25/2019 13:51:28</t>
  </si>
  <si>
    <t>11/25/2019 13:53:15</t>
  </si>
  <si>
    <t>/o=exchangelabs/ou=exchange administrative group (fydibohf23spdlt)/cn=recipients/cn=545f738e0fe740ba856f4eb6ef0135e0-vinicius si;/o=exchangelabs/ou=exchange administrative group (fydibohf23spdlt)/cn=recipients/cn=81f72ed6e9d042e3bed0cec08d488854-vinicius go;/o=exchangelabs/ou=exchange administrative group (fydibohf23spdlt)/cn=recipients/cn=a72a765de829420582b78941417073ac-karina rodr;/o=exchangelabs/ou=exchange administrative group (fydibohf23spdlt)/cn=recipients/cn=a75579a499254c2291e852b70c4d70d1-eunice apar;</t>
  </si>
  <si>
    <t>Proposta de Forecast - Service N1 // Janeiro 2020</t>
  </si>
  <si>
    <t>Forecast N1 Service_Whirlpool.xlsx</t>
  </si>
  <si>
    <t>/o=exchangelabs/ou=exchange administrative group (fydibohf23spdlt)/cn=recipients/cn=545f738e0fe740ba856f4eb6ef0135e0-vinicius si,/o=exchangelabs/ou=exchange administrative group (fydibohf23spdlt)/cn=recipients/cn=81f72ed6e9d042e3bed0cec08d488854-vinicius go,/o=exchangelabs/ou=exchange administrative group (fydibohf23spdlt)/cn=recipients/cn=a72a765de829420582b78941417073ac-karina rodr,/o=exchangelabs/ou=exchange administrative group (fydibohf23spdlt)/cn=recipients/cn=a75579a499254c2291e852b70c4d70d1-eunice apar</t>
  </si>
  <si>
    <t>11/25/2019 13:55:49</t>
  </si>
  <si>
    <t>11/25/2019 13:57:16</t>
  </si>
  <si>
    <t>11/25/2019 13:59:37</t>
  </si>
  <si>
    <t>11/25/2019 14:00:15</t>
  </si>
  <si>
    <t>10.200.99.115</t>
  </si>
  <si>
    <t>senildapdo@algartech.com</t>
  </si>
  <si>
    <t>julianamp@algartech.com;</t>
  </si>
  <si>
    <t>C:\Users\senildapdo\Desktop\</t>
  </si>
  <si>
    <t>julianamp@algartech.com</t>
  </si>
  <si>
    <t>11/25/2019 14:03:23</t>
  </si>
  <si>
    <t>11/25/2019 14:05:15</t>
  </si>
  <si>
    <t>11/25/2019 14:03:12</t>
  </si>
  <si>
    <t>11/25/2019 14:06:16</t>
  </si>
  <si>
    <t>ENC: CURVAS_VOL_AHT.xlsx</t>
  </si>
  <si>
    <t>11/25/2019 14:05:48</t>
  </si>
  <si>
    <t>11/25/2019 14:07:15</t>
  </si>
  <si>
    <t>11/25/2019 14:05:52</t>
  </si>
  <si>
    <t>11/25/2019 14:09:16</t>
  </si>
  <si>
    <t>Governança de Compras Handover.xlsx</t>
  </si>
  <si>
    <t>11/25/2019 14:06:23</t>
  </si>
  <si>
    <t>11/25/2019 14:14:22</t>
  </si>
  <si>
    <t>11/25/2019 14:19:16</t>
  </si>
  <si>
    <t>mail.google.com/_/upload?authuser=3&amp;dcp=asu-n&amp;upload_id=AEnB2UpZQSsM8DScJCgX4P0VBuqg08PjSxWDhZwEsdVKn5k83hYjFVcOjKycOcWwHwmP6wUkrAuKcx29ZSflF0Ya2CG2GrhU9g&amp;upload_protocol=resumable</t>
  </si>
  <si>
    <t>11/25/2019 14:18:22</t>
  </si>
  <si>
    <t>11/25/2019 14:21:15</t>
  </si>
  <si>
    <t>containsunsubsc,copyable,displayname,domain,emailaddress,explicitlytrashed,filesize,hasthumbnail,hasvisitorpermissions,id,id),items(kind,lastmodifyinguser(kind,lastviewedbymedate,mimetype,modifiedbymedate,modifieddate,nextpagetoken,ontainsunsubscribedchildren,owners(kind,permissionid,picture,quotabytesused,shareable,shared,sharedwithmedate,subscribed,thumbnailversion,title,toyota crc' and title contains 'xlsx' and trashed = false and '0abcsrzeyyooluk9pva' in parents&amp;fields=kind,userpermission(role)</t>
  </si>
  <si>
    <t>11/25/2019 14:03:25</t>
  </si>
  <si>
    <t>11/25/2019 14:27:15</t>
  </si>
  <si>
    <t>11/25/2019 14:28:27</t>
  </si>
  <si>
    <t>11/25/2019 14:31:15</t>
  </si>
  <si>
    <t>mail.google.com/_/upload?authuser=2&amp;dcp=asu-n&amp;upload_id=AEnB2Ura0kZ6DTufw68w1xPHNflRIsbavYC9g0yJYLdetpoHVcaxFrW9qUbXExxxwtm-1DBkAsSuNeQpQwhy8efA9pAZeANvBA&amp;upload_protocol=resumable</t>
  </si>
  <si>
    <t>Planilha controle Demandas Squad.xlsx</t>
  </si>
  <si>
    <t>11/25/2019 14:36:38</t>
  </si>
  <si>
    <t>11/25/2019 14:40:16</t>
  </si>
  <si>
    <t>C:\Users\renatofol\OneDrive - Grupo Algar\ALGAR_-_Transformação Digital\Consultoria CX\Documentações\TIME CX\Clientes\Netflix\fwdrfpnetflixopt207414netflixsacdat.zip\</t>
  </si>
  <si>
    <t>Brazil RFP .xlsx</t>
  </si>
  <si>
    <t>11/25/2019 14:39:32</t>
  </si>
  <si>
    <t>11/25/2019 14:42:15</t>
  </si>
  <si>
    <t>C:\Users\luanaaoli\Desktop\INICIATIVAS\7. Financeiro\</t>
  </si>
  <si>
    <t>Atualização VDE E VDS 09.07 (002) (1).xlsx</t>
  </si>
  <si>
    <t>11/25/2019 14:48:11</t>
  </si>
  <si>
    <t>11/25/2019 14:50:16</t>
  </si>
  <si>
    <t>11/25/2019 14:47:15</t>
  </si>
  <si>
    <t>11/25/2019 14:52:15</t>
  </si>
  <si>
    <t>10.200.32.143</t>
  </si>
  <si>
    <t>/o=exchangelabs/ou=exchange administrative group (fydibohf23spdlt)/cn=recipients/cn=d524c378550f4b9ab526e5938ca6655b-flavia mari;</t>
  </si>
  <si>
    <t>Arquivo de retorno - Reenvio - 25.11 (1).xlsx</t>
  </si>
  <si>
    <t>/o=exchangelabs/ou=exchange administrative group (fydibohf23spdlt)/cn=recipients/cn=d524c378550f4b9ab526e5938ca6655b-flavia mari</t>
  </si>
  <si>
    <t>11/25/2019 14:49:16</t>
  </si>
  <si>
    <t>11/25/2019 14:54:16</t>
  </si>
  <si>
    <t>bgrayenywbdwabdfxvdoe0fctvkjgasmw1dktlxrqljcc0dmdvnfwwhd;</t>
  </si>
  <si>
    <t>bgrayenywbdwabdfxvdoe0fctvkjgasmw1dktlxrqljcc0dmdvnfwwhd</t>
  </si>
  <si>
    <t>11/25/2019 14:55:06</t>
  </si>
  <si>
    <t>11/25/2019 14:56:16</t>
  </si>
  <si>
    <t>mail.google.com/_/upload?authuser=0&amp;dcp=asu-n&amp;upload_id=AEnB2UqMb-WOauA0ZCil4SFPA5dX2tOgNvuy_j0M9TtXxciW5KYyeDM0yjxpCD-JzmQtjkOk97buVNUDqzzCBaALX3f2KlYIeA&amp;upload_protocol=resumable</t>
  </si>
  <si>
    <t>11/25/2019 14:59:13</t>
  </si>
  <si>
    <t>11/25/2019 15:01:16</t>
  </si>
  <si>
    <t>C:\Users\ricardobal\OneDrive - Grupo Algar\Algar Tecnologia\01 - CLIENTES\BANCO BMG\215366 REVISÃO SD\</t>
  </si>
  <si>
    <t>BMG - 215366 - Plan Precificacao C017 B017 12_11_2019.xlsb</t>
  </si>
  <si>
    <t>C:\Users\ricardobal\OneDrive - Grupo Algar\Algar Tecnologia\01 - CLIENTES\BANCO BMG\215366 REVISÃO SD\BMG - 215366 - Plan Precificacao C017 B017 12_11_2019.xlsb\</t>
  </si>
  <si>
    <t>11/25/2019 14:59:37</t>
  </si>
  <si>
    <t>BMG-ALGAR TECH VALORES PER CALL.xlsx</t>
  </si>
  <si>
    <t>11/25/2019 15:02:44</t>
  </si>
  <si>
    <t>11/25/2019 15:03:16</t>
  </si>
  <si>
    <t>11/25/2019 15:05:39</t>
  </si>
  <si>
    <t>11/25/2019 15:06:15</t>
  </si>
  <si>
    <t>H:\Governança da Estratégia\Governança\Holding\2019\Gerenciais\4ª REUGER Novembro\Slides - Áreas\Algar Tech_4a REUGER 2019_Marketing_Vendas_Receita_V7.pptx\</t>
  </si>
  <si>
    <t>11/25/2019 15:05:44</t>
  </si>
  <si>
    <t>11/25/2019 15:10:15</t>
  </si>
  <si>
    <t>/o=exchangelabs/ou=exchange administrative group (fydibohf23spdlt)/cn=recipients/cn=0163bfef0e474630bdcf0a3698e9ffd4-amanda ferr;/o=exchangelabs/ou=exchange administrative group (fydibohf23spdlt)/cn=recipients/cn=26a18e4ace4f4981b19d4efc5cccf985-uenia ribei;/o=exchangelabs/ou=exchange administrative group (fydibohf23spdlt)/cn=recipients/cn=56dc126fba5b4a5f8fb1cd7e4f10477d-thais olive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93a9a0598b8d4b6ab10f3b1e2184d2e4-leonardo al;/o=exchangelabs/ou=exchange administrative group (fydibohf23spdlt)/cn=recipients/cn=aff8c3b9538840fe9b9778861292fbea-everton pau;diegoodz@algartech.com.br;ivia.santos@temposervicos.com.br;jackson.diniz@bradesco.com.br;jhonatan.ventino@temposervicos.c</t>
  </si>
  <si>
    <t>/o=exchangelabs/ou=exchange administrative group (fydibohf23spdlt)/cn=recipients/cn=0163bfef0e474630bdcf0a3698e9ffd4-amanda ferr,/o=exchangelabs/ou=exchange administrative group (fydibohf23spdlt)/cn=recipients/cn=26a18e4ace4f4981b19d4efc5cccf985-uenia ribei,/o=exchangelabs/ou=exchange administrative group (fydibohf23spdlt)/cn=recipients/cn=56dc126fba5b4a5f8fb1cd7e4f10477d-thais olive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93a9a0598b8d4b6ab10f3b1e2184d2e4-leonardo al,/o=exchangelabs/ou=exchange administrative group (fydibohf23spdlt)/cn=recipients/cn=aff8c3b9538840fe9b9778861292fbea-everton pau,diegoodz@algartech.com.br,ivia.santos@temposervicos.com.br,jackson.diniz@bradesco.com.br,jhonatan.ventino@temposervicos.c</t>
  </si>
  <si>
    <t>11/25/2019 15:07:18</t>
  </si>
  <si>
    <t>11/25/2019 15:12:16</t>
  </si>
  <si>
    <t>mail.google.com/_/upload?authuser=0&amp;dcp=asu-n&amp;upload_id=AEnB2Uo0TRfikz2GeUdsRq86vN68fN-Mi_Vzwfjr6sE6Yjda6zsH0GOrKnjTxuwt8P-3JPSPmCSiFEXLYDGdkuiV-xDSszg36g&amp;upload_protocol=resumable</t>
  </si>
  <si>
    <t>D:\AlgarTech\Planejamento_Engenharia\BPO\RFP - 217488 - TR SEBRAE\</t>
  </si>
  <si>
    <t>11/25/2019 15:09:12</t>
  </si>
  <si>
    <t>11/25/2019 15:13:15</t>
  </si>
  <si>
    <t>10.200.61.198</t>
  </si>
  <si>
    <t>Pesquisa AVON Supers Nov.xlsx</t>
  </si>
  <si>
    <t>11/25/2019 15:10:25</t>
  </si>
  <si>
    <t>\\ACSFS\Engeset\FINANCEIRO_ULA\CONTROLA\SG\00 - Aplicações\10- Orçamento\2020\Receita\Rascunho\</t>
  </si>
  <si>
    <t>Volumetria Bradesco_Nova RB 340002017.xlsx</t>
  </si>
  <si>
    <t>11/25/2019 15:10:27</t>
  </si>
  <si>
    <t>mail.google.com/_/upload?authuser=2&amp;dcp=asu-n&amp;upload_id=AEnB2Uqg2r71GJBhzvPjtk0pjbFs1InQMSsI-NH28GTy8nHMw5lMPVMyywS3-Lp2nCgUaUY04uvSbRqaQ-2pIhfsw2IDrwnuEQ&amp;upload_protocol=resumable</t>
  </si>
  <si>
    <t>11/25/2019 15:13:34</t>
  </si>
  <si>
    <t>11/25/2019 15:17:15</t>
  </si>
  <si>
    <t>ENC: Treinamento</t>
  </si>
  <si>
    <t>11/25/2019 15:15:25</t>
  </si>
  <si>
    <t>11/25/2019 15:18:16</t>
  </si>
  <si>
    <t>11/25/2019 15:17:05</t>
  </si>
  <si>
    <t>11/25/2019 15:20:15</t>
  </si>
  <si>
    <t>/o=exchangelabs/ou=exchange administrative group (fydibohf23spdlt)/cn=recipients/cn=0163bfef0e474630bdcf0a3698e9ffd4-amanda ferr;/o=exchangelabs/ou=exchange administrative group (fydibohf23spdlt)/cn=recipients/cn=56dc126fba5b4a5f8fb1cd7e4f10477d-thais olive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aff8c3b9538840fe9b9778861292fbea-everton pau;brunosr@algartech.com.br;jackson.diniz@bradesco.com.br;jhonatan.ventino@temposervicos.com.br;laricena@algartech.com.br;liliane.carole@temposervicos.com.br;pauliniaacs@algartech.com.br;poliane.amaral@bradesco.com.br;suzane.b.rodrigues@bradesco.com.br;suzane.rodrigues@temposervicos.com.br;</t>
  </si>
  <si>
    <t>/o=exchangelabs/ou=exchange administrative group (fydibohf23spdlt)/cn=recipients/cn=0163bfef0e474630bdcf0a3698e9ffd4-amanda ferr,/o=exchangelabs/ou=exchange administrative group (fydibohf23spdlt)/cn=recipients/cn=56dc126fba5b4a5f8fb1cd7e4f10477d-thais olive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aff8c3b9538840fe9b9778861292fbea-everton pau,brunosr@algartech.com.br,jackson.diniz@bradesco.com.br,jhonatan.ventino@temposervicos.com.br,laricena@algartech.com.br,liliane.carole@temposervicos.com.br,pauliniaacs@algartech.com.br,poliane.amaral@bradesco.com.br,suzane.b.rodrigues@bradesco.com.br,suzane.rodrigues@temposervicos.com.br</t>
  </si>
  <si>
    <t>11/25/2019 15:19:15</t>
  </si>
  <si>
    <t>11/25/2019 15:22:15</t>
  </si>
  <si>
    <t>RES: Saldo Credor</t>
  </si>
  <si>
    <t>Cópia de SALDO CREDOR.xlsx</t>
  </si>
  <si>
    <t>11/25/2019 15:19:28</t>
  </si>
  <si>
    <t>11/25/2019 15:23:15</t>
  </si>
  <si>
    <t>11/25/2019 15:19:27</t>
  </si>
  <si>
    <t>New Model NOV.xlsx</t>
  </si>
  <si>
    <t>11/25/2019 15:18:15</t>
  </si>
  <si>
    <t>/o=exchangelabs/ou=exchange administrative group (fydibohf23spdlt)/cn=recipients/cn=1a68fd0c71d242d89abd9f9904b69653-lidianne sa;/o=exchangelabs/ou=exchange administrative group (fydibohf23spdlt)/cn=recipients/cn=2946605dcf554cb389220dec598b84fa-adriano mon;/o=exchangelabs/ou=exchange administrative group (fydibohf23spdlt)/cn=recipients/cn=3daf2f0b162f40c696c00f9ecbb7d69a-ana laura t;/o=exchangelabs/ou=exchange administrative group (fydibohf23spdlt)/cn=recipients/cn=b284454839e94314a90d49e7ec00864f-antonio car;alexandre.m.souza@bradesco.com.br;analtc@algartech.com.br;daniela.souza@bradesco.com.br;diogenespl@algartech.com.br;joyce.l.oliveira@bradesco.com.br;lorrany.bianca@bradesco.com.br;paula.tavares@bradesco.com.br;</t>
  </si>
  <si>
    <t>RES: ==Errata == Filas inativas</t>
  </si>
  <si>
    <t>10-FATURAMENTO-FRD_BO_AMEX-OUT-19.xlsx</t>
  </si>
  <si>
    <t>/o=exchangelabs/ou=exchange administrative group (fydibohf23spdlt)/cn=recipients/cn=1a68fd0c71d242d89abd9f9904b69653-lidianne sa,/o=exchangelabs/ou=exchange administrative group (fydibohf23spdlt)/cn=recipients/cn=2946605dcf554cb389220dec598b84fa-adriano mon,/o=exchangelabs/ou=exchange administrative group (fydibohf23spdlt)/cn=recipients/cn=3daf2f0b162f40c696c00f9ecbb7d69a-ana laura t,/o=exchangelabs/ou=exchange administrative group (fydibohf23spdlt)/cn=recipients/cn=b284454839e94314a90d49e7ec00864f-antonio car,alexandre.m.souza@bradesco.com.br,analtc@algartech.com.br,daniela.souza@bradesco.com.br,diogenespl@algartech.com.br,joyce.l.oliveira@bradesco.com.br,lorrany.bianca@bradesco.com.br,paula.tavares@bradesco.com.br</t>
  </si>
  <si>
    <t>11/25/2019 15:26:32</t>
  </si>
  <si>
    <t>11/25/2019 15:28:15</t>
  </si>
  <si>
    <t>proposta tim fatura b_fatura a.xlsx</t>
  </si>
  <si>
    <t>11/25/2019 15:25:32</t>
  </si>
  <si>
    <t>Daily Operador_23-11-2019.xlsx</t>
  </si>
  <si>
    <t>11/25/2019 15:29:40</t>
  </si>
  <si>
    <t>11/25/2019 15:30:15</t>
  </si>
  <si>
    <t>C:\Users\denisevca\Desktop\FECHAMENTOS JUL AGO SET\</t>
  </si>
  <si>
    <t>Padrao Solicitacao Receitamento SG Telecom FAT B LOTE 1 NOVEMBRO.xlsm</t>
  </si>
  <si>
    <t>11/25/2019 15:34:53</t>
  </si>
  <si>
    <t>11/25/2019 15:35:16</t>
  </si>
  <si>
    <t>10.201.28.37</t>
  </si>
  <si>
    <t>adrianamac@algartech.com</t>
  </si>
  <si>
    <t>C:\Users\adrianamac\Documents\</t>
  </si>
  <si>
    <t>Rateio Amex Yamashita2019.xlsx</t>
  </si>
  <si>
    <t>11/25/2019 15:36:23</t>
  </si>
  <si>
    <t>11/25/2019 15:38:16</t>
  </si>
  <si>
    <t>mail.google.com/mail/u/1/?tab=gm#inbox/FMfcgxwGBwQNfjBrTwmSbmGqlzwMFLCT?compose=CllgCKHTwBbcWgvQZxQzGZChKxHHnrZGTrjMllqSQjnDXnxcpgzNcvtNmxHFNVZLMhxjRQkZPDq</t>
  </si>
  <si>
    <t>C:\Users\Flavia\Documents\</t>
  </si>
  <si>
    <t>Orçado CR - Correção nd.xlsx</t>
  </si>
  <si>
    <t>11/25/2019 15:40:53</t>
  </si>
  <si>
    <t>11/25/2019 15:43:16</t>
  </si>
  <si>
    <t>mail.google.com/_/upload?authuser=3&amp;dcp=asu-n&amp;upload_id=AEnB2UpSUg-wP3-Q_kPw1fXoW5TSqehaS0limfqOPslvcreeunswjSOJQcnC4LRtS0kG4jwyBZkYyqLTKfvVITGAk7m_1oa3Zw&amp;upload_protocol=resumable</t>
  </si>
  <si>
    <t>11/25/2019 13:50:36</t>
  </si>
  <si>
    <t>10.250.254.72</t>
  </si>
  <si>
    <t>C:\Users\joaobab\OneDrive - Grupo Algar\temp\Whirpool\Categorizador\Mayoral - Formato para Importação\</t>
  </si>
  <si>
    <t>Cadastro Árvores Genesys.xlsx</t>
  </si>
  <si>
    <t>11/25/2019 15:38:29</t>
  </si>
  <si>
    <t>11/25/2019 15:44:15</t>
  </si>
  <si>
    <t>lilianeadb@algartech.com</t>
  </si>
  <si>
    <t>\\acsfs\engeset\CPV_ULA\ADMINISTRATIVO\CONTROLE ADMINISTRATIVO\DOCUMENTAÇÃO PARA HABILITAÇÃO\Algar Tecnologia\2019\217402 - RFP Cobrança Carrefour - 02.12.2019\217402 - RFP Cobrança Carrefour - 02.12.2019.zip\</t>
  </si>
  <si>
    <t>Vendor Assessment_vfinal.xlsm</t>
  </si>
  <si>
    <t>11/25/2019 15:46:08</t>
  </si>
  <si>
    <t>11/25/2019 15:46:16</t>
  </si>
  <si>
    <t>mail.google.com/_/upload?authuser=1&amp;dcp=asu-n&amp;upload_id=AEnB2UqSfVS6269PtPCbM30aEdufECfhumbZqH01T1NdJ3u_tRM3KNKu4tL71FtuB73eikGhSXRRxOUKx_ijx1z2TVBE7QILmvs202cujJmX0Oeuy89tYs0&amp;upload_protocol=resumable</t>
  </si>
  <si>
    <t>Longo Prazo X Orçado X Real vsemLP2017 (version 1).xlsx</t>
  </si>
  <si>
    <t>11/25/2019 15:50:25</t>
  </si>
  <si>
    <t>11/25/2019 15:52:15</t>
  </si>
  <si>
    <t>11/25/2019 15:50:29</t>
  </si>
  <si>
    <t>Compilado_Quantitativos.xlsx</t>
  </si>
  <si>
    <t>11/25/2019 15:52:45</t>
  </si>
  <si>
    <t>11/25/2019 15:53:16</t>
  </si>
  <si>
    <t>11/25/2019 15:55:12</t>
  </si>
  <si>
    <t>11/25/2019 15:57:16</t>
  </si>
  <si>
    <t>11/25/2019 15:54:28</t>
  </si>
  <si>
    <t>11/25/2019 15:58:15</t>
  </si>
  <si>
    <t>\\acsfs\DEPTOS\DME\CME - Coordenacao de Marketing e Estrategia\Gestão de Vendas\Metas\2019\Metas Individuais\</t>
  </si>
  <si>
    <t>New_Adenilson Gama.xlsx</t>
  </si>
  <si>
    <t>11/25/2019 15:53:39</t>
  </si>
  <si>
    <t>paulohdoc@algartech.com</t>
  </si>
  <si>
    <t>mail.google.com/_/upload?authuser=0&amp;dcp=asu-n&amp;upload_id=AEnB2UrML2bT6UbAW7P71_L1mQzv8ejL8Q3SCW7jumckbHZq42ML4SAtixxt5dBBgp7PfOSJ4jgOKg4EyT1MjnRdVYZGeCp35w&amp;upload_protocol=resumable</t>
  </si>
  <si>
    <t>11/25/2019 16:01:08</t>
  </si>
  <si>
    <t>11/25/2019 16:02:16</t>
  </si>
  <si>
    <t>lucianarba@algartech.com</t>
  </si>
  <si>
    <t>danielavg@algartech.com;gabrielaasan@algartech.com;keilapsba@algartech.com;lilianls@algartech.com;lorranaas@algartech.com;lucianarba@algartecnologia.com.br;marcotulio@algartech.com;pauloslj@algartech.com;robertaib@algartech.com;taysdss@algartech.com;</t>
  </si>
  <si>
    <t>C:\Users\lucianarba\Desktop\Reclame Aqui - Outubro Algar Telecom.pptx\</t>
  </si>
  <si>
    <t>danielavg@algartech.com,gabrielaasan@algartech.com,keilapsba@algartech.com,lilianls@algartech.com,lorranaas@algartech.com,lucianarba@algartecnologia.com.br,marcotulio@algartech.com,pauloslj@algartech.com,robertaib@algartech.com,taysdss@algartech.com</t>
  </si>
  <si>
    <t>11/25/2019 15:59:24</t>
  </si>
  <si>
    <t>11/25/2019 15:59:34</t>
  </si>
  <si>
    <t>11/25/2019 15:59:44</t>
  </si>
  <si>
    <t>11/25/2019 16:01:53</t>
  </si>
  <si>
    <t>mail.google.com/_/upload?authuser=0&amp;dcp=asu-n&amp;upload_id=AEnB2UpBGO706_8i8kkWlrolXeZ2ih-HeDa42f8l2IJUoziU-YzUtTtQWpvdwTolhLFci0CNm0Vb4XET8PnhMfc3SOu7IGrkeg&amp;upload_protocol=resumable</t>
  </si>
  <si>
    <t>11/25/2019 16:08:49</t>
  </si>
  <si>
    <t>11/25/2019 16:10:15</t>
  </si>
  <si>
    <t>camila_paixao@whirlpool.com;fabianacscg@algartech.com;katiagcc@algartech.com;</t>
  </si>
  <si>
    <t>Status Report Semana do Conhecimento Módulo I.xlsx</t>
  </si>
  <si>
    <t>camila_paixao@whirlpool.com,fabianacscg@algartech.com,katiagcc@algartech.com</t>
  </si>
  <si>
    <t>11/25/2019 16:09:07</t>
  </si>
  <si>
    <t>11/25/2019 16:11:16</t>
  </si>
  <si>
    <t>mail.google.com/_/upload?authuser=0&amp;dcp=asu-n&amp;upload_id=AEnB2UpsaFFl4rKWo2e9TARR6eanZCL5VaJSwY-Qxbi1d7d6mEEN5NFwlKOcOCP9cQUoH0MbJJ4J6zfmlqCh8YFqdiWLETXoig&amp;upload_protocol=resumable</t>
  </si>
  <si>
    <t>ARQUIVOS BO AEB.xlsx</t>
  </si>
  <si>
    <t>11/25/2019 16:07:51</t>
  </si>
  <si>
    <t>11/25/2019 16:12:16</t>
  </si>
  <si>
    <t>c:\users\adrianoms\downloads\</t>
  </si>
  <si>
    <t>formulario_ferias_irregulares adriano monteiro.xls</t>
  </si>
  <si>
    <t>11/25/2019 16:21:24</t>
  </si>
  <si>
    <t>11/25/2019 16:26:16</t>
  </si>
  <si>
    <t>C:\Users\marcelorf\OneDrive - Grupo Algar\Particular\</t>
  </si>
  <si>
    <t>Viagem Europa 2019 com Amazon.xlsx</t>
  </si>
  <si>
    <t>11/25/2019 16:24:15</t>
  </si>
  <si>
    <t>11/25/2019 16:34:33</t>
  </si>
  <si>
    <t>11/25/2019 16:35:16</t>
  </si>
  <si>
    <t>Aceitação de sites Consolidado.xlsx</t>
  </si>
  <si>
    <t>11/25/2019 16:40:59</t>
  </si>
  <si>
    <t>11/25/2019 16:42:16</t>
  </si>
  <si>
    <t>11/25/2019 16:45:10</t>
  </si>
  <si>
    <t>11/25/2019 16:49:16</t>
  </si>
  <si>
    <t>STH - Analista de Negócios SR (Produto).xlsx</t>
  </si>
  <si>
    <t>11/25/2019 16:48:46</t>
  </si>
  <si>
    <t>11/25/2019 16:50:16</t>
  </si>
  <si>
    <t>E:\INVESTIMENTOS\DIVIDENDOS\</t>
  </si>
  <si>
    <t>Maiores Dividendos 2020.xlsx</t>
  </si>
  <si>
    <t>E:\INVESTIMENTOS\DIVIDENDOS\Maiores Dividendos 2020.xlsx</t>
  </si>
  <si>
    <t>11/25/2019 16:50:50</t>
  </si>
  <si>
    <t>11/25/2019 16:55:16</t>
  </si>
  <si>
    <t>11/25/2019 16:55:04</t>
  </si>
  <si>
    <t>iaraadss@algartech.com;leandrom@algartech.com;</t>
  </si>
  <si>
    <t>Mailing atualizado Go Live 22-11.xlsx</t>
  </si>
  <si>
    <t>iaraadss@algartech.com,leandrom@algartech.com</t>
  </si>
  <si>
    <t>11/25/2019 16:55:28</t>
  </si>
  <si>
    <t>11/25/2019 16:56:16</t>
  </si>
  <si>
    <t>muriloega@algartech.com</t>
  </si>
  <si>
    <t>mail.google.com/_/upload?authuser=0&amp;dcp=asu-n&amp;upload_id=AEnB2UrpYCvdS7jnQZ0NUZlZZX73rEwpGW_ZbvAxpYwzlr3YOBT1eiVB-8cgnm-hDJa3yTW22QRrVUywH8vTnBx2mzRlt6NigA&amp;upload_protocol=resumable</t>
  </si>
  <si>
    <t>\\acsfs\DEPTOS\Operacao\PCP\3 - Corporativo\RFP´s (Request for Proposal)\2019\Estudos\CIMI\Acompanhamento\</t>
  </si>
  <si>
    <t>11/25/2019 16:56:44</t>
  </si>
  <si>
    <t>11/25/2019 17:00:15</t>
  </si>
  <si>
    <t>ENC: Demanda Cerrado</t>
  </si>
  <si>
    <t>Cópia de Status Pl Sr.xlsx</t>
  </si>
  <si>
    <t>11/25/2019 16:57:09</t>
  </si>
  <si>
    <t>11/25/2019 17:02:15</t>
  </si>
  <si>
    <t>11/25/2019 17:02:48</t>
  </si>
  <si>
    <t>11/25/2019 17:03:16</t>
  </si>
  <si>
    <t>mail.google.com/_/upload?authuser=0&amp;dcp=asu-n&amp;upload_id=AEnB2UpKb3uUoECC3cbMIMODZuifV_pP188W3zfjfJ383PDrEngMrg9Hpjr8gRZNKHUH2nHikdo7O8a7Za1eaOEcR6QZE1ZILg&amp;upload_protocol=resumable</t>
  </si>
  <si>
    <t>C:\Users\aguinaldoasj\Desktop\gestão de projetos\</t>
  </si>
  <si>
    <t>Brainstorming - Práticas Consolidado.xlsx</t>
  </si>
  <si>
    <t>11/25/2019 17:00:03</t>
  </si>
  <si>
    <t>11/25/2019 17:04:15</t>
  </si>
  <si>
    <t>\\acsfs\Deptos\Comercial\LICITAÇÃO\PORTAL ADQUIRA\ALGAR TI - TGS\Chamado 3418396 - Pagamento\</t>
  </si>
  <si>
    <t>22-11_TELEFONICA.xls</t>
  </si>
  <si>
    <t>11/25/2019 17:05:21</t>
  </si>
  <si>
    <t>11/25/2019 17:09:17</t>
  </si>
  <si>
    <t>mail.google.com/_/upload?authuser=1&amp;dcp=asu-n&amp;upload_id=AEnB2UpARjUwPCGRLcACbXretpsBbGzapirNzcbyP8uAQI7Rakk1sg3Bsho9roSy1CyHQQXeJFeSEt86J0AZVwa9bI1YH0XxFQ&amp;upload_protocol=resumable</t>
  </si>
  <si>
    <t>\\acsfs\deptos\CPC\4 - MIS\2 - Cliente\8 - Bradesco\53 - URR\03 - Entrega\</t>
  </si>
  <si>
    <t>Casos Pendentes Auditoria.xls</t>
  </si>
  <si>
    <t>11/25/2019 17:11:01</t>
  </si>
  <si>
    <t>11/25/2019 17:12:17</t>
  </si>
  <si>
    <t>mail.google.com/_/upload?authuser=4&amp;dcp=asu-n&amp;upload_id=AEnB2UphTg6ICT6GeZybFHE33abZNZZr9tGlzYSSklBASAURcmumSi_rBtpG1cy3-4tkMyzJMiYVclse2zSD-spA6PtTtJHZTA&amp;upload_protocol=resumable</t>
  </si>
  <si>
    <t>\\acsfs\deptos\Controladoria\17. CG Financeiro\CG INFRA\2.Faturamento\AMAZON\2019\12. Dezembro\</t>
  </si>
  <si>
    <t>11/25/2019 17:08:20</t>
  </si>
  <si>
    <t>11/25/2019 17:12:49</t>
  </si>
  <si>
    <t>11/25/2019 17:18:17</t>
  </si>
  <si>
    <t>celmars@algartech.com;emersonmdp@algartech.com;matheusmpm@algartech.com;pmo@algartech.com;victorhsr@algartech.com;wayneroa@algartech.com;</t>
  </si>
  <si>
    <t>\\acsfs\deptos\PMO Governança\06 - GOVERNANÇA DO CAPEX\CAPEX 2020\ORÇAMENTO\OFICIAL\01 - OFICIAL\</t>
  </si>
  <si>
    <t>Resumo Capex por torre GAT x GRC.xlsx</t>
  </si>
  <si>
    <t>celmars@algartech.com,emersonmdp@algartech.com,matheusmpm@algartech.com,pmo@algartech.com,victorhsr@algartech.com,wayneroa@algartech.com</t>
  </si>
  <si>
    <t>11/25/2019 17:14:26</t>
  </si>
  <si>
    <t>11/25/2019 17:14:30</t>
  </si>
  <si>
    <t>Produtividade RAF - NOV-2019 - Parcial - 21-11-19 -V2.xlsm</t>
  </si>
  <si>
    <t>11/25/2019 17:20:39</t>
  </si>
  <si>
    <t>11/25/2019 17:22:16</t>
  </si>
  <si>
    <t>Analise RFP's 25112019.xlsx</t>
  </si>
  <si>
    <t>11/25/2019 17:19:45</t>
  </si>
  <si>
    <t>11/25/2019 17:24:16</t>
  </si>
  <si>
    <t>6708;</t>
  </si>
  <si>
    <t>http://6708</t>
  </si>
  <si>
    <t>11/25/2019 17:22:50</t>
  </si>
  <si>
    <t>11/25/2019 17:26:16</t>
  </si>
  <si>
    <t>C:\Users\luizavs\Desktop\</t>
  </si>
  <si>
    <t>AHT Real x RFP.xlsx</t>
  </si>
  <si>
    <t>11/25/2019 17:23:37</t>
  </si>
  <si>
    <t>mail.google.com/_/upload?authuser=1&amp;dcp=asu-n&amp;upload_id=AEnB2UrrrIJRMvdWyTTzUfpI1UNnutvuj1HZ1ZM7F1nPN6JX_qrZE5HyUIXMsnL4zE94AwUzVDkzVoMBMx_sBaSt3PnoY_C7lQ&amp;upload_protocol=resumable</t>
  </si>
  <si>
    <t>11/25/2019 17:26:45</t>
  </si>
  <si>
    <t>11/25/2019 17:27:17</t>
  </si>
  <si>
    <t>C:\Users\renatofol\OneDrive - Grupo Algar\ALGAR_-_Transformação Digital\Consultoria CX\Documentações\TIME CX\Clientes\Netflix\</t>
  </si>
  <si>
    <t>Brazil RFP .en.pt.xlsx</t>
  </si>
  <si>
    <t>11/25/2019 17:23:45</t>
  </si>
  <si>
    <t>11/25/2019 17:29:17</t>
  </si>
  <si>
    <t>mail.google.com/_/upload?authuser=0&amp;dcp=asu-n&amp;upload_id=AEnB2UoWh71LBa1FmmiYfXAKkwy0OVxaWjrRwysFHQu-tuma4-bZXnZIG5qv-v__0eN0j03nv_MnVjoFGaoMkDhVbBUiLNj8nA&amp;upload_protocol=resumable</t>
  </si>
  <si>
    <t>C:\Users\lilianeadb\Desktop\Documentação para Cadastro _ Faturamento NFE 2019,775, 2019,776, 2019,777, 2019,779 e 2019,781 EVEN CONSTRUTORA E INCORPORADORA S A.eml\</t>
  </si>
  <si>
    <t>F SUP 010 Cadastro de fornecedores Rev.16.xlsx</t>
  </si>
  <si>
    <t>11/25/2019 17:26:30</t>
  </si>
  <si>
    <t>11/25/2019 17:26:24</t>
  </si>
  <si>
    <t>11/25/2019 17:32:16</t>
  </si>
  <si>
    <t>yuriifd@algartech.com</t>
  </si>
  <si>
    <t>C:\Users\yuriifd\Desktop\Squad Competividade - Atendimento\</t>
  </si>
  <si>
    <t>11/25/2019 17:40:20</t>
  </si>
  <si>
    <t>11/25/2019 17:41:16</t>
  </si>
  <si>
    <t>D:\Projetos\ACS\One_drive\OneDrive - Grupo Algar\Projetos\2019 Algar_-_Precificação\Matriz\</t>
  </si>
  <si>
    <t>D:\Projetos\ACS\One_drive\OneDrive - Grupo Algar\Projetos\2019 Algar_-_Precificação\Matriz\BP de Precificacao - Exemplo para Prj.xlsb\</t>
  </si>
  <si>
    <t>11/25/2019 17:42:07</t>
  </si>
  <si>
    <t>11/25/2019 17:46:17</t>
  </si>
  <si>
    <t>11/25/2019 17:42:08</t>
  </si>
  <si>
    <t>Orçamento Jornada ERP_analise TOTVs.xlsx</t>
  </si>
  <si>
    <t>11/25/2019 17:42:10</t>
  </si>
  <si>
    <t>D:\Projetos\ACS\One_drive\OneDrive - Grupo Algar\Projetos\2019 Eletrolux_-_Indicadores\</t>
  </si>
  <si>
    <t>Visão Status Report.xlsx</t>
  </si>
  <si>
    <t>11/25/2019 17:42:11</t>
  </si>
  <si>
    <t>Indicadores Contrato Algar - Anexo IV - SLAs ATUAL-convertido.xlsx</t>
  </si>
  <si>
    <t>11/25/2019 17:42:12</t>
  </si>
  <si>
    <t>D:\Projetos\ACS\One_drive\OneDrive - Grupo Algar\Projetos\2020 Algar_-_Implantacao CRM\</t>
  </si>
  <si>
    <t>Relação de Empresas (15).xlsx</t>
  </si>
  <si>
    <t>11/25/2019 17:42:13</t>
  </si>
  <si>
    <t>Matriz de Decisão CRM - TI-2 - Salesforce.xlsx</t>
  </si>
  <si>
    <t>Lista Usuários.xlsx</t>
  </si>
  <si>
    <t>11/25/2019 17:42:14</t>
  </si>
  <si>
    <t>Cópia de COT-AlgarTech-07-06-19 v7.xlsx</t>
  </si>
  <si>
    <t>11/25/2019 17:42:16</t>
  </si>
  <si>
    <t>Contatos v2 (1).xlsx</t>
  </si>
  <si>
    <t>61_sd_layout_integ_algartech (1).xlsx</t>
  </si>
  <si>
    <t>CRM-MatrizDeAvaliacao.xlsx</t>
  </si>
  <si>
    <t>11/25/2019 17:42:17</t>
  </si>
  <si>
    <t>relatorio_atendimento_analitico__exportacao_5dbb232894af4.csv</t>
  </si>
  <si>
    <t>11/25/2019 17:42:18</t>
  </si>
  <si>
    <t>Plan Precificacao C018 B018 - Somente GRC.xlsb</t>
  </si>
  <si>
    <t>D:\Projetos\ACS\One_drive\OneDrive - Grupo Algar\Projetos\2019 Algar_-_Precificação\Escopo\Plan Precificacao C018 B018 - Somente GRC.xlsb\</t>
  </si>
  <si>
    <t>11/25/2019 17:42:21</t>
  </si>
  <si>
    <t>Modelo planilha Telecom.xlsm</t>
  </si>
  <si>
    <t>11/25/2019 17:42:22</t>
  </si>
  <si>
    <t>D:\Projetos\ACS\One_drive\OneDrive - Grupo Algar\Projetos\2019 Algar_-_Precificação\Escopo\BP de Precificacao - Exemplo para Prj.xlsb\</t>
  </si>
  <si>
    <t>11/25/2019 17:42:25</t>
  </si>
  <si>
    <t>D:\Projetos\ACS\One_drive\OneDrive - Grupo Algar\Projetos\2019 Algar_-_Precificação\Status report\Status Report Semanal - Projeto Precificação - 20191101.pptx\</t>
  </si>
  <si>
    <t>D:\Projetos\ACS\One_drive\OneDrive - Grupo Algar\Projetos\2019 CSC_-_Jornada ERP\SAP\</t>
  </si>
  <si>
    <t>ALGAR - BOM SAP DRAFT V06.xlsx</t>
  </si>
  <si>
    <t>11/25/2019 17:42:32</t>
  </si>
  <si>
    <t>D:\Projetos\ACS\One_drive\OneDrive - Grupo Algar\Projetos\2019 Whirlpool_-_Dashboards\SMS\</t>
  </si>
  <si>
    <t>D:\Projetos\ACS\One_drive\OneDrive - Grupo Algar\Projetos\2020 Algar_-_Implantacao CRM\CRM\</t>
  </si>
  <si>
    <t>Avaliação Ferramenta Multicanalidade v3.xlsx</t>
  </si>
  <si>
    <t>61_sd_layout_integ_algartech (1) - CAMPOS DE INTEGRAÇÃO.xlsx</t>
  </si>
  <si>
    <t>11/25/2019 17:42:37</t>
  </si>
  <si>
    <t>D:\Projetos\ACS\One_drive\OneDrive - Grupo Algar\Projetos\2019 Eletrolux_-_Indicadores\2 - Documentação Indicadores\3 - WhatsApp e Chat\DE-Electrolux Indicadores-ChatBot-v1.1.docx\</t>
  </si>
  <si>
    <t>D:\Projetos\ACS\One_drive\OneDrive - Grupo Algar\Projetos\2019 Eletrolux_-_Indicadores\2 - Documentação Indicadores\3 - WhatsApp e Chat\</t>
  </si>
  <si>
    <t>DE - Indicadores Dash Digital.xlsx</t>
  </si>
  <si>
    <t>11/25/2019 17:42:41</t>
  </si>
  <si>
    <t>D:\Projetos\ACS\One_drive\OneDrive - Grupo Algar\Projetos\2019 Eletrolux_-_Indicadores\5 - Comum\Whats\</t>
  </si>
  <si>
    <t>Teste.xlsx</t>
  </si>
  <si>
    <t>11/25/2019 17:42:45</t>
  </si>
  <si>
    <t>a_f_protocolo_yahsat_201910231958.xlsx</t>
  </si>
  <si>
    <t>a_f_protocolo_yahsat_201910231958.csv</t>
  </si>
  <si>
    <t>11/25/2019 17:43:32</t>
  </si>
  <si>
    <t>a_attendance_detail_mensagens_201910232004.xlsx</t>
  </si>
  <si>
    <t>11/25/2019 17:43:34</t>
  </si>
  <si>
    <t>a_attendance_detail_atendimento_new_201910241449_old.xlsx</t>
  </si>
  <si>
    <t>11/25/2019 17:43:35</t>
  </si>
  <si>
    <t>a_attendance_detail_atendimento_new_201910241449.xlsx</t>
  </si>
  <si>
    <t>a_attendance_detail_mensagens_201910232004.csv</t>
  </si>
  <si>
    <t>11/25/2019 17:43:36</t>
  </si>
  <si>
    <t>D:\Projetos\ACS\One_drive\OneDrive - Grupo Algar\Projetos\2020 Algar_-_Implantacao CRM\CRM\Apresentação CRM - FINAL\Proposta de Apresentação CRM - V4.pptx\</t>
  </si>
  <si>
    <t>11/25/2019 17:43:37</t>
  </si>
  <si>
    <t>D:\Projetos\ACS\One_drive\OneDrive - Grupo Algar\Projetos\2020 Algar_-_Implantacao CRM\CRM\Apresentação CRM - FINAL\Proposta de Apresentação CRM - V3.pptx\</t>
  </si>
  <si>
    <t>11/25/2019 17:43:39</t>
  </si>
  <si>
    <t>D:\Projetos\ACS\One_drive\OneDrive - Grupo Algar\Projetos\2020 Algar_-_Implantacao CRM\CRM\Apresentação CRM - FINAL\</t>
  </si>
  <si>
    <t>Pesquisa CRM.xlsx</t>
  </si>
  <si>
    <t>11/25/2019 17:43:41</t>
  </si>
  <si>
    <t>D:\Projetos\ACS\One_drive\OneDrive - Grupo Algar\Projetos\2020 Algar_-_Implantacao CRM\CRM\Apresentação CRM - FINAL\ENC_ Benchmark de ferramentas de CRM - Tomada de decisão - justificativa SAP e Dynamics.msg\s131\</t>
  </si>
  <si>
    <t>Benchmark_Projeto_CRM_v3.xlsx</t>
  </si>
  <si>
    <t>COT-AlgarTech-07-06-19 v6.xlsx</t>
  </si>
  <si>
    <t>BP CRM - Cenário Proposta SF.xlsx</t>
  </si>
  <si>
    <t>BP CRM - Cenário com Desconto 50_.xlsx</t>
  </si>
  <si>
    <t>11/25/2019 17:43:44</t>
  </si>
  <si>
    <t>D:\Projetos\ACS\One_drive\OneDrive - Grupo Algar\Projetos\2020 Algar_-_Implantacao CRM\CRM\Apresentação CRM - FINAL\Apresentação CRM 11-06.ppt\s4\</t>
  </si>
  <si>
    <t>11/25/2019 17:43:45</t>
  </si>
  <si>
    <t>D:\Projetos\ACS\One_drive\OneDrive - Grupo Algar\Projetos\2020 Algar_-_Implantacao CRM\CRM\Apresentação CRM - FINAL\Apresentação V5.ppt\s4\</t>
  </si>
  <si>
    <t>Slide do think-cell1.dat</t>
  </si>
  <si>
    <t>D:\Projetos\ACS\One_drive\OneDrive - Grupo Algar\Projetos\2020 Algar_-_Implantacao CRM\CRM\Apresentação CRM - FINAL\Apresentação CRM 11-06 VF2.ppt\s2\</t>
  </si>
  <si>
    <t>11/25/2019 17:43:48</t>
  </si>
  <si>
    <t>D:\Projetos\ACS\One_drive\OneDrive - Grupo Algar\Projetos\2020 Algar_-_Implantacao CRM\CRM\Conteúdo\</t>
  </si>
  <si>
    <t>Requisitos_Projeto_CRM_v1.xlsx</t>
  </si>
  <si>
    <t>11/25/2019 17:43:55</t>
  </si>
  <si>
    <t>11/25/2019 17:43:56</t>
  </si>
  <si>
    <t>Benchmark_Projeto_CRM_v2.xlsx</t>
  </si>
  <si>
    <t>Benchmark_Projeto_CRM_v2 - Copia.xlsx</t>
  </si>
  <si>
    <t>Benchmark_Projeto_CRM_v1.xlsx</t>
  </si>
  <si>
    <t>11/25/2019 17:43:57</t>
  </si>
  <si>
    <t>Benchmark_Projeto_CRM_v0.xlsx</t>
  </si>
  <si>
    <t>D:\Projetos\ACS\One_drive\OneDrive - Grupo Algar\Projetos\2020 Algar_-_Implantacao CRM\CRM\Cronogramas\</t>
  </si>
  <si>
    <t>CronogramaCRM.xlsx</t>
  </si>
  <si>
    <t>cronograma20190523.xlsx</t>
  </si>
  <si>
    <t>cronograma20190508.xlsx</t>
  </si>
  <si>
    <t>11/25/2019 17:43:58</t>
  </si>
  <si>
    <t>Cronograma Macro Atividades - Zoho.xlsx</t>
  </si>
  <si>
    <t>11/25/2019 17:43:59</t>
  </si>
  <si>
    <t>Cronograma Macro Atividades - Todos.xlsx</t>
  </si>
  <si>
    <t>Cronograma Macro Atividades - SugarCRM.xlsx</t>
  </si>
  <si>
    <t>Cronograma Macro Atividades - Salesforce.xlsx</t>
  </si>
  <si>
    <t>Cronograma Macro Atividades - Pipedrive.xlsx</t>
  </si>
  <si>
    <t>11/25/2019 17:44:00</t>
  </si>
  <si>
    <t>Cronograma Macro Atividades - PassosPOC.xlsx</t>
  </si>
  <si>
    <t>Cronograma Macro Atividades - Passos.xlsx</t>
  </si>
  <si>
    <t>11/25/2019 17:44:06</t>
  </si>
  <si>
    <t>D:\Projetos\ACS\One_drive\OneDrive - Grupo Algar\Projetos\2020 Algar_-_Implantacao CRM\CRM\emails\RES_ CRM - informações necessárias para avaliação (8).msg\s137\</t>
  </si>
  <si>
    <t>11/25/2019 17:44:08</t>
  </si>
  <si>
    <t>D:\Projetos\ACS\One_drive\OneDrive - Grupo Algar\Projetos\2020 Algar_-_Implantacao CRM\CRM\emails\RES Prospecção sistema CRM Sales Force - POC (7).msg\s64\</t>
  </si>
  <si>
    <t>11/25/2019 17:44:09</t>
  </si>
  <si>
    <t>D:\Projetos\ACS\One_drive\OneDrive - Grupo Algar\Projetos\2020 Algar_-_Implantacao CRM\CRM\emails\RES Pipedrive - Contact - POC (6).msg\s64\</t>
  </si>
  <si>
    <t>D:\Projetos\ACS\One_drive\OneDrive - Grupo Algar\Projetos\2020 Algar_-_Implantacao CRM\CRM\emails\RES Obrigado pelo seu interesse na SugarCRM.msg\s67\</t>
  </si>
  <si>
    <t>11/25/2019 17:44:15</t>
  </si>
  <si>
    <t>D:\Projetos\ACS\One_drive\OneDrive - Grupo Algar\Projetos\2020 Algar_-_Implantacao CRM\CRM\emails\Cronograma- Avaliação SugarCRM e Algar Tech.msg\s115\</t>
  </si>
  <si>
    <t>Cronograma Eval- Algar Tech.xlsx</t>
  </si>
  <si>
    <t>11/25/2019 17:44:16</t>
  </si>
  <si>
    <t>D:\Projetos\ACS\One_drive\OneDrive - Grupo Algar\Projetos\2020 Algar_-_Implantacao CRM\CRM\Matriz de Avaliação\</t>
  </si>
  <si>
    <t>11/25/2019 17:44:17</t>
  </si>
  <si>
    <t>CRM-MatrizDeAvaliacao-Players.xlsx</t>
  </si>
  <si>
    <t>CRM-MatrizDeAvaliacao-20190528.xlsx</t>
  </si>
  <si>
    <t>11/25/2019 17:44:18</t>
  </si>
  <si>
    <t>CRM-MatrizDeAvaliacao- Salesforce.xlsx</t>
  </si>
  <si>
    <t>CRM-MatrizDeAvaliacao- Fusion x SF.xlsx</t>
  </si>
  <si>
    <t>CRM-MatrizDeAvaliacao- Fusion x SF X 2.xlsx</t>
  </si>
  <si>
    <t>CRM-AnaliseDecisao-carro.xls</t>
  </si>
  <si>
    <t>Análise_Projeto_CRM.xlsx</t>
  </si>
  <si>
    <t>11/25/2019 17:44:19</t>
  </si>
  <si>
    <t>D:\Projetos\ACS\One_drive\OneDrive - Grupo Algar\Projetos\2020 Algar_-_Implantacao CRM\CRM\POC\</t>
  </si>
  <si>
    <t>usuarios conectados pipedrive.xlsx</t>
  </si>
  <si>
    <t>Testes feitos no Pipedrive.xlsx</t>
  </si>
  <si>
    <t>REQUISITOS POC_Mirian.xlsx</t>
  </si>
  <si>
    <t>11/25/2019 17:44:20</t>
  </si>
  <si>
    <t>REQUISITOS POC.xlsx</t>
  </si>
  <si>
    <t>REQUISITOS POC-v2.0.xlsx</t>
  </si>
  <si>
    <t>relatorio sugar.xlsx</t>
  </si>
  <si>
    <t>relatorio de acesso Salesforce.xls</t>
  </si>
  <si>
    <t>11/25/2019 17:44:22</t>
  </si>
  <si>
    <t>Pipeline Detalhado emissão proposta (52) (version 1).xlsx</t>
  </si>
  <si>
    <t>Lista Usuários-POC.xlsx</t>
  </si>
  <si>
    <t>11/25/2019 17:44:27</t>
  </si>
  <si>
    <t>D:\Projetos\ACS\One_drive\OneDrive - Grupo Algar\Projetos\2020 Algar_-_Implantacao CRM\CRM\Propostas\Re_ Estimativa Comercial Salesforce para Algar Tech - Projeto CRM.msg\s130\</t>
  </si>
  <si>
    <t>COT-AlgarTech-09-05-19 v2.xlsx</t>
  </si>
  <si>
    <t>11/25/2019 17:44:28</t>
  </si>
  <si>
    <t>D:\Projetos\ACS\One_drive\OneDrive - Grupo Algar\Projetos\2020 Algar_-_Implantacao CRM\CRM\POC\Análise Resultados POC CRM - v2.pptx\</t>
  </si>
  <si>
    <t>PROPOSTAS.xlsx</t>
  </si>
  <si>
    <t>PROPOSTAS - v5.xlsx</t>
  </si>
  <si>
    <t>11/25/2019 17:44:25</t>
  </si>
  <si>
    <t>11/25/2019 17:44:29</t>
  </si>
  <si>
    <t>PROPOSTAS - v3.xlsx</t>
  </si>
  <si>
    <t>PROPOSTAS - v2.xlsx</t>
  </si>
  <si>
    <t>11/25/2019 17:44:35</t>
  </si>
  <si>
    <t>D:\Projetos\ACS\One_drive\OneDrive - Grupo Algar\Projetos\2020 Algar_-_Implantacao CRM\CRM\Propostas\Estimativa Comercial Salesforce para Algar Tech - Projeto CRM.msg\s128\</t>
  </si>
  <si>
    <t>COT-AlgarTech-07-05-19.xlsx</t>
  </si>
  <si>
    <t>11/25/2019 17:44:36</t>
  </si>
  <si>
    <t>11/25/2019 17:44:37</t>
  </si>
  <si>
    <t>11/25/2019 17:44:38</t>
  </si>
  <si>
    <t>COT-AlgarTech-07-05-19-SALESFORCE.xlsx</t>
  </si>
  <si>
    <t>D:\Projetos\ACS\One_drive\OneDrive - Grupo Algar\Projetos\2020 Algar_-_Implantacao CRM\CRM\Salesforce\</t>
  </si>
  <si>
    <t>salesforce.xlsx</t>
  </si>
  <si>
    <t>11/25/2019 17:45:07</t>
  </si>
  <si>
    <t>D:\Projetos\ACS\One_drive\OneDrive - Grupo Algar\Projetos\2020 Algar_-_Implantacao CRM\CRM\Status Report\</t>
  </si>
  <si>
    <t>SR - avaliação CRM - 20190619.xlsx</t>
  </si>
  <si>
    <t>11/25/2019 17:45:08</t>
  </si>
  <si>
    <t>SR - avaliação CRM - 20190523.xlsx</t>
  </si>
  <si>
    <t>SR - avaliação CRM - 20190515.xlsx</t>
  </si>
  <si>
    <t>SR - avaliação CRM - 20190613.xlsx</t>
  </si>
  <si>
    <t>11/25/2019 17:45:09</t>
  </si>
  <si>
    <t>SR - avaliação CRM - 20190508.xlsx</t>
  </si>
  <si>
    <t>SR - avaliação CRM - 20190424.xlsx</t>
  </si>
  <si>
    <t>11/25/2019 17:45:10</t>
  </si>
  <si>
    <t>SR - avaliação CRM - 20190412.xlsx</t>
  </si>
  <si>
    <t>SR - avaliação CRM - 20190405.xlsx</t>
  </si>
  <si>
    <t>SR - avaliação CRM - 20190329.xlsx</t>
  </si>
  <si>
    <t>11/25/2019 17:45:11</t>
  </si>
  <si>
    <t>SR - avaliação CRM - 20190321.xlsx</t>
  </si>
  <si>
    <t>D:\Projetos\ACS\One_drive\OneDrive - Grupo Algar\Projetos\2020 Algar_-_Implantacao CRM\CRM\Status Report\Projeto CRM - One page - 20190315.pptx\</t>
  </si>
  <si>
    <t>11/25/2019 17:45:12</t>
  </si>
  <si>
    <t>D:\Projetos\ACS\One_drive\OneDrive - Grupo Algar\Projetos\2020 Algar_-_Implantacao CRM\CRM\Status Report\Projeto CRM - One page - 20190308.pptx\</t>
  </si>
  <si>
    <t>11/25/2019 17:45:13</t>
  </si>
  <si>
    <t>11/25/2019 17:45:14</t>
  </si>
  <si>
    <t>D:\Projetos\ACS\One_drive\OneDrive - Grupo Algar\Projetos\2020 Algar_-_Implantacao CRM\CRM\Sugar - Wlad\RES_ Sugar.msg\s139\</t>
  </si>
  <si>
    <t>Matriz de Decisão - BackOffice Bradesco Final.xlsx</t>
  </si>
  <si>
    <t>Matriz de Decisão Ferramenta Backoffice - Visao Comercial - Oficial.xlsx</t>
  </si>
  <si>
    <t>11/25/2019 17:45:15</t>
  </si>
  <si>
    <t>D:\Projetos\ACS\One_drive\OneDrive - Grupo Algar\Projetos\2020 Algar_-_Implantacao CRM\CRM\Sugar - Wlad\</t>
  </si>
  <si>
    <t>11/25/2019 17:45:18</t>
  </si>
  <si>
    <t>D:\Projetos\ACS\One_drive\OneDrive - Grupo Algar\Projetos\2019 Algar_-_Precificação\OneDrive Compartilhado\Entregas Teros\entrega_ferramenta\</t>
  </si>
  <si>
    <t>classificacao_produtos_setores.xlsx</t>
  </si>
  <si>
    <t>BP_teros.xlsb</t>
  </si>
  <si>
    <t>D:\Projetos\ACS\One_drive\OneDrive - Grupo Algar\Projetos\2019 Algar_-_Precificação\OneDrive Compartilhado\Entregas Teros\entrega_ferramenta\BP_teros.xlsb\</t>
  </si>
  <si>
    <t>Resultado Margens2.xlsx</t>
  </si>
  <si>
    <t>11/25/2019 17:45:44</t>
  </si>
  <si>
    <t>D:\Projetos\ACS\One_drive\OneDrive - Grupo Algar\Projetos\2020 Algar_-_Implantacao CRM\CRM\Conteúdo\conteúdo - Negócio\</t>
  </si>
  <si>
    <t>Lista Usuários-completo.xlsx</t>
  </si>
  <si>
    <t>11/25/2019 17:45:45</t>
  </si>
  <si>
    <t>11/25/2019 17:45:47</t>
  </si>
  <si>
    <t>D:\Projetos\ACS\One_drive\OneDrive - Grupo Algar\Projetos\2020 Algar_-_Implantacao CRM\CRM\POC\emails\RES_ POCs.msg\s94\</t>
  </si>
  <si>
    <t>11/25/2019 17:45:51</t>
  </si>
  <si>
    <t>D:\Projetos\ACS\One_drive\OneDrive - Grupo Algar\Projetos\2020 Algar_-_Implantacao CRM\CRM\POC\Formulários\</t>
  </si>
  <si>
    <t>Resultados - Cópia.xlsx</t>
  </si>
  <si>
    <t>ResultadoAvaliacaoPOC.xlsx</t>
  </si>
  <si>
    <t>11/25/2019 17:45:53</t>
  </si>
  <si>
    <t>11/25/2019 17:45:54</t>
  </si>
  <si>
    <t>Matriz de Decisão CRM - TI.xlsx</t>
  </si>
  <si>
    <t>Matriz de Decisão CRM - TI-2.xlsx</t>
  </si>
  <si>
    <t>Matriz de Decisão CRM - TI-2 -Zoho.xlsx</t>
  </si>
  <si>
    <t>11/25/2019 17:45:52</t>
  </si>
  <si>
    <t>ResultadoAvaliacaoPOC-NB-ANACMG.xlsx</t>
  </si>
  <si>
    <t>Matriz de Decisão CRM - TI-2 -Zoho - COMENTÁRIOS WIKI.xlsx</t>
  </si>
  <si>
    <t>Matriz de Decisão CRM - TI-2 - Salesforce.xlsx</t>
  </si>
  <si>
    <t>11/25/2019 17:45:55</t>
  </si>
  <si>
    <t>Matriz de Decisão CRM - TI 2 - Oracle.xlsx</t>
  </si>
  <si>
    <t>CRM-MatrizDeAvaliacaoTime.xlsx</t>
  </si>
  <si>
    <t>11/25/2019 17:46:08</t>
  </si>
  <si>
    <t>11/25/2019 17:51:17</t>
  </si>
  <si>
    <t>D:\Projetos\ACS\One_drive\OneDrive - Grupo Algar\Projetos\2019 Algar_-_Precificação\OneDrive Compartilhado\Entregas Teros\entrega_algoritmos\dados\</t>
  </si>
  <si>
    <t>clientes_fusion.xlsx</t>
  </si>
  <si>
    <t>11/25/2019 17:46:12</t>
  </si>
  <si>
    <t>D:\Projetos\ACS\One_drive\OneDrive - Grupo Algar\Projetos\2019 Algar_-_Precificação\OneDrive Compartilhado\Entregas Teros\entrega_algoritmos\doctrabalho\doctrabalho.zip\Cestas_Algar\</t>
  </si>
  <si>
    <t>market_basket.csv</t>
  </si>
  <si>
    <t>tabelas_cestas.xlsx</t>
  </si>
  <si>
    <t>D:\Projetos\ACS\One_drive\OneDrive - Grupo Algar\Projetos\2019 Algar_-_Precificação\OneDrive Compartilhado\Entregas Teros\entrega_algoritmos\doctrabalho\doctrabalho.zip\resultados_precificacao\</t>
  </si>
  <si>
    <t>Resultado Margens.xlsx</t>
  </si>
  <si>
    <t>11/25/2019 17:49:57</t>
  </si>
  <si>
    <t>D:\Projetos\ACS\One_drive\OneDrive - Grupo Algar\Projetos\2019 Algar_-_Precificação\OneDrive Compartilhado\Entregas Teros\entrega_algoritmos\dados\clientes\</t>
  </si>
  <si>
    <t>Clientes_180719.xlsx</t>
  </si>
  <si>
    <t>D:\Projetos\ACS\One_drive\OneDrive - Grupo Algar\Projetos\2019 Algar_-_Precificação\OneDrive Compartilhado\Entregas Teros\entrega_algoritmos\dados\custos_fixos\</t>
  </si>
  <si>
    <t>11/25/2019 17:50:01</t>
  </si>
  <si>
    <t>D:\Projetos\ACS\One_drive\OneDrive - Grupo Algar\Projetos\2019 Algar_-_Precificação\OneDrive Compartilhado\Entregas Teros\entrega_algoritmos\dados\de_para_produtos\</t>
  </si>
  <si>
    <t>Produto Fusion GAT.xlsx</t>
  </si>
  <si>
    <t>D:\Projetos\ACS\One_drive\OneDrive - Grupo Algar\Projetos\2019 Algar_-_Precificação\OneDrive Compartilhado\Entregas Teros\entrega_algoritmos\dados\novas_margens\</t>
  </si>
  <si>
    <t>Catalogo de produtos GRC.xlsx</t>
  </si>
  <si>
    <t>11/25/2019 17:50:02</t>
  </si>
  <si>
    <t>D:\Projetos\ACS\One_drive\OneDrive - Grupo Algar\Projetos\2019 Algar_-_Precificação\OneDrive Compartilhado\Entregas Teros\entrega_algoritmos\doctrabalho\Cestas_Algar\</t>
  </si>
  <si>
    <t>D:\Projetos\ACS\One_drive\OneDrive - Grupo Algar\Projetos\2019 Algar_-_Precificação\OneDrive Compartilhado\Entregas Teros\entrega_algoritmos\doctrabalho\resultados_precificacao\</t>
  </si>
  <si>
    <t>11/25/2019 17:50:03</t>
  </si>
  <si>
    <t>11/25/2019 17:50:16</t>
  </si>
  <si>
    <t>D:\Projetos\ACS\One_drive\OneDrive - Grupo Algar\Projetos\2019 Algar_-_Precificação\OneDrive Compartilhado\Entregas Teros\entrega_algoritmos\dados\vendas\</t>
  </si>
  <si>
    <t>11/25/2019 17:51:45</t>
  </si>
  <si>
    <t>11/25/2019 17:56:17</t>
  </si>
  <si>
    <t>D:\Projetos\ACS\One_drive\OneDrive - Grupo Algar\Projetos\2019 Algar_-_Precificação\OneDrive Compartilhado\Entregas Teros\entrega_algoritmos\dados\Orçado e Real\Orcado\</t>
  </si>
  <si>
    <t>2019 Orcado.xlsx</t>
  </si>
  <si>
    <t>11/25/2019 17:52:27</t>
  </si>
  <si>
    <t>11/25/2019 17:53:10</t>
  </si>
  <si>
    <t>11/25/2019 17:54:03</t>
  </si>
  <si>
    <t>D:\Projetos\ACS\One_drive\OneDrive - Grupo Algar\Projetos\2019 Algar_-_Precificação\OneDrive Compartilhado\Entregas Teros\entrega_algoritmos\dados\Orçado e Real\Real\</t>
  </si>
  <si>
    <t>11/25/2019 17:55:11</t>
  </si>
  <si>
    <t>11/25/2019 17:55:31</t>
  </si>
  <si>
    <t>D:\Projetos\ACS\One_drive\OneDrive - Grupo Algar\Projetos\2019 Algar_-_Precificação\OneDrive Compartilhado\Entregas Teros\entrega_algoritmos\dados\vendas\antigos\</t>
  </si>
  <si>
    <t>vendas_2017_201908.xlsx</t>
  </si>
  <si>
    <t>11/25/2019 17:56:38</t>
  </si>
  <si>
    <t>11/25/2019 18:00:16</t>
  </si>
  <si>
    <t>claudia.siqueira@bradesco.com.br;denisemso@algartech.com;fabiolacc@algartech.com;fredericobs@algartech.com;jacqueline.mariano@bradesco.com.br;lucas.jose@bradesco.com.br;</t>
  </si>
  <si>
    <t>C:\Users\rafaelaas\Desktop\Apresentação - Produtos Financeiros Nov 19.pptx\</t>
  </si>
  <si>
    <t>claudia.siqueira@bradesco.com.br,denisemso@algartech.com,fabiolacc@algartech.com,fredericobs@algartech.com,jacqueline.mariano@bradesco.com.br,lucas.jose@bradesco.com.br</t>
  </si>
  <si>
    <t>11/25/2019 17:56:23</t>
  </si>
  <si>
    <t>11/25/2019 18:01:17</t>
  </si>
  <si>
    <t>11/25/2019 17:56:49</t>
  </si>
  <si>
    <t>11/25/2019 17:59:38</t>
  </si>
  <si>
    <t>11/25/2019 18:02:16</t>
  </si>
  <si>
    <t>mail.google.com/_/upload?authuser=0&amp;dcp=asu-n&amp;upload_id=AEnB2UrehXyj7Hbcg0X2ljdulO-okEFD9qv2PyttTWNvUACTsLSc7RqUcXfIepwUikK7qx75BqYjR8OV7YROlaDc5SxrXN48hQ&amp;upload_protocol=resumable</t>
  </si>
  <si>
    <t>lucas.batista@algar.com.br;</t>
  </si>
  <si>
    <t>\\acsfs\DEPTOS\Controladoria\23.Faturamento\3.ENGESET\2019\FECHAMENTO ENGESET\03.2019\</t>
  </si>
  <si>
    <t>Conciliação ENGESET 03.2019.xlsx</t>
  </si>
  <si>
    <t>lucas.batista@algar.com.br</t>
  </si>
  <si>
    <t>11/25/2019 18:01:02</t>
  </si>
  <si>
    <t>mail.google.com/_/upload?authuser=0&amp;dcp=asu-n&amp;upload_id=AEnB2UrlQrBMJ8u2XycnmhdeOnjBGzMYaF3kNH1X5fCzO0IsmXiFA0Kgd4EOyzsd7oNWS6rq6bg_lWIXw7okMFv1ngWCAcSN9w&amp;upload_protocol=resumable</t>
  </si>
  <si>
    <t>\\acsfs\DEPTOS\Controladoria\23.Faturamento\3.ENGESET\2019\FECHAMENTO ENGESET\06.2019\</t>
  </si>
  <si>
    <t>Conciliação ENGESET 06.2019.xlsx</t>
  </si>
  <si>
    <t>11/25/2019 18:01:09</t>
  </si>
  <si>
    <t>11/25/2019 17:59:47</t>
  </si>
  <si>
    <t>11/25/2019 18:03:17</t>
  </si>
  <si>
    <t>BASE AGÊNCIAS OUTUBRO E NOVEMBROv1.xlsx</t>
  </si>
  <si>
    <t>11/25/2019 18:08:21</t>
  </si>
  <si>
    <t>11/25/2019 18:09:16</t>
  </si>
  <si>
    <t>mail.google.com/_/upload?authuser=1&amp;dcp=asu-n&amp;upload_id=AEnB2UoZ6mp0YF21THo-O-3TDDElsXBmIeb4W1v4d0KuLf3YbQXQmL9qzTKN6Uf5HK5bHCtM5NxEjl_OK6POIh6Kr8JReALjgQ&amp;upload_protocol=resumable</t>
  </si>
  <si>
    <t>\\acsfs\DEPTOS\Operacao\PCP\5 - Comum\ACOMPANHAMENTO TOYOTA\06 - FINANCEIRO\10 - OUTUBRO\</t>
  </si>
  <si>
    <t>11/25/2019 18:09:24</t>
  </si>
  <si>
    <t>11/25/2019 18:10:17</t>
  </si>
  <si>
    <t>claudia.siqueira@bradesco.com.br;denisemso@algartech.com;fabiolacc@algartech.com;fredericobs@algartech.com;fredericobs@algartecnologia.com.br;jacqueline.mariano@bradesco.com.br;lucas.jose@bradesco.com.br;sandrabb@algartech.com;viviane.virgilio@bradesco.com.br;</t>
  </si>
  <si>
    <t>claudia.siqueira@bradesco.com.br,denisemso@algartech.com,fabiolacc@algartech.com,fredericobs@algartech.com,fredericobs@algartecnologia.com.br,jacqueline.mariano@bradesco.com.br,lucas.jose@bradesco.com.br,sandrabb@algartech.com,viviane.virgilio@bradesco.com.br</t>
  </si>
  <si>
    <t>11/25/2019 18:11:45</t>
  </si>
  <si>
    <t>11/25/2019 18:14:17</t>
  </si>
  <si>
    <t>mail.google.com/_/upload?authuser=2&amp;dcp=asu-n&amp;upload_id=AEnB2UqugHrwRyb0JNM0npr1Deh5rPmfAL3BggWU2ePdaMFNqFGqFs-IMRG3hidjfWJsjdb4L_-e4Z9kFdXzy3erihiGYAJPV9RUR-bC8_az_qEIRqySQ_Y&amp;upload_protocol=resumable</t>
  </si>
  <si>
    <t>\\acsfs\ACS\Consultoria de Qualidade\Uberlândia\1. Analistas\Fernando Rodrigues\4. Distribuição de Meta\2019\2. Telecom\0. Novembro\</t>
  </si>
  <si>
    <t>Distribuição - 4ª Semana.xlsx</t>
  </si>
  <si>
    <t>11/25/2019 18:15:59</t>
  </si>
  <si>
    <t>11/25/2019 18:20:16</t>
  </si>
  <si>
    <t>11/25/2019 18:20:45</t>
  </si>
  <si>
    <t>11/25/2019 18:22:16</t>
  </si>
  <si>
    <t>C:\Users\lucianafaa\OneDrive - Grupo Algar\2019\PROJETOS\REAJUSTE DE CONTRATO\PLANILHA REAJUSTES\STATUS REPORT\STATUS SEMANAL\26-11\</t>
  </si>
  <si>
    <t>Gestão de Reajustes 2019 v8.1-26-11.xlsx</t>
  </si>
  <si>
    <t>11/25/2019 18:20:56</t>
  </si>
  <si>
    <t>11/25/2019 18:23:17</t>
  </si>
  <si>
    <t>adrielefc@algartech.com;anapca@algartech.com;celmars@algartech.com;janecsa@algartech.com;pmo@algartech.com;</t>
  </si>
  <si>
    <t>\\acsfs\deptos\PMO Governança\06 - GOVERNANÇA DO CAPEX\CAPEX LONGO PRAZO\CAPEX LP - REVISÃO_A19_M10\CAPEX LP 20 a 24 - 25_11.pptx\</t>
  </si>
  <si>
    <t>adrielefc@algartech.com,anapca@algartech.com,celmars@algartech.com,janecsa@algartech.com,pmo@algartech.com</t>
  </si>
  <si>
    <t>11/25/2019 18:59:30</t>
  </si>
  <si>
    <t>11/25/2019 19:01:17</t>
  </si>
  <si>
    <t>C:\Users\luizavs\Desktop\LUIZ ALFREDO\00 - WHIRLPOOL\02 - COMPRA CERTA\2019\11 - NOVEMBRO\</t>
  </si>
  <si>
    <t>Retidos Compra Certa - Novembro.xlsm</t>
  </si>
  <si>
    <t>11/25/2019 19:09:35</t>
  </si>
  <si>
    <t>11/25/2019 19:10:17</t>
  </si>
  <si>
    <t>10.250.254.2</t>
  </si>
  <si>
    <t>C:\Users\higorbp\Desktop\</t>
  </si>
  <si>
    <t>Finanças Higor.xls</t>
  </si>
  <si>
    <t>11/25/2019 19:11:46</t>
  </si>
  <si>
    <t>11/25/2019 19:16:16</t>
  </si>
  <si>
    <t>11/25/2019 19:12:54</t>
  </si>
  <si>
    <t>C:\Users\luizavs\Desktop\LUIZ ALFREDO\00 - WHIRLPOOL\01 - TLV COMPRA CERTA\2019\11 - NOVEMBRO\</t>
  </si>
  <si>
    <t>Hora-Hora - TLV D2C NOV 19.xlsx</t>
  </si>
  <si>
    <t>11/25/2019 19:15:43</t>
  </si>
  <si>
    <t>11/25/2019 19:18:16</t>
  </si>
  <si>
    <t>mail.google.com/mail/u/1/?tab=gm#inbox?compose=DmwnWrRtswPDCkkczpPWmgDzbbcQMLzFsHJZKQbSHRgWSBJDbKgMcZXhfpdzvfSMFWMnzrhSqKqV</t>
  </si>
  <si>
    <t>Z:\RELATORIOS FPW\Controle\EVENTO POR FUNC\NOVEMBRO\</t>
  </si>
  <si>
    <t>Consolidado de CustosBH_01a2411.xlsx</t>
  </si>
  <si>
    <t>11/25/2019 19:35:58</t>
  </si>
  <si>
    <t>11/25/2019 19:39:16</t>
  </si>
  <si>
    <t>mail.google.com/_/upload?authuser=1&amp;dcp=asu-n&amp;upload_id=AEnB2UqjqwLYLEGahrQwfdcXO0AVKCjx5ey1Se4DQ_qXJo4wV1NQJ48APdqrrNeIeNntF4EYGG4u3AtKz7RzvhdAKkE_Mq5dYA&amp;upload_protocol=resumable</t>
  </si>
  <si>
    <t>C:\Users\karinars\Desktop\</t>
  </si>
  <si>
    <t>PLANO DE AÇÃO_ Bblend.xls</t>
  </si>
  <si>
    <t>11/25/2019 19:45:07</t>
  </si>
  <si>
    <t>11/25/2019 19:46:17</t>
  </si>
  <si>
    <t>C:\Users\luizavs\Desktop\LUIZ ALFREDO\00 - WHIRLPOOL\03 - BBLEND\2019\11 - NOVEMBRO\</t>
  </si>
  <si>
    <t>Escala TRN - FEIRA DO CONHECIMENTO MODULO 2.xlsx</t>
  </si>
  <si>
    <t>11/25/2019 19:57:10</t>
  </si>
  <si>
    <t>11/25/2019 19:58:17</t>
  </si>
  <si>
    <t>c:\users\marcelorf\onedrive - grupo algar\particular\</t>
  </si>
  <si>
    <t>viagem europa 2019 com amazon.xlsx</t>
  </si>
  <si>
    <t>11/25/2019 18:34:38</t>
  </si>
  <si>
    <t>11/25/2019 20:43:17</t>
  </si>
  <si>
    <t>https://caey.fa.us2.oraclecloud.com/crmui/faces/fusewelcome?_adf.ctrl-state=ld3bnjdr_5</t>
  </si>
  <si>
    <t>\\acsfs\Deptos\CAS - Coordenação de Arquitetura de Soluções\Projetos\2019\Brasif\217399 - AMS\1. Precificação\</t>
  </si>
  <si>
    <t>\\acsfs\Deptos\CAS - Coordenação de Arquitetura de Soluções\Projetos\2019\Brasif\217399 - AMS\1. Precificação\217399 Brasif Precificacao C018 B018_v1 92 Incidenes+25 Requisições_v2.xlsb\</t>
  </si>
  <si>
    <t>11/25/2019 18:35:05</t>
  </si>
  <si>
    <t>217399 Brasif Precificacao C018 B018_v2 - 100hs.xlsb</t>
  </si>
  <si>
    <t>\\acsfs\Deptos\CAS - Coordenação de Arquitetura de Soluções\Projetos\2019\Brasif\217399 - AMS\1. Precificação\217399 Brasif Precificacao C018 B018_v2 - 100hs.xlsb\</t>
  </si>
  <si>
    <t>11/25/2019 18:35:36</t>
  </si>
  <si>
    <t>217399 Brasif Precificacao C018 B018_v2 92 Incidenes.xlsb</t>
  </si>
  <si>
    <t>\\acsfs\Deptos\CAS - Coordenação de Arquitetura de Soluções\Projetos\2019\Brasif\217399 - AMS\1. Precificação\217399 Brasif Precificacao C018 B018_v2 92 Incidenes.xlsb\</t>
  </si>
  <si>
    <t>11/25/2019 20:41:40</t>
  </si>
  <si>
    <t>11/25/2019 20:53:16</t>
  </si>
  <si>
    <t>10.219.100.7</t>
  </si>
  <si>
    <t>11/25/2019 20:41:41</t>
  </si>
  <si>
    <t>C:\Users\fellypcsj\OneDrive - Grupo Algar\Engeset\IMOVEIS\</t>
  </si>
  <si>
    <t>Localidades CO.xlsx</t>
  </si>
  <si>
    <t>11/25/2019 20:41:47</t>
  </si>
  <si>
    <t>11/25/2019 20:51:27</t>
  </si>
  <si>
    <t>11/25/2019 22:01:26</t>
  </si>
  <si>
    <t>11/25/2019 22:03:18</t>
  </si>
  <si>
    <t>C:\Users\diegorg\Desktop\Vilarinho\CAPEX 2020 23_11.pptx\</t>
  </si>
  <si>
    <t>11/25/2019 22:16:56</t>
  </si>
  <si>
    <t>11/25/2019 22:18:17</t>
  </si>
  <si>
    <t>\\acsfs\deptos\PMO Governança\06 - GOVERNANÇA DO CAPEX\CAPEX LONGO PRAZO\CAPEX LP - REVISÃO_A19_M10\CAPEX LP 20 a 24 - 25_11 Orq e IFRS.pptx\</t>
  </si>
  <si>
    <t>11/25/2019 23:22:13</t>
  </si>
  <si>
    <t>11/25/2019 23:23:17</t>
  </si>
  <si>
    <t>anapca@algartech.com;celmars@algartech.com;pmo@algartech.com;vanusapr@algartech.com;vilarinho@algartech.com;</t>
  </si>
  <si>
    <t>\\acsfs\deptos\PMO Governança\06 - GOVERNANÇA DO CAPEX\CAPEX 2020\ORÇAMENTO\OFICIAL\01 - OFICIAL\CAPEX 2020 25_11.pptx\</t>
  </si>
  <si>
    <t>anapca@algartech.com,celmars@algartech.com,pmo@algartech.com,vanusapr@algartech.com,vilarinho@algartech.com</t>
  </si>
  <si>
    <t>11/26/2019 07:40:30</t>
  </si>
  <si>
    <t>11/26/2019 07:47:22</t>
  </si>
  <si>
    <t>10.200.200.82</t>
  </si>
  <si>
    <t>pauloslj@algartech.com</t>
  </si>
  <si>
    <t>mail.google.com/_/upload?authuser=0&amp;dcp=asu-n&amp;upload_id=AEnB2UqHvV-QVm0m5TgS-ZLfIIdpDMLmXDQCQxn8QLMzBy3cY9fkf4eHP8k7OoH_sfZC3OO6Ty5duV8JZkKyQWc-h4FCE-ZPh_1IqaOYmivEuHPSnMLXPFA&amp;upload_protocol=resumable</t>
  </si>
  <si>
    <t>\\acsfs\deptos\Operacao\Unica\6. Pastas Pessoais\Suporte Técnico\Larissa\</t>
  </si>
  <si>
    <t>11/26/2019 08:12:10</t>
  </si>
  <si>
    <t>11/26/2019 08:14:22</t>
  </si>
  <si>
    <t>\\acsfs\engeset\FINANCEIRO_ULA\FATURAMENTO\22. Controle TIM\1. Acompanhamento de Faturamento\2019\11. Novembro\</t>
  </si>
  <si>
    <t>11_19- Acompanhamento Faturamento.v2.xlsb</t>
  </si>
  <si>
    <t>11/26/2019 08:12:14</t>
  </si>
  <si>
    <t>mail.google.com/_/upload?authuser=0&amp;dcp=asu-n&amp;upload_id=AEnB2UoHog5ASA9tBot5MG-oz8OKNkL-kIKnVc7zIV9rey8eReipxdymegQG_IW4Ap8lv6HPGqlEs2ZMye0PzqT78X_UFJR0NQ&amp;upload_protocol=resumable</t>
  </si>
  <si>
    <t>11/25/2019 14:16:37</t>
  </si>
  <si>
    <t>11/26/2019 08:17:22</t>
  </si>
  <si>
    <t>mariannacsm@algartech.com</t>
  </si>
  <si>
    <t>11/26/2019 08:14:12</t>
  </si>
  <si>
    <t>11/25/2019 19:06:29</t>
  </si>
  <si>
    <t>11/26/2019 08:22:23</t>
  </si>
  <si>
    <t>C:\Users\vanessasara\Desktop\Algar Tech_4a REUGER 2019_GRC.pptx\</t>
  </si>
  <si>
    <t>11/26/2019 08:51:34</t>
  </si>
  <si>
    <t>11/26/2019 08:52:23</t>
  </si>
  <si>
    <t>/o=exchangelabs/ou=exchange administrative group (fydibohf23spdlt)/cn=recipients/cn=1b4fe07f316b4c5fbd7323417e973dda-rosangela a;/o=exchangelabs/ou=exchange administrative group (fydibohf23spdlt)/cn=recipients/cn=2b6ea863905648c9ab619168ca1992ff-renata frei;/o=exchangelabs/ou=exchange administrative group (fydibohf23spdlt)/cn=recipients/cn=97c9df917015494bb60864bb51280c83-marcos isai;/o=exchangelabs/ou=exchange administrative group (fydibohf23spdlt)/cn=recipients/cn=ec8d74b9f1014e0287ebc00c465f223b-aline marqu;/o=exchangelabs/ou=exchange administrative group (fydibohf23spdlt)/cn=recipients/cn=f45617401bdf436baf70c45766699413-frederico b;diogenespl@algartech.com.br;emanueldldl@algartech.com.br;poliane.amaral@bradesco.com.br;suzane.b.rodrigues@bradesco.com.br;</t>
  </si>
  <si>
    <t>Régua de Pendências Dynamics Corporate 8 hs</t>
  </si>
  <si>
    <t>Régua Pendencias Corporate &amp; AEB v10.xlsm</t>
  </si>
  <si>
    <t>/o=exchangelabs/ou=exchange administrative group (fydibohf23spdlt)/cn=recipients/cn=1b4fe07f316b4c5fbd7323417e973dda-rosangela a,/o=exchangelabs/ou=exchange administrative group (fydibohf23spdlt)/cn=recipients/cn=2b6ea863905648c9ab619168ca1992ff-renata frei,/o=exchangelabs/ou=exchange administrative group (fydibohf23spdlt)/cn=recipients/cn=97c9df917015494bb60864bb51280c83-marcos isai,/o=exchangelabs/ou=exchange administrative group (fydibohf23spdlt)/cn=recipients/cn=ec8d74b9f1014e0287ebc00c465f223b-aline marqu,/o=exchangelabs/ou=exchange administrative group (fydibohf23spdlt)/cn=recipients/cn=f45617401bdf436baf70c45766699413-frederico b,diogenespl@algartech.com.br,emanueldldl@algartech.com.br,poliane.amaral@bradesco.com.br,suzane.b.rodrigues@bradesco.com.br</t>
  </si>
  <si>
    <t>11/26/2019 08:51:02</t>
  </si>
  <si>
    <t>11/26/2019 08:53:24</t>
  </si>
  <si>
    <t>11/26/2019 09:06:45</t>
  </si>
  <si>
    <t>11/26/2019 09:07:24</t>
  </si>
  <si>
    <t>11/26/2019 09:05:26</t>
  </si>
  <si>
    <t>11/26/2019 09:08:23</t>
  </si>
  <si>
    <t>Lote único FAT B NOVEMBRO 26_11.xlsx</t>
  </si>
  <si>
    <t>11/26/2019 09:07:04</t>
  </si>
  <si>
    <t>11/26/2019 09:09:24</t>
  </si>
  <si>
    <t>11/26/2019 06:22:47</t>
  </si>
  <si>
    <t>11/26/2019 09:13:23</t>
  </si>
  <si>
    <t>mariliafsc@algartech.com</t>
  </si>
  <si>
    <t>antoniocoj@algartech.com;deniaasi@algartech.com;elismael.menino@sicoob.com.br;guilhermecst@algartech.com;jaquelinedsrdo@algartech.com;lucasarf@algartech.com;lucianamp@algartech.com;paullarsf@algartech.com;rogerio.nascimento@sicoob.com.br;</t>
  </si>
  <si>
    <t>C:\Users\mariliafsc.ACS\Desktop\</t>
  </si>
  <si>
    <t>Controle de entregas 26-11.xlsx</t>
  </si>
  <si>
    <t>antoniocoj@algartech.com,deniaasi@algartech.com,elismael.menino@sicoob.com.br,guilhermecst@algartech.com,jaquelinedsrdo@algartech.com,lucasarf@algartech.com,lucianamp@algartech.com,paullarsf@algartech.com,rogerio.nascimento@sicoob.com.br</t>
  </si>
  <si>
    <t>11/26/2019 06:47:34</t>
  </si>
  <si>
    <t>Relatórios Operações Caixa.xlsx</t>
  </si>
  <si>
    <t>11/26/2019 09:18:16</t>
  </si>
  <si>
    <t>11/26/2019 09:19:23</t>
  </si>
  <si>
    <t>/o=exchangelabs/ou=exchange administrative group (fydibohf23spdlt)/cn=recipients/cn=0ca6cc8d100949a7866a928f62ef5778-rosilene de;/o=exchangelabs/ou=exchange administrative group (fydibohf23spdlt)/cn=recipients/cn=bf5c8ee8081a4a4cbf005372e2697869-tassiane ci;/o=exchangelabs/ou=exchange administrative group (fydibohf23spdlt)/cn=recipients/cn=e174366906884bd1b4d4c5ddfc8c9433-rodrigo men;</t>
  </si>
  <si>
    <t>ENC: Operações EH - Janeiro/2020</t>
  </si>
  <si>
    <t>/o=exchangelabs/ou=exchange administrative group (fydibohf23spdlt)/cn=recipients/cn=0ca6cc8d100949a7866a928f62ef5778-rosilene de,/o=exchangelabs/ou=exchange administrative group (fydibohf23spdlt)/cn=recipients/cn=bf5c8ee8081a4a4cbf005372e2697869-tassiane ci,/o=exchangelabs/ou=exchange administrative group (fydibohf23spdlt)/cn=recipients/cn=e174366906884bd1b4d4c5ddfc8c9433-rodrigo men</t>
  </si>
  <si>
    <t>11/25/2019 17:33:10</t>
  </si>
  <si>
    <t>11/26/2019 09:20:24</t>
  </si>
  <si>
    <t>11/26/2019 09:20:45</t>
  </si>
  <si>
    <t>11/26/2019 09:21:23</t>
  </si>
  <si>
    <t>mail.google.com/_/upload?authuser=0&amp;dcp=asu-n&amp;upload_id=AEnB2Uq5bxCAxIDlPJLNAJf6C1c0nTFllTgCXjj966KKFlAfMQ_of3g5yXPWx3CxwWTALqj08QsIB5aUEzcL6ICHxB9yjnl2Xw&amp;upload_protocol=resumable</t>
  </si>
  <si>
    <t>\\acsfs\DEPTOS\Operacao\PCP\3 - Corporativo\RFP´s (Request for Proposal)\2019\RFP 217467 Mapfre\</t>
  </si>
  <si>
    <t>PRECIFICAÇÃO.xlsx</t>
  </si>
  <si>
    <t>11/26/2019 09:18:56</t>
  </si>
  <si>
    <t>11/26/2019 09:23:23</t>
  </si>
  <si>
    <t>Relatórios Operações Cintia.xlsx</t>
  </si>
  <si>
    <t>11/26/2019 09:19:03</t>
  </si>
  <si>
    <t>11/26/2019 09:24:23</t>
  </si>
  <si>
    <t>\\acsfs\DEPTOS\Operacao\PCP\5 - Comum\PLANEJAMENTO WHIRLPOOL\17 - PLANEJAMENTO REVISADO\ticket_526283\17 - PLANEJAMENTO REVISADO\PLANO WHIRLPOOL 2020\EH\01- JANEIRO\</t>
  </si>
  <si>
    <t>11/25/2019 18:24:56</t>
  </si>
  <si>
    <t>11/26/2019 09:27:24</t>
  </si>
  <si>
    <t>mail.google.com/_/upload?authuser=0&amp;dcp=asu-n&amp;upload_id=AEnB2UoNVSI6Ed34ssH5ozf2ACRxH_YUS5nsz_hClMucxpRuTsRhM4NiekX38ANp9KkaGZ8yf4bm-HOJKaVL2uKA1sO8XwW9a-4DFRz4l170r4z1jKVglZo&amp;upload_protocol=resumable</t>
  </si>
  <si>
    <t>C:\Users\lucianabo\Desktop\2019\11 - Novembro\RETORNO AUDITORIA\LETICIA\LETICIA.zip\1\</t>
  </si>
  <si>
    <t>12 - T.A_P2_Algar_Dez18.xlsx</t>
  </si>
  <si>
    <t>Template Ibi Campinas.xlsx</t>
  </si>
  <si>
    <t>C:\Users\lucianabo\Desktop\2019\11 - Novembro\RETORNO AUDITORIA\LETICIA\LETICIA.zip\10\</t>
  </si>
  <si>
    <t>ALGAR TA P2_012019.xlsx</t>
  </si>
  <si>
    <t>C:\Users\lucianabo\Desktop\2019\11 - Novembro\RETORNO AUDITORIA\LETICIA\LETICIA.zip\33\</t>
  </si>
  <si>
    <t>ALGAR TA P2_042019.xlsx</t>
  </si>
  <si>
    <t>C:\Users\lucianabo\Desktop\2019\11 - Novembro\RETORNO AUDITORIA\LETICIA\LETICIA.zip\40\</t>
  </si>
  <si>
    <t>ALGAR TA P2_201905.xlsx</t>
  </si>
  <si>
    <t>C:\Users\lucianabo\Desktop\2019\11 - Novembro\RETORNO AUDITORIA\LETICIA\LETICIA.zip\1\valida‡Æo - RES Forecast Dezembro18 - Bradescard P2 Algar.msg\s1\</t>
  </si>
  <si>
    <t>C:\Users\lucianabo\Desktop\2019\11 - Novembro\RETORNO AUDITORIA\LETICIA\LETICIA.zip\10\Valida‡Æo - Errata Forecast Janeiro19 - Bradescard P2 Algar.msg\s1\</t>
  </si>
  <si>
    <t>C:\Users\lucianabo\Desktop\2019\11 - Novembro\RETORNO AUDITORIA\LETICIA\LETICIA.zip\33\ENC_ ALGAR - Forecast Bradescard P2 - Abr_19.msg\s137\</t>
  </si>
  <si>
    <t>C:\Users\lucianabo\Desktop\2019\11 - Novembro\RETORNO AUDITORIA\LETICIA\LETICIA.zip\40\ENC_ ALGAR - Forecast Bradescard P2 - Maio_19.msg\s137\</t>
  </si>
  <si>
    <t>11/25/2019 18:25:29</t>
  </si>
  <si>
    <t>11/25/2019 18:25:45</t>
  </si>
  <si>
    <t>11/25/2019 18:26:17</t>
  </si>
  <si>
    <t>11/26/2019 09:27:36</t>
  </si>
  <si>
    <t>11/26/2019 09:28:23</t>
  </si>
  <si>
    <t>C:\Users\lucianafaa\OneDrive - Grupo Algar\2019\PROJETOS\REAJUSTE DE CONTRATO\PLANILHA REAJUSTES\fechados x internalizados\</t>
  </si>
  <si>
    <t>contatos.xlsx</t>
  </si>
  <si>
    <t>11/26/2019 09:27:48</t>
  </si>
  <si>
    <t>11/26/2019 09:26:39</t>
  </si>
  <si>
    <t>11/26/2019 09:29:24</t>
  </si>
  <si>
    <t>/o=exchangelabs/ou=exchange administrative group (fydibohf23spdlt)/cn=recipients/cn=f50351055a2944cebcbdc18a918945d6-gustavo res;gvieira@toyota.com.br;</t>
  </si>
  <si>
    <t>/o=exchangelabs/ou=exchange administrative group (fydibohf23spdlt)/cn=recipients/cn=f50351055a2944cebcbdc18a918945d6-gustavo res,gvieira@toyota.com.br</t>
  </si>
  <si>
    <t>11/26/2019 09:29:06</t>
  </si>
  <si>
    <t>11/26/2019 09:32:24</t>
  </si>
  <si>
    <t>mail.google.com/_/upload?authuser=1&amp;dcp=asu-n&amp;upload_id=AEnB2UqT-3IbrY04fo2EwXlYO7j7XeM6pVnkO4L7KU9BxY4yJ0lXR5DJQWuq3LYPsXsQopeDHzqVKG7Uzoicblz8v-vDoC7vdRZDAhF3yapapJf7DGLYdaI&amp;upload_protocol=resumable</t>
  </si>
  <si>
    <t>FORMULÁRIO_AUDITÓRIO.xls</t>
  </si>
  <si>
    <t>11/26/2019 09:33:14</t>
  </si>
  <si>
    <t>11/26/2019 09:38:24</t>
  </si>
  <si>
    <t>mail.google.com/_/upload?authuser=1&amp;dcp=asu-n&amp;upload_id=AEnB2Uo0PXpo9bQtwC2rDIDS_fBj8BLKrYTBGtRf-sgHM-ifPqMT7pV-DHzjR4z2inZ4Ej6FrTmyS1kNj96yjiILX_Qwf7uBeQ&amp;upload_protocol=resumable</t>
  </si>
  <si>
    <t>C:\Users\carlosasr\Desktop\BRADESCO\P2\</t>
  </si>
  <si>
    <t>Analise Pagamentos P2.xlsx</t>
  </si>
  <si>
    <t>11/26/2019 09:36:34</t>
  </si>
  <si>
    <t>11/26/2019 09:39:23</t>
  </si>
  <si>
    <t>11/26/2019 09:37:39</t>
  </si>
  <si>
    <t>11/26/2019 09:41:24</t>
  </si>
  <si>
    <t>ENC: Upgrade Plataforma de Gravação Nice</t>
  </si>
  <si>
    <t>OPERADORES_SITE2.xls</t>
  </si>
  <si>
    <t>11/26/2019 09:38:42</t>
  </si>
  <si>
    <t>11/26/2019 09:39:45</t>
  </si>
  <si>
    <t>11/26/2019 09:49:15</t>
  </si>
  <si>
    <t>11/26/2019 09:52:23</t>
  </si>
  <si>
    <t>AHT Real x RFP - WHP.xlsx</t>
  </si>
  <si>
    <t>11/26/2019 09:49:35</t>
  </si>
  <si>
    <t>11/26/2019 09:53:24</t>
  </si>
  <si>
    <t>anapca@algartech.com;ericacdosc@algartech.com;janecsa@algartech.com;matheusmpm@algartech.com;pmo@algartech.com;vanusapr@algartech.com;vilarinho@algartech.com;</t>
  </si>
  <si>
    <t>\\acsfs\deptos\PMO Governança\06 - GOVERNANÇA DO CAPEX\CAPEX 2020\ORÇAMENTO\OFICIAL\01 - OFICIAL\CAPEX 2020 26_11.pptx\</t>
  </si>
  <si>
    <t>anapca@algartech.com,ericacdosc@algartech.com,janecsa@algartech.com,matheusmpm@algartech.com,pmo@algartech.com,vanusapr@algartech.com,vilarinho@algartech.com</t>
  </si>
  <si>
    <t>11/26/2019 09:51:34</t>
  </si>
  <si>
    <t>mail.google.com/_/upload?authuser=0&amp;dcp=asu-n&amp;upload_id=AEnB2UroIp0NhwtNNfLG28J6iQU1QIKlsnfjiOh0ddxBUNNQdWRlDlQ7aepklaTZxC_U7KgtTXQhlhyyP6Gz-BFrvE-kKU3aww&amp;upload_protocol=resumable</t>
  </si>
  <si>
    <t>\\acsfs\deptos\Operacao\Unica\1. Gestão da Área\1.1 Administrativo\1.1.3 Reports\Daily Report\Novembro\</t>
  </si>
  <si>
    <t>11/26/2019 09:59:43</t>
  </si>
  <si>
    <t>11/26/2019 10:01:23</t>
  </si>
  <si>
    <t>mail.google.com/mail/u/1/?ui=2&amp;view=btop&amp;ver=eyhxefjfd5dl&amp;search=inbox&amp;th=%23thread-f%3A1651116525372379533|msg-a%3Ar-3860485456379265751&amp;cvid=4</t>
  </si>
  <si>
    <t>SAGEWDBDSQL_BACKUP.xlsx</t>
  </si>
  <si>
    <t>11/26/2019 09:56:58</t>
  </si>
  <si>
    <t>11/26/2019 09:58:20</t>
  </si>
  <si>
    <t>11/26/2019 10:02:24</t>
  </si>
  <si>
    <t>mail.google.com/_/upload?authuser=0&amp;dcp=asu-n&amp;upload_id=AEnB2UpGmppLEb26xhamWdy-MM2h24md8qJX9KQWAPr0zZlHDWwDgtlAC9hC1diDewCS6whVDnQLbm4uzmXKRnSbokmkkMH4yP-xeNoqQOZ_YRkPftkTE_8&amp;upload_protocol=resumable</t>
  </si>
  <si>
    <t>2019_11_26_Base_Auditorias_Planilha_Youse.xlsx</t>
  </si>
  <si>
    <t>11/26/2019 01:57:18</t>
  </si>
  <si>
    <t>11/26/2019 10:07:24</t>
  </si>
  <si>
    <t>ericacdosc@algartech.com</t>
  </si>
  <si>
    <t>celmars@algartech.com;josycoa@algartech.com;vilarinho@algartech.com;</t>
  </si>
  <si>
    <t>\\acsfs\deptos\Controladoria\Planejamento\Reuniao Gerencial\2019\4ª Reuger\REUGER\Holding 20.11\Algar Tech_4a REUGER 2019_Financeiro_25-11.pptx\</t>
  </si>
  <si>
    <t>celmars@algartech.com,josycoa@algartech.com,vilarinho@algartech.com</t>
  </si>
  <si>
    <t>11/26/2019 01:57:21</t>
  </si>
  <si>
    <t>mail.google.com/_/upload?authuser=0&amp;dcp=asu-n&amp;upload_id=AEnB2UoNXXLhVvwTj1d2I01h6NOLwEtYefcYqgHXn2Le08kSHPgecdBipvzL0tNOCwrvIpZe9FOsLIp84xKcZeEG4To5ZzFmOtGcZOTYnsN35bJTU4i6ixU&amp;upload_protocol=resumable</t>
  </si>
  <si>
    <t>11/26/2019 10:07:04</t>
  </si>
  <si>
    <t>11/26/2019 10:08:23</t>
  </si>
  <si>
    <t>C:\Users\fabriciovs\Downloads\Unity600-AlgarTech.pptx\</t>
  </si>
  <si>
    <t>11/26/2019 10:07:39</t>
  </si>
  <si>
    <t>11/26/2019 10:09:24</t>
  </si>
  <si>
    <t>Criação de ID de Rede - Kamila.xlsx</t>
  </si>
  <si>
    <t>11/26/2019 10:09:53</t>
  </si>
  <si>
    <t>11/26/2019 10:14:24</t>
  </si>
  <si>
    <t>11/26/2019 10:16:15</t>
  </si>
  <si>
    <t>11/26/2019 10:17:26</t>
  </si>
  <si>
    <t>Volume Parcelado 2.xlsx</t>
  </si>
  <si>
    <t>11/26/2019 10:15:41</t>
  </si>
  <si>
    <t>mail.google.com/_/upload?authuser=1&amp;dcp=asu-n&amp;upload_id=AEnB2UrWQ7KXt2UsIGWNWjidPiBP3LWnZZoc8__9tX_CnORqNcJqqYlLWnjzgHpTouahiWs2ALr7Y5Vr7CNCS3nGB5apw5233Q&amp;upload_protocol=resumable</t>
  </si>
  <si>
    <t>Meterial para Curadora - Continental (1).xlsx</t>
  </si>
  <si>
    <t>11/26/2019 10:16:27</t>
  </si>
  <si>
    <t>11/26/2019 10:21:26</t>
  </si>
  <si>
    <t>11/26/2019 10:21:38</t>
  </si>
  <si>
    <t>11/26/2019 10:22:25</t>
  </si>
  <si>
    <t>sherleyce@algartech.com</t>
  </si>
  <si>
    <t>19_11_26_ Pipeline Comentado_Afonso.xlsx</t>
  </si>
  <si>
    <t>11/26/2019 10:28:39</t>
  </si>
  <si>
    <t>11/26/2019 10:33:25</t>
  </si>
  <si>
    <t>11/26/2019 10:30:45</t>
  </si>
  <si>
    <t>11/26/2019 10:35:26</t>
  </si>
  <si>
    <t>patriciaars@algartech.com</t>
  </si>
  <si>
    <t>C:\Users\patriciaars\Desktop\</t>
  </si>
  <si>
    <t>11/26/2019 10:30:47</t>
  </si>
  <si>
    <t>mail.google.com/_/upload?authuser=0&amp;dcp=asu-n&amp;upload_id=AEnB2Ur_VbXDYy_TFnnVyUmYWJypHJwcp9A2gWyF4bAdXlNgIhVgeklzsJwHaiHakKTadJZVBtQWVfflZj1qEJ3MtUG97tH5Eg&amp;upload_protocol=resumable</t>
  </si>
  <si>
    <t>11/26/2019 10:38:11</t>
  </si>
  <si>
    <t>11/26/2019 10:40:25</t>
  </si>
  <si>
    <t>mateusms@algartech.com</t>
  </si>
  <si>
    <t>mail.google.com/_/upload?authuser=0&amp;dcp=asu-n&amp;upload_id=AEnB2Uq3vq02ed1rjWerext4-lbSxLF08J7HjjWkUNsxsq3xouL8Z4FJ3c84hCc2oj_IaDXzRb3yg_AIIn07DTLfMPGUqtxLNQ&amp;upload_protocol=resumable</t>
  </si>
  <si>
    <t>Proposta de Forecast - N1 Service_Janeiro 2020.xlsx</t>
  </si>
  <si>
    <t>11/26/2019 10:39:53</t>
  </si>
  <si>
    <t>11/26/2019 10:42:25</t>
  </si>
  <si>
    <t>C:\Users\renataalves\Desktop\SLIDES_FINANCEIRO.pptx\</t>
  </si>
  <si>
    <t>11/26/2019 10:45:10</t>
  </si>
  <si>
    <t>11/26/2019 10:46:25</t>
  </si>
  <si>
    <t>\\acsfs\dsti\CMV - Coordenação de Mkt e Vendas\Comercial\Relatorio_Pipe Comentado\2019\Latam\</t>
  </si>
  <si>
    <t>19_11_26_ Pipeline Comentado_Argentina.xlsx</t>
  </si>
  <si>
    <t>11/26/2019 10:45:23</t>
  </si>
  <si>
    <t>11/26/2019 10:48:26</t>
  </si>
  <si>
    <t>C:\Users\denisevca\Downloads\</t>
  </si>
  <si>
    <t>mail.google.com/_/upload?authuser=0&amp;dcp=asu-n&amp;upload_id=AEnB2UoMkkcVcu6DhxXZK6-Rfaxrg0iiHF1csXNFzKP70_YxHfZ_BLDRjD277LxQM_LaEbGAqm5BAsYoZ_mdWSVqNvO3Hi126Q&amp;upload_protocol=resumable</t>
  </si>
  <si>
    <t>11/26/2019 10:44:38</t>
  </si>
  <si>
    <t>11/26/2019 10:49:26</t>
  </si>
  <si>
    <t>C:\Users\senildapdo\Desktop\Apresentação indicadores Senilda.pptx\</t>
  </si>
  <si>
    <t>11/26/2019 10:50:49</t>
  </si>
  <si>
    <t>11/26/2019 10:54:26</t>
  </si>
  <si>
    <t>C:\Users\alinerg\Documents\Projetos\Electrolux\</t>
  </si>
  <si>
    <t>Revisão Drafts Electrolux.xlsx</t>
  </si>
  <si>
    <t>11/26/2019 10:54:50</t>
  </si>
  <si>
    <t>11/26/2019 10:56:26</t>
  </si>
  <si>
    <t>19_11_26_ Pipeline Comentado_Colombia.xlsx</t>
  </si>
  <si>
    <t>11/26/2019 10:57:33</t>
  </si>
  <si>
    <t>11/26/2019 11:01:26</t>
  </si>
  <si>
    <t>mail.google.com/_/upload?authuser=2&amp;dcp=asu-n&amp;upload_id=AEnB2Uq4FzPqXXLJ9hwR0w3p9pO8EZM7AY2djfd56cvc7Q5xbt3i_CUINS9cg5MhtSvU0DS2eskktGMLBbvv3J81wolp_z3K7w&amp;upload_protocol=resumable</t>
  </si>
  <si>
    <t>\\acsfs\ACS\Consultoria de Qualidade\Uberlândia\1. Analistas\Fernando Rodrigues\4. Distribuição de Meta\2019\0. Caixa\0. Novembro\</t>
  </si>
  <si>
    <t>Distribuição - 4ª Semana.xls</t>
  </si>
  <si>
    <t>11/26/2019 11:03:16</t>
  </si>
  <si>
    <t>11/26/2019 11:07:25</t>
  </si>
  <si>
    <t>\\acsfs\deptos\DME\CME - Coordenacao de Marketing e Estrategia\Gestão de Vendas\Receita\Longo Prazo\2020\Final\LP 2020-2024 GAT.pptx\</t>
  </si>
  <si>
    <t>11/26/2019 11:03:25</t>
  </si>
  <si>
    <t>11/26/2019 11:08:26</t>
  </si>
  <si>
    <t>\\cppfs\cpdeptos\CPC\4 - Relatorios\BRADESCO EAVM\09 - Daily Next\Dailys\2019\11 - Novembro\Daily Unificado Next - Nov_envio.zip\</t>
  </si>
  <si>
    <t>11/26/2019 11:11:22</t>
  </si>
  <si>
    <t>11/26/2019 11:12:26</t>
  </si>
  <si>
    <t>19_11_26_ Pipeline Comentado_Raul.xlsx</t>
  </si>
  <si>
    <t>11/26/2019 11:16:28</t>
  </si>
  <si>
    <t>11/26/2019 11:20:26</t>
  </si>
  <si>
    <t>C:\Users\elainemdlp\OD\_Projetos\Encerrado\08 - Cobranca Avon\01 - Iniciacao\ENC Proposta Comercial - AVON ATIVO.msg\s136\VP_-_Avon_Ativo.rar\VP_-_Avon_Ativo.docx\Microsoft_Word_97_-_2003_Document.doc\</t>
  </si>
  <si>
    <t>Package4.xlsx</t>
  </si>
  <si>
    <t>Package5.xlsx</t>
  </si>
  <si>
    <t>11/26/2019 11:17:21</t>
  </si>
  <si>
    <t>11/26/2019 11:22:26</t>
  </si>
  <si>
    <t>\\acsfs\deptos\DME\CME - Coordenacao de Marketing e Estrategia\Gestão de Vendas\Receita\Longo Prazo\2020\Final\LP 2020-2024 GRC.pptx\</t>
  </si>
  <si>
    <t>11/26/2019 11:23:12</t>
  </si>
  <si>
    <t>11/26/2019 11:25:26</t>
  </si>
  <si>
    <t>10.200.57.17</t>
  </si>
  <si>
    <t>/o=exchangelabs/ou=exchange administrative group (fydibohf23spdlt)/cn=recipients/cn=a72fa73d2e1a464ba879e7629d58ef97-luana erlen;/o=exchangelabs/ou=exchange administrative group (fydibohf23spdlt)/cn=recipients/cn=d524c378550f4b9ab526e5938ca6655b-flavia mari;/o=exchangelabs/ou=exchange administrative group (fydibohf23spdlt)/cn=recipients/cn=f927337e9e32468d91da72c6c6ec4935-eliamar de;eliamardo@algartech.com.br;flaviamas@algartech.com.br;</t>
  </si>
  <si>
    <t>Monitorias faltantes</t>
  </si>
  <si>
    <t>Quantidade de monitorias realizadas next.xls</t>
  </si>
  <si>
    <t>/o=exchangelabs/ou=exchange administrative group (fydibohf23spdlt)/cn=recipients/cn=a72fa73d2e1a464ba879e7629d58ef97-luana erlen,/o=exchangelabs/ou=exchange administrative group (fydibohf23spdlt)/cn=recipients/cn=d524c378550f4b9ab526e5938ca6655b-flavia mari,/o=exchangelabs/ou=exchange administrative group (fydibohf23spdlt)/cn=recipients/cn=f927337e9e32468d91da72c6c6ec4935-eliamar de,eliamardo@algartech.com.br,flaviamas@algartech.com.br</t>
  </si>
  <si>
    <t>11/26/2019 11:24:58</t>
  </si>
  <si>
    <t>11/26/2019 11:28:26</t>
  </si>
  <si>
    <t>11/26/2019 11:27:00</t>
  </si>
  <si>
    <t>11/26/2019 11:32:26</t>
  </si>
  <si>
    <t>Produtividade RAF - Set-2019 - Fechamento - Visão Importação Ajustada.xlsm</t>
  </si>
  <si>
    <t>11/26/2019 11:30:40</t>
  </si>
  <si>
    <t>11/26/2019 11:35:25</t>
  </si>
  <si>
    <t>C:\Users\lucianocle\OneDrive\Algar\Business Performance - Onedrive\Ferramenta Precificação\Ultima versão\</t>
  </si>
  <si>
    <t>C:\Users\lucianocle\OneDrive\Algar\Business Performance - Onedrive\Ferramenta Precificação\Ultima versão\Plan Precificacao C018 B018.xlsb\</t>
  </si>
  <si>
    <t>11/26/2019 11:31:28</t>
  </si>
  <si>
    <t>11/26/2019 11:32:59</t>
  </si>
  <si>
    <t>11/26/2019 11:36:26</t>
  </si>
  <si>
    <t>C:\Users\matheusvs\Desktop\Squad - Canais Digitais\2 - Whirlpool\Ativos Services\</t>
  </si>
  <si>
    <t>11/26/2019 11:33:01</t>
  </si>
  <si>
    <t>mail.google.com/_/upload?authuser=3&amp;dcp=asu-n&amp;upload_id=AEnB2UrWykMpelfzbylg_FFyLc2bRxxLIodJ5LgtFU_w1ks-DQBJw_rMPJgl2j7xHPijRd0VnNwu1eCTLsLGF_ntP1rbyOhbsw&amp;upload_protocol=resumable</t>
  </si>
  <si>
    <t>11/26/2019 11:36:31</t>
  </si>
  <si>
    <t>11/26/2019 11:37:25</t>
  </si>
  <si>
    <t>Horas Extras SD.xlsx</t>
  </si>
  <si>
    <t>11/26/2019 11:32:16</t>
  </si>
  <si>
    <t>Produtividade RAF - Out-2019 - Fechamento - Visão Atualizada Importação.xlsm</t>
  </si>
  <si>
    <t>11/26/2019 11:36:15</t>
  </si>
  <si>
    <t>11/26/2019 11:39:26</t>
  </si>
  <si>
    <t>11/26/2019 11:37:48</t>
  </si>
  <si>
    <t>C:\Users\mariliafsc.ACS\Downloads\</t>
  </si>
  <si>
    <t>C:\Users\mariliafsc.ACS\Downloads\152004 Sicoob BP - 24 meses PA + Digital FINAL v19.4_v2.xlsb\</t>
  </si>
  <si>
    <t>11/26/2019 11:38:48</t>
  </si>
  <si>
    <t>11/26/2019 11:41:25</t>
  </si>
  <si>
    <t>/o=exchangelabs/ou=exchange administrative group (fydibohf23spdlt)/cn=recipients/cn=5cff907b7abb465c8dbe10257a462656-diego iure;/o=exchangelabs/ou=exchange administrative group (fydibohf23spdlt)/cn=recipients/cn=f77afa0ad3f042109f536c9634dccf97-wanderson g;lorrany.bianca@bradesco.com.br;</t>
  </si>
  <si>
    <t>RES: [FORMALIZAÇÃO] ● FORECAST ALGAR ● 45 DIAS ● JANEIRO/20</t>
  </si>
  <si>
    <t>01 - Dimen P2_1 (Estudo).xlsx</t>
  </si>
  <si>
    <t>/o=exchangelabs/ou=exchange administrative group (fydibohf23spdlt)/cn=recipients/cn=5cff907b7abb465c8dbe10257a462656-diego iure,/o=exchangelabs/ou=exchange administrative group (fydibohf23spdlt)/cn=recipients/cn=f77afa0ad3f042109f536c9634dccf97-wanderson g,lorrany.bianca@bradesco.com.br</t>
  </si>
  <si>
    <t>11/26/2019 11:40:46</t>
  </si>
  <si>
    <t>11/26/2019 11:44:25</t>
  </si>
  <si>
    <t>11/26/2019 11:41:56</t>
  </si>
  <si>
    <t>Lista de Materiais - MiniRack A100.xlsx</t>
  </si>
  <si>
    <t>11/26/2019 11:47:08</t>
  </si>
  <si>
    <t>11/26/2019 11:52:25</t>
  </si>
  <si>
    <t>alexandre.m.souza@bradesco.com.br;joyce.l.oliveira@bradesco.com.br;</t>
  </si>
  <si>
    <t>alexandre.m.souza@bradesco.com.br,joyce.l.oliveira@bradesco.com.br</t>
  </si>
  <si>
    <t>11/26/2019 11:51:39</t>
  </si>
  <si>
    <t>11/26/2019 11:53:26</t>
  </si>
  <si>
    <t>mail.google.com/_/upload?authuser=0&amp;dcp=asu-n&amp;upload_id=AEnB2Uolbc1rFQEpG5B2eWzmCPqnfdAqN1DP2kWAbfz7UvwoNCGcy21lTLcGzM_2Uq867IAWKP--itX-HW0LdrZ03ABsQkEsag&amp;upload_protocol=resumable</t>
  </si>
  <si>
    <t>\\acsfs\deptos\Controladoria\Planejamento\Reuniao Gerencial\2019\4ª Reuger\REUGER\Holding 20.11\Algar Tech_4a REUGER 2019_Financeiro_25-11_VF.pptx\</t>
  </si>
  <si>
    <t>11/26/2019 11:48:11</t>
  </si>
  <si>
    <t>10-FATURAMENTO-FRD_BO_AMEX-OUT-19.zip\</t>
  </si>
  <si>
    <t>11/26/2019 11:48:50</t>
  </si>
  <si>
    <t>11/26/2019 11:54:25</t>
  </si>
  <si>
    <t>D:\OneDrive\AlgarTech\Pré-Vendas\Cliente\2018\A100\151002 - Novas Abordagens de Fibras\</t>
  </si>
  <si>
    <t>Preco_ProjetoNovasAboradagensFibra_V3.xlsb</t>
  </si>
  <si>
    <t>11/26/2019 11:39:56</t>
  </si>
  <si>
    <t>11/26/2019 11:57:26</t>
  </si>
  <si>
    <t>C:\Users\diegobg\Desktop\ENC_ Fechamento Outubro - CRC.msg\s99\</t>
  </si>
  <si>
    <t>11/26/2019 11:57:04</t>
  </si>
  <si>
    <t>11/26/2019 11:59:25</t>
  </si>
  <si>
    <t>Ações Melhoria NPS_Menu Eletrônico.xlsx</t>
  </si>
  <si>
    <t>11/26/2019 12:04:04</t>
  </si>
  <si>
    <t>11/26/2019 12:05:26</t>
  </si>
  <si>
    <t>eversonmc@algartech.com.br;evertonpdsr@algartech.com.br;</t>
  </si>
  <si>
    <t>Aderência - Equipe Leonora</t>
  </si>
  <si>
    <t>12 - ADERENCIA DEZEMBRO - Leonora.xlsx</t>
  </si>
  <si>
    <t>eversonmc@algartech.com.br,evertonpdsr@algartech.com.br</t>
  </si>
  <si>
    <t>11/26/2019 12:04:46</t>
  </si>
  <si>
    <t>11/26/2019 12:03:36</t>
  </si>
  <si>
    <t>11/26/2019 12:08:26</t>
  </si>
  <si>
    <t>11/26/2019 12:15:11</t>
  </si>
  <si>
    <t>11/26/2019 12:19:25</t>
  </si>
  <si>
    <t>Atualização de Informação dos Associados.xlsx</t>
  </si>
  <si>
    <t>11/26/2019 12:17:22</t>
  </si>
  <si>
    <t>11/26/2019 12:22:26</t>
  </si>
  <si>
    <t>/o=exchangelabs/ou=exchange administrative group (fydibohf23spdlt)/cn=recipients/cn=ec8d74b9f1014e0287ebc00c465f223b-aline marqu;/o=exchangelabs/ou=exchange administrative group (fydibohf23spdlt)/cn=recipients/cn=f45617401bdf436baf70c45766699413-frederico b;diogenespl@algartech.com.br;emanueldldl@algartech.com.br;marcosih@algartech.com.br;poliane.amaral@bradesco.com.br;renatafs@algartech.com.br;rosangelaasn@algartech.com.br;suzane.b.rodrigues@bradesco.com.br;tiagorpf@algartech.com.br;</t>
  </si>
  <si>
    <t>Régua de Pendências Dynamics Corporate 12 hs</t>
  </si>
  <si>
    <t>/o=exchangelabs/ou=exchange administrative group (fydibohf23spdlt)/cn=recipients/cn=ec8d74b9f1014e0287ebc00c465f223b-aline marqu,/o=exchangelabs/ou=exchange administrative group (fydibohf23spdlt)/cn=recipients/cn=f45617401bdf436baf70c45766699413-frederico b,diogenespl@algartech.com.br,emanueldldl@algartech.com.br,marcosih@algartech.com.br,poliane.amaral@bradesco.com.br,renatafs@algartech.com.br,rosangelaasn@algartech.com.br,suzane.b.rodrigues@bradesco.com.br,tiagorpf@algartech.com.br</t>
  </si>
  <si>
    <t>11/26/2019 12:19:28</t>
  </si>
  <si>
    <t>11/26/2019 11:58:32</t>
  </si>
  <si>
    <t>11/26/2019 12:43:25</t>
  </si>
  <si>
    <t>mail.google.com/_/upload?authuser=0&amp;dcp=asu-n&amp;upload_id=AEnB2UrQhdbbCOxNtv7_bLhYctrou4ZjunWgj0Nj8hVzrQgqRbsOve3lfr10btD1zFerps1uJUYYkDOlugb_8rFWpWiF3lfNQA&amp;upload_protocol=resumable</t>
  </si>
  <si>
    <t>alessandra.flores@prudential.com;amandacdr@algartech.com;edilsonrb@algartech.com;joseeb@algartech.com;luiz.m.carvalho@algartech.com;silviar@algartelecom.com.br;wilsonaapn@algartech.com;</t>
  </si>
  <si>
    <t>Detalhamento MODELO.xlsx</t>
  </si>
  <si>
    <t>alessandra.flores@prudential.com,amandacdr@algartech.com,edilsonrb@algartech.com,joseeb@algartech.com,luiz.m.carvalho@algartech.com,silviar@algartelecom.com.br,wilsonaapn@algartech.com</t>
  </si>
  <si>
    <t>11/26/2019 12:48:51</t>
  </si>
  <si>
    <t>11/26/2019 12:52:25</t>
  </si>
  <si>
    <t>Orcamento Final.xlsx</t>
  </si>
  <si>
    <t>11/26/2019 13:14:06</t>
  </si>
  <si>
    <t>11/26/2019 13:17:26</t>
  </si>
  <si>
    <t>11/26/2019 13:38:49</t>
  </si>
  <si>
    <t>11/26/2019 13:41:26</t>
  </si>
  <si>
    <t>c:\users\adrianamac\documents\</t>
  </si>
  <si>
    <t>formulario cartao amex vanessa.xlsm</t>
  </si>
  <si>
    <t>11/26/2019 11:58:43</t>
  </si>
  <si>
    <t>11/26/2019 13:42:26</t>
  </si>
  <si>
    <t>\\acsfs\deptos\DME\CME - Coordenacao de Marketing e Estrategia\Gestão de Vendas\Receita\Longo Prazo\2020\Final\LP 2020-2024 GAT v2.pptx\</t>
  </si>
  <si>
    <t>11/24/2019 22:06:51</t>
  </si>
  <si>
    <t>11/26/2019 13:56:26</t>
  </si>
  <si>
    <t>C:\Users\gustavoas\Desktop\</t>
  </si>
  <si>
    <t>Minhas_Metas_Gerencia.xlsx</t>
  </si>
  <si>
    <t>D:\BKP NOTE 2019\Area de trabalho\Minhas_Metas_Gerencia.xlsx</t>
  </si>
  <si>
    <t>11/24/2019 22:06:53</t>
  </si>
  <si>
    <t>D:\BKP NOTE 2019\Area de trabalho\PROJEÇÃO LP GAT PPE + AS IS + CAPEX_v3.xlsx</t>
  </si>
  <si>
    <t>Algar Tech x BR Link.xlsx</t>
  </si>
  <si>
    <t>D:\BKP NOTE 2019\Area de trabalho\Algar Tech x BR Link.xlsx</t>
  </si>
  <si>
    <t>11/24/2019 22:06:54</t>
  </si>
  <si>
    <t>PROJEÇÃO LP GAT PPE + AS IS + CAPEX_v3_MC.xlsx</t>
  </si>
  <si>
    <t>D:\BKP NOTE 2019\Area de trabalho\PROJEÇÃO LP GAT PPE + AS IS + CAPEX_v3_MC.xlsx</t>
  </si>
  <si>
    <t>11/24/2019 22:06:55</t>
  </si>
  <si>
    <t>Analise Oportunidades Governo.xlsx</t>
  </si>
  <si>
    <t>D:\BKP NOTE 2019\Area de trabalho\Analise Oportunidades Governo.xlsx</t>
  </si>
  <si>
    <t>D:\BKP NOTE 2019\Area de trabalho\Resumo_Integradores_GAT.xlsx</t>
  </si>
  <si>
    <t>D:\BKP NOTE 2019\Area de trabalho\Rampa RL GAT 2020.xlsx</t>
  </si>
  <si>
    <t>11/24/2019 22:06:57</t>
  </si>
  <si>
    <t>PROJEÇÃO LP GAT PPE + AS IS + CAPEX_v1.xlsx</t>
  </si>
  <si>
    <t>D:\BKP NOTE 2019\Area de trabalho\PROJEÇÃO LP GAT PPE + AS IS + CAPEX_v1.xlsx</t>
  </si>
  <si>
    <t>Termo_Responsabilidade_-_Cartao_Corporativo.xlsx</t>
  </si>
  <si>
    <t>D:\BKP NOTE 2019\Area de trabalho\Termo_Responsabilidade_-_Cartao_Corporativo.xlsx</t>
  </si>
  <si>
    <t>11/24/2019 22:07:01</t>
  </si>
  <si>
    <t>D:\BKP NOTE 2019\Area de trabalho\TECH DAY - GAT v3.pptx</t>
  </si>
  <si>
    <t>11/24/2019 22:07:02</t>
  </si>
  <si>
    <t>11/24/2019 22:07:04</t>
  </si>
  <si>
    <t>Draft clientes.xlsx</t>
  </si>
  <si>
    <t>D:\BKP NOTE 2019\Area de trabalho\Draft clientes.xlsx</t>
  </si>
  <si>
    <t>11/24/2019 22:07:08</t>
  </si>
  <si>
    <t>C:\Users\gustavoas\Desktop\TECH DAY - GAT v2.pptx\</t>
  </si>
  <si>
    <t>D:\BKP NOTE 2019\Area de trabalho\TECH DAY - GAT v2.pptx</t>
  </si>
  <si>
    <t>11/24/2019 22:07:09</t>
  </si>
  <si>
    <t>11/24/2019 22:07:16</t>
  </si>
  <si>
    <t>C:\Users\gustavoas\Desktop\TECH DAY - GAT v2 - Visita República.pptx\</t>
  </si>
  <si>
    <t>D:\BKP NOTE 2019\Area de trabalho\TECH DAY - GAT v2 - Visita República.pptx</t>
  </si>
  <si>
    <t>11/24/2019 22:07:17</t>
  </si>
  <si>
    <t>11/24/2019 22:07:26</t>
  </si>
  <si>
    <t>C:\Users\gustavoas\Desktop\TECH DAY - GAT.pptx\</t>
  </si>
  <si>
    <t>D:\BKP NOTE 2019\Area de trabalho\TECH DAY - GAT.pptx</t>
  </si>
  <si>
    <t>11/24/2019 22:07:27</t>
  </si>
  <si>
    <t>11/24/2019 22:07:29</t>
  </si>
  <si>
    <t>Receita Histórica GAT.xlsx</t>
  </si>
  <si>
    <t>D:\BKP NOTE 2019\Area de trabalho\Receita Histórica GAT.xlsx</t>
  </si>
  <si>
    <t>11/24/2019 22:07:32</t>
  </si>
  <si>
    <t>C:\Users\gustavoas\Desktop\Evolução de Portifólio - PPE GAT - Outubro 2019_v6.pptx\</t>
  </si>
  <si>
    <t>D:\BKP NOTE 2019\Area de trabalho\Evolução de Portifólio - PPE GAT - Outubro 2019_v6.pptx</t>
  </si>
  <si>
    <t>Detalhamento CAPEX Estruturante LP GAT_v3.xlsx</t>
  </si>
  <si>
    <t>D:\BKP NOTE 2019\Area de trabalho\Detalhamento CAPEX Estruturante LP GAT_v3.xlsx</t>
  </si>
  <si>
    <t>11/24/2019 22:07:33</t>
  </si>
  <si>
    <t>PROJEÇÃO LP GAT PPE + AS IS - Outubro 2019_V7.xlsx</t>
  </si>
  <si>
    <t>D:\BKP NOTE 2019\Area de trabalho\PROJEÇÃO LP GAT PPE + AS IS - Outubro 2019_V7.xlsx</t>
  </si>
  <si>
    <t>11/24/2019 22:07:35</t>
  </si>
  <si>
    <t>C:\Users\gustavoas\Desktop\Evolução de Portifólio - PPE GAT - Outubro 2019_v7.pptx\</t>
  </si>
  <si>
    <t>D:\BKP NOTE 2019\Area de trabalho\Evolução de Portifólio - PPE GAT - Outubro 2019_v7.pptx</t>
  </si>
  <si>
    <t>11/24/2019 22:07:36</t>
  </si>
  <si>
    <t>D:\BKP NOTE 2019\Area de trabalho\PROJEÇÃO LP GAT PPE + AS IS - Outubro 2019_V5.xlsx</t>
  </si>
  <si>
    <t>11/24/2019 22:07:38</t>
  </si>
  <si>
    <t>D:\BKP NOTE 2019\Area de trabalho\PROJEÇÃO LP GAT PPE + AS IS - Outubro 2019_V3.xlsx</t>
  </si>
  <si>
    <t>Dimensionamento do Serviço GIAT_v9 - CONSTRUÇÃO.xlsm</t>
  </si>
  <si>
    <t>D:\BKP NOTE 2019\Area de trabalho\Dimensionamento do Serviço GIAT_v9 - CONSTRUÇÃO.xlsm</t>
  </si>
  <si>
    <t>11/24/2019 22:07:44</t>
  </si>
  <si>
    <t>Dimensionamento do Serviço GIAT_v8 - CONSTRUÇÃO.xlsm</t>
  </si>
  <si>
    <t>D:\BKP NOTE 2019\Area de trabalho\Dimensionamento do Serviço GIAT_v8 - CONSTRUÇÃO.xlsm</t>
  </si>
  <si>
    <t>CAPEX 2020 - AS IS GAT INC.xlsx</t>
  </si>
  <si>
    <t>D:\BKP NOTE 2019\Area de trabalho\CAPEX 2020 - AS IS GAT INC.xlsx</t>
  </si>
  <si>
    <t>11/24/2019 22:07:57</t>
  </si>
  <si>
    <t>C:\Users\gustavoas\Desktop\BOC POC Cliente LDC e Desenho de Solução Command Center_v3_INGLÊS.pptx\</t>
  </si>
  <si>
    <t>D:\BKP NOTE 2019\Area de trabalho\BOC POC Cliente LDC e Desenho de Solução Command Center_v3_INGLÊS.pptx</t>
  </si>
  <si>
    <t>11/24/2019 22:08:01</t>
  </si>
  <si>
    <t>C:\Users\gustavoas\Desktop\RES BP Hub - PLANILHA CORRETA ANEXADA.msg\s1\</t>
  </si>
  <si>
    <t>Dimensionamento do Serviço GIAT + Mon_Cog - HUB.xlsm</t>
  </si>
  <si>
    <t>D:\BKP NOTE 2019\Area de trabalho\RES BP Hub - PLANILHA CORRETA ANEXADA.msg</t>
  </si>
  <si>
    <t>11/24/2019 22:08:10</t>
  </si>
  <si>
    <t>Segmentacao_Accenture_Contas_Alvo_GIAT.xlsx</t>
  </si>
  <si>
    <t>D:\BKP NOTE 2019\Area de trabalho\Segmentacao_Accenture_Contas_Alvo_GIAT.xlsx</t>
  </si>
  <si>
    <t>11/24/2019 22:08:36</t>
  </si>
  <si>
    <t>Dimensionamento do Serviço GIAT v07 - Maio 2019.xlsm</t>
  </si>
  <si>
    <t>D:\BKP NOTE 2019\Area de trabalho\Dimensionamento do Serviço GIAT v07 - Maio 2019.xlsm</t>
  </si>
  <si>
    <t>11/24/2019 22:08:38</t>
  </si>
  <si>
    <t>Dimensionamento do Serviço GIAT v06 - Abril 2019 - Em Construção.xlsm</t>
  </si>
  <si>
    <t>D:\BKP NOTE 2019\Area de trabalho\Dimensionamento do Serviço GIAT v06 - Abril 2019 - Em Construção.xlsm</t>
  </si>
  <si>
    <t>11/24/2019 22:08:54</t>
  </si>
  <si>
    <t>C:\Users\gustavoas\Desktop\1. CENÁRIO INDIVIDUAL.7z\1. CENÃRIO INDIVIDUAL\164228 - ISD\</t>
  </si>
  <si>
    <t>164228 - Anexo A - Planilha de PreÃ§os UnitÃ¡rios.xlsx</t>
  </si>
  <si>
    <t>D:\BKP NOTE 2019\Area de trabalho\1. CENÁRIO INDIVIDUAL.7z</t>
  </si>
  <si>
    <t>164228 - Anexo B - Plano de TransiÃ§Ã£o SD Prudential.xlsx</t>
  </si>
  <si>
    <t>164228 - Anexo C - ARC-RRC-ISD - MODELO DE PREÃ‡O.xlsx</t>
  </si>
  <si>
    <t>C:\Users\gustavoas\Desktop\1. CENÁRIO INDIVIDUAL.7z\1. CENÃRIO INDIVIDUAL\169202A - SustentaÃ§Ã£o e Projetos\</t>
  </si>
  <si>
    <t>169202 - Anexo B - Plano de TransiÃ§Ã£o PPG Prudential.xlsx</t>
  </si>
  <si>
    <t>169202A - Anexo A - Planilha de PreÃ§os UnitÃ¡rios.xlsx</t>
  </si>
  <si>
    <t>169202A - Anexo G - ARC-RRC- RFP PPG - MODELO DE PREÃ‡O.XLSX</t>
  </si>
  <si>
    <t>C:\Users\gustavoas\Desktop\1. CENÁRIO INDIVIDUAL.7z\1. CENÃRIO INDIVIDUAL\169202B - GestÃ£o de ServiÃ§os ITIL\</t>
  </si>
  <si>
    <t>169202B - Anexo A - Planilha de PreÃ§os UnitÃ¡rios.xlsx</t>
  </si>
  <si>
    <t>169202B - Anexo G - ARC-RRC- RFP PPG - MODELO DE PREÃ‡O.XLSX</t>
  </si>
  <si>
    <t>C:\Users\gustavoas\Desktop\1. CENÁRIO INDIVIDUAL.7z\1. CENÃRIO INDIVIDUAL\</t>
  </si>
  <si>
    <t>REFERÃŠNCIA DOS AJUSTES.xlsx</t>
  </si>
  <si>
    <t>11/24/2019 22:09:01</t>
  </si>
  <si>
    <t>C:\Users\gustavoas\Desktop\2. CENÁRIO SINERGIA.7z\2. CENÃRIO SINERGIA\164228 - ISD\</t>
  </si>
  <si>
    <t>D:\BKP NOTE 2019\Area de trabalho\2. CENÁRIO SINERGIA.7z</t>
  </si>
  <si>
    <t>C:\Users\gustavoas\Desktop\2. CENÁRIO SINERGIA.7z\2. CENÃRIO SINERGIA\169202A - SustentaÃ§Ã£o e Projetos\</t>
  </si>
  <si>
    <t>C:\Users\gustavoas\Desktop\2. CENÁRIO SINERGIA.7z\2. CENÃRIO SINERGIA\169202B - GestÃ£o de ServiÃ§os ITIL\</t>
  </si>
  <si>
    <t>C:\Users\gustavoas\Desktop\2. CENÁRIO SINERGIA.7z\2. CENÃRIO SINERGIA\</t>
  </si>
  <si>
    <t>D:\BKP NOTE 2019\Area de trabalho\Controle de Jornada.xlsx</t>
  </si>
  <si>
    <t>11/24/2019 22:09:09</t>
  </si>
  <si>
    <t>MATRIZ_OFERTAS_PPE_LATAM.xlsx</t>
  </si>
  <si>
    <t>D:\BKP NOTE 2019\Area de trabalho\MATRIZ_OFERTAS_PPE_LATAM.xlsx</t>
  </si>
  <si>
    <t>11/24/2019 22:09:24</t>
  </si>
  <si>
    <t>C:\Users\gustavoas\Desktop\One Drive.7z\One Drive\Artefatos Desenho de SoluÃ§Ã£o\</t>
  </si>
  <si>
    <t>Checklist Desenho de SoluÃ§Ã£o - GestÃ£o de Infra TIC - 07-2018.xlsx</t>
  </si>
  <si>
    <t>D:\BKP NOTE 2019\Area de trabalho\One Drive.7z</t>
  </si>
  <si>
    <t>11/24/2019 22:09:32</t>
  </si>
  <si>
    <t>C:\Users\gustavoas\Desktop\NOC - BOOK COMPLETO DA OFERTA.pptx\</t>
  </si>
  <si>
    <t>D:\BKP NOTE 2019\Area de trabalho\NOC - BOOK COMPLETO DA OFERTA.pptx</t>
  </si>
  <si>
    <t>11/24/2019 22:09:33</t>
  </si>
  <si>
    <t>11/24/2019 22:09:48</t>
  </si>
  <si>
    <t>C:\Users\gustavoas\Desktop\Orçamento Pacote GIAT\</t>
  </si>
  <si>
    <t>D:\BKP NOTE 2019\Area de trabalho\Orçamento Pacote GIAT\CR 341500065 - CUSTOS.xlsb</t>
  </si>
  <si>
    <t>11/24/2019 22:09:49</t>
  </si>
  <si>
    <t>C:\Users\gustavoas\Desktop\CAPEX 2020\</t>
  </si>
  <si>
    <t>D:\BKP NOTE 2019\Area de trabalho\CAPEX 2020\Cópia de Capex LP 2020_V2.xlsx</t>
  </si>
  <si>
    <t>11/24/2019 22:10:07</t>
  </si>
  <si>
    <t>C:\Users\gustavoas\Desktop\IT FORUM+ 2019\</t>
  </si>
  <si>
    <t>AGENDA ITF+ 2019.xlsx</t>
  </si>
  <si>
    <t>D:\BKP NOTE 2019\Area de trabalho\IT FORUM+ 2019\AGENDA ITF+ 2019.xlsx</t>
  </si>
  <si>
    <t>11/24/2019 22:10:09</t>
  </si>
  <si>
    <t>CIOs_ITForum+ 29-07-2019 CNPJ.xlsx</t>
  </si>
  <si>
    <t>D:\BKP NOTE 2019\Area de trabalho\IT FORUM+ 2019\CIOs_ITForum+ 29-07-2019 CNPJ.xlsx</t>
  </si>
  <si>
    <t>11/24/2019 22:10:22</t>
  </si>
  <si>
    <t>C:\Users\gustavoas\Desktop\2. CENÁRIO SINERGIA\</t>
  </si>
  <si>
    <t>REFERÊNCIA DOS AJUSTES.xlsx</t>
  </si>
  <si>
    <t>D:\BKP NOTE 2019\Area de trabalho\2. CENÁRIO SINERGIA\REFERÊNCIA DOS AJUSTES.xlsx</t>
  </si>
  <si>
    <t>C:\Users\gustavoas\Desktop\2. CENÁRIO SINERGIA\164228 - ISD\</t>
  </si>
  <si>
    <t>164228 - Anexo A - Planilha de Preços Unitários.xlsx</t>
  </si>
  <si>
    <t>D:\BKP NOTE 2019\Area de trabalho\2. CENÁRIO SINERGIA\164228 - ISD\164228 - Anexo A - Planilha de Preços Unitários.xlsx</t>
  </si>
  <si>
    <t>164228 - Anexo B - Plano de Transição SD Prudential.xlsx</t>
  </si>
  <si>
    <t>D:\BKP NOTE 2019\Area de trabalho\2. CENÁRIO SINERGIA\164228 - ISD\164228 - Anexo B - Plano de Transição SD Prudential.xlsx</t>
  </si>
  <si>
    <t>164228 - Anexo C - ARC-RRC-ISD - MODELO DE PREÇO.xlsx</t>
  </si>
  <si>
    <t>D:\BKP NOTE 2019\Area de trabalho\2. CENÁRIO SINERGIA\164228 - ISD\164228 - Anexo C - ARC-RRC-ISD - MODELO DE PREÇO.xlsx</t>
  </si>
  <si>
    <t>11/24/2019 22:10:24</t>
  </si>
  <si>
    <t>C:\Users\gustavoas\Desktop\2. CENÁRIO SINERGIA\169202A - Sustentação e Projetos\</t>
  </si>
  <si>
    <t>169202 - Anexo B - Plano de Transição PPG Prudential.xlsx</t>
  </si>
  <si>
    <t>D:\BKP NOTE 2019\Area de trabalho\2. CENÁRIO SINERGIA\169202A - Sustentação e Projetos\169202 - Anexo B - Plano de Transição PPG Prudential.xlsx</t>
  </si>
  <si>
    <t>169202A - Anexo A - Planilha de Preços Unitários.xlsx</t>
  </si>
  <si>
    <t>D:\BKP NOTE 2019\Area de trabalho\2. CENÁRIO SINERGIA\169202A - Sustentação e Projetos\169202A - Anexo A - Planilha de Preços Unitários.xlsx</t>
  </si>
  <si>
    <t>11/24/2019 22:10:25</t>
  </si>
  <si>
    <t>169202A - Anexo G - ARC-RRC- RFP PPG - MODELO DE PREÇO.XLSX</t>
  </si>
  <si>
    <t>D:\BKP NOTE 2019\Area de trabalho\2. CENÁRIO SINERGIA\169202A - Sustentação e Projetos\169202A - Anexo G - ARC-RRC- RFP PPG - MODELO DE PREÇO.XLSX</t>
  </si>
  <si>
    <t>11/24/2019 22:10:26</t>
  </si>
  <si>
    <t>C:\Users\gustavoas\Desktop\2. CENÁRIO SINERGIA\169202B - Gestão de Serviços ITIL\</t>
  </si>
  <si>
    <t>D:\BKP NOTE 2019\Area de trabalho\2. CENÁRIO SINERGIA\169202B - Gestão de Serviços ITIL\169202 - Anexo B - Plano de Transição PPG Prudential.xlsx</t>
  </si>
  <si>
    <t>11/24/2019 22:10:27</t>
  </si>
  <si>
    <t>169202B - Anexo A - Planilha de Preços Unitários.xlsx</t>
  </si>
  <si>
    <t>D:\BKP NOTE 2019\Area de trabalho\2. CENÁRIO SINERGIA\169202B - Gestão de Serviços ITIL\169202B - Anexo A - Planilha de Preços Unitários.xlsx</t>
  </si>
  <si>
    <t>169202B - Anexo G - ARC-RRC- RFP PPG - MODELO DE PREÇO.XLSX</t>
  </si>
  <si>
    <t>D:\BKP NOTE 2019\Area de trabalho\2. CENÁRIO SINERGIA\169202B - Gestão de Serviços ITIL\169202B - Anexo G - ARC-RRC- RFP PPG - MODELO DE PREÇO.XLSX</t>
  </si>
  <si>
    <t>11/24/2019 22:10:28</t>
  </si>
  <si>
    <t>C:\Users\gustavoas\Desktop\1. CENÁRIO INDIVIDUAL\</t>
  </si>
  <si>
    <t>D:\BKP NOTE 2019\Area de trabalho\1. CENÁRIO INDIVIDUAL\REFERÊNCIA DOS AJUSTES.xlsx</t>
  </si>
  <si>
    <t>C:\Users\gustavoas\Desktop\1. CENÁRIO INDIVIDUAL\164228 - ISD\</t>
  </si>
  <si>
    <t>D:\BKP NOTE 2019\Area de trabalho\1. CENÁRIO INDIVIDUAL\164228 - ISD\164228 - Anexo A - Planilha de Preços Unitários.xlsx</t>
  </si>
  <si>
    <t>D:\BKP NOTE 2019\Area de trabalho\1. CENÁRIO INDIVIDUAL\164228 - ISD\164228 - Anexo B - Plano de Transição SD Prudential.xlsx</t>
  </si>
  <si>
    <t>D:\BKP NOTE 2019\Area de trabalho\1. CENÁRIO INDIVIDUAL\164228 - ISD\164228 - Anexo C - ARC-RRC-ISD - MODELO DE PREÇO.xlsx</t>
  </si>
  <si>
    <t>11/24/2019 22:10:30</t>
  </si>
  <si>
    <t>C:\Users\gustavoas\Desktop\1. CENÁRIO INDIVIDUAL\169202A - Sustentação e Projetos\</t>
  </si>
  <si>
    <t>D:\BKP NOTE 2019\Area de trabalho\1. CENÁRIO INDIVIDUAL\169202A - Sustentação e Projetos\169202 - Anexo B - Plano de Transição PPG Prudential.xlsx</t>
  </si>
  <si>
    <t>D:\BKP NOTE 2019\Area de trabalho\1. CENÁRIO INDIVIDUAL\169202A - Sustentação e Projetos\169202A - Anexo A - Planilha de Preços Unitários.xlsx</t>
  </si>
  <si>
    <t>D:\BKP NOTE 2019\Area de trabalho\1. CENÁRIO INDIVIDUAL\169202A - Sustentação e Projetos\169202A - Anexo G - ARC-RRC- RFP PPG - MODELO DE PREÇO.XLSX</t>
  </si>
  <si>
    <t>11/24/2019 22:10:32</t>
  </si>
  <si>
    <t>C:\Users\gustavoas\Desktop\1. CENÁRIO INDIVIDUAL\169202B - Gestão de Serviços ITIL\</t>
  </si>
  <si>
    <t>D:\BKP NOTE 2019\Area de trabalho\1. CENÁRIO INDIVIDUAL\169202B - Gestão de Serviços ITIL\169202 - Anexo B - Plano de Transição PPG Prudential.xlsx</t>
  </si>
  <si>
    <t>11/24/2019 22:10:33</t>
  </si>
  <si>
    <t>D:\BKP NOTE 2019\Area de trabalho\1. CENÁRIO INDIVIDUAL\169202B - Gestão de Serviços ITIL\169202B - Anexo A - Planilha de Preços Unitários.xlsx</t>
  </si>
  <si>
    <t>D:\BKP NOTE 2019\Area de trabalho\1. CENÁRIO INDIVIDUAL\169202B - Gestão de Serviços ITIL\169202B - Anexo G - ARC-RRC- RFP PPG - MODELO DE PREÇO.XLSX</t>
  </si>
  <si>
    <t>11/24/2019 22:10:37</t>
  </si>
  <si>
    <t>C:\Users\gustavoas\Desktop\One Drive\Artefatos Desenho de Solução\</t>
  </si>
  <si>
    <t>Checklist Desenho de Solução - Gestão de Infra TIC - 07-2018.xlsx</t>
  </si>
  <si>
    <t>D:\BKP NOTE 2019\Area de trabalho\One Drive\Artefatos Desenho de Solução\Checklist Desenho de Solução - Gestão de Infra TIC - 07-2018.xlsx</t>
  </si>
  <si>
    <t>11/24/2019 22:10:44</t>
  </si>
  <si>
    <t>11/24/2019 22:21:41</t>
  </si>
  <si>
    <t>C:\Users\gustavoas\Documents\02 - Pessoal\</t>
  </si>
  <si>
    <t>D:\BKP NOTE 2019\Documentos\02 - Pessoal\Nespresso.xlsx</t>
  </si>
  <si>
    <t>11/24/2019 22:21:42</t>
  </si>
  <si>
    <t>C:\Users\gustavoas\Documents\02 - Pessoal\MBA\</t>
  </si>
  <si>
    <t>Exercio de Integração.xlsx</t>
  </si>
  <si>
    <t>D:\BKP NOTE 2019\Documentos\02 - Pessoal\MBA\Exercio de Integração.xlsx</t>
  </si>
  <si>
    <t>Exercício S&amp;OP.xlsx</t>
  </si>
  <si>
    <t>D:\BKP NOTE 2019\Documentos\02 - Pessoal\MBA\Exercício S&amp;OP.xlsx</t>
  </si>
  <si>
    <t>11/24/2019 22:21:43</t>
  </si>
  <si>
    <t>Notas MBA.xlsx</t>
  </si>
  <si>
    <t>D:\BKP NOTE 2019\Documentos\02 - Pessoal\MBA\Notas MBA.xlsx</t>
  </si>
  <si>
    <t>SWOT_APP.xlsx</t>
  </si>
  <si>
    <t>D:\BKP NOTE 2019\Documentos\02 - Pessoal\MBA\SWOT_APP.xlsx</t>
  </si>
  <si>
    <t>11/24/2019 22:21:52</t>
  </si>
  <si>
    <t>C:\Users\gustavoas\Documents\02 - Pessoal\MBA\Big Data &amp; Analytics\</t>
  </si>
  <si>
    <t>Clientes.xlsx</t>
  </si>
  <si>
    <t>D:\BKP NOTE 2019\Documentos\02 - Pessoal\MBA\Big Data &amp; Analytics\Clientes.xlsx</t>
  </si>
  <si>
    <t>11/24/2019 22:21:58</t>
  </si>
  <si>
    <t>Compras.xlsx</t>
  </si>
  <si>
    <t>D:\BKP NOTE 2019\Documentos\02 - Pessoal\MBA\Big Data &amp; Analytics\Compras.xlsx</t>
  </si>
  <si>
    <t>11/24/2019 22:22:00</t>
  </si>
  <si>
    <t>Estabelecimentos.xlsx</t>
  </si>
  <si>
    <t>D:\BKP NOTE 2019\Documentos\02 - Pessoal\MBA\Big Data &amp; Analytics\Estabelecimentos.xlsx</t>
  </si>
  <si>
    <t>11/24/2019 22:22:01</t>
  </si>
  <si>
    <t>Template_Criacao_KPI.xlsx</t>
  </si>
  <si>
    <t>D:\BKP NOTE 2019\Documentos\02 - Pessoal\MBA\Big Data &amp; Analytics\Template_Criacao_KPI.xlsx</t>
  </si>
  <si>
    <t>C:\Users\gustavoas\Documents\02 - Pessoal\MBA\Big Data &amp; Analytics\Trabalho de análise\MBA MKT Fagen - Trabalho Big Data &amp; Analytics.doc\</t>
  </si>
  <si>
    <t>D:\BKP NOTE 2019\Documentos\02 - Pessoal\MBA\Big Data &amp; Analytics\Trabalho de análise\MBA MKT Fagen - Trabalho Big Data &amp; Analytics.doc</t>
  </si>
  <si>
    <t>11/24/2019 22:22:02</t>
  </si>
  <si>
    <t>C:\Users\gustavoas\Documents\02 - Pessoal\MBA\Big Data &amp; Analytics\Trabalho de análise\</t>
  </si>
  <si>
    <t>Visitas Set.xlsx</t>
  </si>
  <si>
    <t>D:\BKP NOTE 2019\Documentos\02 - Pessoal\MBA\Big Data &amp; Analytics\Trabalho de análise\Visitas Set.xlsx</t>
  </si>
  <si>
    <t>11/24/2019 22:22:09</t>
  </si>
  <si>
    <t>C:\Users\gustavoas\Documents\02 - Pessoal\Orçamento 2019\</t>
  </si>
  <si>
    <t>bbb.xlsx</t>
  </si>
  <si>
    <t>D:\BKP NOTE 2019\Documentos\02 - Pessoal\Orçamento 2019\bbb.xlsx</t>
  </si>
  <si>
    <t>Orçamento Financeiro Pessoal 2019.xlsx</t>
  </si>
  <si>
    <t>D:\BKP NOTE 2019\Documentos\02 - Pessoal\Orçamento 2019\Orçamento Financeiro Pessoal 2019.xlsx</t>
  </si>
  <si>
    <t>C:\Users\gustavoas\Documents\02 - Pessoal\Orçamento 2019\BTC\</t>
  </si>
  <si>
    <t>Controle_BTC.xlsx</t>
  </si>
  <si>
    <t>D:\BKP NOTE 2019\Documentos\02 - Pessoal\Orçamento 2019\BTC\Controle_BTC.xlsx</t>
  </si>
  <si>
    <t>11/24/2019 22:22:10</t>
  </si>
  <si>
    <t>C:\Users\gustavoas\Documents\02 - Pessoal\Orçamento 2019\Compra Casa\</t>
  </si>
  <si>
    <t>Planejamento Compra Casa.xlsx</t>
  </si>
  <si>
    <t>D:\BKP NOTE 2019\Documentos\02 - Pessoal\Orçamento 2019\Compra Casa\Planejamento Compra Casa.xlsx</t>
  </si>
  <si>
    <t>C:\Users\gustavoas\Documents\02 - Pessoal\Orçamento 2019\Ferias SP\</t>
  </si>
  <si>
    <t>CRÉDITO_Bradesco_14012019_222810.xls</t>
  </si>
  <si>
    <t>D:\BKP NOTE 2019\Documentos\02 - Pessoal\Orçamento 2019\Ferias SP\CRÉDITO_Bradesco_14012019_222810.xls</t>
  </si>
  <si>
    <t>DEBITO_Bradesco_14012019_222810.xls</t>
  </si>
  <si>
    <t>D:\BKP NOTE 2019\Documentos\02 - Pessoal\Orçamento 2019\Ferias SP\DEBITO_Bradesco_14012019_222810.xls</t>
  </si>
  <si>
    <t>11/24/2019 22:22:11</t>
  </si>
  <si>
    <t>C:\Users\gustavoas\Documents\02 - Pessoal\Viagem Porto de Galinhas\</t>
  </si>
  <si>
    <t>Porto de Galinhas.xlsx</t>
  </si>
  <si>
    <t>D:\BKP NOTE 2019\Documentos\02 - Pessoal\Viagem Porto de Galinhas\Porto de Galinhas.xlsx</t>
  </si>
  <si>
    <t>11/24/2019 22:22:32</t>
  </si>
  <si>
    <t>C:\Users\gustavoas\Documents\Entregas William e Dante\Apontamento CA\</t>
  </si>
  <si>
    <t>Apontamento CA - Adalberto Minto Soncini (Julho 2019).xls</t>
  </si>
  <si>
    <t>D:\BKP NOTE 2019\Documentos\Entregas William e Dante\Apontamento CA\Apontamento CA - Adalberto Minto Soncini (Julho 2019).xls</t>
  </si>
  <si>
    <t>11/24/2019 22:22:34</t>
  </si>
  <si>
    <t>C:\Users\gustavoas\Documents\Entregas William e Dante\Problema\</t>
  </si>
  <si>
    <t>Base de dados RP´s.xls</t>
  </si>
  <si>
    <t>D:\BKP NOTE 2019\Documentos\Entregas William e Dante\Problema\Base de dados RP´s.xls</t>
  </si>
  <si>
    <t>Indicadores do Processo.xlsx</t>
  </si>
  <si>
    <t>D:\BKP NOTE 2019\Documentos\Entregas William e Dante\Problema\Indicadores do Processo.xlsx</t>
  </si>
  <si>
    <t>C:\Users\gustavoas\Documents\Entregas William e Dante\WFM - WorkForce Management\</t>
  </si>
  <si>
    <t>Evidências_WFM.xlsx</t>
  </si>
  <si>
    <t>D:\BKP NOTE 2019\Documentos\Entregas William e Dante\WFM - WorkForce Management\Evidências_WFM.xlsx</t>
  </si>
  <si>
    <t>C:\Users\gustavoas\Documents\Meus Arquivos Recebidos\</t>
  </si>
  <si>
    <t>D:\BKP NOTE 2019\Documentos\Meus Arquivos Recebidos\00_Template Recuperação de Custos_Modelo.xlsx</t>
  </si>
  <si>
    <t>11/24/2019 22:22:37</t>
  </si>
  <si>
    <t>010219 - Registro de FTE Realizado GIAT.xlsb</t>
  </si>
  <si>
    <t>D:\BKP NOTE 2019\Documentos\Meus Arquivos Recebidos\010219 - Registro de FTE Realizado GIAT.xlsb</t>
  </si>
  <si>
    <t>11/24/2019 22:22:39</t>
  </si>
  <si>
    <t>D:\BKP NOTE 2019\Documentos\Meus Arquivos Recebidos\1. DESENHO_SOLUÇÃO_SG_TI_V10.3.xlsx</t>
  </si>
  <si>
    <t>11/24/2019 22:22:44</t>
  </si>
  <si>
    <t>C:\Users\gustavoas\Documents\Meus Arquivos Recebidos\164228 - PRUDENTIAL - ISD.zip\164228 - PRUDENTIAL - ISD\1. CENµRIO INDIVIDUAL\164228 - ISD\</t>
  </si>
  <si>
    <t>164228 - Anexo A - Planilha de Pre‡os Unit rios.xlsx</t>
  </si>
  <si>
    <t>D:\BKP NOTE 2019\Documentos\Meus Arquivos Recebidos\164228 - PRUDENTIAL - ISD.zip</t>
  </si>
  <si>
    <t>164228 - Anexo B - Plano de Transi‡Æo SD Prudential.xlsx</t>
  </si>
  <si>
    <t>164228 - Anexo C - ARC-RRC-ISD - MODELO DE PRE€O.xlsx</t>
  </si>
  <si>
    <t>C:\Users\gustavoas\Documents\Meus Arquivos Recebidos\164228 - PRUDENTIAL - ISD.zip\164228 - PRUDENTIAL - ISD\1. CENµRIO INDIVIDUAL\</t>
  </si>
  <si>
    <t>REFERÒNCIA DOS AJUSTES.xlsx</t>
  </si>
  <si>
    <t>C:\Users\gustavoas\Documents\Meus Arquivos Recebidos\164228 - PRUDENTIAL - ISD.zip\164228 - PRUDENTIAL - ISD\2. CENµRIO SINERGIA\164228 - ISD\</t>
  </si>
  <si>
    <t>C:\Users\gustavoas\Documents\Meus Arquivos Recebidos\164228 - PRUDENTIAL - ISD.zip\164228 - PRUDENTIAL - ISD\2. CENµRIO SINERGIA\</t>
  </si>
  <si>
    <t>11/24/2019 22:22:45</t>
  </si>
  <si>
    <t>169202 - Anexo A - Planilha de Preços Unitários MC26.xlsx</t>
  </si>
  <si>
    <t>D:\BKP NOTE 2019\Documentos\Meus Arquivos Recebidos\169202 - Anexo A - Planilha de Preços Unitários MC26.xlsx</t>
  </si>
  <si>
    <t>11/24/2019 22:22:51</t>
  </si>
  <si>
    <t>C:\Users\gustavoas\Documents\Meus Arquivos Recebidos\169202 - PRUDENTIAL - GIAT.zip\169202 - PRUDENTIAL - GIAT\1. CENµRIO INDIVIDUAL\169202A - Sustenta‡Æo e Projetos\</t>
  </si>
  <si>
    <t>169202 - Anexo B - Plano de Transi‡Æo PPG Prudential.xlsx</t>
  </si>
  <si>
    <t>D:\BKP NOTE 2019\Documentos\Meus Arquivos Recebidos\169202 - PRUDENTIAL - GIAT.zip</t>
  </si>
  <si>
    <t>169202A - Anexo A - Planilha de Pre‡os Unit rios.xlsx</t>
  </si>
  <si>
    <t>169202A - Anexo G - ARC-RRC- RFP PPG - MODELO DE PRE€O.XLSX</t>
  </si>
  <si>
    <t>C:\Users\gustavoas\Documents\Meus Arquivos Recebidos\169202 - PRUDENTIAL - GIAT.zip\169202 - PRUDENTIAL - GIAT\1. CENµRIO INDIVIDUAL\169202B - GestÆo de Servi‡os ITIL\</t>
  </si>
  <si>
    <t>169202B - Anexo A - Planilha de Pre‡os Unit rios.xlsx</t>
  </si>
  <si>
    <t>169202B - Anexo G - ARC-RRC- RFP PPG - MODELO DE PRE€O.XLSX</t>
  </si>
  <si>
    <t>C:\Users\gustavoas\Documents\Meus Arquivos Recebidos\169202 - PRUDENTIAL - GIAT.zip\169202 - PRUDENTIAL - GIAT\1. CENµRIO INDIVIDUAL\</t>
  </si>
  <si>
    <t>C:\Users\gustavoas\Documents\Meus Arquivos Recebidos\169202 - PRUDENTIAL - GIAT.zip\169202 - PRUDENTIAL - GIAT\2. CENµRIO SINERGIA\169202A - Sustenta‡Æo e Projetos\</t>
  </si>
  <si>
    <t>C:\Users\gustavoas\Documents\Meus Arquivos Recebidos\169202 - PRUDENTIAL - GIAT.zip\169202 - PRUDENTIAL - GIAT\2. CENµRIO SINERGIA\169202B - GestÆo de Servi‡os ITIL\</t>
  </si>
  <si>
    <t>C:\Users\gustavoas\Documents\Meus Arquivos Recebidos\169202 - PRUDENTIAL - GIAT.zip\169202 - PRUDENTIAL - GIAT\2. CENµRIO SINERGIA\</t>
  </si>
  <si>
    <t>11/24/2019 22:22:53</t>
  </si>
  <si>
    <t>C:\Users\gustavoas\Documents\Meus Arquivos Recebidos\169202A - Sustentação e Projetos.rar\169202A - SustentaÃ§Ã£o e Projetos\</t>
  </si>
  <si>
    <t>D:\BKP NOTE 2019\Documentos\Meus Arquivos Recebidos\169202A - Sustentação e Projetos.rar</t>
  </si>
  <si>
    <t>11/24/2019 22:22:54</t>
  </si>
  <si>
    <t>C:\Users\gustavoas\Documents\Meus Arquivos Recebidos\169202B - Gestão de Serviços ITIL.rar\169202B - GestÃ£o de ServiÃ§os ITIL\</t>
  </si>
  <si>
    <t>D:\BKP NOTE 2019\Documentos\Meus Arquivos Recebidos\169202B - Gestão de Serviços ITIL.rar</t>
  </si>
  <si>
    <t>11/24/2019 22:22:56</t>
  </si>
  <si>
    <t>D:\BKP NOTE 2019\Documentos\Meus Arquivos Recebidos\174252-BP Preço C015 B014 Desonerada_v3_Final_150119.xlsb</t>
  </si>
  <si>
    <t>C:\Users\gustavoas\Documents\Meus Arquivos Recebidos\174252-BP Preço C015 B014 Desonerada_v3_Final_150119.xlsb\</t>
  </si>
  <si>
    <t>11/24/2019 22:23:00</t>
  </si>
  <si>
    <t>D:\BKP NOTE 2019\Documentos\Meus Arquivos Recebidos\174252-Projeto PPA_150119.xlsx</t>
  </si>
  <si>
    <t>11/24/2019 22:23:03</t>
  </si>
  <si>
    <t>D:\BKP NOTE 2019\Documentos\Meus Arquivos Recebidos\Abertura por Produto.xlsx</t>
  </si>
  <si>
    <t>11/24/2019 22:23:04</t>
  </si>
  <si>
    <t>ANEXO 5 Planilha de Precos Unitarios v2.xlsx</t>
  </si>
  <si>
    <t>D:\BKP NOTE 2019\Documentos\Meus Arquivos Recebidos\ANEXO 5 Planilha de Precos Unitarios v2.xlsx</t>
  </si>
  <si>
    <t>11/24/2019 22:23:09</t>
  </si>
  <si>
    <t>Base PPE.xlsx</t>
  </si>
  <si>
    <t>D:\BKP NOTE 2019\Documentos\Meus Arquivos Recebidos\Base PPE.xlsx</t>
  </si>
  <si>
    <t>11/24/2019 22:23:10</t>
  </si>
  <si>
    <t>BP Preço C015 B014 Desonerada_RV PL SL. Mín_v2.xlsb</t>
  </si>
  <si>
    <t>D:\BKP NOTE 2019\Documentos\Meus Arquivos Recebidos\BP Preço C015 B014 Desonerada_RV PL SL. Mín_v2.xlsb</t>
  </si>
  <si>
    <t>C:\Users\gustavoas\Documents\Meus Arquivos Recebidos\BP Preço C015 B014 Desonerada_RV PL SL. Mín_v2.xlsb\</t>
  </si>
  <si>
    <t>CAPEX As-Is GRC (Vendas, Atendimento + Back Office).xlsx</t>
  </si>
  <si>
    <t>D:\BKP NOTE 2019\Documentos\Meus Arquivos Recebidos\CAPEX As-Is GRC (Vendas, Atendimento + Back Office).xlsx</t>
  </si>
  <si>
    <t>11/24/2019 22:23:11</t>
  </si>
  <si>
    <t>D:\BKP NOTE 2019\Documentos\Meus Arquivos Recebidos\Capex LP 2020.xlsx</t>
  </si>
  <si>
    <t>Case 1.xlsx</t>
  </si>
  <si>
    <t>D:\BKP NOTE 2019\Documentos\Meus Arquivos Recebidos\Case 1.xlsx</t>
  </si>
  <si>
    <t>Classificação CAPEX.xlsx</t>
  </si>
  <si>
    <t>D:\BKP NOTE 2019\Documentos\Meus Arquivos Recebidos\Classificação CAPEX.xlsx</t>
  </si>
  <si>
    <t>11/24/2019 22:23:12</t>
  </si>
  <si>
    <t>Cálculo ARC RRC v2.xlsx</t>
  </si>
  <si>
    <t>D:\BKP NOTE 2019\Documentos\Meus Arquivos Recebidos\Cálculo ARC RRC v2.xlsx</t>
  </si>
  <si>
    <t>Cálculos BOC LDC.xlsx</t>
  </si>
  <si>
    <t>D:\BKP NOTE 2019\Documentos\Meus Arquivos Recebidos\Cálculos BOC LDC.xlsx</t>
  </si>
  <si>
    <t>11/24/2019 22:23:14</t>
  </si>
  <si>
    <t>C:\Users\gustavoas\Documents\Meus Arquivos Recebidos\Defesa Técnica ISD v1.pptx\</t>
  </si>
  <si>
    <t>D:\BKP NOTE 2019\Documentos\Meus Arquivos Recebidos\Defesa Técnica ISD v1.pptx</t>
  </si>
  <si>
    <t>11/24/2019 22:23:21</t>
  </si>
  <si>
    <t>Dimensionamento Professional Services.xlsx</t>
  </si>
  <si>
    <t>D:\BKP NOTE 2019\Documentos\Meus Arquivos Recebidos\Dimensionamento Professional Services.xlsx</t>
  </si>
  <si>
    <t>11/24/2019 22:23:23</t>
  </si>
  <si>
    <t>C:\Users\gustavoas\Documents\Meus Arquivos Recebidos\PMO - Status PPE's - GIAT - 28.06.2019(1).pptx\</t>
  </si>
  <si>
    <t>D:\BKP NOTE 2019\Documentos\Meus Arquivos Recebidos\PMO - Status PPE's - GIAT - 28.06.2019(1).pptx</t>
  </si>
  <si>
    <t>11/24/2019 22:23:24</t>
  </si>
  <si>
    <t>C:\Users\gustavoas\Documents\Meus Arquivos Recebidos\PMO - Status PPE's - GIAT - 28.06.2019.pptx\</t>
  </si>
  <si>
    <t>D:\BKP NOTE 2019\Documentos\Meus Arquivos Recebidos\PMO - Status PPE's - GIAT - 28.06.2019.pptx</t>
  </si>
  <si>
    <t>11/24/2019 22:23:39</t>
  </si>
  <si>
    <t>C:\Users\gustavoas\Documents\Meus Arquivos Recebidos\Prudential - Arquivos Última Versão.zip\Prudential - Arquivos éltima VersÆo\164228 - ISD\</t>
  </si>
  <si>
    <t>ANEXO B - Plano de Transi‡Æo SD Prudential.xlsx</t>
  </si>
  <si>
    <t>D:\BKP NOTE 2019\Documentos\Meus Arquivos Recebidos\Prudential - Arquivos Última Versão.zip</t>
  </si>
  <si>
    <t>ANEXO XX - Transi‡Æo Prudential - Dimensionamento de Profissionais v2.xlsx</t>
  </si>
  <si>
    <t>C:\Users\gustavoas\Documents\Meus Arquivos Recebidos\Prudential - Arquivos Última Versão.zip\Prudential - Arquivos éltima VersÆo\164228 - ISD\MC 23,5%\</t>
  </si>
  <si>
    <t>C:\Users\gustavoas\Documents\Meus Arquivos Recebidos\Prudential - Arquivos Última Versão.zip\Prudential - Arquivos éltima VersÆo\164228 - ISD\MC 24%\</t>
  </si>
  <si>
    <t>C:\Users\gustavoas\Documents\Meus Arquivos Recebidos\Prudential - Arquivos Última Versão.zip\Prudential - Arquivos éltima VersÆo\169202A - Sustenta‡Æo e Projetos\</t>
  </si>
  <si>
    <t>C:\Users\gustavoas\Documents\Meus Arquivos Recebidos\Prudential - Arquivos Última Versão.zip\Prudential - Arquivos éltima VersÆo\169202A - Sustenta‡Æo e Projetos\MC 23_5%\</t>
  </si>
  <si>
    <t>C:\Users\gustavoas\Documents\Meus Arquivos Recebidos\Prudential - Arquivos Última Versão.zip\Prudential - Arquivos éltima VersÆo\169202A - Sustenta‡Æo e Projetos\MC 24%\</t>
  </si>
  <si>
    <t>C:\Users\gustavoas\Documents\Meus Arquivos Recebidos\Prudential - Arquivos Última Versão.zip\Prudential - Arquivos éltima VersÆo\169202B - GestÆo de Servi‡os ITIL\</t>
  </si>
  <si>
    <t>11/24/2019 22:23:40</t>
  </si>
  <si>
    <t>C:\Users\gustavoas\Documents\Meus Arquivos Recebidos\Prudential - Arquivos Última Versão.zip\Prudential - Arquivos éltima VersÆo\169202B - GestÆo de Servi‡os ITIL\MC 23_5%\</t>
  </si>
  <si>
    <t>C:\Users\gustavoas\Documents\Meus Arquivos Recebidos\Prudential - Arquivos Última Versão.zip\Prudential - Arquivos éltima VersÆo\169202B - GestÆo de Servi‡os ITIL\MC 24%\</t>
  </si>
  <si>
    <t>C:\Users\gustavoas\Documents\Meus Arquivos Recebidos\Prudential - Arquivos Última Versão.zip\Prudential - Arquivos éltima VersÆo\ANEXOS\</t>
  </si>
  <si>
    <t>164228 - ARC-RRC-ISD - MODELO DE PRE€O.xlsx</t>
  </si>
  <si>
    <t>RFP PRudential - Ajustes da ReuniÆo de Alinhamento 06-02-2019.xlsx</t>
  </si>
  <si>
    <t>C:\Users\gustavoas\Documents\Meus Arquivos Recebidos\Prudential - Arquivos Última Versão.zip\Prudential - Arquivos éltima VersÆo\GIAT - Transi‡Æo\</t>
  </si>
  <si>
    <t>ANEXO XX - Transi‡Æo Prudential - ISD.xlsx</t>
  </si>
  <si>
    <t>COMPARATIVO DE PRE€OS GIAT + ISD PRUDENTIAL.xlsx</t>
  </si>
  <si>
    <t>11/24/2019 22:23:43</t>
  </si>
  <si>
    <t>PRUDENTIAL CENÁRIO FINANCEIRO(1).xlsx</t>
  </si>
  <si>
    <t>D:\BKP NOTE 2019\Documentos\Meus Arquivos Recebidos\PRUDENTIAL CENÁRIO FINANCEIRO(1).xlsx</t>
  </si>
  <si>
    <t>PRUDENTIAL CENÁRIO FINANCEIRO.xlsx</t>
  </si>
  <si>
    <t>D:\BKP NOTE 2019\Documentos\Meus Arquivos Recebidos\PRUDENTIAL CENÁRIO FINANCEIRO.xlsx</t>
  </si>
  <si>
    <t>Pré-Avaliação.xlsx</t>
  </si>
  <si>
    <t>D:\BKP NOTE 2019\Documentos\Meus Arquivos Recebidos\Pré-Avaliação.xlsx</t>
  </si>
  <si>
    <t>Questões Visita Prudential.xlsx</t>
  </si>
  <si>
    <t>D:\BKP NOTE 2019\Documentos\Meus Arquivos Recebidos\Questões Visita Prudential.xlsx</t>
  </si>
  <si>
    <t>Resumo Executivo (Atividades Backoffice).xlsx</t>
  </si>
  <si>
    <t>D:\BKP NOTE 2019\Documentos\Meus Arquivos Recebidos\Resumo Executivo (Atividades Backoffice).xlsx</t>
  </si>
  <si>
    <t>REVISÃO FINAL PRUDENTIAL.xlsx</t>
  </si>
  <si>
    <t>D:\BKP NOTE 2019\Documentos\Meus Arquivos Recebidos\REVISÃO FINAL PRUDENTIAL.xlsx</t>
  </si>
  <si>
    <t>11/24/2019 22:23:44</t>
  </si>
  <si>
    <t>Revisão LP GAT (Receita Perpetuada).xlsx</t>
  </si>
  <si>
    <t>D:\BKP NOTE 2019\Documentos\Meus Arquivos Recebidos\Revisão LP GAT (Receita Perpetuada).xlsx</t>
  </si>
  <si>
    <t>STH - Analista de Negócios PL.XLSX</t>
  </si>
  <si>
    <t>D:\BKP NOTE 2019\Documentos\Meus Arquivos Recebidos\STH - Analista de Negócios PL.XLSX</t>
  </si>
  <si>
    <t>STH - Desenvolvedor SR.XLSX</t>
  </si>
  <si>
    <t>D:\BKP NOTE 2019\Documentos\Meus Arquivos Recebidos\STH - Desenvolvedor SR.XLSX</t>
  </si>
  <si>
    <t>D:\BKP NOTE 2019\Documentos\Meus Arquivos Recebidos\TRANSACIONAIS AGR.xlsx</t>
  </si>
  <si>
    <t>11/24/2019 22:23:45</t>
  </si>
  <si>
    <t>Treinamento WFM.xlsx</t>
  </si>
  <si>
    <t>D:\BKP NOTE 2019\Documentos\Meus Arquivos Recebidos\Treinamento WFM.xlsx</t>
  </si>
  <si>
    <t>C:\Users\gustavoas\Documents\Meus Arquivos Recebidos\169202 - PRUDENTIAL - GIAT\1. CENÁRIO INDIVIDUAL\</t>
  </si>
  <si>
    <t>D:\BKP NOTE 2019\Documentos\Meus Arquivos Recebidos\169202 - PRUDENTIAL - GIAT\1. CENÁRIO INDIVIDUAL\REFERÊNCIA DOS AJUSTES.xlsx</t>
  </si>
  <si>
    <t>C:\Users\gustavoas\Documents\Meus Arquivos Recebidos\169202 - PRUDENTIAL - GIAT\1. CENÁRIO INDIVIDUAL\169202A - Sustentação e Projetos\</t>
  </si>
  <si>
    <t>D:\BKP NOTE 2019\Documentos\Meus Arquivos Recebidos\169202 - PRUDENTIAL - GIAT\1. CENÁRIO INDIVIDUAL\169202A - Sustentação e Projetos\169202 - Anexo B - Plano de Transição PPG Prudential.xlsx</t>
  </si>
  <si>
    <t>11/24/2019 22:23:46</t>
  </si>
  <si>
    <t>D:\BKP NOTE 2019\Documentos\Meus Arquivos Recebidos\169202 - PRUDENTIAL - GIAT\1. CENÁRIO INDIVIDUAL\169202A - Sustentação e Projetos\169202A - Anexo A - Planilha de Preços Unitários.xlsx</t>
  </si>
  <si>
    <t>D:\BKP NOTE 2019\Documentos\Meus Arquivos Recebidos\169202 - PRUDENTIAL - GIAT\1. CENÁRIO INDIVIDUAL\169202A - Sustentação e Projetos\169202A - Anexo G - ARC-RRC- RFP PPG - MODELO DE PREÇO.XLSX</t>
  </si>
  <si>
    <t>11/24/2019 22:23:47</t>
  </si>
  <si>
    <t>C:\Users\gustavoas\Documents\Meus Arquivos Recebidos\169202 - PRUDENTIAL - GIAT\1. CENÁRIO INDIVIDUAL\169202B - Gestão de Serviços ITIL\</t>
  </si>
  <si>
    <t>D:\BKP NOTE 2019\Documentos\Meus Arquivos Recebidos\169202 - PRUDENTIAL - GIAT\1. CENÁRIO INDIVIDUAL\169202B - Gestão de Serviços ITIL\169202 - Anexo B - Plano de Transição PPG Prudential.xlsx</t>
  </si>
  <si>
    <t>11/24/2019 22:23:48</t>
  </si>
  <si>
    <t>D:\BKP NOTE 2019\Documentos\Meus Arquivos Recebidos\169202 - PRUDENTIAL - GIAT\1. CENÁRIO INDIVIDUAL\169202B - Gestão de Serviços ITIL\169202B - Anexo A - Planilha de Preços Unitários.xlsx</t>
  </si>
  <si>
    <t>D:\BKP NOTE 2019\Documentos\Meus Arquivos Recebidos\169202 - PRUDENTIAL - GIAT\1. CENÁRIO INDIVIDUAL\169202B - Gestão de Serviços ITIL\169202B - Anexo G - ARC-RRC- RFP PPG - MODELO DE PREÇO.XLSX</t>
  </si>
  <si>
    <t>11/24/2019 22:23:49</t>
  </si>
  <si>
    <t>C:\Users\gustavoas\Documents\Meus Arquivos Recebidos\169202 - PRUDENTIAL - GIAT\2. CENÁRIO SINERGIA\</t>
  </si>
  <si>
    <t>D:\BKP NOTE 2019\Documentos\Meus Arquivos Recebidos\169202 - PRUDENTIAL - GIAT\2. CENÁRIO SINERGIA\REFERÊNCIA DOS AJUSTES.xlsx</t>
  </si>
  <si>
    <t>C:\Users\gustavoas\Documents\Meus Arquivos Recebidos\169202 - PRUDENTIAL - GIAT\2. CENÁRIO SINERGIA\169202A - Sustentação e Projetos\</t>
  </si>
  <si>
    <t>D:\BKP NOTE 2019\Documentos\Meus Arquivos Recebidos\169202 - PRUDENTIAL - GIAT\2. CENÁRIO SINERGIA\169202A - Sustentação e Projetos\169202 - Anexo B - Plano de Transição PPG Prudential.xlsx</t>
  </si>
  <si>
    <t>11/24/2019 22:23:50</t>
  </si>
  <si>
    <t>D:\BKP NOTE 2019\Documentos\Meus Arquivos Recebidos\169202 - PRUDENTIAL - GIAT\2. CENÁRIO SINERGIA\169202A - Sustentação e Projetos\169202A - Anexo A - Planilha de Preços Unitários.xlsx</t>
  </si>
  <si>
    <t>D:\BKP NOTE 2019\Documentos\Meus Arquivos Recebidos\169202 - PRUDENTIAL - GIAT\2. CENÁRIO SINERGIA\169202A - Sustentação e Projetos\169202A - Anexo G - ARC-RRC- RFP PPG - MODELO DE PREÇO.XLSX</t>
  </si>
  <si>
    <t>11/24/2019 22:23:51</t>
  </si>
  <si>
    <t>C:\Users\gustavoas\Documents\Meus Arquivos Recebidos\169202 - PRUDENTIAL - GIAT\2. CENÁRIO SINERGIA\169202B - Gestão de Serviços ITIL\</t>
  </si>
  <si>
    <t>D:\BKP NOTE 2019\Documentos\Meus Arquivos Recebidos\169202 - PRUDENTIAL - GIAT\2. CENÁRIO SINERGIA\169202B - Gestão de Serviços ITIL\169202 - Anexo B - Plano de Transição PPG Prudential.xlsx</t>
  </si>
  <si>
    <t>11/24/2019 22:23:52</t>
  </si>
  <si>
    <t>D:\BKP NOTE 2019\Documentos\Meus Arquivos Recebidos\169202 - PRUDENTIAL - GIAT\2. CENÁRIO SINERGIA\169202B - Gestão de Serviços ITIL\169202B - Anexo A - Planilha de Preços Unitários.xlsx</t>
  </si>
  <si>
    <t>D:\BKP NOTE 2019\Documentos\Meus Arquivos Recebidos\169202 - PRUDENTIAL - GIAT\2. CENÁRIO SINERGIA\169202B - Gestão de Serviços ITIL\169202B - Anexo G - ARC-RRC- RFP PPG - MODELO DE PREÇO.XLSX</t>
  </si>
  <si>
    <t>11/24/2019 22:23:54</t>
  </si>
  <si>
    <t>C:\Users\gustavoas\Documents\Meus Arquivos Recebidos\Prudential - Arquivos Última Versão\164228 - ISD\</t>
  </si>
  <si>
    <t>ANEXO B - Plano de Transição SD Prudential.xlsx</t>
  </si>
  <si>
    <t>D:\BKP NOTE 2019\Documentos\Meus Arquivos Recebidos\Prudential - Arquivos Última Versão\164228 - ISD\ANEXO B - Plano de Transição SD Prudential.xlsx</t>
  </si>
  <si>
    <t>ANEXO XX - Transição Prudential - Dimensionamento de Profissionais v2.xlsx</t>
  </si>
  <si>
    <t>D:\BKP NOTE 2019\Documentos\Meus Arquivos Recebidos\Prudential - Arquivos Última Versão\164228 - ISD\ANEXO XX - Transição Prudential - Dimensionamento de Profissionais v2.xlsx</t>
  </si>
  <si>
    <t>11/24/2019 22:23:55</t>
  </si>
  <si>
    <t>C:\Users\gustavoas\Documents\Meus Arquivos Recebidos\Prudential - Arquivos Última Versão\164228 - ISD\MC 23,5%\</t>
  </si>
  <si>
    <t>D:\BKP NOTE 2019\Documentos\Meus Arquivos Recebidos\Prudential - Arquivos Última Versão\164228 - ISD\MC 23,5%\164228 - Anexo A - Planilha de Preços Unitários.xlsx</t>
  </si>
  <si>
    <t>D:\BKP NOTE 2019\Documentos\Meus Arquivos Recebidos\Prudential - Arquivos Última Versão\164228 - ISD\MC 23,5%\164228 - Anexo B - Plano de Transição SD Prudential.xlsx</t>
  </si>
  <si>
    <t>D:\BKP NOTE 2019\Documentos\Meus Arquivos Recebidos\Prudential - Arquivos Última Versão\164228 - ISD\MC 23,5%\164228 - Anexo C - ARC-RRC-ISD - MODELO DE PREÇO.xlsx</t>
  </si>
  <si>
    <t>11/24/2019 22:23:56</t>
  </si>
  <si>
    <t>C:\Users\gustavoas\Documents\Meus Arquivos Recebidos\Prudential - Arquivos Última Versão\164228 - ISD\MC 24%\</t>
  </si>
  <si>
    <t>D:\BKP NOTE 2019\Documentos\Meus Arquivos Recebidos\Prudential - Arquivos Última Versão\164228 - ISD\MC 24%\164228 - Anexo A - Planilha de Preços Unitários.xlsx</t>
  </si>
  <si>
    <t>D:\BKP NOTE 2019\Documentos\Meus Arquivos Recebidos\Prudential - Arquivos Última Versão\164228 - ISD\MC 24%\164228 - Anexo B - Plano de Transição SD Prudential.xlsx</t>
  </si>
  <si>
    <t>D:\BKP NOTE 2019\Documentos\Meus Arquivos Recebidos\Prudential - Arquivos Última Versão\164228 - ISD\MC 24%\164228 - Anexo C - ARC-RRC-ISD - MODELO DE PREÇO.xlsx</t>
  </si>
  <si>
    <t>11/24/2019 22:23:58</t>
  </si>
  <si>
    <t>C:\Users\gustavoas\Documents\Meus Arquivos Recebidos\Prudential - Arquivos Última Versão\169202A - Sustentação e Projetos\</t>
  </si>
  <si>
    <t>D:\BKP NOTE 2019\Documentos\Meus Arquivos Recebidos\Prudential - Arquivos Última Versão\169202A - Sustentação e Projetos\169202A - Anexo A - Planilha de Preços Unitários.xlsx</t>
  </si>
  <si>
    <t>11/24/2019 22:24:00</t>
  </si>
  <si>
    <t>C:\Users\gustavoas\Documents\Meus Arquivos Recebidos\Prudential - Arquivos Última Versão\169202A - Sustentação e Projetos\MC 23_5%\</t>
  </si>
  <si>
    <t>D:\BKP NOTE 2019\Documentos\Meus Arquivos Recebidos\Prudential - Arquivos Última Versão\169202A - Sustentação e Projetos\MC 23_5%\169202A - Anexo A - Planilha de Preços Unitários.xlsx</t>
  </si>
  <si>
    <t>11/24/2019 22:24:01</t>
  </si>
  <si>
    <t>C:\Users\gustavoas\Documents\Meus Arquivos Recebidos\Prudential - Arquivos Última Versão\169202A - Sustentação e Projetos\MC 24%\</t>
  </si>
  <si>
    <t>D:\BKP NOTE 2019\Documentos\Meus Arquivos Recebidos\Prudential - Arquivos Última Versão\169202A - Sustentação e Projetos\MC 24%\169202A - Anexo A - Planilha de Preços Unitários.xlsx</t>
  </si>
  <si>
    <t>C:\Users\gustavoas\Documents\Meus Arquivos Recebidos\Prudential - Arquivos Última Versão\169202B - Gestão de Serviços ITIL\</t>
  </si>
  <si>
    <t>D:\BKP NOTE 2019\Documentos\Meus Arquivos Recebidos\Prudential - Arquivos Última Versão\169202B - Gestão de Serviços ITIL\169202 - Anexo B - Plano de Transição PPG Prudential.xlsx</t>
  </si>
  <si>
    <t>D:\BKP NOTE 2019\Documentos\Meus Arquivos Recebidos\Prudential - Arquivos Última Versão\169202B - Gestão de Serviços ITIL\169202B - Anexo A - Planilha de Preços Unitários.xlsx</t>
  </si>
  <si>
    <t>D:\BKP NOTE 2019\Documentos\Meus Arquivos Recebidos\Prudential - Arquivos Última Versão\169202B - Gestão de Serviços ITIL\169202B - Anexo G - ARC-RRC- RFP PPG - MODELO DE PREÇO.XLSX</t>
  </si>
  <si>
    <t>11/24/2019 22:24:04</t>
  </si>
  <si>
    <t>C:\Users\gustavoas\Documents\Meus Arquivos Recebidos\Prudential - Arquivos Última Versão\169202B - Gestão de Serviços ITIL\MC 23_5%\</t>
  </si>
  <si>
    <t>D:\BKP NOTE 2019\Documentos\Meus Arquivos Recebidos\Prudential - Arquivos Última Versão\169202B - Gestão de Serviços ITIL\MC 23_5%\169202B - Anexo A - Planilha de Preços Unitários.xlsx</t>
  </si>
  <si>
    <t>11/24/2019 22:24:05</t>
  </si>
  <si>
    <t>C:\Users\gustavoas\Documents\Meus Arquivos Recebidos\Prudential - Arquivos Última Versão\169202B - Gestão de Serviços ITIL\MC 24%\</t>
  </si>
  <si>
    <t>D:\BKP NOTE 2019\Documentos\Meus Arquivos Recebidos\Prudential - Arquivos Última Versão\169202B - Gestão de Serviços ITIL\MC 24%\169202B - Anexo A - Planilha de Preços Unitários.xlsx</t>
  </si>
  <si>
    <t>11/24/2019 22:24:06</t>
  </si>
  <si>
    <t>C:\Users\gustavoas\Documents\Meus Arquivos Recebidos\Prudential - Arquivos Última Versão\ANEXOS\</t>
  </si>
  <si>
    <t>164228 - ARC-RRC-ISD - MODELO DE PREÇO.xlsx</t>
  </si>
  <si>
    <t>D:\BKP NOTE 2019\Documentos\Meus Arquivos Recebidos\Prudential - Arquivos Última Versão\ANEXOS\164228 - ARC-RRC-ISD - MODELO DE PREÇO.xlsx</t>
  </si>
  <si>
    <t>D:\BKP NOTE 2019\Documentos\Meus Arquivos Recebidos\Prudential - Arquivos Última Versão\ANEXOS\169202 - Anexo B - Plano de Transição PPG Prudential.xlsx</t>
  </si>
  <si>
    <t>11/24/2019 22:24:07</t>
  </si>
  <si>
    <t>D:\BKP NOTE 2019\Documentos\Meus Arquivos Recebidos\Prudential - Arquivos Última Versão\ANEXOS\169202A - Anexo G - ARC-RRC- RFP PPG - MODELO DE PREÇO.XLSX</t>
  </si>
  <si>
    <t>D:\BKP NOTE 2019\Documentos\Meus Arquivos Recebidos\Prudential - Arquivos Última Versão\ANEXOS\169202B - Anexo G - ARC-RRC- RFP PPG - MODELO DE PREÇO.XLSX</t>
  </si>
  <si>
    <t>RFP PRudential - Ajustes da Reunião de Alinhamento 06-02-2019.xlsx</t>
  </si>
  <si>
    <t>D:\BKP NOTE 2019\Documentos\Meus Arquivos Recebidos\Prudential - Arquivos Última Versão\ANEXOS\RFP PRudential - Ajustes da Reunião de Alinhamento 06-02-2019.xlsx</t>
  </si>
  <si>
    <t>11/24/2019 22:24:09</t>
  </si>
  <si>
    <t>C:\Users\gustavoas\Documents\Meus Arquivos Recebidos\Prudential - Arquivos Última Versão\GIAT - Transição\</t>
  </si>
  <si>
    <t>D:\BKP NOTE 2019\Documentos\Meus Arquivos Recebidos\Prudential - Arquivos Última Versão\GIAT - Transição\ANEXO XX - Transição Prudential - Dimensionamento de Profissionais v2.xlsx</t>
  </si>
  <si>
    <t>ANEXO XX - Transição Prudential - ISD.xlsx</t>
  </si>
  <si>
    <t>D:\BKP NOTE 2019\Documentos\Meus Arquivos Recebidos\Prudential - Arquivos Última Versão\GIAT - Transição\ANEXO XX - Transição Prudential - ISD.xlsx</t>
  </si>
  <si>
    <t>COMPARATIVO DE PREÇOS GIAT + ISD PRUDENTIAL.xlsx</t>
  </si>
  <si>
    <t>D:\BKP NOTE 2019\Documentos\Meus Arquivos Recebidos\Prudential - Arquivos Última Versão\GIAT - Transição\COMPARATIVO DE PREÇOS GIAT + ISD PRUDENTIAL.xlsx</t>
  </si>
  <si>
    <t>C:\Users\gustavoas\Documents\</t>
  </si>
  <si>
    <t>Base PTH revisada_CM_v5.xlsx</t>
  </si>
  <si>
    <t>D:\BKP NOTE 2019\Documentos\Base PTH revisada_CM_v5.xlsx</t>
  </si>
  <si>
    <t>11/24/2019 22:24:10</t>
  </si>
  <si>
    <t>DRAFT CATALOGO GIAT.xlsx</t>
  </si>
  <si>
    <t>D:\BKP NOTE 2019\Documentos\DRAFT CATALOGO GIAT.xlsx</t>
  </si>
  <si>
    <t>11/24/2019 22:24:12</t>
  </si>
  <si>
    <t>C:\Users\gustavoas\Documents\Entregas William e Dante.zip\Entregas William e Dante\Apontamento CA\</t>
  </si>
  <si>
    <t>D:\BKP NOTE 2019\Documentos\Entregas William e Dante.zip</t>
  </si>
  <si>
    <t>C:\Users\gustavoas\Documents\Entregas William e Dante.zip\Entregas William e Dante\Problema\</t>
  </si>
  <si>
    <t>Base de dados RPïs.xls</t>
  </si>
  <si>
    <t>C:\Users\gustavoas\Documents\Entregas William e Dante.zip\Entregas William e Dante\WFM - WorkForce Management\</t>
  </si>
  <si>
    <t>Evidˆncias_WFM.xlsx</t>
  </si>
  <si>
    <t>11/24/2019 22:24:15</t>
  </si>
  <si>
    <t>WIT_V2.xlsx</t>
  </si>
  <si>
    <t>D:\BKP NOTE 2019\Documentos\WIT_V2.xlsx</t>
  </si>
  <si>
    <t>11/24/2019 22:24:17</t>
  </si>
  <si>
    <t>C:\Users\gustavoas\Documents\01 - Trabalho\Admissão Algar TI\9. Algar TI - Ascençao - Udi\</t>
  </si>
  <si>
    <t>Kit Admissional TRANSFERÊNCIA - Algar TI Ascensão Udia.xls</t>
  </si>
  <si>
    <t>D:\BKP NOTE 2019\Documentos\01 - Trabalho\Admissão Algar TI\9. Algar TI - Ascençao - Udi\Kit Admissional TRANSFERÊNCIA - Algar TI Ascensão Udia.xls</t>
  </si>
  <si>
    <t>11/24/2019 22:24:21</t>
  </si>
  <si>
    <t>C:\Users\gustavoas\Documents\01 - Trabalho\GIAT\</t>
  </si>
  <si>
    <t>Plano de Prospecção SME.xlsx</t>
  </si>
  <si>
    <t>D:\BKP NOTE 2019\Documentos\01 - Trabalho\GIAT\Plano de Prospecção SME.xlsx</t>
  </si>
  <si>
    <t>SLA_CLIENTES_GAT.xlsx</t>
  </si>
  <si>
    <t>D:\BKP NOTE 2019\Documentos\01 - Trabalho\GIAT\SLA_CLIENTES_GAT.xlsx</t>
  </si>
  <si>
    <t>11/24/2019 22:25:00</t>
  </si>
  <si>
    <t>C:\Users\gustavoas\Documents\01 - Trabalho\GIAT\Artefatos do Produto\Book do Produto\BOOK DA OFERTA - GESTÃO DE INFRAESTRUTURA TIC v3.pptx\</t>
  </si>
  <si>
    <t>D:\BKP NOTE 2019\Documentos\01 - Trabalho\GIAT\Artefatos do Produto\Book do Produto\BOOK DA OFERTA - GESTÃO DE INFRAESTRUTURA TIC v3.pptx</t>
  </si>
  <si>
    <t>11/24/2019 22:25:01</t>
  </si>
  <si>
    <t>11/24/2019 22:25:10</t>
  </si>
  <si>
    <t>C:\Users\gustavoas\Documents\01 - Trabalho\GIAT\Artefatos do Produto\Book do Produto\BOOK DA OFERTA - GESTÃO DE INFRAESTRUTURA TIC v4.pptx\</t>
  </si>
  <si>
    <t>D:\BKP NOTE 2019\Documentos\01 - Trabalho\GIAT\Artefatos do Produto\Book do Produto\BOOK DA OFERTA - GESTÃO DE INFRAESTRUTURA TIC v4.pptx</t>
  </si>
  <si>
    <t>11/24/2019 22:25:11</t>
  </si>
  <si>
    <t>11/24/2019 22:25:12</t>
  </si>
  <si>
    <t>11/24/2019 22:25:13</t>
  </si>
  <si>
    <t>11/24/2019 22:25:22</t>
  </si>
  <si>
    <t>C:\Users\gustavoas\Documents\01 - Trabalho\GIAT\Artefatos do Produto\Book do Produto\BOOK DA OFERTA - GESTÃO DE INFRAESTRUTURA TIC v5.pptx\</t>
  </si>
  <si>
    <t>D:\BKP NOTE 2019\Documentos\01 - Trabalho\GIAT\Artefatos do Produto\Book do Produto\BOOK DA OFERTA - GESTÃO DE INFRAESTRUTURA TIC v5.pptx</t>
  </si>
  <si>
    <t>11/24/2019 22:25:23</t>
  </si>
  <si>
    <t>11/24/2019 22:25:24</t>
  </si>
  <si>
    <t>11/24/2019 22:25:25</t>
  </si>
  <si>
    <t>11/24/2019 22:25:26</t>
  </si>
  <si>
    <t>11/24/2019 22:25:38</t>
  </si>
  <si>
    <t>C:\Users\gustavoas\Documents\01 - Trabalho\GIAT\Clientes &amp; Prospects\CPFL\RFP-CPFL\</t>
  </si>
  <si>
    <t>Questionamentos RFP Datacenter.xlsx</t>
  </si>
  <si>
    <t>D:\BKP NOTE 2019\Documentos\01 - Trabalho\GIAT\Clientes &amp; Prospects\CPFL\RFP-CPFL\Questionamentos RFP Datacenter.xlsx</t>
  </si>
  <si>
    <t>11/24/2019 22:25:47</t>
  </si>
  <si>
    <t>C:\Users\gustavoas\Documents\01 - Trabalho\GIAT\Clientes &amp; Prospects\HUB\Hubfintech_briefing_PS_09032017.pptx\</t>
  </si>
  <si>
    <t>D:\BKP NOTE 2019\Documentos\01 - Trabalho\GIAT\Clientes &amp; Prospects\HUB\Hubfintech_briefing_PS_09032017.pptx</t>
  </si>
  <si>
    <t>11/24/2019 22:25:52</t>
  </si>
  <si>
    <t>C:\Users\gustavoas\Documents\01 - Trabalho\GIAT\Clientes &amp; Prospects\LDC\</t>
  </si>
  <si>
    <t>13012015-090350-pesquisa_de_capacidade_instalada_2014.xls</t>
  </si>
  <si>
    <t>D:\BKP NOTE 2019\Documentos\01 - Trabalho\GIAT\Clientes &amp; Prospects\LDC\13012015-090350-pesquisa_de_capacidade_instalada_2014.xls</t>
  </si>
  <si>
    <t>Calculo Compartilhamento de Ganhos BOC v2.xlsx</t>
  </si>
  <si>
    <t>D:\BKP NOTE 2019\Documentos\01 - Trabalho\GIAT\Clientes &amp; Prospects\LDC\Calculo Compartilhamento de Ganhos BOC v2.xlsx</t>
  </si>
  <si>
    <t>Calculo Compartilhamento de Ganhos BOC.xlsx</t>
  </si>
  <si>
    <t>D:\BKP NOTE 2019\Documentos\01 - Trabalho\GIAT\Clientes &amp; Prospects\LDC\Calculo Compartilhamento de Ganhos BOC.xlsx</t>
  </si>
  <si>
    <t>Calculo de BOC LDC_old.xlsx</t>
  </si>
  <si>
    <t>D:\BKP NOTE 2019\Documentos\01 - Trabalho\GIAT\Clientes &amp; Prospects\LDC\Calculo de BOC LDC_old.xlsx</t>
  </si>
  <si>
    <t>11/24/2019 22:25:53</t>
  </si>
  <si>
    <t>Desenho LDC.xlsx</t>
  </si>
  <si>
    <t>D:\BKP NOTE 2019\Documentos\01 - Trabalho\GIAT\Clientes &amp; Prospects\LDC\Desenho LDC.xlsx</t>
  </si>
  <si>
    <t>Dimensionamento do Serviço GIAT_v6 - PILOTO COMAND CENTER LDC.xlsm</t>
  </si>
  <si>
    <t>D:\BKP NOTE 2019\Documentos\01 - Trabalho\GIAT\Clientes &amp; Prospects\LDC\Dimensionamento do Serviço GIAT_v6 - PILOTO COMAND CENTER LDC.xlsm</t>
  </si>
  <si>
    <t>11/24/2019 22:25:54</t>
  </si>
  <si>
    <t>Medições POC - BOC v2.xlsx</t>
  </si>
  <si>
    <t>D:\BKP NOTE 2019\Documentos\01 - Trabalho\GIAT\Clientes &amp; Prospects\LDC\Medições POC - BOC v2.xlsx</t>
  </si>
  <si>
    <t>11/24/2019 22:25:55</t>
  </si>
  <si>
    <t>D:\BKP NOTE 2019\Documentos\01 - Trabalho\GIAT\Clientes &amp; Prospects\LDC\Modelo de apresentação de Preço LDC.xlsx</t>
  </si>
  <si>
    <t>D:\BKP NOTE 2019\Documentos\01 - Trabalho\GIAT\Clientes &amp; Prospects\LDC\Modelo de apresentação de Preço LDC_v5.xlsx</t>
  </si>
  <si>
    <t>Números Grãos - LDC.xlsx</t>
  </si>
  <si>
    <t>D:\BKP NOTE 2019\Documentos\01 - Trabalho\GIAT\Clientes &amp; Prospects\LDC\Números Grãos - LDC.xlsx</t>
  </si>
  <si>
    <t>PREÇO - DIMENSIONAMENTO BOC - LDC.xlsm</t>
  </si>
  <si>
    <t>D:\BKP NOTE 2019\Documentos\01 - Trabalho\GIAT\Clientes &amp; Prospects\LDC\PREÇO - DIMENSIONAMENTO BOC - LDC.xlsm</t>
  </si>
  <si>
    <t>11/24/2019 22:25:58</t>
  </si>
  <si>
    <t>C:\Users\gustavoas\Documents\01 - Trabalho\GIAT\Clientes &amp; Prospects\LDC\Resultado BOC POC Cliente LDC e Desenho de Solução Command Center.pptx\</t>
  </si>
  <si>
    <t>D:\BKP NOTE 2019\Documentos\01 - Trabalho\GIAT\Clientes &amp; Prospects\LDC\Resultado BOC POC Cliente LDC e Desenho de Solução Command Center.pptx</t>
  </si>
  <si>
    <t>11/24/2019 22:26:00</t>
  </si>
  <si>
    <t>11/24/2019 22:26:02</t>
  </si>
  <si>
    <t>C:\Users\gustavoas\Documents\01 - Trabalho\GIAT\Clientes &amp; Prospects\LDC\Resultado BOC POC Cliente LDC e Desenho de Solução.pptx\</t>
  </si>
  <si>
    <t>D:\BKP NOTE 2019\Documentos\01 - Trabalho\GIAT\Clientes &amp; Prospects\LDC\Resultado BOC POC Cliente LDC e Desenho de Solução.pptx</t>
  </si>
  <si>
    <t>11/24/2019 22:26:34</t>
  </si>
  <si>
    <t>C:\Users\gustavoas\Documents\01 - Trabalho\GIAT\Clientes &amp; Prospects\PRUDENTIAL\FASE 1\Defesa Técnica 17-12-18\Apoio\</t>
  </si>
  <si>
    <t>Porque_Algar_Tech.xlsx</t>
  </si>
  <si>
    <t>D:\BKP NOTE 2019\Documentos\01 - Trabalho\GIAT\Clientes &amp; Prospects\PRUDENTIAL\FASE 1\Defesa Técnica 17-12-18\Apoio\Porque_Algar_Tech.xlsx</t>
  </si>
  <si>
    <t>11/24/2019 22:26:39</t>
  </si>
  <si>
    <t>C:\Users\gustavoas\Documents\01 - Trabalho\GIAT\Clientes &amp; Prospects\PRUDENTIAL\FASE 1\Defesa Técnica 17-12-18\Apoio\BOC - Graficos Grafana\</t>
  </si>
  <si>
    <t>Grafico.xlsx</t>
  </si>
  <si>
    <t>D:\BKP NOTE 2019\Documentos\01 - Trabalho\GIAT\Clientes &amp; Prospects\PRUDENTIAL\FASE 1\Defesa Técnica 17-12-18\Apoio\BOC - Graficos Grafana\Grafico.xlsx</t>
  </si>
  <si>
    <t>11/24/2019 22:26:41</t>
  </si>
  <si>
    <t>C:\Users\gustavoas\Documents\01 - Trabalho\GIAT\Clientes &amp; Prospects\PRUDENTIAL\FASE 1\Desenho\</t>
  </si>
  <si>
    <t>Dimensionamento do Serviço GIAT Prudential.xlsm</t>
  </si>
  <si>
    <t>D:\BKP NOTE 2019\Documentos\01 - Trabalho\GIAT\Clientes &amp; Prospects\PRUDENTIAL\FASE 1\Desenho\Dimensionamento do Serviço GIAT Prudential.xlsm</t>
  </si>
  <si>
    <t>Dimensionamento GIAT Prudential - Diogo Milanez_Santarem_Marcus.xlsx</t>
  </si>
  <si>
    <t>D:\BKP NOTE 2019\Documentos\01 - Trabalho\GIAT\Clientes &amp; Prospects\PRUDENTIAL\FASE 1\Desenho\Dimensionamento GIAT Prudential - Diogo Milanez_Santarem_Marcus.xlsx</t>
  </si>
  <si>
    <t>11/24/2019 22:26:43</t>
  </si>
  <si>
    <t>PS - PRECO_NOVA_VOLUMETRIA_FINAL_COM_ADM_MODELO.XLSB</t>
  </si>
  <si>
    <t>D:\BKP NOTE 2019\Documentos\01 - Trabalho\GIAT\Clientes &amp; Prospects\PRUDENTIAL\FASE 1\Desenho\PS - PRECO_NOVA_VOLUMETRIA_FINAL_COM_ADM_MODELO.XLSB</t>
  </si>
  <si>
    <t>C:\Users\gustavoas\Documents\01 - Trabalho\GIAT\Clientes &amp; Prospects\PRUDENTIAL\FASE 1\Desenho\PS - PRECO_NOVA_VOLUMETRIA_FINAL_COM_ADM_MODELO.XLSB\</t>
  </si>
  <si>
    <t>C:\Users\gustavoas\Documents\01 - Trabalho\GIAT\Clientes &amp; Prospects\PRUDENTIAL\FASE 1\Propostas e Preço\</t>
  </si>
  <si>
    <t>D:\BKP NOTE 2019\Documentos\01 - Trabalho\GIAT\Clientes &amp; Prospects\PRUDENTIAL\FASE 1\Propostas e Preço\164228 - Anexo A - Planilha de Preços Unitários.xlsx</t>
  </si>
  <si>
    <t>11/24/2019 22:26:44</t>
  </si>
  <si>
    <t>D:\BKP NOTE 2019\Documentos\01 - Trabalho\GIAT\Clientes &amp; Prospects\PRUDENTIAL\FASE 1\Propostas e Preço\169202 - Anexo A - Planilha de Preços Unitários MC26.xlsx</t>
  </si>
  <si>
    <t>169202 - Anexo A - Planilha de Preços Unitários.xlsx</t>
  </si>
  <si>
    <t>D:\BKP NOTE 2019\Documentos\01 - Trabalho\GIAT\Clientes &amp; Prospects\PRUDENTIAL\FASE 1\Propostas e Preço\169202 - Anexo A - Planilha de Preços Unitários.xlsx</t>
  </si>
  <si>
    <t>11/24/2019 22:26:45</t>
  </si>
  <si>
    <t>ARC-RRC-MODELO DE PREÇO.XLSX</t>
  </si>
  <si>
    <t>D:\BKP NOTE 2019\Documentos\01 - Trabalho\GIAT\Clientes &amp; Prospects\PRUDENTIAL\FASE 1\Propostas e Preço\ARC-RRC-MODELO DE PREÇO.XLSX</t>
  </si>
  <si>
    <t>11/24/2019 22:26:47</t>
  </si>
  <si>
    <t>C:\Users\gustavoas\Documents\01 - Trabalho\GIAT\Clientes &amp; Prospects\PRUDENTIAL\FASE 2 - 06-02\</t>
  </si>
  <si>
    <t>ANEXO XX - Transição Prudential - Dimensionamento de Profissionais.xlsx</t>
  </si>
  <si>
    <t>D:\BKP NOTE 2019\Documentos\01 - Trabalho\GIAT\Clientes &amp; Prospects\PRUDENTIAL\FASE 2 - 06-02\ANEXO XX - Transição Prudential - Dimensionamento de Profissionais.xlsx</t>
  </si>
  <si>
    <t>11/24/2019 22:26:52</t>
  </si>
  <si>
    <t>C:\Users\gustavoas\Documents\01 - Trabalho\GIAT\Clientes &amp; Prospects\PRUDENTIAL\FASE 2 - 06-02\Anexos Algar\</t>
  </si>
  <si>
    <t>ANEXO XX - Plano de Transição PPG Prudential.xlsx</t>
  </si>
  <si>
    <t>D:\BKP NOTE 2019\Documentos\01 - Trabalho\GIAT\Clientes &amp; Prospects\PRUDENTIAL\FASE 2 - 06-02\Anexos Algar\ANEXO XX - Plano de Transição PPG Prudential.xlsx</t>
  </si>
  <si>
    <t>REVISÃO FINAL PRUDENTIAL 11_02.xlsx</t>
  </si>
  <si>
    <t>D:\BKP NOTE 2019\Documentos\01 - Trabalho\GIAT\Clientes &amp; Prospects\PRUDENTIAL\FASE 2 - 06-02\Anexos Algar\REVISÃO FINAL PRUDENTIAL 11_02.xlsx</t>
  </si>
  <si>
    <t>D:\BKP NOTE 2019\Documentos\01 - Trabalho\GIAT\Clientes &amp; Prospects\PRUDENTIAL\FASE 2 - 06-02\Anexos Algar\RFP PRudential - Ajustes da Reunião de Alinhamento 06-02-2019.xlsx</t>
  </si>
  <si>
    <t>C:\Users\gustavoas\Documents\01 - Trabalho\GIAT\Clientes &amp; Prospects\PRUDENTIAL\FASE 2 - 06-02\Anexos Algar\Em Construção\</t>
  </si>
  <si>
    <t>Competências Prudential Final.xlsx</t>
  </si>
  <si>
    <t>D:\BKP NOTE 2019\Documentos\01 - Trabalho\GIAT\Clientes &amp; Prospects\PRUDENTIAL\FASE 2 - 06-02\Anexos Algar\Em Construção\Competências Prudential Final.xlsx</t>
  </si>
  <si>
    <t>11/24/2019 22:26:55</t>
  </si>
  <si>
    <t>D:\BKP NOTE 2019\Documentos\01 - Trabalho\GIAT\Clientes &amp; Prospects\PRUDENTIAL\FASE 2 - 06-02\Anexos Algar\Em Construção\REVISÃO FINAL PRUDENTIAL.xlsx</t>
  </si>
  <si>
    <t>C:\Users\gustavoas\Documents\01 - Trabalho\GIAT\Clientes &amp; Prospects\PRUDENTIAL\FASE 2 - 06-02\ARQUIVOS ENVIADOS - 12-02-19\1. CENÁRIO INDIVIDUAL\</t>
  </si>
  <si>
    <t>D:\BKP NOTE 2019\Documentos\01 - Trabalho\GIAT\Clientes &amp; Prospects\PRUDENTIAL\FASE 2 - 06-02\ARQUIVOS ENVIADOS - 12-02-19\1. CENÁRIO INDIVIDUAL\REFERÊNCIA DOS AJUSTES.xlsx</t>
  </si>
  <si>
    <t>C:\Users\gustavoas\Documents\01 - Trabalho\GIAT\Clientes &amp; Prospects\PRUDENTIAL\FASE 2 - 06-02\ARQUIVOS ENVIADOS - 12-02-19\1. CENÁRIO INDIVIDUAL\164228 - ISD\</t>
  </si>
  <si>
    <t>D:\BKP NOTE 2019\Documentos\01 - Trabalho\GIAT\Clientes &amp; Prospects\PRUDENTIAL\FASE 2 - 06-02\ARQUIVOS ENVIADOS - 12-02-19\1. CENÁRIO INDIVIDUAL\164228 - ISD\164228 - Anexo A - Planilha de Preços Unitários.xlsx</t>
  </si>
  <si>
    <t>D:\BKP NOTE 2019\Documentos\01 - Trabalho\GIAT\Clientes &amp; Prospects\PRUDENTIAL\FASE 2 - 06-02\ARQUIVOS ENVIADOS - 12-02-19\1. CENÁRIO INDIVIDUAL\164228 - ISD\164228 - Anexo B - Plano de Transição SD Prudential.xlsx</t>
  </si>
  <si>
    <t>D:\BKP NOTE 2019\Documentos\01 - Trabalho\GIAT\Clientes &amp; Prospects\PRUDENTIAL\FASE 2 - 06-02\ARQUIVOS ENVIADOS - 12-02-19\1. CENÁRIO INDIVIDUAL\164228 - ISD\164228 - Anexo C - ARC-RRC-ISD - MODELO DE PREÇO.xlsx</t>
  </si>
  <si>
    <t>11/24/2019 22:26:56</t>
  </si>
  <si>
    <t>C:\Users\gustavoas\Documents\01 - Trabalho\GIAT\Clientes &amp; Prospects\PRUDENTIAL\FASE 2 - 06-02\ARQUIVOS ENVIADOS - 12-02-19\1. CENÁRIO INDIVIDUAL\169202A - Sustentação e Projetos\</t>
  </si>
  <si>
    <t>D:\BKP NOTE 2019\Documentos\01 - Trabalho\GIAT\Clientes &amp; Prospects\PRUDENTIAL\FASE 2 - 06-02\ARQUIVOS ENVIADOS - 12-02-19\1. CENÁRIO INDIVIDUAL\169202A - Sustentação e Projetos\169202 - Anexo B - Plano de Transição PPG Prudential.xlsx</t>
  </si>
  <si>
    <t>11/24/2019 22:26:57</t>
  </si>
  <si>
    <t>D:\BKP NOTE 2019\Documentos\01 - Trabalho\GIAT\Clientes &amp; Prospects\PRUDENTIAL\FASE 2 - 06-02\ARQUIVOS ENVIADOS - 12-02-19\1. CENÁRIO INDIVIDUAL\169202A - Sustentação e Projetos\169202A - Anexo A - Planilha de Preços Unitários.xlsx</t>
  </si>
  <si>
    <t>D:\BKP NOTE 2019\Documentos\01 - Trabalho\GIAT\Clientes &amp; Prospects\PRUDENTIAL\FASE 2 - 06-02\ARQUIVOS ENVIADOS - 12-02-19\1. CENÁRIO INDIVIDUAL\169202A - Sustentação e Projetos\169202A - Anexo G - ARC-RRC- RFP PPG - MODELO DE PREÇO.XLSX</t>
  </si>
  <si>
    <t>11/24/2019 22:26:58</t>
  </si>
  <si>
    <t>C:\Users\gustavoas\Documents\01 - Trabalho\GIAT\Clientes &amp; Prospects\PRUDENTIAL\FASE 2 - 06-02\ARQUIVOS ENVIADOS - 12-02-19\1. CENÁRIO INDIVIDUAL\169202B - Gestão de Serviços ITIL\</t>
  </si>
  <si>
    <t>D:\BKP NOTE 2019\Documentos\01 - Trabalho\GIAT\Clientes &amp; Prospects\PRUDENTIAL\FASE 2 - 06-02\ARQUIVOS ENVIADOS - 12-02-19\1. CENÁRIO INDIVIDUAL\169202B - Gestão de Serviços ITIL\169202 - Anexo B - Plano de Transição PPG Prudential.xlsx</t>
  </si>
  <si>
    <t>D:\BKP NOTE 2019\Documentos\01 - Trabalho\GIAT\Clientes &amp; Prospects\PRUDENTIAL\FASE 2 - 06-02\ARQUIVOS ENVIADOS - 12-02-19\1. CENÁRIO INDIVIDUAL\169202B - Gestão de Serviços ITIL\169202B - Anexo A - Planilha de Preços Unitários.xlsx</t>
  </si>
  <si>
    <t>D:\BKP NOTE 2019\Documentos\01 - Trabalho\GIAT\Clientes &amp; Prospects\PRUDENTIAL\FASE 2 - 06-02\ARQUIVOS ENVIADOS - 12-02-19\1. CENÁRIO INDIVIDUAL\169202B - Gestão de Serviços ITIL\169202B - Anexo G - ARC-RRC- RFP PPG - MODELO DE PREÇO.XLSX</t>
  </si>
  <si>
    <t>11/24/2019 22:26:59</t>
  </si>
  <si>
    <t>C:\Users\gustavoas\Documents\01 - Trabalho\GIAT\Clientes &amp; Prospects\PRUDENTIAL\FASE 2 - 06-02\ARQUIVOS ENVIADOS - 12-02-19\2. CENÁRIO SINERGIA\</t>
  </si>
  <si>
    <t>D:\BKP NOTE 2019\Documentos\01 - Trabalho\GIAT\Clientes &amp; Prospects\PRUDENTIAL\FASE 2 - 06-02\ARQUIVOS ENVIADOS - 12-02-19\2. CENÁRIO SINERGIA\REFERÊNCIA DOS AJUSTES.xlsx</t>
  </si>
  <si>
    <t>C:\Users\gustavoas\Documents\01 - Trabalho\GIAT\Clientes &amp; Prospects\PRUDENTIAL\FASE 2 - 06-02\ARQUIVOS ENVIADOS - 12-02-19\2. CENÁRIO SINERGIA\164228 - ISD\</t>
  </si>
  <si>
    <t>D:\BKP NOTE 2019\Documentos\01 - Trabalho\GIAT\Clientes &amp; Prospects\PRUDENTIAL\FASE 2 - 06-02\ARQUIVOS ENVIADOS - 12-02-19\2. CENÁRIO SINERGIA\164228 - ISD\164228 - Anexo A - Planilha de Preços Unitários.xlsx</t>
  </si>
  <si>
    <t>D:\BKP NOTE 2019\Documentos\01 - Trabalho\GIAT\Clientes &amp; Prospects\PRUDENTIAL\FASE 2 - 06-02\ARQUIVOS ENVIADOS - 12-02-19\2. CENÁRIO SINERGIA\164228 - ISD\164228 - Anexo B - Plano de Transição SD Prudential.xlsx</t>
  </si>
  <si>
    <t>D:\BKP NOTE 2019\Documentos\01 - Trabalho\GIAT\Clientes &amp; Prospects\PRUDENTIAL\FASE 2 - 06-02\ARQUIVOS ENVIADOS - 12-02-19\2. CENÁRIO SINERGIA\164228 - ISD\164228 - Anexo C - ARC-RRC-ISD - MODELO DE PREÇO.xlsx</t>
  </si>
  <si>
    <t>11/24/2019 22:27:01</t>
  </si>
  <si>
    <t>C:\Users\gustavoas\Documents\01 - Trabalho\GIAT\Clientes &amp; Prospects\PRUDENTIAL\FASE 2 - 06-02\ARQUIVOS ENVIADOS - 12-02-19\2. CENÁRIO SINERGIA\169202A - Sustentação e Projetos\</t>
  </si>
  <si>
    <t>D:\BKP NOTE 2019\Documentos\01 - Trabalho\GIAT\Clientes &amp; Prospects\PRUDENTIAL\FASE 2 - 06-02\ARQUIVOS ENVIADOS - 12-02-19\2. CENÁRIO SINERGIA\169202A - Sustentação e Projetos\169202 - Anexo B - Plano de Transição PPG Prudential.xlsx</t>
  </si>
  <si>
    <t>D:\BKP NOTE 2019\Documentos\01 - Trabalho\GIAT\Clientes &amp; Prospects\PRUDENTIAL\FASE 2 - 06-02\ARQUIVOS ENVIADOS - 12-02-19\2. CENÁRIO SINERGIA\169202A - Sustentação e Projetos\169202A - Anexo A - Planilha de Preços Unitários.xlsx</t>
  </si>
  <si>
    <t>D:\BKP NOTE 2019\Documentos\01 - Trabalho\GIAT\Clientes &amp; Prospects\PRUDENTIAL\FASE 2 - 06-02\ARQUIVOS ENVIADOS - 12-02-19\2. CENÁRIO SINERGIA\169202A - Sustentação e Projetos\169202A - Anexo G - ARC-RRC- RFP PPG - MODELO DE PREÇO.XLSX</t>
  </si>
  <si>
    <t>11/24/2019 22:27:02</t>
  </si>
  <si>
    <t>C:\Users\gustavoas\Documents\01 - Trabalho\GIAT\Clientes &amp; Prospects\PRUDENTIAL\FASE 2 - 06-02\ARQUIVOS ENVIADOS - 12-02-19\2. CENÁRIO SINERGIA\169202B - Gestão de Serviços ITIL\</t>
  </si>
  <si>
    <t>D:\BKP NOTE 2019\Documentos\01 - Trabalho\GIAT\Clientes &amp; Prospects\PRUDENTIAL\FASE 2 - 06-02\ARQUIVOS ENVIADOS - 12-02-19\2. CENÁRIO SINERGIA\169202B - Gestão de Serviços ITIL\169202 - Anexo B - Plano de Transição PPG Prudential.xlsx</t>
  </si>
  <si>
    <t>11/24/2019 22:27:03</t>
  </si>
  <si>
    <t>D:\BKP NOTE 2019\Documentos\01 - Trabalho\GIAT\Clientes &amp; Prospects\PRUDENTIAL\FASE 2 - 06-02\ARQUIVOS ENVIADOS - 12-02-19\2. CENÁRIO SINERGIA\169202B - Gestão de Serviços ITIL\169202B - Anexo A - Planilha de Preços Unitários.xlsx</t>
  </si>
  <si>
    <t>D:\BKP NOTE 2019\Documentos\01 - Trabalho\GIAT\Clientes &amp; Prospects\PRUDENTIAL\FASE 2 - 06-02\ARQUIVOS ENVIADOS - 12-02-19\2. CENÁRIO SINERGIA\169202B - Gestão de Serviços ITIL\169202B - Anexo G - ARC-RRC- RFP PPG - MODELO DE PREÇO.XLSX</t>
  </si>
  <si>
    <t>C:\Users\gustavoas\Documents\01 - Trabalho\GIAT\Clientes &amp; Prospects\PRUDENTIAL\FASE 2 - 06-02\Dimensionamento e Preço\</t>
  </si>
  <si>
    <t>ARC-RRC-GIAT REVISADO - MODELO DE PREÇO.XLSX</t>
  </si>
  <si>
    <t>D:\BKP NOTE 2019\Documentos\01 - Trabalho\GIAT\Clientes &amp; Prospects\PRUDENTIAL\FASE 2 - 06-02\Dimensionamento e Preço\ARC-RRC-GIAT REVISADO - MODELO DE PREÇO.XLSX</t>
  </si>
  <si>
    <t>Comparativo de Cenário Alternativo.xlsx</t>
  </si>
  <si>
    <t>D:\BKP NOTE 2019\Documentos\01 - Trabalho\GIAT\Clientes &amp; Prospects\PRUDENTIAL\FASE 2 - 06-02\Dimensionamento e Preço\Comparativo de Cenário Alternativo.xlsx</t>
  </si>
  <si>
    <t>D:\BKP NOTE 2019\Documentos\01 - Trabalho\GIAT\Clientes &amp; Prospects\PRUDENTIAL\FASE 2 - 06-02\Dimensionamento e Preço\COMPARATIVO DE PREÇOS GIAT + ISD PRUDENTIAL.xlsx</t>
  </si>
  <si>
    <t>11/24/2019 22:27:04</t>
  </si>
  <si>
    <t>D:\BKP NOTE 2019\Documentos\01 - Trabalho\GIAT\Clientes &amp; Prospects\PRUDENTIAL\FASE 2 - 06-02\Dimensionamento e Preço\Dimensionamento do Serviço GIAT v05 - Dezembro 2018.xlsm</t>
  </si>
  <si>
    <t>Dimensionamento GIAT Prudential - Final v2.xlsx</t>
  </si>
  <si>
    <t>D:\BKP NOTE 2019\Documentos\01 - Trabalho\GIAT\Clientes &amp; Prospects\PRUDENTIAL\FASE 2 - 06-02\Dimensionamento e Preço\Dimensionamento GIAT Prudential - Final v2.xlsx</t>
  </si>
  <si>
    <t>Otimização Cargos GIAT a partir do 2° ano - 10-02.xlsx</t>
  </si>
  <si>
    <t>D:\BKP NOTE 2019\Documentos\01 - Trabalho\GIAT\Clientes &amp; Prospects\PRUDENTIAL\FASE 2 - 06-02\Dimensionamento e Preço\Otimização Cargos GIAT a partir do 2° ano - 10-02.xlsx</t>
  </si>
  <si>
    <t>11/24/2019 22:27:08</t>
  </si>
  <si>
    <t>RFP Prudential - GIAT - REvisão 06_02.xlsb</t>
  </si>
  <si>
    <t>D:\BKP NOTE 2019\Documentos\01 - Trabalho\GIAT\Clientes &amp; Prospects\PRUDENTIAL\FASE 2 - 06-02\Dimensionamento e Preço\RFP Prudential - GIAT - REvisão 06_02.xlsb</t>
  </si>
  <si>
    <t>C:\Users\gustavoas\Documents\01 - Trabalho\GIAT\Clientes &amp; Prospects\PRUDENTIAL\FASE 2 - 06-02\Dimensionamento e Preço\RFP Prudential - GIAT - REvisão 06_02.xlsb\</t>
  </si>
  <si>
    <t>11/24/2019 22:27:09</t>
  </si>
  <si>
    <t>C:\Users\gustavoas\Documents\01 - Trabalho\GIAT\Clientes &amp; Prospects\PRUDENTIAL\FASE 2 - 06-02\OLD\</t>
  </si>
  <si>
    <t>D:\BKP NOTE 2019\Documentos\01 - Trabalho\GIAT\Clientes &amp; Prospects\PRUDENTIAL\FASE 2 - 06-02\OLD\169202 - Anexo A - Planilha de Preços Unitários MC26.xlsx</t>
  </si>
  <si>
    <t>D:\BKP NOTE 2019\Documentos\01 - Trabalho\GIAT\Clientes &amp; Prospects\PRUDENTIAL\FASE 2 - 06-02\OLD\ARC-RRC-MODELO DE PREÇO.XLSX</t>
  </si>
  <si>
    <t>Dimensionamento FTE GIAT Prudential - Final.xlsx</t>
  </si>
  <si>
    <t>D:\BKP NOTE 2019\Documentos\01 - Trabalho\GIAT\Clientes &amp; Prospects\PRUDENTIAL\FASE 2 - 06-02\OLD\Dimensionamento FTE GIAT Prudential - Final.xlsx</t>
  </si>
  <si>
    <t>D:\BKP NOTE 2019\Documentos\01 - Trabalho\GIAT\Clientes &amp; Prospects\PRUDENTIAL\FASE 2 - 06-02\OLD\Dimensionamento GIAT Prudential - Diogo Milanez_Santarem_Marcus.xlsx</t>
  </si>
  <si>
    <t>Plano de Transição Prudential v5.xlsx</t>
  </si>
  <si>
    <t>D:\BKP NOTE 2019\Documentos\01 - Trabalho\GIAT\Clientes &amp; Prospects\PRUDENTIAL\FASE 2 - 06-02\OLD\Plano de Transição Prudential v5.xlsx</t>
  </si>
  <si>
    <t>Plano de Transição Prudential.xlsx</t>
  </si>
  <si>
    <t>D:\BKP NOTE 2019\Documentos\01 - Trabalho\GIAT\Clientes &amp; Prospects\PRUDENTIAL\FASE 2 - 06-02\OLD\Plano de Transição Prudential.xlsx</t>
  </si>
  <si>
    <t>11/24/2019 22:27:13</t>
  </si>
  <si>
    <t>RFP Prudential - GIAT - Cenário 1 - Fator mc30.xlsb</t>
  </si>
  <si>
    <t>D:\BKP NOTE 2019\Documentos\01 - Trabalho\GIAT\Clientes &amp; Prospects\PRUDENTIAL\FASE 2 - 06-02\OLD\RFP Prudential - GIAT - Cenário 1 - Fator mc30.xlsb</t>
  </si>
  <si>
    <t>C:\Users\gustavoas\Documents\01 - Trabalho\GIAT\Clientes &amp; Prospects\PRUDENTIAL\FASE 2 - 06-02\OLD\RFP Prudential - GIAT - Cenário 1 - Fator mc30.xlsb\</t>
  </si>
  <si>
    <t>11/24/2019 22:27:14</t>
  </si>
  <si>
    <t>C:\Users\gustavoas\Documents\01 - Trabalho\GIAT\Clientes &amp; Prospects\PRUDENTIAL\FASE 2 - 06-02\Proposta e Preço\169202A - Sustentação e Projetos\</t>
  </si>
  <si>
    <t>169202A - Anexo A - Planilha de Preços Unitários-REVISÃO.xlsx</t>
  </si>
  <si>
    <t>D:\BKP NOTE 2019\Documentos\01 - Trabalho\GIAT\Clientes &amp; Prospects\PRUDENTIAL\FASE 2 - 06-02\Proposta e Preço\169202A - Sustentação e Projetos\169202A - Anexo A - Planilha de Preços Unitários-REVISÃO.xlsx</t>
  </si>
  <si>
    <t>D:\BKP NOTE 2019\Documentos\01 - Trabalho\GIAT\Clientes &amp; Prospects\PRUDENTIAL\FASE 2 - 06-02\Proposta e Preço\169202A - Sustentação e Projetos\169202A - Anexo A - Planilha de Preços Unitários.xlsx</t>
  </si>
  <si>
    <t>11/24/2019 22:27:15</t>
  </si>
  <si>
    <t>C:\Users\gustavoas\Documents\01 - Trabalho\GIAT\Clientes &amp; Prospects\PRUDENTIAL\FASE 2 - 06-02\Proposta e Preço\169202B - Gestão de Serviços ITIL\</t>
  </si>
  <si>
    <t>D:\BKP NOTE 2019\Documentos\01 - Trabalho\GIAT\Clientes &amp; Prospects\PRUDENTIAL\FASE 2 - 06-02\Proposta e Preço\169202B - Gestão de Serviços ITIL\169202B - Anexo A - Planilha de Preços Unitários.xlsx</t>
  </si>
  <si>
    <t>11/24/2019 22:27:26</t>
  </si>
  <si>
    <t>C:\Users\gustavoas\Documents\01 - Trabalho\GIAT\Clientes &amp; Prospects\PRUDENTIAL\RFP - Arquivos\</t>
  </si>
  <si>
    <t>D:\BKP NOTE 2019\Documentos\01 - Trabalho\GIAT\Clientes &amp; Prospects\PRUDENTIAL\RFP - Arquivos\ANEXO 5 Planilha de Precos Unitarios v2.xlsx</t>
  </si>
  <si>
    <t>11/24/2019 22:27:51</t>
  </si>
  <si>
    <t>C:\Users\gustavoas\Documents\01 - Trabalho\GIAT\Dimensionamento e Composição da Oferta\</t>
  </si>
  <si>
    <t>Catálogo de Serviços Técnicos - GIAT.xlsx</t>
  </si>
  <si>
    <t>D:\BKP NOTE 2019\Documentos\01 - Trabalho\GIAT\Dimensionamento e Composição da Oferta\Catálogo de Serviços Técnicos - GIAT.xlsx</t>
  </si>
  <si>
    <t>COMPOSIÇÃO DA OFERTA - GESTÃO DE INFRAESTRUTURA TIC v3.xlsx</t>
  </si>
  <si>
    <t>D:\BKP NOTE 2019\Documentos\01 - Trabalho\GIAT\Dimensionamento e Composição da Oferta\COMPOSIÇÃO DA OFERTA - GESTÃO DE INFRAESTRUTURA TIC v3.xlsx</t>
  </si>
  <si>
    <t>11/24/2019 22:27:52</t>
  </si>
  <si>
    <t>COMPOSIÇÃO DA OFERTA - GESTÃO DE INFRAESTRUTURA TIC v4.xlsx</t>
  </si>
  <si>
    <t>D:\BKP NOTE 2019\Documentos\01 - Trabalho\GIAT\Dimensionamento e Composição da Oferta\COMPOSIÇÃO DA OFERTA - GESTÃO DE INFRAESTRUTURA TIC v4.xlsx</t>
  </si>
  <si>
    <t>Dimensionamento Atualizado REV02.xlsm</t>
  </si>
  <si>
    <t>D:\BKP NOTE 2019\Documentos\01 - Trabalho\GIAT\Dimensionamento e Composição da Oferta\Dimensionamento Atualizado REV02.xlsm</t>
  </si>
  <si>
    <t>11/24/2019 22:27:53</t>
  </si>
  <si>
    <t>Dimensionamento Atualizado REV03.xlsm</t>
  </si>
  <si>
    <t>D:\BKP NOTE 2019\Documentos\01 - Trabalho\GIAT\Dimensionamento e Composição da Oferta\Dimensionamento Atualizado REV03.xlsm</t>
  </si>
  <si>
    <t>11/24/2019 22:27:54</t>
  </si>
  <si>
    <t>Dimensionamento do Serviço GIAT v04.xlsm</t>
  </si>
  <si>
    <t>D:\BKP NOTE 2019\Documentos\01 - Trabalho\GIAT\Dimensionamento e Composição da Oferta\Dimensionamento do Serviço GIAT v04.xlsm</t>
  </si>
  <si>
    <t>DIMENSIONAMENTO Gestão de Infraestrutura TIC - v19 + BOC.xlsm</t>
  </si>
  <si>
    <t>D:\BKP NOTE 2019\Documentos\01 - Trabalho\GIAT\Dimensionamento e Composição da Oferta\DIMENSIONAMENTO Gestão de Infraestrutura TIC - v19 + BOC.xlsm</t>
  </si>
  <si>
    <t>11/24/2019 22:27:55</t>
  </si>
  <si>
    <t>DIMENSIONAMENTO Gestão de Infraestrutura TIC - v20 + BOC.xlsm</t>
  </si>
  <si>
    <t>D:\BKP NOTE 2019\Documentos\01 - Trabalho\GIAT\Dimensionamento e Composição da Oferta\DIMENSIONAMENTO Gestão de Infraestrutura TIC - v20 + BOC.xlsm</t>
  </si>
  <si>
    <t>Exemplo Modelo de Negocio GIAT.xlsx</t>
  </si>
  <si>
    <t>D:\BKP NOTE 2019\Documentos\01 - Trabalho\GIAT\Dimensionamento e Composição da Oferta\Exemplo Modelo de Negocio GIAT.xlsx</t>
  </si>
  <si>
    <t>Temp Val.xlsx</t>
  </si>
  <si>
    <t>D:\BKP NOTE 2019\Documentos\01 - Trabalho\GIAT\Dimensionamento e Composição da Oferta\Temp Val.xlsx</t>
  </si>
  <si>
    <t>11/24/2019 22:28:00</t>
  </si>
  <si>
    <t>Temp Val1.xlsx</t>
  </si>
  <si>
    <t>D:\BKP NOTE 2019\Documentos\01 - Trabalho\GIAT\Dimensionamento e Composição da Oferta\Temp Val1.xlsx</t>
  </si>
  <si>
    <t>11/24/2019 22:28:24</t>
  </si>
  <si>
    <t>C:\Users\gustavoas\Documents\01 - Trabalho\GIAT\Levantamento de Competências\</t>
  </si>
  <si>
    <t>Levantamento de Competências GIAT.xlsx</t>
  </si>
  <si>
    <t>D:\BKP NOTE 2019\Documentos\01 - Trabalho\GIAT\Levantamento de Competências\Levantamento de Competências GIAT.xlsx</t>
  </si>
  <si>
    <t>11/24/2019 22:28:26</t>
  </si>
  <si>
    <t>Levantamento Operacional PS Data Center_CONSOLIDADO.xlsx</t>
  </si>
  <si>
    <t>D:\BKP NOTE 2019\Documentos\01 - Trabalho\GIAT\Levantamento de Competências\Levantamento Operacional PS Data Center_CONSOLIDADO.xlsx</t>
  </si>
  <si>
    <t>11/24/2019 22:28:27</t>
  </si>
  <si>
    <t>Levantamento_PS_14_06_EDITADA_V4.xlsm</t>
  </si>
  <si>
    <t>D:\BKP NOTE 2019\Documentos\01 - Trabalho\GIAT\Levantamento de Competências\Levantamento_PS_14_06_EDITADA_V4.xlsm</t>
  </si>
  <si>
    <t>11/24/2019 22:28:28</t>
  </si>
  <si>
    <t>C:\Users\gustavoas\Documents\01 - Trabalho\GIAT\Reports\</t>
  </si>
  <si>
    <t>PLANO DE TRABALHO GIAT.xlsx</t>
  </si>
  <si>
    <t>D:\BKP NOTE 2019\Documentos\01 - Trabalho\GIAT\Reports\PLANO DE TRABALHO GIAT.xlsx</t>
  </si>
  <si>
    <t>11/24/2019 22:28:29</t>
  </si>
  <si>
    <t>C:\Users\gustavoas\Documents\01 - Trabalho\GIAT\Reports\PMO - STATUS DE GOVERNANÇA - PPE - GIAT - 28-09-18.pptx\</t>
  </si>
  <si>
    <t>D:\BKP NOTE 2019\Documentos\01 - Trabalho\GIAT\Reports\PMO - STATUS DE GOVERNANÇA - PPE - GIAT - 28-09-18.pptx</t>
  </si>
  <si>
    <t>11/24/2019 22:28:32</t>
  </si>
  <si>
    <t>C:\Users\gustavoas\Documents\01 - Trabalho\GIAT\Treinamentos\Aprendizagem e Ação\</t>
  </si>
  <si>
    <t>Agendamento das Apresentações_Atualizada.xlsx</t>
  </si>
  <si>
    <t>D:\BKP NOTE 2019\Documentos\01 - Trabalho\GIAT\Treinamentos\Aprendizagem e Ação\Agendamento das Apresentações_Atualizada.xlsx</t>
  </si>
  <si>
    <t>Case 1 - Seg. Bens Duráveis - Dúvidas - Grupo 1 v2.xlsx</t>
  </si>
  <si>
    <t>D:\BKP NOTE 2019\Documentos\01 - Trabalho\GIAT\Treinamentos\Aprendizagem e Ação\Case 1 - Seg. Bens Duráveis - Dúvidas - Grupo 1 v2.xlsx</t>
  </si>
  <si>
    <t>11/24/2019 22:28:35</t>
  </si>
  <si>
    <t>C:\Users\gustavoas\Documents\01 - Trabalho\GIAT\Treinamentos\Aprendizagem e Ação\Cases OK.zip\</t>
  </si>
  <si>
    <t>D:\BKP NOTE 2019\Documentos\01 - Trabalho\GIAT\Treinamentos\Aprendizagem e Ação\Cases OK.zip</t>
  </si>
  <si>
    <t>Case 10.xlsx</t>
  </si>
  <si>
    <t>Case 11.xlsx</t>
  </si>
  <si>
    <t>Case 2.xlsx</t>
  </si>
  <si>
    <t>Case 3.xlsx</t>
  </si>
  <si>
    <t>Case 4.xlsx</t>
  </si>
  <si>
    <t>Case 5.xlsx</t>
  </si>
  <si>
    <t>Case 6.xlsx</t>
  </si>
  <si>
    <t>Case 7.xlsx</t>
  </si>
  <si>
    <t>Case 8.xlsx</t>
  </si>
  <si>
    <t>Case 9.xlsx</t>
  </si>
  <si>
    <t>11/24/2019 22:28:36</t>
  </si>
  <si>
    <t>Disparo de Convites.xlsx</t>
  </si>
  <si>
    <t>D:\BKP NOTE 2019\Documentos\01 - Trabalho\GIAT\Treinamentos\Aprendizagem e Ação\Disparo de Convites.xlsx</t>
  </si>
  <si>
    <t>Grupos e quem participou Acad.Vendas.xlsx</t>
  </si>
  <si>
    <t>D:\BKP NOTE 2019\Documentos\01 - Trabalho\GIAT\Treinamentos\Aprendizagem e Ação\Grupos e quem participou Acad.Vendas.xlsx</t>
  </si>
  <si>
    <t>11/24/2019 22:28:40</t>
  </si>
  <si>
    <t>Template Avaliação (Em construção)V2.xlsx</t>
  </si>
  <si>
    <t>D:\BKP NOTE 2019\Documentos\01 - Trabalho\GIAT\Treinamentos\Aprendizagem e Ação\Template Avaliação (Em construção)V2.xlsx</t>
  </si>
  <si>
    <t>11/24/2019 22:28:41</t>
  </si>
  <si>
    <t>C:\Users\gustavoas\Documents\01 - Trabalho\GIAT\Treinamentos\Aprendizagem e Ação\Cases OK\</t>
  </si>
  <si>
    <t>Case 1 - Seg. Bens Duráveis - Grupo 1.xlsx</t>
  </si>
  <si>
    <t>D:\BKP NOTE 2019\Documentos\01 - Trabalho\GIAT\Treinamentos\Aprendizagem e Ação\Cases OK\Case 1 - Seg. Bens Duráveis - Grupo 1.xlsx</t>
  </si>
  <si>
    <t>Case 10 - Seg. Varejo - Grupo 10.xlsx</t>
  </si>
  <si>
    <t>D:\BKP NOTE 2019\Documentos\01 - Trabalho\GIAT\Treinamentos\Aprendizagem e Ação\Cases OK\Case 10 - Seg. Varejo - Grupo 10.xlsx</t>
  </si>
  <si>
    <t>Case 11 - Seg. Automotivo - Grupo 11 - Dúvidas.xlsx</t>
  </si>
  <si>
    <t>D:\BKP NOTE 2019\Documentos\01 - Trabalho\GIAT\Treinamentos\Aprendizagem e Ação\Cases OK\Case 11 - Seg. Automotivo - Grupo 11 - Dúvidas.xlsx</t>
  </si>
  <si>
    <t>11/24/2019 22:28:42</t>
  </si>
  <si>
    <t>Case 2 - Seg. Bens de Consumo - Grupo 2.xlsx</t>
  </si>
  <si>
    <t>D:\BKP NOTE 2019\Documentos\01 - Trabalho\GIAT\Treinamentos\Aprendizagem e Ação\Cases OK\Case 2 - Seg. Bens de Consumo - Grupo 2.xlsx</t>
  </si>
  <si>
    <t>11/24/2019 22:28:45</t>
  </si>
  <si>
    <t>Case 3 - Seg. Educação - Grupo 3.xlsx</t>
  </si>
  <si>
    <t>D:\BKP NOTE 2019\Documentos\01 - Trabalho\GIAT\Treinamentos\Aprendizagem e Ação\Cases OK\Case 3 - Seg. Educação - Grupo 3.xlsx</t>
  </si>
  <si>
    <t>11/24/2019 22:28:46</t>
  </si>
  <si>
    <t>Case 4 - Seg. Automotivo - Grupo 4.xlsx</t>
  </si>
  <si>
    <t>D:\BKP NOTE 2019\Documentos\01 - Trabalho\GIAT\Treinamentos\Aprendizagem e Ação\Cases OK\Case 4 - Seg. Automotivo - Grupo 4.xlsx</t>
  </si>
  <si>
    <t>Case 5 - Seg. Seguradora - Grupo 5.xlsx</t>
  </si>
  <si>
    <t>D:\BKP NOTE 2019\Documentos\01 - Trabalho\GIAT\Treinamentos\Aprendizagem e Ação\Cases OK\Case 5 - Seg. Seguradora - Grupo 5.xlsx</t>
  </si>
  <si>
    <t>Case 6 - Seg. Industria Farmaceutica - Grupo 6.xlsx</t>
  </si>
  <si>
    <t>D:\BKP NOTE 2019\Documentos\01 - Trabalho\GIAT\Treinamentos\Aprendizagem e Ação\Cases OK\Case 6 - Seg. Industria Farmaceutica - Grupo 6.xlsx</t>
  </si>
  <si>
    <t>11/24/2019 22:28:47</t>
  </si>
  <si>
    <t>Case 7 - Seg. Alimentos e Bebidas - Grupo 7.xlsx</t>
  </si>
  <si>
    <t>D:\BKP NOTE 2019\Documentos\01 - Trabalho\GIAT\Treinamentos\Aprendizagem e Ação\Cases OK\Case 7 - Seg. Alimentos e Bebidas - Grupo 7.xlsx</t>
  </si>
  <si>
    <t>Case 8 - Seg. Alimentos e Bebidas - Grupo 8.xlsx</t>
  </si>
  <si>
    <t>D:\BKP NOTE 2019\Documentos\01 - Trabalho\GIAT\Treinamentos\Aprendizagem e Ação\Cases OK\Case 8 - Seg. Alimentos e Bebidas - Grupo 8.xlsx</t>
  </si>
  <si>
    <t>11/24/2019 22:28:48</t>
  </si>
  <si>
    <t>Case 9 - Seg. Saúde - Grupo 9.xlsx</t>
  </si>
  <si>
    <t>D:\BKP NOTE 2019\Documentos\01 - Trabalho\GIAT\Treinamentos\Aprendizagem e Ação\Cases OK\Case 9 - Seg. Saúde - Grupo 9.xlsx</t>
  </si>
  <si>
    <t>C:\Users\gustavoas\Documents\01 - Trabalho\GIAT\Treinamentos\Aprendizagem e Ação\Cases OK\Dúvidas\</t>
  </si>
  <si>
    <t>Case 11 - Dúvidas - OK.xlsx</t>
  </si>
  <si>
    <t>D:\BKP NOTE 2019\Documentos\01 - Trabalho\GIAT\Treinamentos\Aprendizagem e Ação\Cases OK\Dúvidas\Case 11 - Dúvidas - OK.xlsx</t>
  </si>
  <si>
    <t>11/24/2019 22:28:49</t>
  </si>
  <si>
    <t>Case 3 - Dúvidas - OK.xlsx</t>
  </si>
  <si>
    <t>D:\BKP NOTE 2019\Documentos\01 - Trabalho\GIAT\Treinamentos\Aprendizagem e Ação\Cases OK\Dúvidas\Case 3 - Dúvidas - OK.xlsx</t>
  </si>
  <si>
    <t>Case 5 Dúvidas - OK.xlsx</t>
  </si>
  <si>
    <t>D:\BKP NOTE 2019\Documentos\01 - Trabalho\GIAT\Treinamentos\Aprendizagem e Ação\Cases OK\Dúvidas\Case 5 Dúvidas - OK.xlsx</t>
  </si>
  <si>
    <t>Case 6 - Dúvidas - OK.xlsx</t>
  </si>
  <si>
    <t>D:\BKP NOTE 2019\Documentos\01 - Trabalho\GIAT\Treinamentos\Aprendizagem e Ação\Cases OK\Dúvidas\Case 6 - Dúvidas - OK.xlsx</t>
  </si>
  <si>
    <t>Case 8 - Dúvidas - OK.xlsx</t>
  </si>
  <si>
    <t>D:\BKP NOTE 2019\Documentos\01 - Trabalho\GIAT\Treinamentos\Aprendizagem e Ação\Cases OK\Dúvidas\Case 8 - Dúvidas - OK.xlsx</t>
  </si>
  <si>
    <t>Case 8 - Dúvidas - PENDENTE.xlsx</t>
  </si>
  <si>
    <t>D:\BKP NOTE 2019\Documentos\01 - Trabalho\GIAT\Treinamentos\Aprendizagem e Ação\Cases OK\Dúvidas\Case 8 - Dúvidas - PENDENTE.xlsx</t>
  </si>
  <si>
    <t>11/24/2019 22:28:56</t>
  </si>
  <si>
    <t>C:\Users\gustavoas\Documents\01 - Trabalho\GIAT\Treinamentos\Capacitação Produto\Capacitação do Produto - Gestão de Infra TIC - Dias 11 e 12-07-2018 - PDF.pptx\</t>
  </si>
  <si>
    <t>D:\BKP NOTE 2019\Documentos\01 - Trabalho\GIAT\Treinamentos\Capacitação Produto\Capacitação do Produto - Gestão de Infra TIC - Dias 11 e 12-07-2018 - PDF.pptx</t>
  </si>
  <si>
    <t>11/24/2019 22:28:57</t>
  </si>
  <si>
    <t>11/24/2019 22:28:58</t>
  </si>
  <si>
    <t>11/24/2019 22:28:59</t>
  </si>
  <si>
    <t>11/24/2019 22:29:07</t>
  </si>
  <si>
    <t>C:\Users\gustavoas\Documents\01 - Trabalho\GIAT\Treinamentos\Capacitação Produto\Capacitação do Produto - Gestão de Infra TIC - Dias 11 e 12-07-2018.pptx\</t>
  </si>
  <si>
    <t>D:\BKP NOTE 2019\Documentos\01 - Trabalho\GIAT\Treinamentos\Capacitação Produto\Capacitação do Produto - Gestão de Infra TIC - Dias 11 e 12-07-2018.pptx</t>
  </si>
  <si>
    <t>11/24/2019 22:29:08</t>
  </si>
  <si>
    <t>11/24/2019 22:29:09</t>
  </si>
  <si>
    <t>11/24/2019 22:29:10</t>
  </si>
  <si>
    <t>11/24/2019 22:29:50</t>
  </si>
  <si>
    <t>C:\Users\gustavoas\Documents\01 - Trabalho\GIAT\Treinamentos\Capacitação Produto\Treinamento Comercial - Gestão de Infra TIC - 11-07-2018.pptx\</t>
  </si>
  <si>
    <t>D:\BKP NOTE 2019\Documentos\01 - Trabalho\GIAT\Treinamentos\Capacitação Produto\Treinamento Comercial - Gestão de Infra TIC - 11-07-2018.pptx</t>
  </si>
  <si>
    <t>11/24/2019 22:29:51</t>
  </si>
  <si>
    <t>11/24/2019 22:29:53</t>
  </si>
  <si>
    <t>11/24/2019 22:29:55</t>
  </si>
  <si>
    <t>11/24/2019 22:30:05</t>
  </si>
  <si>
    <t>C:\Users\gustavoas\Documents\01 - Trabalho\GIAT\Treinamentos\Capacitação Produto\Treinamento Operação - Gestão de Infra TIC - 12-07-2018.pptx\</t>
  </si>
  <si>
    <t>D:\BKP NOTE 2019\Documentos\01 - Trabalho\GIAT\Treinamentos\Capacitação Produto\Treinamento Operação - Gestão de Infra TIC - 12-07-2018.pptx</t>
  </si>
  <si>
    <t>11/24/2019 22:30:06</t>
  </si>
  <si>
    <t>11/24/2019 22:30:07</t>
  </si>
  <si>
    <t>11/24/2019 22:30:08</t>
  </si>
  <si>
    <t>11/24/2019 22:30:16</t>
  </si>
  <si>
    <t>C:\Users\gustavoas\Documents\01 - Trabalho\GIAT\Treinamentos\Capacitação Produto\Treinamento Pré-vendas - Gestão de Infra TIC - 11-07-2018 - Copia.pptx\</t>
  </si>
  <si>
    <t>D:\BKP NOTE 2019\Documentos\01 - Trabalho\GIAT\Treinamentos\Capacitação Produto\Treinamento Pré-vendas - Gestão de Infra TIC - 11-07-2018 - Copia.pptx</t>
  </si>
  <si>
    <t>11/24/2019 22:30:17</t>
  </si>
  <si>
    <t>11/24/2019 22:30:18</t>
  </si>
  <si>
    <t>11/24/2019 22:30:19</t>
  </si>
  <si>
    <t>11/24/2019 22:30:20</t>
  </si>
  <si>
    <t>11/24/2019 22:30:21</t>
  </si>
  <si>
    <t>11/24/2019 22:30:23</t>
  </si>
  <si>
    <t>C:\Users\gustavoas\Documents\01 - Trabalho\Organograma TI Algar Tech\</t>
  </si>
  <si>
    <t>Alocação.Cliente.Santarem.xlsx</t>
  </si>
  <si>
    <t>D:\BKP NOTE 2019\Documentos\01 - Trabalho\Organograma TI Algar Tech\Alocação.Cliente.Santarem.xlsx</t>
  </si>
  <si>
    <t>11/24/2019 22:30:25</t>
  </si>
  <si>
    <t>Alocação.Cliente.xlsx</t>
  </si>
  <si>
    <t>D:\BKP NOTE 2019\Documentos\01 - Trabalho\Organograma TI Algar Tech\Alocação.Cliente.xlsx</t>
  </si>
  <si>
    <t>11/24/2019 22:30:32</t>
  </si>
  <si>
    <t>Graficos FTE e Custos.xlsx</t>
  </si>
  <si>
    <t>D:\BKP NOTE 2019\Documentos\01 - Trabalho\Organograma TI Algar Tech\Graficos FTE e Custos.xlsx</t>
  </si>
  <si>
    <t>Necessidades.TI.Interna.xlsx</t>
  </si>
  <si>
    <t>D:\BKP NOTE 2019\Documentos\01 - Trabalho\Organograma TI Algar Tech\Necessidades.TI.Interna.xlsx</t>
  </si>
  <si>
    <t>11/24/2019 22:30:33</t>
  </si>
  <si>
    <t>Precificacao_PS_v2-semSIeGOV.Final.Enviado.xlsx</t>
  </si>
  <si>
    <t>D:\BKP NOTE 2019\Documentos\01 - Trabalho\Organograma TI Algar Tech\Precificacao_PS_v2-semSIeGOV.Final.Enviado.xlsx</t>
  </si>
  <si>
    <t>11/24/2019 22:30:43</t>
  </si>
  <si>
    <t>C:\Users\gustavoas\Documents\01 - Trabalho\SCC\</t>
  </si>
  <si>
    <t>Capilaridade.xlsx</t>
  </si>
  <si>
    <t>D:\BKP NOTE 2019\Documentos\01 - Trabalho\SCC\Capilaridade.xlsx</t>
  </si>
  <si>
    <t>11/24/2019 22:37:48</t>
  </si>
  <si>
    <t>C:\Users\gustavoas\Downloads\BOC POC Cliente LDC e Desenho de Solução Command Center_v3 (1).pptx\</t>
  </si>
  <si>
    <t>D:\BKP NOTE 2019\Downloads\BOC POC Cliente LDC e Desenho de Solução Command Center_v3 (1).pptx</t>
  </si>
  <si>
    <t>11/24/2019 22:37:53</t>
  </si>
  <si>
    <t>C:\Users\gustavoas\Downloads\BOC POC Cliente LDC e Desenho de Solução Command Center_v3 (2).pptx\</t>
  </si>
  <si>
    <t>D:\BKP NOTE 2019\Downloads\BOC POC Cliente LDC e Desenho de Solução Command Center_v3 (2).pptx</t>
  </si>
  <si>
    <t>11/24/2019 22:37:54</t>
  </si>
  <si>
    <t>11/24/2019 22:37:58</t>
  </si>
  <si>
    <t>C:\Users\gustavoas\Downloads\BOC POC Cliente LDC e Desenho de Solução Command Center_v3.pptx\</t>
  </si>
  <si>
    <t>D:\BKP NOTE 2019\Downloads\BOC POC Cliente LDC e Desenho de Solução Command Center_v3.pptx</t>
  </si>
  <si>
    <t>11/24/2019 22:38:17</t>
  </si>
  <si>
    <t>C:\Users\gustavoas\Downloads\Tech Day _ Apresentaçãov9.pptx\</t>
  </si>
  <si>
    <t>D:\BKP NOTE 2019\Downloads\Tech Day _ Apresentaçãov9.pptx</t>
  </si>
  <si>
    <t>11/24/2019 22:38:18</t>
  </si>
  <si>
    <t>11/24/2019 22:38:19</t>
  </si>
  <si>
    <t>11/24/2019 22:38:20</t>
  </si>
  <si>
    <t>11/24/2019 22:38:32</t>
  </si>
  <si>
    <t>C:\Users\gustavoas\Downloads\</t>
  </si>
  <si>
    <t>000030142_RELRB20_20181112152320.CSV</t>
  </si>
  <si>
    <t>D:\BKP NOTE 2019\Downloads\000030142_RELRB20_20181112152320.CSV</t>
  </si>
  <si>
    <t>10.211.2.145</t>
  </si>
  <si>
    <t>000030142_RELRB20_20181112152320.CSV:Zone.Identifier</t>
  </si>
  <si>
    <t>D:\BKP NOTE 2019\Downloads\000030142_RELRB20_20181112152320.CSV:Zone.Identifier</t>
  </si>
  <si>
    <t>11/24/2019 22:38:49</t>
  </si>
  <si>
    <t>Proposições de Valor - Gestão Integrada do Ambiente de Tecnologia (GIAT).csv.zip</t>
  </si>
  <si>
    <t>D:\BKP NOTE 2019\Downloads\Proposições de Valor - Gestão Integrada do Ambiente de Tecnologia (GIAT).csv.zip</t>
  </si>
  <si>
    <t>C:\Users\gustavoas\Downloads\Proposições de Valor - Gestão Integrada do Ambiente de Tecnologia (GIAT).csv.zip\</t>
  </si>
  <si>
    <t>ProposiÃ§Ãµes de Valor - GestÃ£o Integrada do Ambiente de Tecnologia (GIAT).csv</t>
  </si>
  <si>
    <t>Proposições de Valor - Gestão Integrada do Ambiente de Tecnologia (GIAT).csv.zip:Zone.Identifier</t>
  </si>
  <si>
    <t>D:\BKP NOTE 2019\Downloads\Proposições de Valor - Gestão Integrada do Ambiente de Tecnologia (GIAT).csv.zip:Zone.Identifier</t>
  </si>
  <si>
    <t>11/24/2019 22:39:22</t>
  </si>
  <si>
    <t>Acomp Novas Ofertas - 2018-10-25.xlsb</t>
  </si>
  <si>
    <t>D:\BKP NOTE 2019\Downloads\Acomp Novas Ofertas - 2018-10-25.xlsb</t>
  </si>
  <si>
    <t>11/24/2019 22:39:23</t>
  </si>
  <si>
    <t>Agendas Clientes - BOC.xlsx</t>
  </si>
  <si>
    <t>D:\BKP NOTE 2019\Downloads\Agendas Clientes - BOC.xlsx</t>
  </si>
  <si>
    <t>CAPEX As-Is GRC (Back Office).xlsx</t>
  </si>
  <si>
    <t>D:\BKP NOTE 2019\Downloads\CAPEX As-Is GRC (Back Office).xlsx</t>
  </si>
  <si>
    <t>D:\BKP NOTE 2019\Downloads\Case 1 - Seg. Bens Duráveis - Grupo 1.xlsx</t>
  </si>
  <si>
    <t>11/24/2019 22:39:24</t>
  </si>
  <si>
    <t>D:\BKP NOTE 2019\Downloads\Case 5 - Seg. Seguradora - Grupo 5.xlsx</t>
  </si>
  <si>
    <t>D:\BKP NOTE 2019\Downloads\Case 7 - Seg. Alimentos e Bebidas - Grupo 7.xlsx</t>
  </si>
  <si>
    <t>11/24/2019 22:39:25</t>
  </si>
  <si>
    <t>D:\BKP NOTE 2019\Downloads\Checklist Desenho de Solução - Gestão de Infra TIC - 07-2018.xlsx</t>
  </si>
  <si>
    <t>lista análise do discurso.xlsx</t>
  </si>
  <si>
    <t>D:\BKP NOTE 2019\Downloads\lista análise do discurso.xlsx</t>
  </si>
  <si>
    <t>D:\BKP NOTE 2019\Downloads\Termo_Responsabilidade_-_Cartao_Corporativo.xlsx</t>
  </si>
  <si>
    <t>Wish Money (1).xlsx</t>
  </si>
  <si>
    <t>D:\BKP NOTE 2019\Downloads\Wish Money (1).xlsx</t>
  </si>
  <si>
    <t>11/24/2019 22:39:26</t>
  </si>
  <si>
    <t>Wish Money.xlsx</t>
  </si>
  <si>
    <t>D:\BKP NOTE 2019\Downloads\Wish Money.xlsx</t>
  </si>
  <si>
    <t>D:\BKP NOTE 2019\Downloads\13012015-090350-pesquisa_de_capacidade_instalada_2014.xls</t>
  </si>
  <si>
    <t>Bradesco_06042019_123648.xls</t>
  </si>
  <si>
    <t>D:\BKP NOTE 2019\Downloads\Bradesco_06042019_123648.xls</t>
  </si>
  <si>
    <t>Bradesco_30012019_175016.xls</t>
  </si>
  <si>
    <t>D:\BKP NOTE 2019\Downloads\Bradesco_30012019_175016.xls</t>
  </si>
  <si>
    <t>DIMENSIONAMENTO Gestão de Infraestrutura TIC - v16 (1).xlsm</t>
  </si>
  <si>
    <t>D:\BKP NOTE 2019\Downloads\DIMENSIONAMENTO Gestão de Infraestrutura TIC - v16 (1).xlsm</t>
  </si>
  <si>
    <t>11/24/2019 22:39:27</t>
  </si>
  <si>
    <t>DIMENSIONAMENTO Gestão de Infraestrutura TIC - v16.xlsm</t>
  </si>
  <si>
    <t>D:\BKP NOTE 2019\Downloads\DIMENSIONAMENTO Gestão de Infraestrutura TIC - v16.xlsm</t>
  </si>
  <si>
    <t>Disponibilidadev10.xlsm</t>
  </si>
  <si>
    <t>D:\BKP NOTE 2019\Downloads\Disponibilidadev10.xlsm</t>
  </si>
  <si>
    <t>11/24/2019 22:39:28</t>
  </si>
  <si>
    <t>Disponibilidadev11.xlsm</t>
  </si>
  <si>
    <t>D:\BKP NOTE 2019\Downloads\Disponibilidadev11.xlsm</t>
  </si>
  <si>
    <t>11/24/2019 22:39:33</t>
  </si>
  <si>
    <t>11/24/2019 22:39:34</t>
  </si>
  <si>
    <t>11/26/2019 13:54:58</t>
  </si>
  <si>
    <t>11/26/2019 13:57:25</t>
  </si>
  <si>
    <t>11/26/2019 14:04:15</t>
  </si>
  <si>
    <t>11/26/2019 14:05:26</t>
  </si>
  <si>
    <t>ENC: Produtividade CRCe 25/11</t>
  </si>
  <si>
    <t>11/26/2019 14:02:18</t>
  </si>
  <si>
    <t>11/26/2019 14:06:26</t>
  </si>
  <si>
    <t>11/26/2019 14:09:59</t>
  </si>
  <si>
    <t>11/26/2019 14:13:25</t>
  </si>
  <si>
    <t>11/26/2019 14:09:29</t>
  </si>
  <si>
    <t>10.200.61.31</t>
  </si>
  <si>
    <t>lucasacc</t>
  </si>
  <si>
    <t>C:\Users\lucasacc\Desktop\</t>
  </si>
  <si>
    <t>Formulário 01.xlsx</t>
  </si>
  <si>
    <t>11/26/2019 14:09:31</t>
  </si>
  <si>
    <t>mail.google.com/_/upload?authuser=1&amp;dcp=asu-n&amp;upload_id=AEnB2UqmAEi5S6HOIIN69oBjy2W1UL38StlfEOl-fxQJg2sx3whEJQ5z-QwxkkKrsqJKL0CV_nwonIQFGtuzTCP0hOtNvWqHYg&amp;upload_protocol=resumable</t>
  </si>
  <si>
    <t>11/26/2019 14:14:26</t>
  </si>
  <si>
    <t>11/26/2019 14:14:48</t>
  </si>
  <si>
    <t>11/26/2019 14:15:26</t>
  </si>
  <si>
    <t>/o=exchangelabs/ou=exchange administrative group (fydibohf23spdlt)/cn=recipients/cn=2b68c5c9701540eb8fd871ac41d57b98-michael vic;/o=exchangelabs/ou=exchange administrative group (fydibohf23spdlt)/cn=recipients/cn=b712c36eebee42428d3790abe2696417-romario gom;/o=exchangelabs/ou=exchange administrative group (fydibohf23spdlt)/cn=recipients/cn=ca7d1b1aa98d482ca2c948b11f486f8b-cynnara pim;cynnarapns@algartech.com.br;sabrinagc@algartech.com.br;</t>
  </si>
  <si>
    <t>12 - PLANEJAMENTO_NEXT_MANIFESTAÇÕES-2019</t>
  </si>
  <si>
    <t>12 - PLANEJAMENTO_NEXT_MANIFESTAÇÕES-2019.xlsx</t>
  </si>
  <si>
    <t>/o=exchangelabs/ou=exchange administrative group (fydibohf23spdlt)/cn=recipients/cn=2b68c5c9701540eb8fd871ac41d57b98-michael vic,/o=exchangelabs/ou=exchange administrative group (fydibohf23spdlt)/cn=recipients/cn=b712c36eebee42428d3790abe2696417-romario gom,/o=exchangelabs/ou=exchange administrative group (fydibohf23spdlt)/cn=recipients/cn=ca7d1b1aa98d482ca2c948b11f486f8b-cynnara pim,cynnarapns@algartech.com.br,sabrinagc@algartech.com.br</t>
  </si>
  <si>
    <t>11/26/2019 14:14:13</t>
  </si>
  <si>
    <t>11/26/2019 14:18:26</t>
  </si>
  <si>
    <t>jullian@algartech.com</t>
  </si>
  <si>
    <t>C:\Comercial\2019\Proposta Comercial\CAP 2019\</t>
  </si>
  <si>
    <t>Transferências_Bloqueios VFinal.xlsx</t>
  </si>
  <si>
    <t>Valores pagos Passivo Bradesco v2.xls</t>
  </si>
  <si>
    <t>11/26/2019 14:21:03</t>
  </si>
  <si>
    <t>11/26/2019 14:23:26</t>
  </si>
  <si>
    <t>11/26/2019 14:23:56</t>
  </si>
  <si>
    <t>11/26/2019 14:25:26</t>
  </si>
  <si>
    <t>11/26/2019 10:55:17</t>
  </si>
  <si>
    <t>11/26/2019 14:27:26</t>
  </si>
  <si>
    <t>adrielefc@algartech.com;anapca@algartech.com;celmars@algartech.com;ericacdosc@algartech.com;vilarinho@algartech.com;</t>
  </si>
  <si>
    <t>\\Acsfs\deptos\PMO Governança\06 - GOVERNANÇA DO CAPEX\CAPEX LONGO PRAZO\CAPEX LP - REVISÃO_A19_M10\CAPEX LP 20 a 24 - 26_11 IFRS.pptx\</t>
  </si>
  <si>
    <t>adrielefc@algartech.com,anapca@algartech.com,celmars@algartech.com,ericacdosc@algartech.com,vilarinho@algartech.com</t>
  </si>
  <si>
    <t>11/26/2019 12:23:51</t>
  </si>
  <si>
    <t>C:\Users\diegorg\Desktop\Vilarinho\CAPEX 2020 26_11 IFRS.pptx\</t>
  </si>
  <si>
    <t>11/26/2019 14:40:11</t>
  </si>
  <si>
    <t>11/26/2019 14:42:26</t>
  </si>
  <si>
    <t>10.200.99.141</t>
  </si>
  <si>
    <t>mail.google.com/_/upload?authuser=0&amp;dcp=asu-n&amp;upload_id=AEnB2Ur8sjeBIMBGWmLZZxj4bt2q_1OsvjNfOrsnSIe3mpTZeMOBMR-Rm8-MHMoLbN-Nb89UGaLheA-BThB1itTULzonAlZzAg&amp;upload_protocol=resumable</t>
  </si>
  <si>
    <t>senildapdo@algartech.com;viniciussg@algartech.com;</t>
  </si>
  <si>
    <t>20191120 PESQUISA DIA DA REVENDEDORA 2509.xlsm</t>
  </si>
  <si>
    <t>senildapdo@algartech.com,viniciussg@algartech.com</t>
  </si>
  <si>
    <t>11/26/2019 14:39:03</t>
  </si>
  <si>
    <t>11/26/2019 14:43:25</t>
  </si>
  <si>
    <t>\\cppfs\cpdeptos\CPC\2 - Planejamento\IBI\2019\12 - Dezembro\Outbound\</t>
  </si>
  <si>
    <t>Resumo Dimensionamento P2.xlsx</t>
  </si>
  <si>
    <t>11/26/2019 14:43:45</t>
  </si>
  <si>
    <t>11/26/2019 14:44:26</t>
  </si>
  <si>
    <t>Sizing_V2.xlsx</t>
  </si>
  <si>
    <t>11/26/2019 14:40:30</t>
  </si>
  <si>
    <t>11/26/2019 14:47:25</t>
  </si>
  <si>
    <t>1574774901213;1574775202237;1574775503248;252285211;7;8;9;[];[]]];false;false]";null;yzuwgjo1uxaqzhing_lfghibi93fjyr3dqnhd5sd4vkdan2xaobap7dbvmykbdqxcm6gt40va2ouuiwr7vxzufyotulmkrvvimhswa6yp2lpqmdxbpmr8c4gxpo6gvkts1_eyvmjg8ozumr8si2gp5ad55wiw-djvuk86nsmelbygw0xt0wx0313aoszyc6hxccddl-iwqcmjwgih62smjhs4qrtcmd2tunzbjslwtnn5bb8wmghsk3vo_hqggjyicpa544dym6nb756zrfzgy\";yzuwgjo1uxaqzhing_lfghibi93fjyr3dqnhd5sd4vkdan2xaobap7dbvmykbdqxcm6gt40va2ouuiwr7vxzufyotulmkrvvimhswa6yp2lpqmdxbpmr8c4gxpo6gvkts1_eyvmjg8ozumr8si2gp5ad55wiw-djvuk86nsmelbygw0xt0wx0313aoszyc6hxccddl-iwqcmjwgih62smjhs4qrtcmd2tunzbjslwtnnpbb8wmghskaxhjx-regtgpslrsjcb66-cugkxagfgq\";yzuwgjo1uxaqzhing_lfghibi93fjyr3dqnhd5sd4vkdan2xaobap7dbvmykbdqxcm6gt40va2ouuiwr7vxzufyotulmkrvvimhswa6yp2lpqmdxbpmr8c4gxpo6gvkts1_eyvmjg8ozumr8si2gp5ad55wiw-djvuk86nsmelbygw0xt0wx0313aoszyc6hxccddl-iwqcmjwgih62smjhs4qrtcmd2tunzbjslwtnojbb8wmghskgkpykzpzy_v_xu_kt5gn2mcmywraidgo\";</t>
  </si>
  <si>
    <t>C:\Users\pauloslj\Desktop\</t>
  </si>
  <si>
    <t>Mailing MEI.xlsx</t>
  </si>
  <si>
    <t>1574774901213,1574775202237,1574775503248,252285211,7,8,9,[],[]]],false,false]",null,yzuwgjo1uxaqzhing_lfghibi93fjyr3dqnhd5sd4vkdan2xaobap7dbvmykbdqxcm6gt40va2ouuiwr7vxzufyotulmkrvvimhswa6yp2lpqmdxbpmr8c4gxpo6gvkts1_eyvmjg8ozumr8si2gp5ad55wiw-djvuk86nsmelbygw0xt0wx0313aoszyc6hxccddl-iwqcmjwgih62smjhs4qrtcmd2tunzbjslwtnn5bb8wmghsk3vo_hqggjyicpa544dym6nb756zrfzgy\",yzuwgjo1uxaqzhing_lfghibi93fjyr3dqnhd5sd4vkdan2xaobap7dbvmykbdqxcm6gt40va2ouuiwr7vxzufyotulmkrvvimhswa6yp2lpqmdxbpmr8c4gxpo6gvkts1_eyvmjg8ozumr8si2gp5ad55wiw-djvuk86nsmelbygw0xt0wx0313aoszyc6hxccddl-iwqcmjwgih62smjhs4qrtcmd2tunzbjslwtnnpbb8wmghskaxhjx-regtgpslrsjcb66-cugkxagfgq\",yzuwgjo1uxaqzhing_lfghibi93fjyr3dqnhd5sd4vkdan2xaobap7dbvmykbdqxcm6gt40va2ouuiwr7vxzufyotulmkrvvimhswa6yp2lpqmdxbpmr8c4gxpo6gvkts1_eyvmjg8ozumr8si2gp5ad55wiw-djvuk86nsmelbygw0xt0wx0313aoszyc6hxccddl-iwqcmjwgih62smjhs4qrtcmd2tunzbjslwtnojbb8wmghskgkpykzpzy_v_xu_kt5gn2mcmywraidgo\"</t>
  </si>
  <si>
    <t>11/26/2019 14:46:47</t>
  </si>
  <si>
    <t>11/26/2019 14:48:26</t>
  </si>
  <si>
    <t>ENC: Chamado 833218</t>
  </si>
  <si>
    <t>CRs 21-11.xlsx</t>
  </si>
  <si>
    <t>11/26/2019 14:47:02</t>
  </si>
  <si>
    <t>11/26/2019 14:50:26</t>
  </si>
  <si>
    <t>C:\Users\miriantof\Downloads\</t>
  </si>
  <si>
    <t>Contatos_Atualização (2).xlsx</t>
  </si>
  <si>
    <t>11/26/2019 14:46:57</t>
  </si>
  <si>
    <t>11/26/2019 14:51:26</t>
  </si>
  <si>
    <t>Complementar FAT B NOVEMBRO19.xlsx</t>
  </si>
  <si>
    <t>11/26/2019 14:48:01</t>
  </si>
  <si>
    <t>11/26/2019 14:52:26</t>
  </si>
  <si>
    <t>EVOLUCAO DE PORTIFOLIO</t>
  </si>
  <si>
    <t>10.200.62.14</t>
  </si>
  <si>
    <t>FC-01-7C-C0-96-7D</t>
  </si>
  <si>
    <t>NB-LUCIANAPDRE</t>
  </si>
  <si>
    <t>lucianapdre</t>
  </si>
  <si>
    <t>lucianapdre@algartech.com</t>
  </si>
  <si>
    <t>\\acsfs\DEPTOS\Governança da Estratégia\Governança\Holding\2019\Gerenciais\4ª REUGER Novembro\</t>
  </si>
  <si>
    <t>4ª REUGER - Controle de tempos.xlsx</t>
  </si>
  <si>
    <t>11/26/2019 14:49:23</t>
  </si>
  <si>
    <t>64-1C-67-A0-2C-19</t>
  </si>
  <si>
    <t>11/26/2019 14:50:45</t>
  </si>
  <si>
    <t>11/26/2019 14:54:25</t>
  </si>
  <si>
    <t>11/26/2019 14:51:57</t>
  </si>
  <si>
    <t>11/26/2019 14:56:26</t>
  </si>
  <si>
    <t>11/26/2019 14:54:35</t>
  </si>
  <si>
    <t>11/26/2019 14:59:26</t>
  </si>
  <si>
    <t>11/26/2019 14:54:48</t>
  </si>
  <si>
    <t>Preco_Cotacao_Julho-2019_V3.xlsb</t>
  </si>
  <si>
    <t>11/26/2019 15:01:09</t>
  </si>
  <si>
    <t>11/26/2019 15:05:26</t>
  </si>
  <si>
    <t>Relatório associados sinergy</t>
  </si>
  <si>
    <t>HIERARQUIA 22_11.xlsx</t>
  </si>
  <si>
    <t>11/26/2019 15:08:24</t>
  </si>
  <si>
    <t>11/26/2019 15:09:26</t>
  </si>
  <si>
    <t>Preco_Cotacao_AlteracaoEscopo_V1.xlsb</t>
  </si>
  <si>
    <t>11/26/2019 15:04:25</t>
  </si>
  <si>
    <t>11/26/2019 15:05:50</t>
  </si>
  <si>
    <t>11/26/2019 15:10:26</t>
  </si>
  <si>
    <t>mail.google.com/_/upload?authuser=3&amp;dcp=asu-n&amp;upload_id=AEnB2UodCe7XP6ZRARfLsUytR6GNZQRprHQZ9FlbtkPIbcUwAci4ucVMsEClGzBGIyFo2vJU1FR2WgWwn5X8SyPlSkda3eHC_Q&amp;upload_protocol=resumable</t>
  </si>
  <si>
    <t>C:\Users\matheusvs\Desktop\Squad - Canais Digitais\Eletrodomésticos e Eletroportáteis\Whirlpool\Ativos Services\</t>
  </si>
  <si>
    <t>11/26/2019 15:11:24</t>
  </si>
  <si>
    <t>11/26/2019 15:12:26</t>
  </si>
  <si>
    <t>C:\Users\lucianocle\OneDrive\Algar\Business Performance - Onedrive\Analises\</t>
  </si>
  <si>
    <t>11/26/2019 15:11:58</t>
  </si>
  <si>
    <t>11/26/2019 15:13:26</t>
  </si>
  <si>
    <t>C:\Users\hewertontr\Desktop\Material PMO\Home Office\</t>
  </si>
  <si>
    <t>Home Office PROJETOS - Dezembro.xlsx</t>
  </si>
  <si>
    <t>11/26/2019 15:16:10</t>
  </si>
  <si>
    <t>11/26/2019 15:18:26</t>
  </si>
  <si>
    <t>mail.google.com/_/upload?authuser=0&amp;dcp=asu-n&amp;upload_id=AEnB2Ur1PDaGWaRVzh6Ddsp6xTSZA-bVO50FPk9wwJ9zjZvbG7OPVYnCDVFjGOpWDxaqWuN7Y0ZaSTfNMH2RkVwwpZjEC2pcGw&amp;upload_protocol=resumable</t>
  </si>
  <si>
    <t>11/26/2019 15:17:26</t>
  </si>
  <si>
    <t>11/26/2019 15:19:26</t>
  </si>
  <si>
    <t>11/26/2019 15:21:08</t>
  </si>
  <si>
    <t>11/26/2019 15:23:26</t>
  </si>
  <si>
    <t>mail.google.com/_/upload?authuser=0&amp;dcp=asu-n&amp;upload_id=AEnB2UrVmjuWiwzlc8XbyRec1Rq-U1lv5WGxpnqxaJRPJg7-VgE8FMPLIfoDRMTCvq2DA42UMDqMIMk7nopoA6ZKrXPQun4EEg&amp;upload_protocol=resumable</t>
  </si>
  <si>
    <t>C:\Users\lucianabo\Desktop\2020\RECEITA\RES_ Abrir Base de Calculo - RL.msg\s96\</t>
  </si>
  <si>
    <t>RB YOUSE RECEPT VENDAS - 2020.xlsx</t>
  </si>
  <si>
    <t>RB YOUSE SAC - 2020.xlsx</t>
  </si>
  <si>
    <t>RB YOUSE TLV - 2020.xlsx</t>
  </si>
  <si>
    <t>11/26/2019 15:32:17</t>
  </si>
  <si>
    <t>11/26/2019 15:32:26</t>
  </si>
  <si>
    <t>C:\Users\douglasxm\OneDrive - Grupo Algar\Old_Douglas\</t>
  </si>
  <si>
    <t>11/26/2019 15:32:18</t>
  </si>
  <si>
    <t>11/26/2019 15:32:19</t>
  </si>
  <si>
    <t>OLT.xlsx</t>
  </si>
  <si>
    <t>11/26/2019 15:32:23</t>
  </si>
  <si>
    <t>Meta_S_Rateios_2020.xlsb</t>
  </si>
  <si>
    <t>11/26/2019 15:32:24</t>
  </si>
  <si>
    <t>11/26/2019 15:29:18</t>
  </si>
  <si>
    <t>11/26/2019 15:33:25</t>
  </si>
  <si>
    <t>Template_-_Gestao_de_Titulos (34).xlsx</t>
  </si>
  <si>
    <t>11/26/2019 15:31:27</t>
  </si>
  <si>
    <t>c:\users\lauravx\downloads\</t>
  </si>
  <si>
    <t>cancelamento_fora competencia.xlsx</t>
  </si>
  <si>
    <t>11/26/2019 15:34:21</t>
  </si>
  <si>
    <t>11/26/2019 15:37:26</t>
  </si>
  <si>
    <t>alinemds@algartech.com;diogenespl@algartech.com.br;emanueldldl@algartech.com.br;fredericobs@algartecnologia.com.br;marcosih@algartech.com.br;poliane.amaral@bradesco.com.br;renatafs@algartech.com.br;rosangelaasn@algartech.com.br;suzane.b.rodrigues@bradesco.com.br;</t>
  </si>
  <si>
    <t>Régua de Pendências Dynamics Corporate 15 hs</t>
  </si>
  <si>
    <t>alinemds@algartech.com,diogenespl@algartech.com.br,emanueldldl@algartech.com.br,fredericobs@algartecnologia.com.br,marcosih@algartech.com.br,poliane.amaral@bradesco.com.br,renatafs@algartech.com.br,rosangelaasn@algartech.com.br,suzane.b.rodrigues@bradesco.com.br</t>
  </si>
  <si>
    <t>11/26/2019 15:32:25</t>
  </si>
  <si>
    <t>IP-FIBERHOME-07-11.xlsx</t>
  </si>
  <si>
    <t>IP-FIBERHOME-07-11 (1).xlsx</t>
  </si>
  <si>
    <t>ifnk54c3.4qd.csv</t>
  </si>
  <si>
    <t>11/26/2019 15:32:29</t>
  </si>
  <si>
    <t>Gamificação Supervisores GAT-GST-IND (1).xlsx</t>
  </si>
  <si>
    <t>Formulário de Liberação de Ativos CLU_Gerson.xlsx</t>
  </si>
  <si>
    <t>11/26/2019 15:32:30</t>
  </si>
  <si>
    <t>11/26/2019 15:32:31</t>
  </si>
  <si>
    <t>douglas - outubro.xlsx</t>
  </si>
  <si>
    <t>11/26/2019 15:32:32</t>
  </si>
  <si>
    <t>DMAE_PN (1).xlsx</t>
  </si>
  <si>
    <t>11/26/2019 15:32:33</t>
  </si>
  <si>
    <t>11/26/2019 15:32:34</t>
  </si>
  <si>
    <t>Cópia de 174252-BP Preço C015 B014 Desonerada_v4_Final_150119.xlsb</t>
  </si>
  <si>
    <t>C:\Users\douglasxm\OneDrive - Grupo Algar\Old_Douglas\Cópia de 174252-BP Preço C015 B014 Desonerada_v4_Final_150119.xlsb\</t>
  </si>
  <si>
    <t>11/26/2019 15:32:35</t>
  </si>
  <si>
    <t>11/26/2019 15:32:38</t>
  </si>
  <si>
    <t>Consolidado Não Faturado Outubro - Operações_2ª Semana ((518677)).xlsx</t>
  </si>
  <si>
    <t>11/26/2019 15:32:40</t>
  </si>
  <si>
    <t>C:\Users\douglasxm\OneDrive - Grupo Algar\Old_Douglas\BP Homologação DataCom rev3.xlsb\</t>
  </si>
  <si>
    <t>11/26/2019 15:32:41</t>
  </si>
  <si>
    <t>55obudfg.k4b.csv</t>
  </si>
  <si>
    <t>11/26/2019 15:32:55</t>
  </si>
  <si>
    <t>C:\Users\douglasxm\OneDrive - Grupo Algar\Old_Douglas\Equipamentos\OLD\</t>
  </si>
  <si>
    <t>NUM SERIE-1 - WBES - 113848 - 07 - FEV - 17 - ENGESET_20_MG.xls</t>
  </si>
  <si>
    <t>11/26/2019 15:39:17</t>
  </si>
  <si>
    <t>11/26/2019 15:40:26</t>
  </si>
  <si>
    <t>11/26/2019 15:46:29</t>
  </si>
  <si>
    <t>11/26/2019 15:49:27</t>
  </si>
  <si>
    <t>0ANALYSIS_PATTERN - 2019-11-26T154535.171.csv</t>
  </si>
  <si>
    <t>11/26/2019 15:46:37</t>
  </si>
  <si>
    <t>11/26/2019 15:46:43</t>
  </si>
  <si>
    <t>11/26/2019 15:50:26</t>
  </si>
  <si>
    <t>claudiac.machado@bradesco.com.br;elton.r.luz@bradesco.com.br;hugooc@algartech.com;leandrolds@algartech.com;lsouza@deepcenter.com.br;marcelobsa@algartech.com;patriciaac@algartech.com;peterson.l.arruda@bradesco.com.br;sabrinadtdmc@algartech.com;wcarvalho@deepcenter.com.br;</t>
  </si>
  <si>
    <t>Daily URA Ativa 112019.xlsx</t>
  </si>
  <si>
    <t>claudiac.machado@bradesco.com.br,elton.r.luz@bradesco.com.br,hugooc@algartech.com,leandrolds@algartech.com,lsouza@deepcenter.com.br,marcelobsa@algartech.com,patriciaac@algartech.com,peterson.l.arruda@bradesco.com.br,sabrinadtdmc@algartech.com,wcarvalho@deepcenter.com.br</t>
  </si>
  <si>
    <t>11/26/2019 15:50:44</t>
  </si>
  <si>
    <t>11/26/2019 15:54:27</t>
  </si>
  <si>
    <t>0ANALYSIS_PATTERN - 2019-11-26T155005.306.csv</t>
  </si>
  <si>
    <t>11/26/2019 15:56:08</t>
  </si>
  <si>
    <t>11/26/2019 15:59:26</t>
  </si>
  <si>
    <t>\\acsfs\DEPTOS\Operacao\PCP\5 - Comum\LUIZ ALFREDO\00 - WHIRLPOOL\02 - COMPRA CERTA\2019\11 - NOVEMBRO\</t>
  </si>
  <si>
    <t>11/26/2019 15:58:59</t>
  </si>
  <si>
    <t>11/26/2019 16:00:27</t>
  </si>
  <si>
    <t>11/26/2019 16:00:04</t>
  </si>
  <si>
    <t>11/26/2019 16:02:27</t>
  </si>
  <si>
    <t>giseleclss@algartech.com</t>
  </si>
  <si>
    <t>hannawo@algartech.com;ibiapinoom@algartech.com;</t>
  </si>
  <si>
    <t>C:\Users\giseleclss\Desktop\</t>
  </si>
  <si>
    <t>Licenças SESMT.xlsx</t>
  </si>
  <si>
    <t>hannawo@algartech.com,ibiapinoom@algartech.com</t>
  </si>
  <si>
    <t>11/26/2019 14:37:47</t>
  </si>
  <si>
    <t>11/26/2019 16:06:28</t>
  </si>
  <si>
    <t>ricardobal@algartech.com;tayss@algartech.com;</t>
  </si>
  <si>
    <t>Custo CSC Geral.xlsx</t>
  </si>
  <si>
    <t>ricardobal@algartech.com,tayss@algartech.com</t>
  </si>
  <si>
    <t>11/26/2019 14:37:50</t>
  </si>
  <si>
    <t>mail.google.com/_/upload?authuser=0&amp;dcp=asu-n&amp;upload_id=AEnB2Up6SxBbyMLN_lxF6HG11Y0Qkk286tI76ZND8Aj7dLh--H6Nxpn-8T08aZDJ2vgYrqmisCex7nqJu_nIcL7W9EIQvfa0HcCeyHUXOyXT6WTMcjhGIQQ&amp;upload_protocol=resumable</t>
  </si>
  <si>
    <t>11/26/2019 16:06:25</t>
  </si>
  <si>
    <t>11/26/2019 16:10:28</t>
  </si>
  <si>
    <t>C:\Users\elainemdlp\OD\_Projetos\Em andamento\</t>
  </si>
  <si>
    <t>C:\Users\elainemdlp\OD\_Projetos\Em andamento\178274 EDP BP Advanced Collection v3.1.xlsb\</t>
  </si>
  <si>
    <t>11/26/2019 16:09:45</t>
  </si>
  <si>
    <t>11/26/2019 16:11:28</t>
  </si>
  <si>
    <t>mail.google.com/_/upload?authuser=0&amp;dcp=asu-n&amp;upload_id=AEnB2Ur0UAcRfjC2rYsRuTwlKsY8LeWJCK-WYkMXuwvV_PAHjtj0y5zxKIPsWpngMye1-aCQrBhdiDG2O2iaZDyzkMLRCHxo1A&amp;upload_protocol=resumable</t>
  </si>
  <si>
    <t>\\acsfs\DEPTOS\Operacao\PCP\3 - Corporativo\RFP´s (Request for Proposal)\2019\Sinergias Whirlpool\Estudo Novembro 2019\Arquivos Comparação\</t>
  </si>
  <si>
    <t>Análise WHP_RFP_19112019_v3.xlsx</t>
  </si>
  <si>
    <t>11/26/2019 16:11:36</t>
  </si>
  <si>
    <t>11/26/2019 16:15:28</t>
  </si>
  <si>
    <t>c:\users\gustavohdsa\appdata\local\microsoft\windows\temporary internet files\content.ie5\muuyrxby\</t>
  </si>
  <si>
    <t>11/26/2019 16:12:56</t>
  </si>
  <si>
    <t>11/26/2019 16:17:46</t>
  </si>
  <si>
    <t>11/26/2019 16:22:28</t>
  </si>
  <si>
    <t>/o=exchangelabs/ou=exchange administrative group (fydibohf23spdlt)/cn=recipients/cn=65f2464c9a2e4d2981cae7124572133d-cristiane c;/o=exchangelabs/ou=exchange administrative group (fydibohf23spdlt)/cn=recipients/cn=741ddf52d7254566b58abdfaef6b9055-geison jose;/o=exchangelabs/ou=exchange administrative group (fydibohf23spdlt)/cn=recipients/cn=8c01e71056fe4e1a8ecc4e24420bd9ef-fellyp cros;</t>
  </si>
  <si>
    <t>RES: Atualização de Sindicato</t>
  </si>
  <si>
    <t>Cópia de Sindicato.xlsx</t>
  </si>
  <si>
    <t>/o=exchangelabs/ou=exchange administrative group (fydibohf23spdlt)/cn=recipients/cn=65f2464c9a2e4d2981cae7124572133d-cristiane c,/o=exchangelabs/ou=exchange administrative group (fydibohf23spdlt)/cn=recipients/cn=741ddf52d7254566b58abdfaef6b9055-geison jose,/o=exchangelabs/ou=exchange administrative group (fydibohf23spdlt)/cn=recipients/cn=8c01e71056fe4e1a8ecc4e24420bd9ef-fellyp cros</t>
  </si>
  <si>
    <t>11/26/2019 16:20:45</t>
  </si>
  <si>
    <t>11/26/2019 16:25:28</t>
  </si>
  <si>
    <t>11/26/2019 16:21:00</t>
  </si>
  <si>
    <t>/o=exchangelabs/ou=exchange administrative group (fydibohf23spdlt)/cn=recipients/cn=72cf7e0bd1fe499886b9c12b4b5b52b6-inacio anto;inacioaf@algartech.com.br;</t>
  </si>
  <si>
    <t>ENC: Devolutiva Cerrado - Ativas e BO Novembro</t>
  </si>
  <si>
    <t>Cerrado_2019_11.xlsx</t>
  </si>
  <si>
    <t>/o=exchangelabs/ou=exchange administrative group (fydibohf23spdlt)/cn=recipients/cn=72cf7e0bd1fe499886b9c12b4b5b52b6-inacio anto,inacioaf@algartech.com.br</t>
  </si>
  <si>
    <t>11/26/2019 16:24:26</t>
  </si>
  <si>
    <t>11/26/2019 16:28:27</t>
  </si>
  <si>
    <t>\\acsfs\engeset\FINANCEIRO_ULA\FATURAMENTO\08. Relatórios Faturamento\03. 2019\11.2019\</t>
  </si>
  <si>
    <t>RELATÓRIO FATURAMENTO 01.11.2019 A 25.11.2019.xlsx</t>
  </si>
  <si>
    <t>11/26/2019 16:26:27</t>
  </si>
  <si>
    <t>11/26/2019 16:30:27</t>
  </si>
  <si>
    <t>C:\Users\elainemdlp\OD\_Projetos\Em andamento\Crescimento Caixa Cap\01 - Iniciacao\</t>
  </si>
  <si>
    <t>PMO_Algar_Tech_-__DETALHAMENTO_DE_ITENS_DE_AQUISICOES_PARA_PROJETOS.XLSX</t>
  </si>
  <si>
    <t>11/26/2019 16:30:16</t>
  </si>
  <si>
    <t>10.250.254.28</t>
  </si>
  <si>
    <t>mail.google.com/_/upload?authuser=0&amp;dcp=asu-n&amp;upload_id=AEnB2UrnVIZWUdyN9VDzx03oMJj751bYguoujqjmbb0d2noy7i-MANiU71HFnYNXuJRMcmJXcpmicKqRvnpwR3UQHi_dsmGSeRUYW69DD8NKxr8VUtvVpBA&amp;upload_protocol=resumable</t>
  </si>
  <si>
    <t>C:\Users\priscilaflo\Desktop\</t>
  </si>
  <si>
    <t>Nayara_DMV.xlsx</t>
  </si>
  <si>
    <t>11/26/2019 16:39:35</t>
  </si>
  <si>
    <t>11/26/2019 16:42:29</t>
  </si>
  <si>
    <t>mail.google.com/_/upload?authuser=0&amp;dcp=asu-n&amp;upload_id=AEnB2UoPKvjyIRURr2-5amRkZ2AwHjLTBwZ5HFivpt-AzsWLEiB9CX1WWC9TS90iCKw4sfx_Ghq6PGLZ9OnuKtzC_39jwWIzwg&amp;upload_protocol=resumable</t>
  </si>
  <si>
    <t>Ranking Reativação.xlsx</t>
  </si>
  <si>
    <t>11/26/2019 16:39:21</t>
  </si>
  <si>
    <t>C:\Users\irisen\Desktop\</t>
  </si>
  <si>
    <t>treinamento supervisores - Cópia.xlsx</t>
  </si>
  <si>
    <t>11/26/2019 16:50:39</t>
  </si>
  <si>
    <t>11/26/2019 16:54:29</t>
  </si>
  <si>
    <t>\\acsfs\DEPTOS\Operacao\PCP\3 - Corporativo\MIS\GERADOR DE BIO\CLIENTES\Whirlpool\ATIVIDADES_MIS\37 - CHAT COMPRA CERTA\2019\</t>
  </si>
  <si>
    <t>11 - Quebra Diária - Chat Compra Certa _Novembro 2019.xlsx</t>
  </si>
  <si>
    <t>11/26/2019 17:04:00</t>
  </si>
  <si>
    <t>11/26/2019 17:04:28</t>
  </si>
  <si>
    <t>mail.google.com/_/upload?authuser=0&amp;dcp=asu-n&amp;upload_id=AEnB2UoY6pXf8Unpac9AEuvYs9X7oNh5Q8pC_vZs90YBHaGb-9Tg4mcGuZ1e8B87XrlWk6Vrgs_SVWVvJA0DnBYwU4tH3hu__w&amp;upload_protocol=resumable</t>
  </si>
  <si>
    <t>Distribuição Implementação.xlsx</t>
  </si>
  <si>
    <t>11/26/2019 17:02:27</t>
  </si>
  <si>
    <t>11/26/2019 17:05:28</t>
  </si>
  <si>
    <t>adrianoms@algartech.com</t>
  </si>
  <si>
    <t>\\acsfs\DEPTOS\Operacao\Pool\2 - Operacoes\AMEX\3 - Comum\FRAUDE AMEX\01 - Relatório VDE\2019\ESTUDO ATUALIZADO NOV.19\</t>
  </si>
  <si>
    <t>Estudo VDE e VDS - NOVEMBRO.19.xlsx</t>
  </si>
  <si>
    <t>11/26/2019 17:02:29</t>
  </si>
  <si>
    <t>mail.google.com/_/upload?authuser=0&amp;dcp=asu-n&amp;upload_id=AEnB2UrGy4Hu7WffmtESQZacKQSVEIaNFyLqGUPJJvZuAqe4ltdV-02Qq7X78n5FUqd06GAoCafXeAJaSHzw2Vxanma72mCNNgblIR4wWhJ-Ynuzxst0LEI&amp;upload_protocol=resumable</t>
  </si>
  <si>
    <t>11/26/2019 17:07:50</t>
  </si>
  <si>
    <t>11/26/2019 17:09:29</t>
  </si>
  <si>
    <t>/o=exchangelabs/ou=exchange administrative group (fydibohf23spdlt)/cn=recipients/cn=aff8c3b9538840fe9b9778861292fbea-everton pau;evertonpdsr@algartech.com.br;</t>
  </si>
  <si>
    <t>ENC: Aderência - Equipe Leonora</t>
  </si>
  <si>
    <t>/o=exchangelabs/ou=exchange administrative group (fydibohf23spdlt)/cn=recipients/cn=aff8c3b9538840fe9b9778861292fbea-everton pau,evertonpdsr@algartech.com.br</t>
  </si>
  <si>
    <t>11/26/2019 17:08:02</t>
  </si>
  <si>
    <t>11/26/2019 17:11:28</t>
  </si>
  <si>
    <t>mail.google.com/_/upload?authuser=1&amp;dcp=asu-n&amp;upload_id=AEnB2UrWr1iQUAkhkban6FoSXA5wHmWOA4BbxsAGIaSdSDXpPAWIGT9y7ugffZJPa396LBGl8YqTDsKqt4GgC3I5y1JFdSNtdA&amp;upload_protocol=resumable</t>
  </si>
  <si>
    <t>11/26/2019 17:08:37</t>
  </si>
  <si>
    <t>\\acsfs\engeset\COORDENAÇÃO CENTRO OESTE\01.Financeiro CO_RJ\2019\Receitamento\112019\</t>
  </si>
  <si>
    <t>Padrao Solicitacao Receitamento SG Telecom - Intercompany TCO - 102019.xlsm</t>
  </si>
  <si>
    <t>11/26/2019 17:11:47</t>
  </si>
  <si>
    <t>11/26/2019 17:15:28</t>
  </si>
  <si>
    <t>C:\Users\renataalves\Desktop\Slides_rafael_atualizar.pptx\</t>
  </si>
  <si>
    <t>11/26/2019 17:30:22</t>
  </si>
  <si>
    <t>11/26/2019 17:32:28</t>
  </si>
  <si>
    <t>10.200.61.30</t>
  </si>
  <si>
    <t>11/26/2019 17:30:23</t>
  </si>
  <si>
    <t>mail.google.com/_/upload?authuser=0&amp;dcp=asu-n&amp;upload_id=AEnB2UpDMyFtCGc-D_-Kbwsv5IMTabpqxw2ZGlCZ4tdHY70J1cIFa3lc6RXB032g6GGQU8saFqOYRJdiShhNwCsToAaIEDMGdQ&amp;upload_protocol=resumable</t>
  </si>
  <si>
    <t>C:\Users\fabianacscg\Desktop\Whirlpool\</t>
  </si>
  <si>
    <t>11/26/2019 17:27:52</t>
  </si>
  <si>
    <t>cfonseca@tripag.com.br;marcosnf@tripag.com.br;masilva@tripag.com.br;</t>
  </si>
  <si>
    <t>cfonseca@tripag.com.br,marcosnf@tripag.com.br,masilva@tripag.com.br</t>
  </si>
  <si>
    <t>11/26/2019 17:32:01</t>
  </si>
  <si>
    <t>11/26/2019 17:33:28</t>
  </si>
  <si>
    <t>mail.google.com/_/upload?authuser=0&amp;dcp=asu-n&amp;upload_id=AEnB2Uo11ilsqdSp9U6CgAtdSyhro4lzUmkomT_lIJXl_XsofcONL4d6WadO-3C6VaAIu_qPjebpyQgvVZaDuJByDDvm6oNYWw&amp;upload_protocol=resumable</t>
  </si>
  <si>
    <t>11/26/2019 17:34:47</t>
  </si>
  <si>
    <t>11/26/2019 17:36:29</t>
  </si>
  <si>
    <t>C:\Users\akassiablc.ACS\Documents\fechamento 112019\</t>
  </si>
  <si>
    <t>TRANSF DE RECEITA TIM FMM TLE Cód.702 TO 525692 .xls</t>
  </si>
  <si>
    <t>11/26/2019 17:39:05</t>
  </si>
  <si>
    <t>11/26/2019 17:40:28</t>
  </si>
  <si>
    <t>Padrao Solicitacao Receitamento SG Telecom FAT B Complementar.xlsm</t>
  </si>
  <si>
    <t>11/26/2019 17:45:42</t>
  </si>
  <si>
    <t>11/26/2019 17:50:29</t>
  </si>
  <si>
    <t>11/26/2019 17:59:05</t>
  </si>
  <si>
    <t>11/26/2019 18:04:29</t>
  </si>
  <si>
    <t>mail.google.com/_/upload?authuser=0&amp;dcp=asu-n&amp;upload_id=AEnB2UoKuUNWnAB9n_Z-lRdQRSTbPg-CZ8J04Eyqcby_mxZPdIZQfuvD0Y6X74CUAwygL6RHUIrbc9arf1IenP4Avg8EZeVRqXbZ1kT7_NyXyvzfgiGtqQU&amp;upload_protocol=resumable</t>
  </si>
  <si>
    <t>Controle de pagamentos Rejeitados 2611 - Algar.xlsx</t>
  </si>
  <si>
    <t>11/26/2019 18:04:40</t>
  </si>
  <si>
    <t>11/26/2019 18:05:28</t>
  </si>
  <si>
    <t>11/26/2019 18:16:13</t>
  </si>
  <si>
    <t>11/26/2019 18:17:29</t>
  </si>
  <si>
    <t>11/26/2019 18:18:53</t>
  </si>
  <si>
    <t>11/26/2019 18:19:29</t>
  </si>
  <si>
    <t>HE PÓS VENDA - BLACK FRIDAY.xlsx</t>
  </si>
  <si>
    <t>11/26/2019 18:29:16</t>
  </si>
  <si>
    <t>11/26/2019 18:32:29</t>
  </si>
  <si>
    <t>mail.google.com/_/upload?authuser=0&amp;dcp=asu-n&amp;upload_id=AEnB2UqT_MLvoD7awF8fejp6ZZ4UpoO4jKtQuWZ7aK-ZAlfmN78jzNm0D89lYlUFAF7jqUw-k9KfKIFlpUgQ7E6iO_NXwLH2iQ&amp;upload_protocol=resumable</t>
  </si>
  <si>
    <t>andremds@algartech.com;mariliafsc@algartech.com;</t>
  </si>
  <si>
    <t>\\acsfs\DEPTOS\Operacao\CAIXA\Gerencia\IRIS LOPES\2019\Novembro\</t>
  </si>
  <si>
    <t>Meta Motivacional Caixa Novembro.xlsx</t>
  </si>
  <si>
    <t>andremds@algartech.com,mariliafsc@algartech.com</t>
  </si>
  <si>
    <t>11/26/2019 18:55:45</t>
  </si>
  <si>
    <t>11/26/2019 18:59:29</t>
  </si>
  <si>
    <t>adrianoms@algartech.com;caio.m.costa@bradesco.com.br;carla.rosa@bradesco.com.br;claudia.siqueira@bradesco.com.br;fabiolacc@algartech.com;fredericobs@algartech.com;fredericobs@algartecnologia.com.br;gislaine.nascimento@bradesco.com.br;jacqueline.mariano@bradesco.com.br;kamillars@algartech.com;kamillars@algartech.com.br;lucas.jose@bradesco.com.br;ricardomi@algartech.com.br;rodrigocarmo.pereira@bradesco.com.br;sandrabb@algartech.com.br;suciellerr@algartech.com;sylvia.helal@bradesco.com.br;viviane.virgilio@bradesco.com.br;</t>
  </si>
  <si>
    <t>C:\Users\rafaelaas\Desktop\BLACK_FRIDAY_1 (1).pptx\</t>
  </si>
  <si>
    <t>adrianoms@algartech.com,caio.m.costa@bradesco.com.br,carla.rosa@bradesco.com.br,claudia.siqueira@bradesco.com.br,fabiolacc@algartech.com,fredericobs@algartech.com,fredericobs@algartecnologia.com.br,gislaine.nascimento@bradesco.com.br,jacqueline.mariano@bradesco.com.br,kamillars@algartech.com,kamillars@algartech.com.br,lucas.jose@bradesco.com.br,ricardomi@algartech.com.br,rodrigocarmo.pereira@bradesco.com.br,sandrabb@algartech.com.br,suciellerr@algartech.com,sylvia.helal@bradesco.com.br,viviane.virgilio@bradesco.com.br</t>
  </si>
  <si>
    <t>11/26/2019 18:59:55</t>
  </si>
  <si>
    <t>11/26/2019 19:03:29</t>
  </si>
  <si>
    <t>C:\Users\carlosasr\Desktop\BRADESCO\CORRENTISTA\</t>
  </si>
  <si>
    <t>11/26/2019 20:23:02</t>
  </si>
  <si>
    <t>11/26/2019 20:23:29</t>
  </si>
  <si>
    <t>Proposta Estratégia.xlsx</t>
  </si>
  <si>
    <t>11/26/2019 20:54:51</t>
  </si>
  <si>
    <t>11/27/2019 00:22:29</t>
  </si>
  <si>
    <t>11/27/2019 07:54:25</t>
  </si>
  <si>
    <t>11/27/2019 07:56:31</t>
  </si>
  <si>
    <t>/o=exchangelabs/ou=exchange administrative group (fydibohf23spdlt)/cn=recipients/cn=5876a52919c440598f015f22bceb7eeb-antonio car;/o=exchangelabs/ou=exchange administrative group (fydibohf23spdlt)/cn=recipients/cn=6e13ab1bfd33477d87427f29c4f7ef60-joao victor;/o=exchangelabs/ou=exchange administrative group (fydibohf23spdlt)/cn=recipients/cn=8c01e71056fe4e1a8ecc4e24420bd9ef-fellyp cros;/o=exchangelabs/ou=exchange administrative group (fydibohf23spdlt)/cn=recipients/cn=e0545d347d844f999a1a0bbd1a977e94-joao jose m;</t>
  </si>
  <si>
    <t>ENC: Divergência - SGS (Algar)</t>
  </si>
  <si>
    <t>materiais_afetados.xlsx</t>
  </si>
  <si>
    <t>/o=exchangelabs/ou=exchange administrative group (fydibohf23spdlt)/cn=recipients/cn=5876a52919c440598f015f22bceb7eeb-antonio car,/o=exchangelabs/ou=exchange administrative group (fydibohf23spdlt)/cn=recipients/cn=6e13ab1bfd33477d87427f29c4f7ef60-joao victor,/o=exchangelabs/ou=exchange administrative group (fydibohf23spdlt)/cn=recipients/cn=8c01e71056fe4e1a8ecc4e24420bd9ef-fellyp cros,/o=exchangelabs/ou=exchange administrative group (fydibohf23spdlt)/cn=recipients/cn=e0545d347d844f999a1a0bbd1a977e94-joao jose m</t>
  </si>
  <si>
    <t>11/27/2019 07:59:43</t>
  </si>
  <si>
    <t>11/27/2019 08:01:31</t>
  </si>
  <si>
    <t>cynnarapns@algartech.com.br;</t>
  </si>
  <si>
    <t>ENC: 12 - PLANEJAMENTO_NEXT_MANIFESTAÇÕES-2019</t>
  </si>
  <si>
    <t>cynnarapns@algartech.com.br</t>
  </si>
  <si>
    <t>11/26/2019 16:47:58</t>
  </si>
  <si>
    <t>11/27/2019 08:02:32</t>
  </si>
  <si>
    <t>lauanedjs@algartech.com</t>
  </si>
  <si>
    <t>ivonildes.rosa@aviva.com.br;jurandir.neves@aviva.com.br;maria.aguiar@aviva.com.br;rafael.oliveira@aviva.com.br;weverton.moraes@aviva.com.br;</t>
  </si>
  <si>
    <t>Template CIPA .xlsm</t>
  </si>
  <si>
    <t>ivonildes.rosa@aviva.com.br,jurandir.neves@aviva.com.br,maria.aguiar@aviva.com.br,rafael.oliveira@aviva.com.br,weverton.moraes@aviva.com.br</t>
  </si>
  <si>
    <t>11/27/2019 08:10:02</t>
  </si>
  <si>
    <t>11/27/2019 08:10:32</t>
  </si>
  <si>
    <t>marcelacpe@algartech.com</t>
  </si>
  <si>
    <t>\\acsfs\deptos\CAS - Coordenação de Arquitetura de Soluções\Projetos\2019\SEBRAE\217488 - SEBRAE - Central Nacional de Relacionamento\Preço\</t>
  </si>
  <si>
    <t>Cotação SEBRAE.xlsx</t>
  </si>
  <si>
    <t>11/26/2019 17:24:05</t>
  </si>
  <si>
    <t>11/27/2019 08:21:32</t>
  </si>
  <si>
    <t>/o=exchangelabs/ou=exchange administrative group (fydibohf23spdlt)/cn=recipients/cn=9ec7344ac9ca4c3d93340a066ae57ae1-paula mayum;</t>
  </si>
  <si>
    <t>ENC: Novos colaboradores</t>
  </si>
  <si>
    <t>Cópia de Cópia de 3 - Gestao - Recursos Humanos (RH) - Althaia (002) 26-11.xlsx</t>
  </si>
  <si>
    <t>/o=exchangelabs/ou=exchange administrative group (fydibohf23spdlt)/cn=recipients/cn=9ec7344ac9ca4c3d93340a066ae57ae1-paula mayum</t>
  </si>
  <si>
    <t>11/26/2019 18:06:40</t>
  </si>
  <si>
    <t>11/27/2019 08:31:32</t>
  </si>
  <si>
    <t>10.219.100.15</t>
  </si>
  <si>
    <t>denisevca@algartech.com;franciscoebf@algartecnologia.com.br;leticiabp@algartech.com;wayneroa@algartech.com;</t>
  </si>
  <si>
    <t>Padrao Solicitacao Receitamento SG Telecom - 2 remessa Tim TO 525942.xlsm</t>
  </si>
  <si>
    <t>denisevca@algartech.com,franciscoebf@algartecnologia.com.br,leticiabp@algartech.com,wayneroa@algartech.com</t>
  </si>
  <si>
    <t>11/27/2019 08:29:57</t>
  </si>
  <si>
    <t>11/27/2019 08:40:32</t>
  </si>
  <si>
    <t>mail.google.com/_/upload?authuser=2&amp;dcp=asu-n&amp;upload_id=AEnB2UpW2jIxgFOdkHu94hAndZDn2Vwv99BuqBqKTCfKjKex4uMXsGaVSzZ3yK7s0LjWKsOpenoqrx56ZUJ6LZZkFLQEwzuhMw&amp;upload_protocol=resumable</t>
  </si>
  <si>
    <t>C:\Users\hugooc\Desktop\HUGO CAMARGO\DeskTop HP\GERENTE DE PCP\</t>
  </si>
  <si>
    <t>Posições.xlsx</t>
  </si>
  <si>
    <t>11/27/2019 08:40:03</t>
  </si>
  <si>
    <t>11/27/2019 08:41:32</t>
  </si>
  <si>
    <t>BFF 112019.xlsx</t>
  </si>
  <si>
    <t>11/27/2019 08:38:04</t>
  </si>
  <si>
    <t>https://caey.fa.us2.oraclecloud.com/crmui/faces/fusewelcome?_adf.ctrl-state=1cnayzehwy_5</t>
  </si>
  <si>
    <t>11/27/2019 08:56:52</t>
  </si>
  <si>
    <t>11/27/2019 09:01:31</t>
  </si>
  <si>
    <t>11/26/2019 15:21:34</t>
  </si>
  <si>
    <t>11/27/2019 09:03:31</t>
  </si>
  <si>
    <t>11/26/2019 15:21:45</t>
  </si>
  <si>
    <t>11/26/2019 15:21:59</t>
  </si>
  <si>
    <t>11/26/2019 15:22:11</t>
  </si>
  <si>
    <t>/o=exchangelabs/ou=exchange administrative group (fydibohf23spdlt)/cn=recipients/cn=0bafe1ed27024338be4e911e19871cd1-william rob;/o=exchangelabs/ou=exchange administrative group (fydibohf23spdlt)/cn=recipients/cn=2144abc9537143519f505fcb8550b74c-juliana emi;/o=exchangelabs/ou=exchange administrative group (fydibohf23spdlt)/cn=recipients/cn=2d3379e2d04c40db810b4b1f41dd2aea-erica carol;/o=exchangelabs/ou=exchange administrative group (fydibohf23spdlt)/cn=recipients/cn=372a4aee70df4061aed129651510b96b-raul montei;/o=exchangelabs/ou=exchange administrative group (fydibohf23spdlt)/cn=recipients/cn=3b76b3dd02a14d289cc323d3c8d12b81-waleska mar;/o=exchangelabs/ou=exchange administrative group (fydibohf23spdlt)/cn=recipients/cn=3bff4ffb267e4ea2a4a3347f6a4c5cf8-tatiane mag;/o=exchangelabs/ou=exchange administrative group (fydibohf23spdlt)/cn=recipients/cn=44f0a666541444e787f23979b24aa3bd-reginaldo r;/o=exchangelabs/ou=exchange administrative group (fydibohf23spdlt)/cn=recipients/cn=55f846c335d7437f892f0b0d49c89e92-celm</t>
  </si>
  <si>
    <t>/o=exchangelabs/ou=exchange administrative group (fydibohf23spdlt)/cn=recipients/cn=0bafe1ed27024338be4e911e19871cd1-william rob,/o=exchangelabs/ou=exchange administrative group (fydibohf23spdlt)/cn=recipients/cn=2144abc9537143519f505fcb8550b74c-juliana emi,/o=exchangelabs/ou=exchange administrative group (fydibohf23spdlt)/cn=recipients/cn=2d3379e2d04c40db810b4b1f41dd2aea-erica carol,/o=exchangelabs/ou=exchange administrative group (fydibohf23spdlt)/cn=recipients/cn=372a4aee70df4061aed129651510b96b-raul montei,/o=exchangelabs/ou=exchange administrative group (fydibohf23spdlt)/cn=recipients/cn=3b76b3dd02a14d289cc323d3c8d12b81-waleska mar,/o=exchangelabs/ou=exchange administrative group (fydibohf23spdlt)/cn=recipients/cn=3bff4ffb267e4ea2a4a3347f6a4c5cf8-tatiane mag,/o=exchangelabs/ou=exchange administrative group (fydibohf23spdlt)/cn=recipients/cn=44f0a666541444e787f23979b24aa3bd-reginaldo r,/o=exchangelabs/ou=exchange administrative group (fydibohf23spdlt)/cn=recipients/cn=55f846c335d7437f892f0b0d49c89e92-celm</t>
  </si>
  <si>
    <t>11/26/2019 15:22:19</t>
  </si>
  <si>
    <t>/o=exchangelabs/ou=exchange administrative group (fydibohf23spdlt)/cn=recipients/cn=07838d63269147399834f55c95648a18-raphael nun;/o=exchangelabs/ou=exchange administrative group (fydibohf23spdlt)/cn=recipients/cn=0a343ab60c904ee9b25c54f941bc50a2-elincon pis;/o=exchangelabs/ou=exchange administrative group (fydibohf23spdlt)/cn=recipients/cn=101ca65e5cac464dbd670337f8b2f496-claudio de;/o=exchangelabs/ou=exchange administrative group (fydibohf23spdlt)/cn=recipients/cn=156f2ceeb44f4afbbad62be40471b288-rodrigo cam;/o=exchangelabs/ou=exchange administrative group (fydibohf23spdlt)/cn=recipients/cn=189bc2d66ff7487496bebbe5b79130af-jose luiz o;/o=exchangelabs/ou=exchange administrative group (fydibohf23spdlt)/cn=recipients/cn=1eef876d1e4b4eb38e740bfe731d8927-rogerio pin;/o=exchangelabs/ou=exchange administrative group (fydibohf23spdlt)/cn=recipients/cn=1f0b0312198f46e298740c2dc1c9e077-wagner cris;/o=exchangelabs/ou=exchange administrative group (fydibohf23spdlt)/cn=recipients/cn=2144abc9537143519f505fcb8550b74c-julia</t>
  </si>
  <si>
    <t>/o=exchangelabs/ou=exchange administrative group (fydibohf23spdlt)/cn=recipients/cn=07838d63269147399834f55c95648a18-raphael nun,/o=exchangelabs/ou=exchange administrative group (fydibohf23spdlt)/cn=recipients/cn=0a343ab60c904ee9b25c54f941bc50a2-elincon pis,/o=exchangelabs/ou=exchange administrative group (fydibohf23spdlt)/cn=recipients/cn=101ca65e5cac464dbd670337f8b2f496-claudio de,/o=exchangelabs/ou=exchange administrative group (fydibohf23spdlt)/cn=recipients/cn=156f2ceeb44f4afbbad62be40471b288-rodrigo cam,/o=exchangelabs/ou=exchange administrative group (fydibohf23spdlt)/cn=recipients/cn=189bc2d66ff7487496bebbe5b79130af-jose luiz o,/o=exchangelabs/ou=exchange administrative group (fydibohf23spdlt)/cn=recipients/cn=1eef876d1e4b4eb38e740bfe731d8927-rogerio pin,/o=exchangelabs/ou=exchange administrative group (fydibohf23spdlt)/cn=recipients/cn=1f0b0312198f46e298740c2dc1c9e077-wagner cris,/o=exchangelabs/ou=exchange administrative group (fydibohf23spdlt)/cn=recipients/cn=2144abc9537143519f505fcb8550b74c-julia</t>
  </si>
  <si>
    <t>11/27/2019 09:03:07</t>
  </si>
  <si>
    <t>11/27/2019 09:08:31</t>
  </si>
  <si>
    <t>10.207.12.86</t>
  </si>
  <si>
    <t>teste_s.csv</t>
  </si>
  <si>
    <t>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,shared,sharedwithmedate,thumb,thumbnailversion,title,userpermission(role),workspaceids</t>
  </si>
  <si>
    <t>11/27/2019 09:07:16</t>
  </si>
  <si>
    <t>11/27/2019 09:09:32</t>
  </si>
  <si>
    <t>chamados suspensos 27.11 as 9h.xlsx</t>
  </si>
  <si>
    <t>11/27/2019 09:07:01</t>
  </si>
  <si>
    <t>11/27/2019 09:10:31</t>
  </si>
  <si>
    <t>Plano de Ação Cobranças.xlsx</t>
  </si>
  <si>
    <t>11/27/2019 01:34:45</t>
  </si>
  <si>
    <t>11/27/2019 09:15:31</t>
  </si>
  <si>
    <t>mail.google.com/mail/u/1/?tab=gm#inbox</t>
  </si>
  <si>
    <t>C:\Users\Flavia\Desktop\Nova pasta\</t>
  </si>
  <si>
    <t>OCORRENCIAS 028_01 a 2611_emissao 2711.CSV</t>
  </si>
  <si>
    <t>11/27/2019 01:35:05</t>
  </si>
  <si>
    <t>OCORRENCIAS 029_01 a 2611_emissao 2711.CSV</t>
  </si>
  <si>
    <t>11/27/2019 01:36:27</t>
  </si>
  <si>
    <t>OCORRENCIAS 033_01 a 2611_emissao 2711.CSV</t>
  </si>
  <si>
    <t>11/27/2019 01:37:29</t>
  </si>
  <si>
    <t>11/26/2019 18:50:38</t>
  </si>
  <si>
    <t>11/27/2019 09:20:32</t>
  </si>
  <si>
    <t>11/25/2019 10:30:40</t>
  </si>
  <si>
    <t>11/27/2019 09:21:31</t>
  </si>
  <si>
    <t>11/26/2019 10:59:25</t>
  </si>
  <si>
    <t>11/26/2019 11:00:02</t>
  </si>
  <si>
    <t>11/26/2019 11:05:09</t>
  </si>
  <si>
    <t>11/26/2019 11:15:08</t>
  </si>
  <si>
    <t>C:\Users\camilat\OneDrive - Grupo Algar\CLIMA &amp; EVENTOS\Festa Junina\</t>
  </si>
  <si>
    <t>Planejamento 2019 - Copia.xlsx</t>
  </si>
  <si>
    <t>11/26/2019 12:09:52</t>
  </si>
  <si>
    <t>Planejamento 2019 - Reunião cliente.xlsx</t>
  </si>
  <si>
    <t>11/26/2019 14:07:49</t>
  </si>
  <si>
    <t>C:\Users\camilat\OneDrive - Grupo Algar\GERENCIAL\FINANCEIRO\Faturamento\340002017\DEZEMBRO 19\</t>
  </si>
  <si>
    <t>340002017_SD_Reajustado_V2 DEZ 19.xlsm</t>
  </si>
  <si>
    <t>11/26/2019 16:00:21</t>
  </si>
  <si>
    <t>Horas Extras SD_Modelo Comercial.xlsx</t>
  </si>
  <si>
    <t>11/26/2019 17:38:03</t>
  </si>
  <si>
    <t>11/27/2019 09:24:31</t>
  </si>
  <si>
    <t>11/27/2019 09:33:13</t>
  </si>
  <si>
    <t>11/27/2019 09:34:32</t>
  </si>
  <si>
    <t>11/26/2019 18:18:06</t>
  </si>
  <si>
    <t>11/27/2019 09:35:31</t>
  </si>
  <si>
    <t>/o=exchangelabs/ou=exchange administrative group (fydibohf23spdlt)/cn=recipients/cn=8e42a709f7ac410c8a7a14bc4f51ffcd-raquel orda;</t>
  </si>
  <si>
    <t>folgas 163 - Dezembro e Janeiro</t>
  </si>
  <si>
    <t>folgas 163 - dezembro e janeiro.xlsx</t>
  </si>
  <si>
    <t>/o=exchangelabs/ou=exchange administrative group (fydibohf23spdlt)/cn=recipients/cn=8e42a709f7ac410c8a7a14bc4f51ffcd-raquel orda</t>
  </si>
  <si>
    <t>11/27/2019 09:37:07</t>
  </si>
  <si>
    <t>11/27/2019 09:39:31</t>
  </si>
  <si>
    <t>11/26/2019 12:39:26</t>
  </si>
  <si>
    <t>11/27/2019 09:49:32</t>
  </si>
  <si>
    <t>11/26/2019 14:44:51</t>
  </si>
  <si>
    <t>C:\Users\suelenmm\Desktop\RES_ revisao final - Banco PAN - 30out19.msg\s110\</t>
  </si>
  <si>
    <t>C:\Users\suelenmm\Desktop\RES_ revisao final - Banco PAN - 30out19.msg\s110\188270_v3 - PAN FINAL - 31_10_2019 rMaluf r1.xlsb\</t>
  </si>
  <si>
    <t>11/26/2019 15:50:00</t>
  </si>
  <si>
    <t>COMISSÃO FORÇA VENDAS - 3º Tri - 2019_V5_SF_PRÉ-VENDAS_SUELEN.xlsb</t>
  </si>
  <si>
    <t>11/26/2019 15:51:38</t>
  </si>
  <si>
    <t>COMISSÃO FORÇA VENDAS - 3º Tri - 2019_V6_SF_SUELEN.xlsb</t>
  </si>
  <si>
    <t>11/27/2019 09:53:27</t>
  </si>
  <si>
    <t>11/27/2019 09:54:32</t>
  </si>
  <si>
    <t>11/27/2019 09:53:20</t>
  </si>
  <si>
    <t>11/27/2019 09:57:32</t>
  </si>
  <si>
    <t>\\acsfs\DEPTOS\Operacao\PCP\3 - Corporativo\MIS\GERADOR DE BIO\CLIENTES\Whirlpool\ATIVIDADES_MIS\36 - WHATSAPP COMPRA CERTA\</t>
  </si>
  <si>
    <t>11 - PA DIGITAL COMPRA CERTA.xlsx</t>
  </si>
  <si>
    <t>11/27/2019 09:53:51</t>
  </si>
  <si>
    <t>11/27/2019 09:58:32</t>
  </si>
  <si>
    <t>\\acsfs\dsti\CIT- Coordenação de Inteligência de Tecnologia\05 - Gerenciamento Orçamento e Contabilização\5. Contabilidade 2019\11. Novembro\Despesas antecipadas\DELL_OC 44666\</t>
  </si>
  <si>
    <t>Formulário Despesa Antecipada_Dell.xls</t>
  </si>
  <si>
    <t>11/27/2019 09:55:03</t>
  </si>
  <si>
    <t>\\acsfs\dsti\CIT- Coordenação de Inteligência de Tecnologia\05 - Gerenciamento Orçamento e Contabilização\5. Contabilidade 2019\11. Novembro\Despesas antecipadas\L8_OC 43892\</t>
  </si>
  <si>
    <t>Formulário Despesa Antecipada_L8.xls</t>
  </si>
  <si>
    <t>11/27/2019 09:55:40</t>
  </si>
  <si>
    <t>11/27/2019 09:59:32</t>
  </si>
  <si>
    <t>CR 340000063 - NESPRESSO INCREMENTAL.xlsx</t>
  </si>
  <si>
    <t>11/27/2019 09:59:05</t>
  </si>
  <si>
    <t>11/27/2019 10:04:32</t>
  </si>
  <si>
    <t>CR 340000064 - NESTLÉ INCREMENTAL.xlsx</t>
  </si>
  <si>
    <t>11/27/2019 10:00:11</t>
  </si>
  <si>
    <t>CR 340000065 - NESPRESSO INCREMENTAL BKO.xlsx</t>
  </si>
  <si>
    <t>11/27/2019 10:02:23</t>
  </si>
  <si>
    <t>11/27/2019 10:05:31</t>
  </si>
  <si>
    <t>Z:\RELATORIOS FPW\Controle\OCORRENCIAS\OCORRÊNCIAS_NOVEMBRO2019\01a2611 EMISSÃO 2711\</t>
  </si>
  <si>
    <t>OCORRÊNCIAS 01 A 2611_028_029_033 EMISSÃO 2711.xlsm</t>
  </si>
  <si>
    <t>11/27/2019 10:05:06</t>
  </si>
  <si>
    <t>11/27/2019 10:10:31</t>
  </si>
  <si>
    <t>mail.google.com/_/upload?authuser=0&amp;dcp=asu-n&amp;upload_id=AEnB2UqNwuZBFRoNtIsEAZ1jxeetno5YKKb0ujOTDX4pqSgbdM6qTNrBtm1YbumOwwVtDQ4UZ1i-8lyJUeid4f-ror5SHPxFtDp69HbSN1EMIjJ2lSoTtx8&amp;upload_protocol=resumable</t>
  </si>
  <si>
    <t>Atividades-ANF31 - BH_27_11_19 (3) eduarda.xlsx</t>
  </si>
  <si>
    <t>11/27/2019 10:07:15</t>
  </si>
  <si>
    <t>11/27/2019 10:12:32</t>
  </si>
  <si>
    <t>/o=exchangelabs/ou=exchange administrative group (fydibohf23spdlt)/cn=recipients/cn=45f281eb2c55454da382ae61cb22aff4-fabiano mus;/o=exchangelabs/ou=exchange administrative group (fydibohf23spdlt)/cn=recipients/cn=97028c61ebe04c3ca84c604712943944-fabiano wil;</t>
  </si>
  <si>
    <t>SAP - EMS</t>
  </si>
  <si>
    <t>/o=exchangelabs/ou=exchange administrative group (fydibohf23spdlt)/cn=recipients/cn=45f281eb2c55454da382ae61cb22aff4-fabiano mus,/o=exchangelabs/ou=exchange administrative group (fydibohf23spdlt)/cn=recipients/cn=97028c61ebe04c3ca84c604712943944-fabiano wil</t>
  </si>
  <si>
    <t>11/27/2019 10:10:29</t>
  </si>
  <si>
    <t>C:\Users\denysgds\Documents\Meus Arquivos Recebidos\RES_ SAP.msg\s126\</t>
  </si>
  <si>
    <t>11/27/2019 10:11:11</t>
  </si>
  <si>
    <t>11/27/2019 10:13:32</t>
  </si>
  <si>
    <t>C:\Users\alessandroam\OneDrive\OneDrive - Grupo Algar\01 - Historico\02 - Seg Informação\02 - Entregas e Desafios\Status_Report_BRAv2 27112019.pptx\</t>
  </si>
  <si>
    <t>11/27/2019 10:11:40</t>
  </si>
  <si>
    <t>11/27/2019 10:14:32</t>
  </si>
  <si>
    <t>10.200.238.96</t>
  </si>
  <si>
    <t>C:\Users\brunocs\Desktop\</t>
  </si>
  <si>
    <t>Cópia de 5W2H - Registros de Plano de ação.xls</t>
  </si>
  <si>
    <t>11/27/2019 10:13:14</t>
  </si>
  <si>
    <t>11/27/2019 10:15:32</t>
  </si>
  <si>
    <t>11/27/2019 10:12:51</t>
  </si>
  <si>
    <t>11/27/2019 10:17:32</t>
  </si>
  <si>
    <t>Conteúdo Check list.xlsx</t>
  </si>
  <si>
    <t>11/27/2019 10:16:26</t>
  </si>
  <si>
    <t>11/27/2019 10:18:32</t>
  </si>
  <si>
    <t>alefl@algartech.com;edilsonrb@algartech.com;fredericobs@algartecnologia.com.br;josemfs@algartech.com;leandrolds@algartech.com;luizmda@algartech.com;nikellydcs@algartech.com;polati@algartech.com;reginaldort@algartech.com;roldineism@algartech.com;</t>
  </si>
  <si>
    <t>alefl@algartech.com,edilsonrb@algartech.com,fredericobs@algartecnologia.com.br,josemfs@algartech.com,leandrolds@algartech.com,luizmda@algartech.com,nikellydcs@algartech.com,polati@algartech.com,reginaldort@algartech.com,roldineism@algartech.com</t>
  </si>
  <si>
    <t>11/27/2019 10:20:23</t>
  </si>
  <si>
    <t>11/27/2019 10:24:32</t>
  </si>
  <si>
    <t>mail.google.com/_/upload?authuser=1&amp;dcp=asu-n&amp;upload_id=AEnB2UpEtukqAbN9lgdZb0I782bM4OjU3urhpW71CNkG8k1UoSONJvzCulFb6306LiuL4REwQLPVyRtx6Kxj11kNW-PojtiHgA&amp;upload_protocol=resumable</t>
  </si>
  <si>
    <t>\\acsfs\deptos\CAS - Coordenação de Arquitetura de Soluções\Artefatos\Informações Tributárias - Fiscal\</t>
  </si>
  <si>
    <t>CNPJ_Filiais_Algar_Tech_Julho2019.xlsx</t>
  </si>
  <si>
    <t>11/27/2019 10:25:17</t>
  </si>
  <si>
    <t>11/27/2019 10:29:32</t>
  </si>
  <si>
    <t>CR 341004160 - Criação ESSILOR PROJETOS.xlsx</t>
  </si>
  <si>
    <t>11/27/2019 10:24:43</t>
  </si>
  <si>
    <t>11/27/2019 10:30:32</t>
  </si>
  <si>
    <t>mail.google.com/_/upload?authuser=0&amp;dcp=asu-n&amp;upload_id=AEnB2UqKnk8LnrGHu7gZ4pfcSbDMs59ogwJlLUUW3D-3HSRAL-r-4lQcAc4QmYzuFqvkJX724iNf4vbmIjbIG6fYgUJvGORXEg&amp;upload_protocol=resumable</t>
  </si>
  <si>
    <t>11/27/2019 10:27:17</t>
  </si>
  <si>
    <t>11/27/2019 10:32:32</t>
  </si>
  <si>
    <t>11/27/2019 10:29:57</t>
  </si>
  <si>
    <t>11/27/2019 10:33:31</t>
  </si>
  <si>
    <t>mail.google.com/mail/u/1/?ui=2&amp;view=btop&amp;ver=eyhxefjfd5dl&amp;search=inbox&amp;th=%23thread-f%3A1651288718539291552|msg-f%3A1651288718539291552&amp;cvid=8</t>
  </si>
  <si>
    <t>11/27/2019 10:33:08</t>
  </si>
  <si>
    <t>11/27/2019 10:38:32</t>
  </si>
  <si>
    <t>MIGRACAO_SQLSERVER_PENDENTE.xlsx</t>
  </si>
  <si>
    <t>11/27/2019 10:36:17</t>
  </si>
  <si>
    <t>Bradesco Layout X Posições X Ramais_v5.xlsx</t>
  </si>
  <si>
    <t>11/27/2019 10:42:41</t>
  </si>
  <si>
    <t>11/27/2019 10:46:32</t>
  </si>
  <si>
    <t>mail.google.com/_/upload?authuser=1&amp;dcp=asu-n&amp;upload_id=AEnB2Upawqh2Ve85e4DGwMoPVW-o0q-7VvkQRFNoK2J0IdzGndcgBFy6qsd9MYUyfGeDQ7grFdUrPcHIqR81rVAPeiZ-EM65fw&amp;upload_protocol=resumable</t>
  </si>
  <si>
    <t>C:\Users\rosilenedlf\Desktop\WHP 27-05\PLANEJAMENTO CPC\</t>
  </si>
  <si>
    <t>JANEIRO 2020 DIMENSIONAMENTO PESSOAS.xlsx</t>
  </si>
  <si>
    <t>11/27/2019 10:55:34</t>
  </si>
  <si>
    <t>11/27/2019 10:56:33</t>
  </si>
  <si>
    <t>andrelps@algartech.com</t>
  </si>
  <si>
    <t>C:\Users\andrelpsa\Desktop\</t>
  </si>
  <si>
    <t>Controle de Viagens _ BV Financeira _ Algar.xlsx</t>
  </si>
  <si>
    <t>11/27/2019 10:52:54</t>
  </si>
  <si>
    <t>11/27/2019 10:52:18</t>
  </si>
  <si>
    <t>11/27/2019 10:57:32</t>
  </si>
  <si>
    <t>mail.google.com/_/upload?authuser=0&amp;dcp=asu-n&amp;upload_id=AEnB2UoGPbg91okuN1F-vuBzT0qHIKPeJmk7Uszo28ta-YwCndeYPwTggSgfZA6aounto6iWWkrSIzQO1KUhrYFXJppyy0lJsg&amp;upload_protocol=resumable</t>
  </si>
  <si>
    <t>Meta Motivacional Caixa Novembro v2.xlsx</t>
  </si>
  <si>
    <t>11/27/2019 10:56:17</t>
  </si>
  <si>
    <t>11/27/2019 10:59:32</t>
  </si>
  <si>
    <t>10.2019 - Demonstrativo de Faturamento Whirlpool Cobrança.xlsx</t>
  </si>
  <si>
    <t>11/27/2019 10:57:18</t>
  </si>
  <si>
    <t>11/27/2019 11:01:32</t>
  </si>
  <si>
    <t>11/27/2019 10:58:59</t>
  </si>
  <si>
    <t>Exibição de Localização Avançada de Log da Ocorrência.xlsx</t>
  </si>
  <si>
    <t>11/27/2019 11:07:28</t>
  </si>
  <si>
    <t>11/27/2019 11:08:32</t>
  </si>
  <si>
    <t>mail.google.com/_/upload?authuser=0&amp;dcp=asu-n&amp;upload_id=AEnB2UoP4FZ8DZACXCpBvg6LNF6_Gs8aRJxKIyai_HqgvUYtk2vIM67syNwWDK39AB9LtXWy_k_Lf2J7GTOf794f3554-inTbQ&amp;upload_protocol=resumable</t>
  </si>
  <si>
    <t>henriqueac@algartech.com;lucasfbr@algartech.com;</t>
  </si>
  <si>
    <t>\\acsfs\dsti\CIT- Coordenação de Inteligência de Tecnologia\06 - Gerenciamento de Fornecedores\2. Fornecedores TI\</t>
  </si>
  <si>
    <t>Gestão de Fornecedores de TI.xlsx</t>
  </si>
  <si>
    <t>henriqueac@algartech.com,lucasfbr@algartech.com</t>
  </si>
  <si>
    <t>11/27/2019 11:09:01</t>
  </si>
  <si>
    <t>11/27/2019 11:10:32</t>
  </si>
  <si>
    <t>11/27/2019 11:30:20</t>
  </si>
  <si>
    <t>11/27/2019 11:34:32</t>
  </si>
  <si>
    <t>mail.google.com/_/upload?authuser=0&amp;dcp=asu-n&amp;upload_id=AEnB2Ur782rZtnL1QxybDKHsW_zrLCimwWAG-bv33-zaB32zSCo2ucYdCsivQO3JGad3X8ovjJe1e1hFRalV-fcJqCS-gGL0Cg&amp;upload_protocol=resumable</t>
  </si>
  <si>
    <t>Controle de pagamentos Rejeitados 2611 - Algar (1).xlsx</t>
  </si>
  <si>
    <t>11/27/2019 11:36:23</t>
  </si>
  <si>
    <t>11/27/2019 11:37:32</t>
  </si>
  <si>
    <t>11/27/2019 11:38:26</t>
  </si>
  <si>
    <t>11/27/2019 11:39:32</t>
  </si>
  <si>
    <t>mail.google.com/_/upload?authuser=0&amp;dcp=asu-n&amp;upload_id=AEnB2UqHn8gcC8nd489-R9Q2Vx3eCtfcTBUFcIaJEYOz85IcYyXB3XoeOmYxw9UMbsMpnN97FemUwF-7RzxU1uQyBfhWbJd6VA&amp;upload_protocol=resumable</t>
  </si>
  <si>
    <t>guilhermecst@algartech.com;</t>
  </si>
  <si>
    <t>C:\Users\lucianabo\Downloads\</t>
  </si>
  <si>
    <t>10.2019 - Demonstrativo de Faturamento Whirlpool Cobrança - Combinado Whirlpool.xlsx</t>
  </si>
  <si>
    <t>guilhermecst@algartech.com</t>
  </si>
  <si>
    <t>11/27/2019 11:39:58</t>
  </si>
  <si>
    <t>11/27/2019 11:42:33</t>
  </si>
  <si>
    <t>10.200.99.137</t>
  </si>
  <si>
    <t>mail.google.com/_/upload?authuser=0&amp;dcp=asu-n&amp;upload_id=AEnB2UptMYd9kJVSGYB1ZRBcd8dSyqg2eICPAPaqdC7Mr5h4DY2a3uWGKYFbeuG0DeCiLFSaAQEX10qq7gHpj5YQ6LqgXlbBnA&amp;upload_protocol=resumable</t>
  </si>
  <si>
    <t>\\udpavonfs01\AVON\06. PCP\JOSÉ AFONSO DA SILVA NETO\DESKTOP\NOTEBOOK\Fechamento Speak\2019\</t>
  </si>
  <si>
    <t>11/27/2019 11:49:20</t>
  </si>
  <si>
    <t>11/27/2019 11:50:33</t>
  </si>
  <si>
    <t>C:\Users\heliorg\OneDrive - Grupo Algar\Squad\URAs\6 - Whirlpool\URA To be\</t>
  </si>
  <si>
    <t>11/27/2019 11:48:43</t>
  </si>
  <si>
    <t>11/27/2019 11:52:33</t>
  </si>
  <si>
    <t>11/27/2019 11:51:01</t>
  </si>
  <si>
    <t>11/27/2019 11:53:32</t>
  </si>
  <si>
    <t>Criterios rateio.xls</t>
  </si>
  <si>
    <t>11/27/2019 11:55:29</t>
  </si>
  <si>
    <t>11/27/2019 11:59:33</t>
  </si>
  <si>
    <t>11/27/2019 11:55:35</t>
  </si>
  <si>
    <t>11/27/2019 11:55:10</t>
  </si>
  <si>
    <t>cardoso@ipnet.cloud;gsuite.issues@fwd.cscalgar.com.br;jefferson.paiva@cscalgar.com.br;marcelo.fernandes@ipnet.cloud;rafael.borba@ipnet.cloud;</t>
  </si>
  <si>
    <t>SharePointSiteUsageDetail11_27_2019 2_54_51 PM.csv</t>
  </si>
  <si>
    <t>cardoso@ipnet.cloud,gsuite.issues@fwd.cscalgar.com.br,jefferson.paiva@cscalgar.com.br,marcelo.fernandes@ipnet.cloud,rafael.borba@ipnet.cloud</t>
  </si>
  <si>
    <t>11/27/2019 11:55:23</t>
  </si>
  <si>
    <t>11/27/2019 11:58:02</t>
  </si>
  <si>
    <t>11/27/2019 12:00:32</t>
  </si>
  <si>
    <t>C:\Users\elainemdlp\OD\_Projetos\Em andamento\Migracao PJ\02 - Planejamento\</t>
  </si>
  <si>
    <t>11/27/2019 11:58:03</t>
  </si>
  <si>
    <t>Layout PJ - Novembro 2019.xlsx</t>
  </si>
  <si>
    <t>11/27/2019 11:57:14</t>
  </si>
  <si>
    <t>11/27/2019 12:02:32</t>
  </si>
  <si>
    <t>ideniraa@algartech.com.br;</t>
  </si>
  <si>
    <t>ENC: Volume Gerenciadas Amex e Visa - 27/11</t>
  </si>
  <si>
    <t>ideniraa@algartech.com.br</t>
  </si>
  <si>
    <t>11/27/2019 12:03:51</t>
  </si>
  <si>
    <t>11/27/2019 12:04:32</t>
  </si>
  <si>
    <t>tb03_20191127_113443.xls</t>
  </si>
  <si>
    <t>11/27/2019 12:06:22</t>
  </si>
  <si>
    <t>11/27/2019 12:11:34</t>
  </si>
  <si>
    <t>C:\Users\gabrielar\Downloads\tmp-scripts-6ca3df9bf84d58b55355ceb117b2d5018344db5e\Tricard\Implantação\</t>
  </si>
  <si>
    <t>tb_snapshot_contacts_201911271305.csv</t>
  </si>
  <si>
    <t>11/27/2019 12:07:57</t>
  </si>
  <si>
    <t>tb_snapshot_contacts_201911271307.csv</t>
  </si>
  <si>
    <t>11/27/2019 12:55:09</t>
  </si>
  <si>
    <t>11/27/2019 12:56:33</t>
  </si>
  <si>
    <t>TRANSF DE RECEITA TIM FMM TLE 02 Cód.702 TO 525469 .xls</t>
  </si>
  <si>
    <t>11/27/2019 13:09:15</t>
  </si>
  <si>
    <t>11/27/2019 13:12:34</t>
  </si>
  <si>
    <t>0ANALYSIS_PATTERN - 2019-11-27T130842.945.csv</t>
  </si>
  <si>
    <t>11/27/2019 13:09:24</t>
  </si>
  <si>
    <t>11/27/2019 13:14:18</t>
  </si>
  <si>
    <t>11/27/2019 13:17:34</t>
  </si>
  <si>
    <t>0ANALYSIS_PATTERN - 2019-11-27T131339.764.csv</t>
  </si>
  <si>
    <t>11/27/2019 13:21:11</t>
  </si>
  <si>
    <t>11/27/2019 13:24:33</t>
  </si>
  <si>
    <t>11/27/2019 13:21:28</t>
  </si>
  <si>
    <t>Preco_217474_DC_Padrao_V1.xlsb</t>
  </si>
  <si>
    <t>11/27/2019 13:21:42</t>
  </si>
  <si>
    <t>11/27/2019 13:26:33</t>
  </si>
  <si>
    <t>ENC: Cenário operação CONSUMIDOR.GOV</t>
  </si>
  <si>
    <t>04 - PAINEL CONSUMIDOR.GOV - Abril19.xlsb</t>
  </si>
  <si>
    <t>11/27/2019 13:30:11</t>
  </si>
  <si>
    <t>11/27/2019 13:33:34</t>
  </si>
  <si>
    <t>/o=exchangelabs/ou=exchange administrative group (fydibohf23spdlt)/cn=recipients/cn=8ffcdd39b62f4308b2f876f9624fa69a-wasley luiz;joysi.pereira.k2@youse.com.br;</t>
  </si>
  <si>
    <t>Transferência para o VDN 44601 - Até 26/11</t>
  </si>
  <si>
    <t>/o=exchangelabs/ou=exchange administrative group (fydibohf23spdlt)/cn=recipients/cn=8ffcdd39b62f4308b2f876f9624fa69a-wasley luiz,joysi.pereira.k2@youse.com.br</t>
  </si>
  <si>
    <t>11/27/2019 13:49:33</t>
  </si>
  <si>
    <t>11/27/2019 13:53:34</t>
  </si>
  <si>
    <t>Saldo CR 27_11.xls</t>
  </si>
  <si>
    <t>11/27/2019 13:56:10</t>
  </si>
  <si>
    <t>11/27/2019 13:59:34</t>
  </si>
  <si>
    <t>\\acsfs\deptos\regionais\spo\talentos_humanos_spo\sesmt_spo\2015_organizaÇÃo dos diretÓrios\book engeset - Água branca\ações\</t>
  </si>
  <si>
    <t>documentos obrigatórios.xlsx</t>
  </si>
  <si>
    <t>11/27/2019 14:04:13</t>
  </si>
  <si>
    <t>11/27/2019 14:07:34</t>
  </si>
  <si>
    <t>/o=exchangelabs/ou=exchange administrative group (fydibohf23spdlt)/cn=recipients/cn=59e2d42e513e4613a23971f0060032ed-gabriel ale;gabrielaf@algartech.com.br;</t>
  </si>
  <si>
    <t>/o=exchangelabs/ou=exchange administrative group (fydibohf23spdlt)/cn=recipients/cn=59e2d42e513e4613a23971f0060032ed-gabriel ale,gabrielaf@algartech.com.br</t>
  </si>
  <si>
    <t>11/27/2019 14:04:12</t>
  </si>
  <si>
    <t>11/27/2019 14:08:34</t>
  </si>
  <si>
    <t>mail.google.com/_/upload?authuser=0&amp;dcp=asu-n&amp;upload_id=AEnB2UrYmpnZalJfP5n6ELRmEmrMi4kQpTinP6teg7wkH-iJh45oYoyKrz9qdYrxXm48Ec_h9YS8MZ9LDSmGG5aaWh2ZMbrffw&amp;upload_protocol=resumable</t>
  </si>
  <si>
    <t>11/27/2019 14:07:10</t>
  </si>
  <si>
    <t>11/27/2019 14:11:34</t>
  </si>
  <si>
    <t>11/27/2019 14:09:18</t>
  </si>
  <si>
    <t>11/27/2019 14:12:33</t>
  </si>
  <si>
    <t>11/27/2019 14:13:50</t>
  </si>
  <si>
    <t>11/27/2019 14:14:33</t>
  </si>
  <si>
    <t>11/27/2019 14:14:56</t>
  </si>
  <si>
    <t>11/27/2019 14:17:33</t>
  </si>
  <si>
    <t>denysgds@algartech.com</t>
  </si>
  <si>
    <t>C:\Users\denysgds\Documents\Backup Denys\Denys Guidio Backup\Backup\EMS\175294 Licencimento\</t>
  </si>
  <si>
    <t>175294 EMS NC_v3.xlsx</t>
  </si>
  <si>
    <t>11/27/2019 14:15:25</t>
  </si>
  <si>
    <t>11/27/2019 14:19:33</t>
  </si>
  <si>
    <t>11/27/2019 14:21:10</t>
  </si>
  <si>
    <t>11/27/2019 14:21:34</t>
  </si>
  <si>
    <t>11/27/2019 14:24:28</t>
  </si>
  <si>
    <t>11/27/2019 14:26:33</t>
  </si>
  <si>
    <t>11/27/2019 14:22:23</t>
  </si>
  <si>
    <t>11/27/2019 14:27:34</t>
  </si>
  <si>
    <t>RelatorioCadastroGeralAlgar 27.11.19.xlsx</t>
  </si>
  <si>
    <t>11/21/2019 17:41:33</t>
  </si>
  <si>
    <t>11/27/2019 14:28:34</t>
  </si>
  <si>
    <t>10.200.60.52</t>
  </si>
  <si>
    <t>C:\Users\t-olivar\OneDrive - Grupo Algar\Documentos\MTE\2019\PROJETO DIVERSIDADE +\Governança do Projeto\Evento Lançamento\Evento de Lançamento.pptx\</t>
  </si>
  <si>
    <t>11/22/2019 08:51:25</t>
  </si>
  <si>
    <t>11/25/2019 10:59:26</t>
  </si>
  <si>
    <t>C:\Users\t-olivar\OneDrive - Grupo Algar\Documentos\Sindicato\2019\Algar TI\SINDETI\</t>
  </si>
  <si>
    <t>Lista Empresas TI UDI-JUCEMG.xlsx</t>
  </si>
  <si>
    <t>11/27/2019 14:28:39</t>
  </si>
  <si>
    <t>11/27/2019 14:31:34</t>
  </si>
  <si>
    <t>andre.rocha@cmpcrs.com.br;luciano.paludo@cmpcrs.com.br;marina.mariano@bradesco.com.br;regiane.p.mello@bradesco.com.br;simara.silva@cmpcrs.com.br;</t>
  </si>
  <si>
    <t>RES: CALL - CMPC - IMPLEMENTAÇÃO</t>
  </si>
  <si>
    <t>Base de VCN.xlsx</t>
  </si>
  <si>
    <t>andre.rocha@cmpcrs.com.br,luciano.paludo@cmpcrs.com.br,marina.mariano@bradesco.com.br,regiane.p.mello@bradesco.com.br,simara.silva@cmpcrs.com.br</t>
  </si>
  <si>
    <t>11/27/2019 14:29:54</t>
  </si>
  <si>
    <t>11/27/2019 14:32:33</t>
  </si>
  <si>
    <t>alizenetemf@algartech.com;analtc@algartech.com.br;celsoadsj@algartech.com;diogenespl@algartech.com.br;fernandodps@algartech.com;lidiannesr@algartech.com;ricardomi@algartech.com;</t>
  </si>
  <si>
    <t>RES: Report Intradiário TK - 837949</t>
  </si>
  <si>
    <t>Cópia de Formulário de Inserção de Skills (002).xlsx</t>
  </si>
  <si>
    <t>alizenetemf@algartech.com,analtc@algartech.com.br,celsoadsj@algartech.com,diogenespl@algartech.com.br,fernandodps@algartech.com,lidiannesr@algartech.com,ricardomi@algartech.com</t>
  </si>
  <si>
    <t>11/27/2019 14:33:22</t>
  </si>
  <si>
    <t>11/27/2019 14:36:34</t>
  </si>
  <si>
    <t>11/27/2019 14:34:57</t>
  </si>
  <si>
    <t>11/27/2019 14:37:34</t>
  </si>
  <si>
    <t>Horas Extras SD_Modelo Comercial - Copia.xlsx</t>
  </si>
  <si>
    <t>11/27/2019 14:36:09</t>
  </si>
  <si>
    <t>C:\Users\camilat\OneDrive - Grupo Algar\GERENCIAL\</t>
  </si>
  <si>
    <t>01 - ACTION ITENS - GERENCIAL.xlsx</t>
  </si>
  <si>
    <t>11/27/2019 14:34:02</t>
  </si>
  <si>
    <t>11/27/2019 14:39:34</t>
  </si>
  <si>
    <t>11/27/2019 14:35:54</t>
  </si>
  <si>
    <t>11/27/2019 14:41:34</t>
  </si>
  <si>
    <t>Controle FatB 2019 Nov 19.xlsx</t>
  </si>
  <si>
    <t>11/27/2019 14:40:28</t>
  </si>
  <si>
    <t>11/27/2019 14:43:34</t>
  </si>
  <si>
    <t>anapcrp@algartech.com;</t>
  </si>
  <si>
    <t>Chamadas abandonadas</t>
  </si>
  <si>
    <t>Chamadas beatriz- abandonada.xlsx</t>
  </si>
  <si>
    <t>anapcrp@algartech.com</t>
  </si>
  <si>
    <t>11/27/2019 14:29:45</t>
  </si>
  <si>
    <t>Envio_Segregada_Rui.xlsx</t>
  </si>
  <si>
    <t>11/27/2019 14:40:31</t>
  </si>
  <si>
    <t>11/27/2019 14:44:33</t>
  </si>
  <si>
    <t>/o=exchangelabs/ou=exchange administrative group (fydibohf23spdlt)/cn=recipients/cn=rossana moretto moreira - 092957;</t>
  </si>
  <si>
    <t>Extras de manifestações</t>
  </si>
  <si>
    <t>Extras de manifestações.xls</t>
  </si>
  <si>
    <t>/o=exchangelabs/ou=exchange administrative group (fydibohf23spdlt)/cn=recipients/cn=rossana moretto moreira - 092957</t>
  </si>
  <si>
    <t>11/27/2019 14:47:12</t>
  </si>
  <si>
    <t>11/27/2019 14:49:34</t>
  </si>
  <si>
    <t>mail.google.com/_/upload?authuser=0&amp;dcp=asu-n&amp;upload_id=AEnB2Ur29X6G-PRcfjz3JekDszXyLmButAc9E-5MNjo_WmLSggtyZYBH5liqrPqi3lJwY8JrjZuXPo0lCuMYdXtldRANL6lRiw&amp;upload_protocol=resumable</t>
  </si>
  <si>
    <t>Office365GroupsActivityDetail11_27_2019 5_46_05 PM.csv</t>
  </si>
  <si>
    <t>11/27/2019 14:47:21</t>
  </si>
  <si>
    <t>11/27/2019 14:50:34</t>
  </si>
  <si>
    <t>mail.google.com/_/upload?authuser=0&amp;dcp=asu-n&amp;upload_id=AEnB2UqK3h003451FDUB331VvyZxQKIRd76EG0R0Oy77ppGrX_QjL1KVb1k_Hs0Ruv5eCKdwI4EwrNLKR1xhI9-emW5t-Lrs7Q&amp;upload_protocol=resumable</t>
  </si>
  <si>
    <t>11/27/2019 14:54:11</t>
  </si>
  <si>
    <t>11/27/2019 14:55:34</t>
  </si>
  <si>
    <t>C:\Users\hugooc\AppData\Local\Temp\</t>
  </si>
  <si>
    <t>11/27/2019 14:56:59</t>
  </si>
  <si>
    <t>11/27/2019 14:59:34</t>
  </si>
  <si>
    <t>mail.google.com/_/upload?authuser=0&amp;dcp=asu-n&amp;upload_id=AEnB2UodTagwztEK8UIfmpAYWEMCh19X_2uZKDmietvnMSoFYvuthAekaASaJfyyaavTqCnUnDLLeTYXeveQ69dYTC6s0RTzAg&amp;upload_protocol=resumable</t>
  </si>
  <si>
    <t>C:\Users\lucianabo\Desktop\2019\9 - Setembro\RECEITAMENTO\Evidências Terceiros\</t>
  </si>
  <si>
    <t>Evidência Operações Whirlpool - Set.19.xlsx</t>
  </si>
  <si>
    <t>11/27/2019 14:58:09</t>
  </si>
  <si>
    <t>11/27/2019 15:03:33</t>
  </si>
  <si>
    <t>/o=exchangelabs/ou=exchange administrative group (fydibohf23spdlt)/cn=recipients/cn=5b22152eb97049f7b52874982256709e-roberto dia;</t>
  </si>
  <si>
    <t>/o=exchangelabs/ou=exchange administrative group (fydibohf23spdlt)/cn=recipients/cn=5b22152eb97049f7b52874982256709e-roberto dia</t>
  </si>
  <si>
    <t>11/27/2019 15:05:24</t>
  </si>
  <si>
    <t>11/27/2019 15:09:33</t>
  </si>
  <si>
    <t>mail.google.com/_/upload?authuser=0&amp;dcp=asu-n&amp;upload_id=AEnB2UpJ9Thj7P9qOGdtzOATlX_DJPB_WF060uwaesseu1QsrgJ46_CE1QcgkQrOlZbVYJeF1mKsMqwXvZYTdXVAKbX7cqHvVOmAYr_IV2U0MzlY80-uMZE&amp;upload_protocol=resumable</t>
  </si>
  <si>
    <t>Evidência Operações Whirlpool - Out.19.xlsx</t>
  </si>
  <si>
    <t>11/27/2019 15:07:49</t>
  </si>
  <si>
    <t>11/27/2019 15:12:34</t>
  </si>
  <si>
    <t>Cliente Atualizada 27-11.xlsx</t>
  </si>
  <si>
    <t>11/27/2019 15:08:16</t>
  </si>
  <si>
    <t>11/27/2019 15:13:33</t>
  </si>
  <si>
    <t>C:\Users\lucianarba\Documents\GEXP\</t>
  </si>
  <si>
    <t>180253 - Carrefour Reclame Aqui Varejo - V6_Validado (2).xlsb</t>
  </si>
  <si>
    <t>C:\Users\lucianarba\Documents\GEXP\180253 - Carrefour Reclame Aqui Varejo - V6_Validado (2).xlsb\</t>
  </si>
  <si>
    <t>11/27/2019 15:08:19</t>
  </si>
  <si>
    <t>mail.google.com/_/upload?authuser=0&amp;dcp=asu-n&amp;upload_id=AEnB2Uq8IAJ43bzHd4A_QEMAR3C768y_-tHQASLLShBWZ5-Bli_8x6wPtPLuZ_H9nBHaYOt5vOAceGank-JpdF2lpyaB6QnUJFXemp2iwGRHnsf1cu-DV0U&amp;upload_protocol=resumable</t>
  </si>
  <si>
    <t>11/27/2019 15:14:33</t>
  </si>
  <si>
    <t>11/27/2019 15:19:33</t>
  </si>
  <si>
    <t>mail.google.com/_/upload?authuser=0&amp;dcp=asu-n&amp;upload_id=AEnB2UrMcgsJkw9l1aMpwwqHXj8phrtPUt2HgquGAt8cGhj-p_DZymy8MTSAjKdjn1tsLv92CwSXWUROvtHrFkYuVsuTzTp6NA&amp;upload_protocol=resumable</t>
  </si>
  <si>
    <t>PTH LÍVIA.xlsx</t>
  </si>
  <si>
    <t>11/27/2019 15:18:08</t>
  </si>
  <si>
    <t>11/27/2019 15:20:33</t>
  </si>
  <si>
    <t>mail.google.com/mail/u/1/?tab=gm#inbox/FMfcgxwGBmzZQKZJSxTpqXpHdZHSncxK</t>
  </si>
  <si>
    <t>Ocorrencia 01a21112019_Flávia.xlsx</t>
  </si>
  <si>
    <t>11/27/2019 15:34:45</t>
  </si>
  <si>
    <t>11/27/2019 15:36:33</t>
  </si>
  <si>
    <t>C:\Users\dayanegm\Downloads\</t>
  </si>
  <si>
    <t>11/27/2019 15:39:11</t>
  </si>
  <si>
    <t>11/27/2019 15:40:33</t>
  </si>
  <si>
    <t>tatiane.rodrigues@algartech.com</t>
  </si>
  <si>
    <t>andrearp@algartech.com;cobranca.tech@algartech.com;cristiellysm@algartech.com;faturamento@algartech.com;joycedhm@algartech.com;patriciall@algartech.com;wesleydal@algartech.com;</t>
  </si>
  <si>
    <t>\\acsfs\Deptos\Asyst\COMERCIAL\02 - FATURAMENTO\Base GAT\GAT - Planejamento e Gestao\Auditoria_Evidencias\</t>
  </si>
  <si>
    <t>andrearp@algartech.com,cobranca.tech@algartech.com,cristiellysm@algartech.com,faturamento@algartech.com,joycedhm@algartech.com,patriciall@algartech.com,wesleydal@algartech.com</t>
  </si>
  <si>
    <t>11/27/2019 15:44:43</t>
  </si>
  <si>
    <t>11/27/2019 15:47:35</t>
  </si>
  <si>
    <t>mail.google.com/_/upload?authuser=1&amp;dcp=asu-n&amp;upload_id=AEnB2Up64SY0XRdhGUkO47cxdlNGgX-F6hTq9O5hQTpXmJ6ep3nLvLRMLzrGl-RMgT-WgTqQvBdVOm0y08sVblLMWFCzI3oZVQ&amp;upload_protocol=resumable</t>
  </si>
  <si>
    <t>11/27/2019 15:49:14</t>
  </si>
  <si>
    <t>11/27/2019 15:53:35</t>
  </si>
  <si>
    <t>mail.google.com/_/upload?authuser=0&amp;dcp=asu-n&amp;upload_id=AEnB2UqMKtdU-r4J9s6jI_H3y8j1C9UMWQyJZ2PrAB1A0Kj_DWqZVO8r5QUIWQs8PWXFZSvhG0XXbU9B6PvbrLPfV1uR78WwPXO6oV8bNeGCpwrswSXD6Vw&amp;upload_protocol=resumable</t>
  </si>
  <si>
    <t>Totvs.xlsx</t>
  </si>
  <si>
    <t>11/27/2019 15:54:34</t>
  </si>
  <si>
    <t>11/27/2019 15:57:34</t>
  </si>
  <si>
    <t>11/27/2019 16:02:55</t>
  </si>
  <si>
    <t>11/27/2019 16:04:35</t>
  </si>
  <si>
    <t>\\acsfs\engeset\CPV_ULA\ADMINISTRATIVO\CONTROLE ADMINISTRATIVO\CADASTROS\ALGAR TI\2019\EVEN\Documentação_AlgarTI_BH.zip\</t>
  </si>
  <si>
    <t>F SUP 010 Cadastro de fornecedores Rev.16_v1.xlsx</t>
  </si>
  <si>
    <t>11/27/2019 16:07:11</t>
  </si>
  <si>
    <t>11/27/2019 16:09:34</t>
  </si>
  <si>
    <t>10.201.28.61</t>
  </si>
  <si>
    <t>11/27/2019 16:07:13</t>
  </si>
  <si>
    <t>mail.google.com/_/upload?authuser=0&amp;dcp=asu-n&amp;upload_id=AEnB2Up7uQnoBO6j7bwyonFCd4tQJYoD6VStLOUGIXm6tMwXmvJb2qEViCF2urSy5unpEMZDO0Lw0krqYcwW8IeFbe1h6NSJSqj_mVCkKALNUdi84MRtYQE&amp;upload_protocol=resumable</t>
  </si>
  <si>
    <t>11/27/2019 16:15:07</t>
  </si>
  <si>
    <t>11/27/2019 16:20:34</t>
  </si>
  <si>
    <t>C:\Users\elainemdlp\OD\_Projetos\Em andamento\Goodyear Licitacao\04 - Controle\</t>
  </si>
  <si>
    <t>Atividades_Migracao PJ_v1.xlsx</t>
  </si>
  <si>
    <t>11/27/2019 16:16:08</t>
  </si>
  <si>
    <t>C:\Users\elainemdlp\OD\_Projetos\Em andamento\Crescimento Next\01 - Iniciacao\</t>
  </si>
  <si>
    <t>11/27/2019 16:19:55</t>
  </si>
  <si>
    <t>11/27/2019 16:22:34</t>
  </si>
  <si>
    <t>https://caey.fa.us2.oraclecloud.com/crmui/faces/fusewelcome?_adf.ctrl-state=31kg2v86x_5</t>
  </si>
  <si>
    <t>\\acsfs\Deptos\CAS - Coordenação de Arquitetura de Soluções\Projetos\2019\EMS\175294 - Licenças SAP MII\</t>
  </si>
  <si>
    <t>11/27/2019 16:21:32</t>
  </si>
  <si>
    <t>11/27/2019 16:24:34</t>
  </si>
  <si>
    <t>11/27/2019 16:24:33</t>
  </si>
  <si>
    <t>11/27/2019 16:27:35</t>
  </si>
  <si>
    <t>/o=exchangelabs/ou=exchange administrative group (fydibohf23spdlt)/cn=recipients/cn=55f846c335d7437f892f0b0d49c89e92-celma ribei;/o=exchangelabs/ou=exchange administrative group (fydibohf23spdlt)/cn=recipients/cn=cee041e3afc5419faa2273808d5b57ff-priscila de;</t>
  </si>
  <si>
    <t>Teste PPE Novos.xlsx</t>
  </si>
  <si>
    <t>/o=exchangelabs/ou=exchange administrative group (fydibohf23spdlt)/cn=recipients/cn=55f846c335d7437f892f0b0d49c89e92-celma ribei,/o=exchangelabs/ou=exchange administrative group (fydibohf23spdlt)/cn=recipients/cn=cee041e3afc5419faa2273808d5b57ff-priscila de</t>
  </si>
  <si>
    <t>11/27/2019 16:26:09</t>
  </si>
  <si>
    <t>11/27/2019 16:31:34</t>
  </si>
  <si>
    <t>andrelpsa@algartech.com;eliane.martins@bv.com.br;flora.lira@bv.com.br;gilson.santos@call.neobpo.com.br;joaogvc@algartech.com;leonardoao@algartech.com;maristelavodq@bv.algartech.com;paulacn@algartech.com;qualidadealgarbv@algartech.com;rafaelggs@algartech.com;renata.farina@bv.com.br;supervisaobancovotorantim@algartech.com;viniciussg@algartech.com;</t>
  </si>
  <si>
    <t>Camisetas BV _ Algar Tech.xlsx</t>
  </si>
  <si>
    <t>andrelpsa@algartech.com,eliane.martins@bv.com.br,flora.lira@bv.com.br,gilson.santos@call.neobpo.com.br,joaogvc@algartech.com,leonardoao@algartech.com,maristelavodq@bv.algartech.com,paulacn@algartech.com,qualidadealgarbv@algartech.com,rafaelggs@algartech.com,renata.farina@bv.com.br,supervisaobancovotorantim@algartech.com,viniciussg@algartech.com</t>
  </si>
  <si>
    <t>11/27/2019 16:52:17</t>
  </si>
  <si>
    <t>11/27/2019 16:53:34</t>
  </si>
  <si>
    <t>Produtividade RAF - NOV-2019 - Parcial - 26-11-19.xlsm</t>
  </si>
  <si>
    <t>11/27/2019 16:52:27</t>
  </si>
  <si>
    <t>Base BW % Conversão - Nov-2019 - Parcial - 26-11-19.xlsm</t>
  </si>
  <si>
    <t>11/27/2019 16:52:56</t>
  </si>
  <si>
    <t>11/27/2019 16:54:35</t>
  </si>
  <si>
    <t>H:\Governança da Estratégia\Governança\Holding\2019\Gerenciais\4ª REUGER Novembro\Algar Tech 4ª REUGER _Longo Prazo _ Apresentação_V6.pptx\</t>
  </si>
  <si>
    <t>11/27/2019 16:52:57</t>
  </si>
  <si>
    <t>Planilha_do_Microsoft_Excel17.xlsx</t>
  </si>
  <si>
    <t>11/27/2019 16:52:58</t>
  </si>
  <si>
    <t>Planilha_do_Microsoft_Excel18.xlsx</t>
  </si>
  <si>
    <t>Planilha_do_Microsoft_Excel19.xlsx</t>
  </si>
  <si>
    <t>Planilha_do_Microsoft_Excel20.xlsx</t>
  </si>
  <si>
    <t>Planilha_do_Microsoft_Excel21.xlsx</t>
  </si>
  <si>
    <t>Planilha_do_Microsoft_Excel22.xlsx</t>
  </si>
  <si>
    <t>Planilha_do_Microsoft_Excel23.xlsx</t>
  </si>
  <si>
    <t>Planilha_do_Microsoft_Excel24.xlsx</t>
  </si>
  <si>
    <t>11/27/2019 16:52:59</t>
  </si>
  <si>
    <t>Planilha_do_Microsoft_Excel25.xlsx</t>
  </si>
  <si>
    <t>Planilha_do_Microsoft_Excel26.xlsx</t>
  </si>
  <si>
    <t>Planilha_do_Microsoft_Excel27.xlsx</t>
  </si>
  <si>
    <t>Planilha_do_Microsoft_Excel28.xlsx</t>
  </si>
  <si>
    <t>Planilha_do_Microsoft_Excel29.xlsx</t>
  </si>
  <si>
    <t>Planilha_do_Microsoft_Excel30.xlsx</t>
  </si>
  <si>
    <t>Planilha_do_Microsoft_Excel31.xlsx</t>
  </si>
  <si>
    <t>Planilha_do_Microsoft_Excel32.xlsx</t>
  </si>
  <si>
    <t>11/27/2019 16:53:00</t>
  </si>
  <si>
    <t>11/27/2019 16:58:23</t>
  </si>
  <si>
    <t>11/27/2019 17:00:35</t>
  </si>
  <si>
    <t>Laudas_URA Avaya Whirlpool - 27.11.19.xlsx</t>
  </si>
  <si>
    <t>11/27/2019 17:01:57</t>
  </si>
  <si>
    <t>11/27/2019 17:03:35</t>
  </si>
  <si>
    <t>c:\users\denisevca\downloads\</t>
  </si>
  <si>
    <t>vse_modelo.xlsx</t>
  </si>
  <si>
    <t>11/27/2019 17:06:30</t>
  </si>
  <si>
    <t>11/27/2019 17:10:35</t>
  </si>
  <si>
    <t>mail.google.com/_/upload?authuser=0&amp;dcp=asu-n&amp;upload_id=AEnB2UraAOeGwBd3xDcRBnF8UswsoiLj9AX_ZIGMiPAZg5nkh3pAFX74zOl_OdpnNRmB_evS6NSKRyrPQMURdgQCofe8Gg44mQ&amp;upload_protocol=resumable</t>
  </si>
  <si>
    <t>0]�;1574869862826;30;722423072;[];[]]];\";false;false]";marceloab@algartech.com;null;querencm@algartech.com;</t>
  </si>
  <si>
    <t>C:\Users\heliorg\OneDrive - Grupo Algar\Squad\URAs\6 - Whirlpool\</t>
  </si>
  <si>
    <t>0]�,1574869862826,30,722423072,[],[]]],\",false,false]",marceloab@algartech.com,null,querencm@algartech.com</t>
  </si>
  <si>
    <t>11/27/2019 17:08:57</t>
  </si>
  <si>
    <t>11/27/2019 17:13:34</t>
  </si>
  <si>
    <t>11/27/2019 17:16:21</t>
  </si>
  <si>
    <t>11/27/2019 17:18:35</t>
  </si>
  <si>
    <t>11/27/2019 17:15:35</t>
  </si>
  <si>
    <t>11_19- Acompanhamento Faturamento.v3.xlsb</t>
  </si>
  <si>
    <t>11/27/2019 17:21:19</t>
  </si>
  <si>
    <t>11/27/2019 17:24:35</t>
  </si>
  <si>
    <t>PRODUTIVIDADE MKTPLACE.xlsx</t>
  </si>
  <si>
    <t>11/27/2019 17:27:21</t>
  </si>
  <si>
    <t>11/27/2019 17:29:34</t>
  </si>
  <si>
    <t>mail.google.com/_/upload?authuser=0&amp;dcp=asu-n&amp;upload_id=AEnB2UobxE0_TTzZ9vdk27TIx9Q2XQ2V6CyrJ1rdYT5xBwPbBNRjfBVQ6Xm1sFVlRsDUG_yEh7-5TvqqMRDdMx1OdEPa-IHfpA&amp;upload_protocol=resumable</t>
  </si>
  <si>
    <t>denisevc@algartech.com;faturamento@algartech.com;gestaofinanceiracontratos@algartech.com;karendfs@algartech.com;leandrolds@algartech.com;leticiabp@algartech.com;mariliafc@algartecnologia.com.br;mariliafsc@algartech.com;robertacmf@algartech.com;</t>
  </si>
  <si>
    <t>C:\Users\lucianabo\Desktop\2019\11 - Novembro\RECEITAMENTO\</t>
  </si>
  <si>
    <t>RECEITAMENTO - TERCEIROS NOV.19 - FACEBOOK.xlsm</t>
  </si>
  <si>
    <t>denisevc@algartech.com,faturamento@algartech.com,gestaofinanceiracontratos@algartech.com,karendfs@algartech.com,leandrolds@algartech.com,leticiabp@algartech.com,mariliafc@algartecnologia.com.br,mariliafsc@algartech.com,robertacmf@algartech.com</t>
  </si>
  <si>
    <t>11/27/2019 17:30:21</t>
  </si>
  <si>
    <t>11/27/2019 17:31:35</t>
  </si>
  <si>
    <t>ENC: Produtividade CRCe até 26/11</t>
  </si>
  <si>
    <t>11/27/2019 17:34:02</t>
  </si>
  <si>
    <t>11/27/2019 17:35:34</t>
  </si>
  <si>
    <t>11/27/2019 17:34:22</t>
  </si>
  <si>
    <t>11/27/2019 17:30:48</t>
  </si>
  <si>
    <t>\\uddqlkap05\Producao_Qlikview_Dev\Lucas Venancio\Qlikview\Projetos\Telecom Cobrança\</t>
  </si>
  <si>
    <t>Nao acionados Ilma.xlsx</t>
  </si>
  <si>
    <t>11/27/2019 17:34:36</t>
  </si>
  <si>
    <t>Importações Acionados Não Exportados.xls</t>
  </si>
  <si>
    <t>11/27/2019 17:31:46</t>
  </si>
  <si>
    <t>11/27/2019 17:36:34</t>
  </si>
  <si>
    <t>11/27/2019 17:33:49</t>
  </si>
  <si>
    <t>11/27/2019 17:33:59</t>
  </si>
  <si>
    <t>11/27/2019 17:34:25</t>
  </si>
  <si>
    <t>11/27/2019 17:22:35</t>
  </si>
  <si>
    <t>taniacs@algartech.com;wanderff@algartech.com;</t>
  </si>
  <si>
    <t>BD Retenção.xlsx</t>
  </si>
  <si>
    <t>taniacs@algartech.com,wanderff@algartech.com</t>
  </si>
  <si>
    <t>11/27/2019 17:40:45</t>
  </si>
  <si>
    <t>11/27/2019 17:42:35</t>
  </si>
  <si>
    <t>\\acsfs\DEPTOS\Controladoria\3. CSC\CONTROLES CSC\7-Orçamento 2020\Rateio Ebit CSC 2020_v4 - revisados\Racional novo rateio Ebit\TH\</t>
  </si>
  <si>
    <t>R&amp;S - Consolidada.xlsx</t>
  </si>
  <si>
    <t>11/27/2019 17:47:50</t>
  </si>
  <si>
    <t>11/27/2019 17:51:35</t>
  </si>
  <si>
    <t>denisevca@algartech.com;franciscoebf@algartecnologia.com.br;lauravx@algartech.com;leticiabp@algartech.com;wayneroa@algartech.com;</t>
  </si>
  <si>
    <t>Padrao Solicitacao Receitamento SG Telecom - 4ª remessa TO .xlsm</t>
  </si>
  <si>
    <t>denisevca@algartech.com,franciscoebf@algartecnologia.com.br,lauravx@algartech.com,leticiabp@algartech.com,wayneroa@algartech.com</t>
  </si>
  <si>
    <t>11/27/2019 17:57:50</t>
  </si>
  <si>
    <t>11/27/2019 17:59:34</t>
  </si>
  <si>
    <t>11/27/2019 17:57:52</t>
  </si>
  <si>
    <t>11/27/2019 17:58:17</t>
  </si>
  <si>
    <t>11/27/2019 18:03:35</t>
  </si>
  <si>
    <t>mail.google.com/_/upload?authuser=1&amp;dcp=asu-n&amp;upload_id=AEnB2Ur6sKsg3kIP44LYgHabxM8y2HQyWxjK_acS-_IlbYi928omf-3DZrKp2TLb9itjqRjbvxfYjUd9SEJFgLv6uhLFsXn01Q&amp;upload_protocol=resumable</t>
  </si>
  <si>
    <t>C:\Users\suelenmm\Desktop\</t>
  </si>
  <si>
    <t>11/27/2019 18:16:39</t>
  </si>
  <si>
    <t>11/27/2019 18:18:34</t>
  </si>
  <si>
    <t>Template_-_Gestao_de_Titulos (35).xlsx</t>
  </si>
  <si>
    <t>11/27/2019 18:29:23</t>
  </si>
  <si>
    <t>11/27/2019 18:30:34</t>
  </si>
  <si>
    <t>11/27/2019 18:48:56</t>
  </si>
  <si>
    <t>11/27/2019 18:51:35</t>
  </si>
  <si>
    <t>Padrao Solicitacao Receitamento SG Telecom - 5ª remessa TO - Copia.xlsm</t>
  </si>
  <si>
    <t>11/27/2019 18:50:18</t>
  </si>
  <si>
    <t>11/27/2019 18:54:34</t>
  </si>
  <si>
    <t>mail.google.com/_/upload?authuser=0&amp;dcp=asu-n&amp;upload_id=AEnB2UopMJMbeOBO8kk-9iwiLhASvyIrIcdSPDYtUmoss6EMzNAZTsVm9grHqfNH2eLgXrVzwcjuLdyLbDnui5jyF4lNv9GhHA&amp;upload_protocol=resumable</t>
  </si>
  <si>
    <t>RECEITAMENTO TERCEIROS - ESTORNO CHAMPION - NOV.19.xlsm</t>
  </si>
  <si>
    <t>11/27/2019 18:52:06</t>
  </si>
  <si>
    <t>11/27/2019 18:56:35</t>
  </si>
  <si>
    <t>11/27/2019 18:52:29</t>
  </si>
  <si>
    <t>11/27/2019 19:38:28</t>
  </si>
  <si>
    <t>11/27/2019 19:40:35</t>
  </si>
  <si>
    <t>10.211.10.234</t>
  </si>
  <si>
    <t>mail.google.com/mail/u/1/?tab=gm#sent?compose=lqrsljcJBdVJGrkxRJKwDSPckDwzJLlsjtRMjzJtnJggWswBcSQkDxFqdwfxdsnGNZrlSRdXKTPBdzxQf</t>
  </si>
  <si>
    <t>Z:\RELATORIOS FPW\Controle\HE DIARIO COM JUSTIFICATIVA\Novembro\</t>
  </si>
  <si>
    <t>HE 033_01A2611.xlsm</t>
  </si>
  <si>
    <t>11/27/2019 20:00:00</t>
  </si>
  <si>
    <t>11/27/2019 20:04:36</t>
  </si>
  <si>
    <t>11/27/2019 22:21:43</t>
  </si>
  <si>
    <t>11/28/2019 07:20:38</t>
  </si>
  <si>
    <t>C:\Users\lucianafaa\OneDrive - Grupo Algar\2019\PROJETOS\</t>
  </si>
  <si>
    <t>Matriz_de_Riscos_Projeto Xperience (1).xlsx</t>
  </si>
  <si>
    <t>11/27/2019 17:01:04</t>
  </si>
  <si>
    <t>11/28/2019 07:41:39</t>
  </si>
  <si>
    <t>10.16.76.54</t>
  </si>
  <si>
    <t>ENC: Proposta Algar - Continuação do Serviço de Manutenção de FO - Backbone</t>
  </si>
  <si>
    <t>Controle Perimetro Contrato AlgarTech_3T2019_21102019_v1_Incluir_Contrat....xlsx</t>
  </si>
  <si>
    <t>11/28/2019 08:12:48</t>
  </si>
  <si>
    <t>11/28/2019 08:14:39</t>
  </si>
  <si>
    <t>mail.google.com/_/upload?authuser=0&amp;dcp=asu-n&amp;upload_id=AEnB2Uo981ruMRK0o51GQIlHYU2eZvN6xyITI2K8549osyaCK62csNUA6yqxSpGUTzmVStIcPCu06p3h-9iS5HDxxdXJb_MeSw&amp;upload_protocol=resumable</t>
  </si>
  <si>
    <t>\\acsfs\deptos\Operacao\Unica\1. Gestão da Área\1.1 Administrativo\1.1.3 Reports\Relatórios\Report Ativos\</t>
  </si>
  <si>
    <t>11/27/2019 18:00:40</t>
  </si>
  <si>
    <t>11/28/2019 08:25:38</t>
  </si>
  <si>
    <t>Sugestão de Melhorias Bot Elux.xlsx</t>
  </si>
  <si>
    <t>11/14/2019 14:18:15</t>
  </si>
  <si>
    <t>11/28/2019 08:28:39</t>
  </si>
  <si>
    <t>10.200.58.60</t>
  </si>
  <si>
    <t>/o=exchangelabs/ou=exchange administrative group (fydibohf23spdlt)/cn=recipients/cn=8fc182d8ec964190abd5d149ac41ad8b-fabricio de;/o=exchangelabs/ou=exchange administrative group (fydibohf23spdlt)/cn=recipients/cn=fb208f421ae04825a24a31527949a9b4-mariane pri;</t>
  </si>
  <si>
    <t>RES: Cartão corporativo</t>
  </si>
  <si>
    <t>/o=exchangelabs/ou=exchange administrative group (fydibohf23spdlt)/cn=recipients/cn=8fc182d8ec964190abd5d149ac41ad8b-fabricio de,/o=exchangelabs/ou=exchange administrative group (fydibohf23spdlt)/cn=recipients/cn=fb208f421ae04825a24a31527949a9b4-mariane pri</t>
  </si>
  <si>
    <t>11/26/2019 13:53:57</t>
  </si>
  <si>
    <t>11/27/2019 21:33:49</t>
  </si>
  <si>
    <t>11/28/2019 08:38:39</t>
  </si>
  <si>
    <t>odjnoinhmpjcw3af0p-djef9hct2yy6p_blrtx1tghy3dkh8lct6vyekzdvc_4tivc4mfll2otmeigc4_soswdtdtdfuwpys4bpunqwvpifgab9clmrtfaxohjouph3u4uopfdu_r_mj068zerxlpxl7uq-_ximmevphwps25kdjb0xfujz5k2m2fnnztjeg31tqlbdvymgibw;osbbvugqecaaade1iaaaanmqgxufu7ccodjnoinhmpjcw3af0p-djef9hct2yy6p_blrtx1tghy3dkh8lct6vyekzdvc_4tivc4mfll2otmeigc4_soswdtdtdfuwpys4bpunqwvpifgab9clmrtfaxohjouph3u4uopfdu_r_mj06;osbbvugqecaaade1iaaaarmqgxufu7ccodjnoinhmpjcw3af0p-djef9hct2yy6p_blrtx1tghy3dkh8lct6vyekzdvc_4tivc4mfll2otmeigc4_soswdtdtdfuwpys4bpunqwvpifgab9clmrtfaxohjouph3u4uopfdu_r_mj06;</t>
  </si>
  <si>
    <t>C:\Users\rosilenedlf\Desktop\WHP 27-05\FINANCEIRO\DEPARTAMENTAL - RECUPARAÇÃO\</t>
  </si>
  <si>
    <t>Cópia de Departamental Whirlpool - Out.19.xlsx</t>
  </si>
  <si>
    <t>odjnoinhmpjcw3af0p-djef9hct2yy6p_blrtx1tghy3dkh8lct6vyekzdvc_4tivc4mfll2otmeigc4_soswdtdtdfuwpys4bpunqwvpifgab9clmrtfaxohjouph3u4uopfdu_r_mj068zerxlpxl7uq-_ximmevphwps25kdjb0xfujz5k2m2fnnztjeg31tqlbdvymgibw,osbbvugqecaaade1iaaaanmqgxufu7ccodjnoinhmpjcw3af0p-djef9hct2yy6p_blrtx1tghy3dkh8lct6vyekzdvc_4tivc4mfll2otmeigc4_soswdtdtdfuwpys4bpunqwvpifgab9clmrtfaxohjouph3u4uopfdu_r_mj06,osbbvugqecaaade1iaaaarmqgxufu7ccodjnoinhmpjcw3af0p-djef9hct2yy6p_blrtx1tghy3dkh8lct6vyekzdvc_4tivc4mfll2otmeigc4_soswdtdtdfuwpys4bpunqwvpifgab9clmrtfaxohjouph3u4uopfdu_r_mj06</t>
  </si>
  <si>
    <t>11/27/2019 21:37:03</t>
  </si>
  <si>
    <t>C:\Users\rosilenedlf\Desktop\WHP 27-05\COMERCIAL - CONTRATOS E PROPOSTAS\</t>
  </si>
  <si>
    <t>Cópia de RFP Serviços - Precificação_v4_final_reducaodesafio.xlsx</t>
  </si>
  <si>
    <t>11/28/2019 08:39:31</t>
  </si>
  <si>
    <t>11/28/2019 08:43:39</t>
  </si>
  <si>
    <t>mail.google.com/_/upload?authuser=0&amp;dcp=asu-n&amp;upload_id=AEnB2UpbAakp6KT2Pyhk0m1yU4bBGlAdiIU4RzxczaDhhpxKwGlg_Y-OlFyCs1zXxA2ZK-wBoFa9SqSKLAOUqdyzbYBBt0yFyWtJtlbfGqDEVHCP_5Lrjic&amp;upload_protocol=resumable</t>
  </si>
  <si>
    <t>11/28/2019 08:45:05</t>
  </si>
  <si>
    <t>11/28/2019 08:46:39</t>
  </si>
  <si>
    <t>/o=exchangelabs/ou=exchange administrative group (fydibohf23spdlt)/cn=recipients/cn=f42f5571897a4de5b99c25bca0db19ec-roberto roq;/o=exchangelabs/ou=exchange administrative group (fydibohf23spdlt)/cn=recipients/cn=flavio martinez;</t>
  </si>
  <si>
    <t>ENC: Advertências_Excesso de Velocidade_OUT/19.</t>
  </si>
  <si>
    <t>Abertura eventos excesso velocidade OUT19.xlsx</t>
  </si>
  <si>
    <t>/o=exchangelabs/ou=exchange administrative group (fydibohf23spdlt)/cn=recipients/cn=f42f5571897a4de5b99c25bca0db19ec-roberto roq,/o=exchangelabs/ou=exchange administrative group (fydibohf23spdlt)/cn=recipients/cn=flavio martinez</t>
  </si>
  <si>
    <t>11/27/2019 14:01:25</t>
  </si>
  <si>
    <t>11/28/2019 08:56:38</t>
  </si>
  <si>
    <t>C:\Users\diegorg\Desktop\Vilarinho\27_11\CAPEX LP 20 a 24 - 27_11 IFRS DESTACADO.pptx\</t>
  </si>
  <si>
    <t>11/27/2019 14:01:27</t>
  </si>
  <si>
    <t>mail.google.com/_/upload?authuser=0&amp;dcp=asu-n&amp;upload_id=AEnB2UpCao9fxOW6NEi2a0SoxTMUJJCt2uIaQ3PksylYkF6-i9k91Zs3u46hOKPg826QtmJfNSJ2QGNriqi_N93vv6_pBQ5Vxg&amp;upload_protocol=resumable</t>
  </si>
  <si>
    <t>11/27/2019 16:54:52</t>
  </si>
  <si>
    <t>11/28/2019 08:58:38</t>
  </si>
  <si>
    <t>Plano de Ação - ISD.xlsx</t>
  </si>
  <si>
    <t>11/27/2019 20:10:55</t>
  </si>
  <si>
    <t>11/28/2019 08:59:39</t>
  </si>
  <si>
    <t>11/27/2019 20:10:56</t>
  </si>
  <si>
    <t>mail.google.com/_/upload?authuser=1&amp;dcp=asu-n&amp;upload_id=AEnB2Ur55TuWs4oW1e5ozQA-ngmosIb_n8rNdhW5h_1KtHm4MaOMeJ9DG3jmQ2mMlphzeKv40f7y_AFVwLRiMc6bBRin5vc_gg&amp;upload_protocol=resumable</t>
  </si>
  <si>
    <t>11/28/2019 09:11:21</t>
  </si>
  <si>
    <t>11/28/2019 09:14:39</t>
  </si>
  <si>
    <t>mail.google.com/_/upload?authuser=0&amp;dcp=asu-n&amp;upload_id=AEnB2UrRYghQcX0FGKkRHdSXfz2nLfsVpHlVHJwO06sYJulGgghY-GMIpMJbCgXkNbmvE7ylmLvBoWRjCszRLG5f0Eqltrjs_A&amp;upload_protocol=resumable</t>
  </si>
  <si>
    <t>2019_12_01_Planilha_Youse_Auto.xlsb</t>
  </si>
  <si>
    <t>11/28/2019 09:21:40</t>
  </si>
  <si>
    <t>11/28/2019 09:22:39</t>
  </si>
  <si>
    <t>Whirlpool_FDD_Roteamento_Voz - 22.11.2019.xlsx</t>
  </si>
  <si>
    <t>11/28/2019 09:22:26</t>
  </si>
  <si>
    <t>11/28/2019 09:24:39</t>
  </si>
  <si>
    <t>11/28/2019 09:23:55</t>
  </si>
  <si>
    <t>\\acsfs\DEPTOS\Operacao\PCP\5 - Comum\PLANEJAMENTO WHIRLPOOL\17 - PLANEJAMENTO REVISADO\ticket_526283\17 - PLANEJAMENTO REVISADO\TOTALVIEW\ADERÊNCIA TTV\2019\12- DEZEMBRO\OPERAÇÕES ROSI\RECEBIDOS\</t>
  </si>
  <si>
    <t>22016 - UDI - WHIRLPOOL - CCO.xlsx</t>
  </si>
  <si>
    <t>11/28/2019 09:24:58</t>
  </si>
  <si>
    <t>11/28/2019 09:29:39</t>
  </si>
  <si>
    <t>22014 - UDI - WHIRLPOOL - SAC SINERGIA Dez.xlsx</t>
  </si>
  <si>
    <t>11/28/2019 09:25:09</t>
  </si>
  <si>
    <t>11/28/2019 09:26:33</t>
  </si>
  <si>
    <t>ADERÊNCIA CHAT - REFERENTE MÊS DEZEMBRO.xlsx</t>
  </si>
  <si>
    <t>11/28/2019 09:26:45</t>
  </si>
  <si>
    <t>11/28/2019 09:27:45</t>
  </si>
  <si>
    <t>ADERÊNCIA PA DIGITAL REFERENTE MÊS DEZEMBRO.xlsx</t>
  </si>
  <si>
    <t>11/28/2019 09:27:57</t>
  </si>
  <si>
    <t>11/28/2019 09:29:55</t>
  </si>
  <si>
    <t>11/28/2019 09:33:39</t>
  </si>
  <si>
    <t>AJUSTE DE PN</t>
  </si>
  <si>
    <t>11/28/2019 09:36:30</t>
  </si>
  <si>
    <t>11/28/2019 09:36:39</t>
  </si>
  <si>
    <t>/o=exchangelabs/ou=exchange administrative group (fydibohf23spdlt)/cn=recipients/cn=002ec1cd4de64cd68f3e33ca3518cc0b-fernando ro;/o=exchangelabs/ou=exchange administrative group (fydibohf23spdlt)/cn=recipients/cn=092327d7955f47e78ad4a60dc2ac8d69-joaquim eli;/o=exchangelabs/ou=exchange administrative group (fydibohf23spdlt)/cn=recipients/cn=0a343ab60c904ee9b25c54f941bc50a2-elincon pis;/o=exchangelabs/ou=exchange administrative group (fydibohf23spdlt)/cn=recipients/cn=2083875ab19146848e9acf6dbac781d4-cleiton gom;/o=exchangelabs/ou=exchange administrative group (fydibohf23spdlt)/cn=recipients/cn=2b69c7de1a3641269a7eed0596e1ddc2-wayner oliv;/o=exchangelabs/ou=exchange administrative group (fydibohf23spdlt)/cn=recipients/cn=2c491208934e4c1c82f5b090bc9e568f-wesley carl;/o=exchangelabs/ou=exchange administrative group (fydibohf23spdlt)/cn=recipients/cn=3bff4ffb267e4ea2a4a3347f6a4c5cf8-tatiane mag;/o=exchangelabs/ou=exchange administrative group (fydibohf23spdlt)/cn=recipients/cn=42aadbe8775e4c2cb37c145f9d092a4e-carl</t>
  </si>
  <si>
    <t>RES: Pesquisa de Clima - GST</t>
  </si>
  <si>
    <t>Status Pesquisa de Clima 2019 - 2711.xlsx</t>
  </si>
  <si>
    <t>/o=exchangelabs/ou=exchange administrative group (fydibohf23spdlt)/cn=recipients/cn=002ec1cd4de64cd68f3e33ca3518cc0b-fernando ro,/o=exchangelabs/ou=exchange administrative group (fydibohf23spdlt)/cn=recipients/cn=092327d7955f47e78ad4a60dc2ac8d69-joaquim eli,/o=exchangelabs/ou=exchange administrative group (fydibohf23spdlt)/cn=recipients/cn=0a343ab60c904ee9b25c54f941bc50a2-elincon pis,/o=exchangelabs/ou=exchange administrative group (fydibohf23spdlt)/cn=recipients/cn=2083875ab19146848e9acf6dbac781d4-cleiton gom,/o=exchangelabs/ou=exchange administrative group (fydibohf23spdlt)/cn=recipients/cn=2b69c7de1a3641269a7eed0596e1ddc2-wayner oliv,/o=exchangelabs/ou=exchange administrative group (fydibohf23spdlt)/cn=recipients/cn=2c491208934e4c1c82f5b090bc9e568f-wesley carl,/o=exchangelabs/ou=exchange administrative group (fydibohf23spdlt)/cn=recipients/cn=3bff4ffb267e4ea2a4a3347f6a4c5cf8-tatiane mag,/o=exchangelabs/ou=exchange administrative group (fydibohf23spdlt)/cn=recipients/cn=42aadbe8775e4c2cb37c145f9d092a4e-carl</t>
  </si>
  <si>
    <t>11/28/2019 09:39:23</t>
  </si>
  <si>
    <t>11/28/2019 09:43:39</t>
  </si>
  <si>
    <t>Genesys.xlsx</t>
  </si>
  <si>
    <t>11/28/2019 09:40:11</t>
  </si>
  <si>
    <t>11/28/2019 09:44:38</t>
  </si>
  <si>
    <t>/o=exchangelabs/ou=exchange administrative group (fydibohf23spdlt)/cn=recipients/cn=a72fa73d2e1a464ba879e7629d58ef97-luana erlen;/o=exchangelabs/ou=exchange administrative group (fydibohf23spdlt)/cn=recipients/cn=f927337e9e32468d91da72c6c6ec4935-eliamar de;</t>
  </si>
  <si>
    <t>Não realizar mais nenhuma monitoria_NEXT</t>
  </si>
  <si>
    <t>Não realizar mais monitorias.xlsx</t>
  </si>
  <si>
    <t>/o=exchangelabs/ou=exchange administrative group (fydibohf23spdlt)/cn=recipients/cn=a72fa73d2e1a464ba879e7629d58ef97-luana erlen,/o=exchangelabs/ou=exchange administrative group (fydibohf23spdlt)/cn=recipients/cn=f927337e9e32468d91da72c6c6ec4935-eliamar de</t>
  </si>
  <si>
    <t>11/28/2019 09:51:42</t>
  </si>
  <si>
    <t>11/28/2019 09:54:38</t>
  </si>
  <si>
    <t>10.200.58.135</t>
  </si>
  <si>
    <t>luanasdsa@algartech.com</t>
  </si>
  <si>
    <t>carlosasr@algartech.com;carolina.farah@bradesco.com.br;elton.r.luz@bradesco.com.br;filype.s.przybylski@bradesco.com.br;gina.cervelli@bradesco.com.br;leandrolds@algartech.com;lsouza@deepcenter.com.br;milena.brambila@bradesco.com.br;peterson.l.arruda@bradesco.com.br;tatiane.castro@bradesco.com.br;tatianedc@algartech.com;wcarvalho@deepcenter.com.br;</t>
  </si>
  <si>
    <t>C:\Users\luanasdsa\Desktop\DEEP\</t>
  </si>
  <si>
    <t>Fin_Daily.xlsx</t>
  </si>
  <si>
    <t>carlosasr@algartech.com,carolina.farah@bradesco.com.br,elton.r.luz@bradesco.com.br,filype.s.przybylski@bradesco.com.br,gina.cervelli@bradesco.com.br,leandrolds@algartech.com,lsouza@deepcenter.com.br,milena.brambila@bradesco.com.br,peterson.l.arruda@bradesco.com.br,tatiane.castro@bradesco.com.br,tatianedc@algartech.com,wcarvalho@deepcenter.com.br</t>
  </si>
  <si>
    <t>11/28/2019 09:57:49</t>
  </si>
  <si>
    <t>11/28/2019 09:59:38</t>
  </si>
  <si>
    <t>\\acsfs\Dsti\Precificações\02 - DATA CENTER\</t>
  </si>
  <si>
    <t>11/28/2019 09:59:06</t>
  </si>
  <si>
    <t>11/28/2019 10:04:39</t>
  </si>
  <si>
    <t>TB07_20191128_093703.xls</t>
  </si>
  <si>
    <t>11/28/2019 10:04:38</t>
  </si>
  <si>
    <t>11/28/2019 10:09:39</t>
  </si>
  <si>
    <t>mail.google.com/_/upload?authuser=0&amp;dcp=asu-n&amp;upload_id=AEnB2UpJ_Z3cNQy7s3rLSde5GAMO-Uppt65fNNCknN-Vq-lqD24tk4svha2KrcKPQYGVIxEkcdMtmX7EjCgGYdSjlDFRK3w8qQ&amp;upload_protocol=resumable</t>
  </si>
  <si>
    <t>panilha.xlsx</t>
  </si>
  <si>
    <t>11/28/2019 10:11:42</t>
  </si>
  <si>
    <t>11/28/2019 10:12:39</t>
  </si>
  <si>
    <t>646350_#SouAlgar_AvaliacaoNotasDasQuestões_28-11-2019_.xlsx</t>
  </si>
  <si>
    <t>11/27/2019 18:37:08</t>
  </si>
  <si>
    <t>11/28/2019 10:19:39</t>
  </si>
  <si>
    <t>C:\Users\hugooc\Downloads\</t>
  </si>
  <si>
    <t>Posições (1).xlsx</t>
  </si>
  <si>
    <t>11/28/2019 10:22:20</t>
  </si>
  <si>
    <t>11/28/2019 10:25:39</t>
  </si>
  <si>
    <t>https://sms.maisresultado.com.br/upload-file.php</t>
  </si>
  <si>
    <t>\\cppfs\cpdeptos\CPC\3 - Acompanhamento\EAVM\06 - SMS e VOICER\Enviados\2019\Novembro\</t>
  </si>
  <si>
    <t>SMS NEXT 28 11 2019.csv</t>
  </si>
  <si>
    <t>11/28/2019 10:25:47</t>
  </si>
  <si>
    <t>11/28/2019 10:26:39</t>
  </si>
  <si>
    <t>https://caey.fa.us2.oraclecloud.com/crmui/faces/fusewelcome?_adf.ctrl-state=428iun452_5</t>
  </si>
  <si>
    <t>TRANSACIONAIS AGR_aprovavenda214401.xlsx</t>
  </si>
  <si>
    <t>11/28/2019 10:29:27</t>
  </si>
  <si>
    <t>11/28/2019 10:31:38</t>
  </si>
  <si>
    <t>AJUSTE DE PONTO - AKASSIA NOVEMBRO.xlsx</t>
  </si>
  <si>
    <t>11/28/2019 10:27:10</t>
  </si>
  <si>
    <t>Peça Oficial 2020 - Projetos CSC - cronograma financeiro - Grupo Tech.xlsx</t>
  </si>
  <si>
    <t>11/28/2019 10:32:13</t>
  </si>
  <si>
    <t>11/28/2019 10:34:38</t>
  </si>
  <si>
    <t>C:\Users\marinasf\OneDrive - Grupo Algar\ANEXO PARA OC\</t>
  </si>
  <si>
    <t>6266 RNIA03 Thermcom.REV 1.xlsx</t>
  </si>
  <si>
    <t>11/28/2019 10:32:21</t>
  </si>
  <si>
    <t>6333 CLVG58 Thermcom.REV 1.xlsx</t>
  </si>
  <si>
    <t>11/28/2019 10:34:13</t>
  </si>
  <si>
    <t>11/28/2019 10:35:39</t>
  </si>
  <si>
    <t>Apuração Anual e Ultimo Bimestre .xlsx</t>
  </si>
  <si>
    <t>11/28/2019 10:34:14</t>
  </si>
  <si>
    <t>mail.google.com/_/upload?authuser=0&amp;dcp=asu-n&amp;upload_id=AEnB2UrchCNQb8PY7MkpkssLXGznROTdGTBXO6l0fM2tZggzRKWDiMmb6iihD_MTMemttiKIiG3OW6VjrD9njuYU99jpD2Efzw&amp;upload_protocol=resumable</t>
  </si>
  <si>
    <t>11/28/2019 10:32:18</t>
  </si>
  <si>
    <t>11/28/2019 10:36:38</t>
  </si>
  <si>
    <t>11/28/2019 10:37:21</t>
  </si>
  <si>
    <t>11/28/2019 10:39:39</t>
  </si>
  <si>
    <t>RES: Conciliação FAT B Nov 19</t>
  </si>
  <si>
    <t>Controle FatB 2019 Nov 19 (002).xlsx</t>
  </si>
  <si>
    <t>11/28/2019 10:52:14</t>
  </si>
  <si>
    <t>11/28/2019 10:54:38</t>
  </si>
  <si>
    <t>SGI Acessos Algar Tech.xlsx</t>
  </si>
  <si>
    <t>11/28/2019 10:52:47</t>
  </si>
  <si>
    <t>11/28/2019 10:56:38</t>
  </si>
  <si>
    <t>ENC: Status Pesquisa de Clima - estamos com 34% (prazo 02/12)</t>
  </si>
  <si>
    <t>Status Pesquisa de Clima 2019 - 28_11.xlsx</t>
  </si>
  <si>
    <t>11/28/2019 11:01:02</t>
  </si>
  <si>
    <t>11/28/2019 11:05:39</t>
  </si>
  <si>
    <t>/o=exchangelabs/ou=exchange administrative group (fydibohf23spdlt)/cn=recipients/cn=2b68c5c9701540eb8fd871ac41d57b98-michael vic;/o=exchangelabs/ou=exchange administrative group (fydibohf23spdlt)/cn=recipients/cn=b1d771656e5d46709d93295f07966125-pedro henri;/o=exchangelabs/ou=exchange administrative group (fydibohf23spdlt)/cn=recipients/cn=b284454839e94314a90d49e7ec00864f-antonio car;/o=exchangelabs/ou=exchange administrative group (fydibohf23spdlt)/cn=recipients/cn=b712c36eebee42428d3790abe2696417-romario gom;daniel.cabeceira@bradesco.com.br;daniel.paschoal@next.b.br;hugooc@algartech.com;lucas.c.santana@next.b.br;sizania.miranda@next.b.br;</t>
  </si>
  <si>
    <t>Régua de Cálculo SLA HIBRIDO NEXT</t>
  </si>
  <si>
    <t>Speed_of_Accept_(seconds)_Report voz.xlsx</t>
  </si>
  <si>
    <t>/o=exchangelabs/ou=exchange administrative group (fydibohf23spdlt)/cn=recipients/cn=2b68c5c9701540eb8fd871ac41d57b98-michael vic,/o=exchangelabs/ou=exchange administrative group (fydibohf23spdlt)/cn=recipients/cn=b1d771656e5d46709d93295f07966125-pedro henri,/o=exchangelabs/ou=exchange administrative group (fydibohf23spdlt)/cn=recipients/cn=b284454839e94314a90d49e7ec00864f-antonio car,/o=exchangelabs/ou=exchange administrative group (fydibohf23spdlt)/cn=recipients/cn=b712c36eebee42428d3790abe2696417-romario gom,daniel.cabeceira@bradesco.com.br,daniel.paschoal@next.b.br,hugooc@algartech.com,lucas.c.santana@next.b.br,sizania.miranda@next.b.br</t>
  </si>
  <si>
    <t>11/28/2019 11:09:04</t>
  </si>
  <si>
    <t>11/28/2019 11:12:39</t>
  </si>
  <si>
    <t>razao indiretos transitorios.xls</t>
  </si>
  <si>
    <t>indiretos transitorios.xls</t>
  </si>
  <si>
    <t>11/28/2019 11:09:49</t>
  </si>
  <si>
    <t>11/28/2019 11:14:39</t>
  </si>
  <si>
    <t>11/28/2019 11:10:22</t>
  </si>
  <si>
    <t>11/28/2019 11:10:49</t>
  </si>
  <si>
    <t>11/28/2019 11:15:08</t>
  </si>
  <si>
    <t>11/28/2019 11:16:39</t>
  </si>
  <si>
    <t>mail.google.com/_/upload?authuser=2&amp;dcp=asu-n&amp;upload_id=AEnB2UpKoTkhMPwMIB9fMEx2CjRXH31LP5juVGnLsFyqNTfyWg-tnpbq8X_2RG3quYtv96DovnkKH-MMkdmAL-SqpHTBvBhytA&amp;upload_protocol=resumable</t>
  </si>
  <si>
    <t>C:\Users\nataliamam\Downloads\Mapeamento SAOR.docx\</t>
  </si>
  <si>
    <t>11/28/2019 11:11:56</t>
  </si>
  <si>
    <t>11/28/2019 11:20:39</t>
  </si>
  <si>
    <t>11/28/2019 11:21:39</t>
  </si>
  <si>
    <t>mail.google.com/_/upload?authuser=1&amp;dcp=asu-n&amp;upload_id=AEnB2UruSW9HN6wiYLftRmD5sGf1ptj_M2E-ZKa6jkuT9FDuTOENdY6-eIM9wM07bKaliE3-bPgGmRTTvFRcN3F0hVTkEVTjyA&amp;upload_protocol=resumable</t>
  </si>
  <si>
    <t>C:\Users\marcotb\Desktop\</t>
  </si>
  <si>
    <t>Pesquisa de Clima - Status.xlsx</t>
  </si>
  <si>
    <t>11/28/2019 11:26:17</t>
  </si>
  <si>
    <t>11/28/2019 11:26:39</t>
  </si>
  <si>
    <t>guilhermedsf@algartech.com</t>
  </si>
  <si>
    <t>Cadastro Fornecedor Confirming - SANOFI.xlsx</t>
  </si>
  <si>
    <t>11/28/2019 11:26:28</t>
  </si>
  <si>
    <t>11/28/2019 11:30:39</t>
  </si>
  <si>
    <t>mail.google.com/mail/u/1/?ui=2&amp;view=btop&amp;ver=eyhxefjfd5dl&amp;search=trash&amp;th=%23thread-f%3A1651453698986540132|msg-f%3A1651453809564677203&amp;cvid=1</t>
  </si>
  <si>
    <t>11/28/2019 11:36:05</t>
  </si>
  <si>
    <t>11/28/2019 11:37:38</t>
  </si>
  <si>
    <t>mail.google.com/_/upload?authuser=1&amp;dcp=asu-n&amp;upload_id=AEnB2UoqNx22OOzpxSRuuGp_7XJmtdIC1WoNsPHpXBk8UFTZIiRSIZWVZPPgDTmDBm6Hna_ipJqtnpXyqM4MUuvK964i33UZgQ&amp;upload_protocol=resumable</t>
  </si>
  <si>
    <t>\\acsfs\DEPTOS\Operacao\PCP\3 - Corporativo\RFP´s (Request for Proposal)\2019\Estudos\CIMI\Vendas\</t>
  </si>
  <si>
    <t>Vendas 1211_1911_Fechamento.xlsx</t>
  </si>
  <si>
    <t>11/28/2019 11:40:51</t>
  </si>
  <si>
    <t>11/28/2019 11:42:39</t>
  </si>
  <si>
    <t>\\acsfs\Deptos\Controladoria\2 - Business Performance\2019\6 - Demandas Extras\01 - Metodologia de Comissão FV_2019\Apuração RV\</t>
  </si>
  <si>
    <t>11/28/2019 11:40:48</t>
  </si>
  <si>
    <t>11/28/2019 11:43:38</t>
  </si>
  <si>
    <t>mail.google.com/_/upload?authuser=0&amp;dcp=asu-n&amp;upload_id=AEnB2UqNoiKjXP01_07FjlchqSbFU1x4T-H5yfIi2XMQ0wI0kpClaajveKLOZ0pj3ZN014hI3Lbj3q0-cxOSNMh-2GedbGPX6A&amp;upload_protocol=resumable</t>
  </si>
  <si>
    <t>C:\Users\adrielefc\Desktop\TAPs\TAPs.7z\PMO - Change Youse_Vendas_Digitais.pptx\</t>
  </si>
  <si>
    <t>C:\Users\adrielefc\Desktop\TAPs\TAPs.7z\PMO Algar Tech - Agro Eficiente.pptx\</t>
  </si>
  <si>
    <t>C:\Users\adrielefc\Desktop\TAPs\TAPs.7z\PMO Algar Tech - PA Inteligente Whirlpool.pptx\</t>
  </si>
  <si>
    <t>C:\Users\adrielefc\Desktop\TAPs\TAPs.7z\TAP - GestÃ£o ManutenÃ§Ã£o Corretiva Digital.pptx\</t>
  </si>
  <si>
    <t>C:\Users\adrielefc\Desktop\TAPs\TAPs.7z\TAP - Rota Certa GST_rev_custoGP.pptx\</t>
  </si>
  <si>
    <t>11/28/2019 11:43:20</t>
  </si>
  <si>
    <t>11/28/2019 11:44:39</t>
  </si>
  <si>
    <t>11/28/2019 11:42:13</t>
  </si>
  <si>
    <t>11/28/2019 11:46:39</t>
  </si>
  <si>
    <t>mail.google.com/_/upload?authuser=0&amp;dcp=asu-n&amp;upload_id=AEnB2UrZXuYCkD0DzlBXqDv_K9XuTa7ntktCf4WAcN2sKHFIVUNGq6bU1ILPpF5B96rNPt08IcHQeBKeoqX2kUTd9857MQWWDA&amp;upload_protocol=resumable</t>
  </si>
  <si>
    <t>\\acsfs\DEPTOS\Controladoria\23.Faturamento\3.ENGESET\2019\FECHAMENTO ENGESET\11.2019\</t>
  </si>
  <si>
    <t>Conciliação ENGESET 11.2019.xlsx</t>
  </si>
  <si>
    <t>11/28/2019 11:53:42</t>
  </si>
  <si>
    <t>11/28/2019 11:55:39</t>
  </si>
  <si>
    <t>11/28/2019 12:07:08</t>
  </si>
  <si>
    <t>11/28/2019 12:07:38</t>
  </si>
  <si>
    <t>11/28/2019 12:06:45</t>
  </si>
  <si>
    <t>11/28/2019 12:10:39</t>
  </si>
  <si>
    <t>/o=exchangelabs/ou=exchange administrative group (fydibohf23spdlt)/cn=recipients/cn=010c9ad8a2ca4b90b7642d039dda856e-karolyne ca;/o=exchangelabs/ou=exchange administrative group (fydibohf23spdlt)/cn=recipients/cn=2b68c5c9701540eb8fd871ac41d57b98-michael vic;/o=exchangelabs/ou=exchange administrative group (fydibohf23spdlt)/cn=recipients/cn=56dc126fba5b4a5f8fb1cd7e4f10477d-thais olive;/o=exchangelabs/ou=exchange administrative group (fydibohf23spdlt)/cn=recipients/cn=b284454839e94314a90d49e7ec00864f-antonio car;/o=exchangelabs/ou=exchange administrative group (fydibohf23spdlt)/cn=recipients/cn=b712c36eebee42428d3790abe2696417-romario gom;/o=exchangelabs/ou=exchange administrative group (fydibohf23spdlt)/cn=recipients/cn=e4dbda4121b54299b4a719c6aa694894-algar tech;hugooc@algartech.com;karolynecj@algartech.com.br;thaisom@algartech.com.br;</t>
  </si>
  <si>
    <t>RES: Escala staff CONTROL´s NEXT Outubro - Novembro/19 - Dezembro/19</t>
  </si>
  <si>
    <t>Controle de Férias Time CPC NEXT - ALGAR TECH.xls</t>
  </si>
  <si>
    <t>/o=exchangelabs/ou=exchange administrative group (fydibohf23spdlt)/cn=recipients/cn=010c9ad8a2ca4b90b7642d039dda856e-karolyne ca,/o=exchangelabs/ou=exchange administrative group (fydibohf23spdlt)/cn=recipients/cn=2b68c5c9701540eb8fd871ac41d57b98-michael vic,/o=exchangelabs/ou=exchange administrative group (fydibohf23spdlt)/cn=recipients/cn=56dc126fba5b4a5f8fb1cd7e4f10477d-thais olive,/o=exchangelabs/ou=exchange administrative group (fydibohf23spdlt)/cn=recipients/cn=b284454839e94314a90d49e7ec00864f-antonio car,/o=exchangelabs/ou=exchange administrative group (fydibohf23spdlt)/cn=recipients/cn=b712c36eebee42428d3790abe2696417-romario gom,/o=exchangelabs/ou=exchange administrative group (fydibohf23spdlt)/cn=recipients/cn=e4dbda4121b54299b4a719c6aa694894-algar tech,hugooc@algartech.com,karolynecj@algartech.com.br,thaisom@algartech.com.br</t>
  </si>
  <si>
    <t>11/28/2019 12:09:11</t>
  </si>
  <si>
    <t>11/28/2019 12:11:40</t>
  </si>
  <si>
    <t>Inscrição NR 10 - Reciclagem</t>
  </si>
  <si>
    <t>Ficha de Inscrição -Curitiba - PR (dezembro).xlsx</t>
  </si>
  <si>
    <t>11/28/2019 12:07:44</t>
  </si>
  <si>
    <t>11/28/2019 12:12:39</t>
  </si>
  <si>
    <t>11/28/2019 12:30:32</t>
  </si>
  <si>
    <t>11/28/2019 12:33:40</t>
  </si>
  <si>
    <t>RES: FRAUDE BO - BASE FATURAMENTO - OUTUBRO/19</t>
  </si>
  <si>
    <t>10-FATURAMENTO-FRD_BO_AMEX-OUT-19 V5.xlsx</t>
  </si>
  <si>
    <t>11/28/2019 12:35:54</t>
  </si>
  <si>
    <t>11/28/2019 12:37:40</t>
  </si>
  <si>
    <t>anapscl@algartech.com;bonfim.silva@bradesco.com.br;cristiany.caixeta@bradesco.com.br;fredericobs@algartecnologia.com.br;greiciele.alves@bradesco.com.br;jussaragp@algartech.com;leandra.cardoso@bradesco.com.br;micheless@algartech.com;patricia.amaral@temposervicos.com.br;patriciaa.lima@temposervicos.com.br;rosemery.silva@bradesco.com.br;</t>
  </si>
  <si>
    <t>anapscl@algartech.com,bonfim.silva@bradesco.com.br,cristiany.caixeta@bradesco.com.br,fredericobs@algartecnologia.com.br,greiciele.alves@bradesco.com.br,jussaragp@algartech.com,leandra.cardoso@bradesco.com.br,micheless@algartech.com,patricia.amaral@temposervicos.com.br,patriciaa.lima@temposervicos.com.br,rosemery.silva@bradesco.com.br</t>
  </si>
  <si>
    <t>11/28/2019 12:37:01</t>
  </si>
  <si>
    <t>11/28/2019 12:39:40</t>
  </si>
  <si>
    <t>217474_Proposta_Transacional_SAGE_V2.xls</t>
  </si>
  <si>
    <t>11/28/2019 12:37:17</t>
  </si>
  <si>
    <t>11/28/2019 12:59:09</t>
  </si>
  <si>
    <t>11/28/2019 13:02:41</t>
  </si>
  <si>
    <t>C:\Users\andremg\Desktop\BKO Digital\</t>
  </si>
  <si>
    <t>URA - BKO Digital - Consolidado.xls</t>
  </si>
  <si>
    <t>11/28/2019 12:59:54</t>
  </si>
  <si>
    <t>"languagecode":"pt-br";"requesttype":"background_request";"scenariotype;"timezone":"-03:00";ess"}};grazielabo@algartech.com;leonardoil@algartech.com;p";taniacs@algartech.com;wanderff@algartech.com;</t>
  </si>
  <si>
    <t>"languagecode":"pt-br","requesttype":"background_request","scenariotype,"timezone":"-03:00",ess"}},grazielabo@algartech.com,leonardoil@algartech.com,p",taniacs@algartech.com,wanderff@algartech.com</t>
  </si>
  <si>
    <t>11/28/2019 13:03:21</t>
  </si>
  <si>
    <t>11/28/2019 13:07:41</t>
  </si>
  <si>
    <t>grazielabo@algartech.com;leonardoil@algartech.com;taniacs@algartech.com;wanderff@algartech.com;</t>
  </si>
  <si>
    <t>grazielabo@algartech.com,leonardoil@algartech.com,taniacs@algartech.com,wanderff@algartech.com</t>
  </si>
  <si>
    <t>11/28/2019 13:16:23</t>
  </si>
  <si>
    <t>11/28/2019 13:19:41</t>
  </si>
  <si>
    <t>11/28/2019 13:19:48</t>
  </si>
  <si>
    <t>11/28/2019 13:24:40</t>
  </si>
  <si>
    <t>22012 - UDI - WHIRLPOOL - P. A. DIGITAL ECOHOUSE.xlsx</t>
  </si>
  <si>
    <t>11/28/2019 13:20:12</t>
  </si>
  <si>
    <t>11/28/2019 13:27:17</t>
  </si>
  <si>
    <t>11/28/2019 13:29:41</t>
  </si>
  <si>
    <t>22039 - UDI - WHIRLPOOL - SERV KITCHENAID N2 DEZEMBRO.xlsx</t>
  </si>
  <si>
    <t>11/28/2019 13:28:09</t>
  </si>
  <si>
    <t>11/28/2019 13:34:21</t>
  </si>
  <si>
    <t>11/28/2019 13:34:40</t>
  </si>
  <si>
    <t>22038 - UDI - WHIRLPOOL - SERV KITCHENAID N1 DEZEMBRO.xlsx</t>
  </si>
  <si>
    <t>11/28/2019 13:31:28</t>
  </si>
  <si>
    <t>11/28/2019 13:35:40</t>
  </si>
  <si>
    <t>Controle de monitorias</t>
  </si>
  <si>
    <t>11/28/2019 13:34:33</t>
  </si>
  <si>
    <t>11/28/2019 13:39:41</t>
  </si>
  <si>
    <t>11/28/2019 13:35:57</t>
  </si>
  <si>
    <t>22013 - WHP - PVEN - UDI - SAC KITCHENAID DEZEMBRO.xlsx</t>
  </si>
  <si>
    <t>11/28/2019 13:36:11</t>
  </si>
  <si>
    <t>11/28/2019 13:43:32</t>
  </si>
  <si>
    <t>11/28/2019 13:46:41</t>
  </si>
  <si>
    <t>Relatório Pipeline_Raul_ 2019_11_28.xlsx</t>
  </si>
  <si>
    <t>11/28/2019 13:46:25</t>
  </si>
  <si>
    <t>11/28/2019 13:47:41</t>
  </si>
  <si>
    <t>UPH - Especialistas</t>
  </si>
  <si>
    <t>MASCARA__ESPECIALISTAS_SET-NOV.xlsx</t>
  </si>
  <si>
    <t>11/28/2019 13:54:23</t>
  </si>
  <si>
    <t>11/28/2019 13:57:41</t>
  </si>
  <si>
    <t>11/28/2019 14:01:04</t>
  </si>
  <si>
    <t>11/28/2019 14:03:41</t>
  </si>
  <si>
    <t>10.208.12.69</t>
  </si>
  <si>
    <t>11/28/2019 14:02:59</t>
  </si>
  <si>
    <t>11/28/2019 14:04:40</t>
  </si>
  <si>
    <t>C:\Users\mariannacsm\OneDrive - Grupo Algar\0- PMO-POOL\COMPRAS\07 - Dash Acordos e Contratos\</t>
  </si>
  <si>
    <t>11/28/2019 14:03:00</t>
  </si>
  <si>
    <t>11/28/2019 14:09:21</t>
  </si>
  <si>
    <t>11/28/2019 14:12:41</t>
  </si>
  <si>
    <t>11/28/2019 14:14:27</t>
  </si>
  <si>
    <t>11/28/2019 14:16:41</t>
  </si>
  <si>
    <t>Painel Financeiro nov.19.xlsb</t>
  </si>
  <si>
    <t>11/28/2019 14:14:49</t>
  </si>
  <si>
    <t>mail.google.com/_/upload?authuser=1&amp;dcp=asu-n&amp;upload_id=AEnB2UoaaOYh_6ME93gGfEzJT2aYoJNwpexyeeAjnUtHnrcEqBQJP8HwSMlkcXolYfwxjF7bvol_RKkNoWvvZ6rBxwu8DJWPxg&amp;upload_protocol=resumable</t>
  </si>
  <si>
    <t>11/28/2019 14:19:28</t>
  </si>
  <si>
    <t>11/28/2019 14:22:41</t>
  </si>
  <si>
    <t>Revisão Indicadores - Banco PAN.xlsx</t>
  </si>
  <si>
    <t>11/28/2019 14:24:20</t>
  </si>
  <si>
    <t>11/28/2019 14:26:41</t>
  </si>
  <si>
    <t>mail.google.com/mail/u/0/#inbox/CllgCHrgltbTWzMBPmPLjSCrpZQSppbmtgBwMgwfZJflbpztgfCxhWsPwptMwRnbQlsqPlpfDJV</t>
  </si>
  <si>
    <t>11/28/2019 14:23:52</t>
  </si>
  <si>
    <t>11/28/2019 14:27:41</t>
  </si>
  <si>
    <t>11/28/2019 14:24:15</t>
  </si>
  <si>
    <t>10.200.60.54</t>
  </si>
  <si>
    <t>D8-9C-67-01-55-63</t>
  </si>
  <si>
    <t>20191113 PESQUISA SATISFAÇÃO GERAL C17 NOVAS RAS.xls</t>
  </si>
  <si>
    <t>11/28/2019 14:25:24</t>
  </si>
  <si>
    <t>11/28/2019 14:25:49</t>
  </si>
  <si>
    <t>/o=exchangelabs/ou=exchange administrative group (fydibohf23spdlt)/cn=recipients/cn=ca5634aac17d42dc9af0f58d88acc615-simone rodr;simoners@algartech.com.br;</t>
  </si>
  <si>
    <t>/o=exchangelabs/ou=exchange administrative group (fydibohf23spdlt)/cn=recipients/cn=ca5634aac17d42dc9af0f58d88acc615-simone rodr,simoners@algartech.com.br</t>
  </si>
  <si>
    <t>11/28/2019 14:28:36</t>
  </si>
  <si>
    <t>11/28/2019 14:29:41</t>
  </si>
  <si>
    <t>mail.google.com/_/upload?authuser=0&amp;dcp=asu-n&amp;upload_id=AEnB2UpspMNTzIzvwfdaDukIPvey9iOxcbl9OmxL_1PQ40KOKSn746DNaYwRm-BsJ8mJDFDhNe25hs9v1OSIWr_pbRG7AoSMdN1Mzwt-A-LV-e9OsFKHOgc&amp;upload_protocol=resumable</t>
  </si>
  <si>
    <t>todos;</t>
  </si>
  <si>
    <t>Report Comercial Unica - Novembro (008).xlsx</t>
  </si>
  <si>
    <t>todos</t>
  </si>
  <si>
    <t>11/28/2019 14:26:47</t>
  </si>
  <si>
    <t>11/28/2019 14:30:41</t>
  </si>
  <si>
    <t>/o=exchangelabs/ou=exchange administrative group (fydibohf23spdlt)/cn=recipients/cn=06f7b28ae5fd4d08b534c77c4bd006de-thais brito;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b712c36eebee42428d3790abe2696417-romario gom;/o=exchangelabs/ou=exchange administrative group (fydibohf23spdlt)/cn=recipients/cn=fd4a47c4d251414eb48a57376a49e773-marco tulio;sabrinagc@algartech.com.br;thaisbrs@algartech.com.br;</t>
  </si>
  <si>
    <t>SQL Bases Mailings Ativo NEXT - novembro/19</t>
  </si>
  <si>
    <t>consulta tudo 01_27.11.csv</t>
  </si>
  <si>
    <t>/o=exchangelabs/ou=exchange administrative group (fydibohf23spdlt)/cn=recipients/cn=06f7b28ae5fd4d08b534c77c4bd006de-thais brito,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b712c36eebee42428d3790abe2696417-romario gom,/o=exchangelabs/ou=exchange administrative group (fydibohf23spdlt)/cn=recipients/cn=fd4a47c4d251414eb48a57376a49e773-marco tulio,sabrinagc@algartech.com.br,thaisbrs@algartech.com.br</t>
  </si>
  <si>
    <t>11/28/2019 14:28:54</t>
  </si>
  <si>
    <t>10.200.57.166</t>
  </si>
  <si>
    <t>D8-9C-67-01-51-C1</t>
  </si>
  <si>
    <t>/o=exchangelabs/ou=exchange administrative group (fydibohf23spdlt)/cn=recipients/cn=f927337e9e32468d91da72c6c6ec4935-eliamar de;eliamardo@algartech.com.br;</t>
  </si>
  <si>
    <t>ENC: SQL Bases Mailings Ativo NEXT - novembro/19</t>
  </si>
  <si>
    <t>/o=exchangelabs/ou=exchange administrative group (fydibohf23spdlt)/cn=recipients/cn=f927337e9e32468d91da72c6c6ec4935-eliamar de,eliamardo@algartech.com.br</t>
  </si>
  <si>
    <t>11/28/2019 14:33:07</t>
  </si>
  <si>
    <t>11/28/2019 14:37:41</t>
  </si>
  <si>
    <t>Consolidação Indicadores.xlsx</t>
  </si>
  <si>
    <t>11/28/2019 14:37:53</t>
  </si>
  <si>
    <t>11/28/2019 14:42:40</t>
  </si>
  <si>
    <t>C:\Users\lucianocle\Desktop\</t>
  </si>
  <si>
    <t>11/28/2019 14:37:54</t>
  </si>
  <si>
    <t>C:\Users\lucianocle\Desktop\Preço.xlsb\</t>
  </si>
  <si>
    <t>11/28/2019 14:49:34</t>
  </si>
  <si>
    <t>11/28/2019 14:54:40</t>
  </si>
  <si>
    <t>C:\Users\leandrojbe\Downloads\</t>
  </si>
  <si>
    <t>ATA Brigadistas Algar 4-5-6 (1).xlsx</t>
  </si>
  <si>
    <t>11/28/2019 14:58:30</t>
  </si>
  <si>
    <t>11/28/2019 14:59:41</t>
  </si>
  <si>
    <t>C:\Users\lucianafaa\OneDrive - Grupo Algar\2019\PROJETOS\PROGRAMA\CRM\CONTROLE\STATUS\Apresentação CRM 11-06.ppt\s2\</t>
  </si>
  <si>
    <t>11/28/2019 15:01:58</t>
  </si>
  <si>
    <t>11/28/2019 15:04:41</t>
  </si>
  <si>
    <t>mail.google.com/_/upload?authuser=0&amp;dcp=asu-n&amp;upload_id=AEnB2Uormyn5NjYPt3m2K74C8QlPfQi7H7UhNwP42jPmFRD2MDpybDcG7SeN7nS-1XKEm15C2gK8ft3en3p6D3eCE7zQ3b_b8w&amp;upload_protocol=resumable</t>
  </si>
  <si>
    <t>adrianaafss@algartech.com;adrianafsou@algartech.com;amandaacb@algartech.com;brunocss@algartech.com;douglasrsl@algartech.com;elianebarbosa.santos@bradesco.com.br;estelita.nascimento@bradesco.com.br;hannahgf@algartech.com;isauram.oliveira@bradesco.com.br;izildinha.guidote@bradesco.com.br;janaina.brito@bradesco.com.br;lucassl@algartech.com;marcosvsoa@algartech.com;milca.santos@bradesco.com.br;natalia.seretti@bradesco.com.br;paulohm@algartech.com;priscilacy@algartech.com;renata.marucci@bradesco.com.br;robertacmf@algartech.com;robertsonjs@algartech.com;sabrinavds@algartech.com;silvanaso@algartech.com;solic_gravacao@algartech.com;tatianedc@algartech.com;vanessasca@algartech.com;viniciusmlf@algartech.com;</t>
  </si>
  <si>
    <t>C:\Users\rodrigormc\Desktop\Custos Amex - TRF Priscila Campos.eml\</t>
  </si>
  <si>
    <t>Custos Amex Priscila TRF.xlsx</t>
  </si>
  <si>
    <t>adrianaafss@algartech.com,adrianafsou@algartech.com,amandaacb@algartech.com,brunocss@algartech.com,douglasrsl@algartech.com,elianebarbosa.santos@bradesco.com.br,estelita.nascimento@bradesco.com.br,hannahgf@algartech.com,isauram.oliveira@bradesco.com.br,izildinha.guidote@bradesco.com.br,janaina.brito@bradesco.com.br,lucassl@algartech.com,marcosvsoa@algartech.com,milca.santos@bradesco.com.br,natalia.seretti@bradesco.com.br,paulohm@algartech.com,priscilacy@algartech.com,renata.marucci@bradesco.com.br,robertacmf@algartech.com,robertsonjs@algartech.com,sabrinavds@algartech.com,silvanaso@algartech.com,solic_gravacao@algartech.com,tatianedc@algartech.com,vanessasca@algartech.com,viniciusmlf@algartech.com</t>
  </si>
  <si>
    <t>11/28/2019 15:12:13</t>
  </si>
  <si>
    <t>11/28/2019 15:16:40</t>
  </si>
  <si>
    <t>mail.google.com/_/upload?authuser=0&amp;dcp=asu-n&amp;upload_id=AEnB2UqupVnCLksHaMBjpq46A-DML5i1qj8njEAfEt4hNi7wgk7Jav_Loui3FpaiQi9Pf6SbF3v2DUvx_vXo3Q5vK14uUaY1gg&amp;upload_protocol=resumable</t>
  </si>
  <si>
    <t>C:\Users\lucianabo\Desktop\2019\11 - Novembro\FORECAST\</t>
  </si>
  <si>
    <t>FORECAST - ALINE SILVA - ALGAR TELECOM_ENVIO.xlsx</t>
  </si>
  <si>
    <t>11/28/2019 15:16:28</t>
  </si>
  <si>
    <t>11/28/2019 15:17:40</t>
  </si>
  <si>
    <t>daniel@algartech.com;</t>
  </si>
  <si>
    <t>\\acsfs\Deptos\Controladoria\2 - Business Performance\2019\1 - Precificacao\6 - Revisao da Metodologia\Consultoria Teros\02 - Quick Wins\Fase 1\Nova Planilha\</t>
  </si>
  <si>
    <t>Comparativo.xlsx</t>
  </si>
  <si>
    <t>daniel@algartech.com</t>
  </si>
  <si>
    <t>11/28/2019 14:30:43</t>
  </si>
  <si>
    <t>11/28/2019 15:18:40</t>
  </si>
  <si>
    <t>brunocameloss@gmail.com</t>
  </si>
  <si>
    <t>Planilhas de Qualidade URR_Versão 11-19.xls</t>
  </si>
  <si>
    <t>11/28/2019 15:18:32</t>
  </si>
  <si>
    <t>11/28/2019 15:20:40</t>
  </si>
  <si>
    <t>11/28/2019 15:22:36</t>
  </si>
  <si>
    <t>11/28/2019 15:24:40</t>
  </si>
  <si>
    <t>11/28/2019 15:25:00</t>
  </si>
  <si>
    <t>11/28/2019 15:26:41</t>
  </si>
  <si>
    <t>C:\Users\lucianabo\Desktop\2019\11 - Novembro\RETORNO AUDITORIA\RECEITAS TECNOLOGIA\TC_SAMPLE_NO_19\</t>
  </si>
  <si>
    <t>Controle Financeiro Variável - Dezembro 18.xlsb</t>
  </si>
  <si>
    <t>11/28/2019 15:22:46</t>
  </si>
  <si>
    <t>11/28/2019 15:27:40</t>
  </si>
  <si>
    <t>C:\Users\wladimirtn\OneDrive\Crud Tec\01 - Projetos\028 - Vou de Trem - 201911\</t>
  </si>
  <si>
    <t>Exemplo_voudetrem.xlsx</t>
  </si>
  <si>
    <t>11/28/2019 15:35:06</t>
  </si>
  <si>
    <t>11/28/2019 15:36:40</t>
  </si>
  <si>
    <t>FORMULARIO_DE_CADASTRO_DE_FORNECEDOR_-_R12_e_SOMAR_-_Socios 2.xlsx</t>
  </si>
  <si>
    <t>11/28/2019 15:36:25</t>
  </si>
  <si>
    <t>11/28/2019 15:37:40</t>
  </si>
  <si>
    <t>11/28/2019 15:36:39</t>
  </si>
  <si>
    <t>11/28/2019 15:39:40</t>
  </si>
  <si>
    <t>mail.google.com/_/upload?authuser=0&amp;dcp=asu-n&amp;upload_id=AEnB2UpS73l-fehdmFHNK4QQD8hGtPESgYMEL7SJLWfYSUfbctX89WcIHP39_ejMTDBYnjTiWXLhdA5JYgeJLHXrE9tvGEarQA&amp;upload_protocol=resumable</t>
  </si>
  <si>
    <t>0]l;0]ll;0]�c_x0015_h�n;1436845878;1574790529195;3;[];[]]];false;false]";null;rlvcuuogtgscwkpct6nvs-fiifoi\";</t>
  </si>
  <si>
    <t>0]l,0]ll,0]�c_x0015_h�n,1436845878,1574790529195,3,[],[]]],false,false]",null,rlvcuuogtgscwkpct6nvs-fiifoi\"</t>
  </si>
  <si>
    <t>11/28/2019 15:36:28</t>
  </si>
  <si>
    <t>11/28/2019 15:41:33</t>
  </si>
  <si>
    <t>11/28/2019 15:44:40</t>
  </si>
  <si>
    <t>11/28/2019 15:44:43</t>
  </si>
  <si>
    <t>11/28/2019 15:46:40</t>
  </si>
  <si>
    <t>C:\Users\lucianabo\Desktop\2019\11 - Novembro\RETORNO AUDITORIA\RECEITAS TECNOLOGIA\TC_SAMPLE_NO_86\</t>
  </si>
  <si>
    <t>Faturamento Agosto Whirlpool - Serviços.xlsx</t>
  </si>
  <si>
    <t>11/28/2019 15:42:29</t>
  </si>
  <si>
    <t>11/28/2019 15:58:40</t>
  </si>
  <si>
    <t>mail.google.com/_/upload?authuser=1&amp;dcp=asu-n&amp;upload_id=AEnB2UqdS5QVl6OLEU16gpzBdK4ajhO1qpUoZYhLODrv2h6oV1YvvuEDH2nXdf8_6_mEB1FDwb9j66WGybVtJULCa4bughHM6Q&amp;upload_protocol=resumable</t>
  </si>
  <si>
    <t>\\acsfs\DEPTOS\Operacao\PCP\3 - Corporativo\MIS\GERADOR DE BIO\CLIENTES\CORPORATIVO\ACP_RECEPTIVO\PLANEJAMENTO_PCP_POWER BI\Planejamento DW\Modelo\</t>
  </si>
  <si>
    <t>DW Algar - Planejado Intradiario OPERACAO MES ANO.xlsm</t>
  </si>
  <si>
    <t>11/28/2019 15:49:43</t>
  </si>
  <si>
    <t>UPH BO CADASTRAL</t>
  </si>
  <si>
    <t>EXPLICATIVO_BO_CADASTRAL_CONTROLES_201909.xlsx</t>
  </si>
  <si>
    <t>11/28/2019 15:43:05</t>
  </si>
  <si>
    <t>11/28/2019 15:59:41</t>
  </si>
  <si>
    <t>11/28/2019 15:55:50</t>
  </si>
  <si>
    <t>11/28/2019 16:00:40</t>
  </si>
  <si>
    <t>C:\Users\alexsandrodmju\Documents\Duda\Sub-Demandas\Categorizações\</t>
  </si>
  <si>
    <t>Extração - Classificações de Atendimento.csv</t>
  </si>
  <si>
    <t>11/28/2019 15:55:14</t>
  </si>
  <si>
    <t>RES: SQL Bases Mailings Ativo NEXT - novembro/19</t>
  </si>
  <si>
    <t>consulta tudo 01_27.11.csv.7z</t>
  </si>
  <si>
    <t>11/28/2019 15:56:47</t>
  </si>
  <si>
    <t>11/28/2019 16:01:41</t>
  </si>
  <si>
    <t>mail.google.com/_/upload?authuser=0&amp;dcp=asu-n&amp;upload_id=AEnB2UrzveaWw3M1lWpO_oXyn531BboHROARpqe0HrTgQ0ylpl3fivNPZcaH_etlDhtY4bp1uCP2izt96I93bXiE9cdc0j4ccg&amp;upload_protocol=resumable</t>
  </si>
  <si>
    <t>FORECAST - OPERAÇÕES GUILHERME &amp; MARILIA_ENVIO.xlsx</t>
  </si>
  <si>
    <t>11/28/2019 16:04:41</t>
  </si>
  <si>
    <t>11/28/2019 16:05:32</t>
  </si>
  <si>
    <t>11/28/2019 16:06:41</t>
  </si>
  <si>
    <t>C:\Users\karlosgc\Dropbox\NB-AlgarTech\ITSM\</t>
  </si>
  <si>
    <t>11/28/2019 16:05:34</t>
  </si>
  <si>
    <t>Matriz de Avaliação ITSM OFICIAL.xlsx</t>
  </si>
  <si>
    <t>11/28/2019 16:05:42</t>
  </si>
  <si>
    <t>C:\Users\karlosgc\Dropbox\NB-AlgarTech\ITSM\historico\</t>
  </si>
  <si>
    <t>11/28/2019 16:05:27</t>
  </si>
  <si>
    <t>11/28/2019 16:10:40</t>
  </si>
  <si>
    <t>mail.google.com/_/upload?authuser=0&amp;dcp=asu-n&amp;upload_id=AEnB2UqWv9ja-vApksHfiM0bYOazglqwAcC0pZdkp6GKUdA7VMHH-NdrHtlXUVduSn7WEeVctNIptHWHMiO0TLLy8p3Iib-C3A&amp;upload_protocol=resumable</t>
  </si>
  <si>
    <t>20191113 - Ganhos ERP.xlsx</t>
  </si>
  <si>
    <t>11/28/2019 16:05:52</t>
  </si>
  <si>
    <t>11/28/2019 16:11:41</t>
  </si>
  <si>
    <t>11/28/2019 16:10:07</t>
  </si>
  <si>
    <t>eversonmc@algartech.com.br;vanusaos@algartech.com.br;</t>
  </si>
  <si>
    <t>ENC: Preencher Planilha</t>
  </si>
  <si>
    <t>PAINEL CASOS ESCALADOS 28-11.xlsm</t>
  </si>
  <si>
    <t>eversonmc@algartech.com.br,vanusaos@algartech.com.br</t>
  </si>
  <si>
    <t>11/28/2019 16:11:55</t>
  </si>
  <si>
    <t>11/28/2019 16:16:40</t>
  </si>
  <si>
    <t>11/28/2019 16:12:19</t>
  </si>
  <si>
    <t>RES: Preencher Planilha</t>
  </si>
  <si>
    <t>PAINEL CASOS ESCALADOS 28-11-Leo.xlsm</t>
  </si>
  <si>
    <t>11/28/2019 16:17:31</t>
  </si>
  <si>
    <t>11/28/2019 16:21:40</t>
  </si>
  <si>
    <t>mail.google.com/_/upload?authuser=0&amp;dcp=asu-n&amp;upload_id=AEnB2UqJKENmmMN2w5rA3-46MAhpaWtpiDnGKBEQQfo1tyBQ8qazCgkYiUyFUMWCQ6vEwJOVB0D6I158A4_WTt4AytsFUpULMg&amp;upload_protocol=resumable</t>
  </si>
  <si>
    <t>C:\Users\lucianabo\Desktop\2020\COMPARAÇÃO BPS X ORÇ 2020 - ALESSANDRA\</t>
  </si>
  <si>
    <t>ALGAR TELECOM - Retenção - Aj span - Feriados - VALIDADO.xlsb</t>
  </si>
  <si>
    <t>C:\Users\lucianabo\Desktop\2020\COMPARAÇÃO BPS X ORÇ 2020 - ALESSANDRA\ALGAR TELECOM - Retenção - Aj span - Feriados - VALIDADO.xlsb\</t>
  </si>
  <si>
    <t>11/28/2019 16:23:34</t>
  </si>
  <si>
    <t>11/28/2019 16:24:40</t>
  </si>
  <si>
    <t>D:\OneDrive\AlgarTech\Pré-Vendas\Cliente\2018\Desenvolve SP\149762 - DataCenter - Consultoria Luiz Noburo\3 - Informações\RevisãoEscopo.msg\s128\</t>
  </si>
  <si>
    <t>Proposta comercial Data Center.xlsx</t>
  </si>
  <si>
    <t>11/28/2019 16:20:41</t>
  </si>
  <si>
    <t>11/28/2019 16:20:46</t>
  </si>
  <si>
    <t>mail.google.com/_/upload?authuser=0&amp;dcp=asu-n&amp;upload_id=AEnB2UreUG5mz89-qIjlDUbOUHvZgmk9mCsTvQ9OIazu-qz7HdtUqf4tiPOreB609oiEzE2mCFGoKOjgnpca022YfKOfIs15SQ&amp;upload_protocol=resumable</t>
  </si>
  <si>
    <t>11/28/2019 16:21:07</t>
  </si>
  <si>
    <t>192.168.1.111</t>
  </si>
  <si>
    <t>Controle Perimetro Contrato AlgarTech_3T2019_21102019_v1_Incluir_Contrat.._.xlsx</t>
  </si>
  <si>
    <t>11/28/2019 16:06:22</t>
  </si>
  <si>
    <t>11/28/2019 16:30:41</t>
  </si>
  <si>
    <t>C:\Users\ericacdosc\Desktop\CAPEX 2020 26_11 IFRS.pptx\</t>
  </si>
  <si>
    <t>11/28/2019 16:29:59</t>
  </si>
  <si>
    <t>priscilaflo@algartech.com</t>
  </si>
  <si>
    <t>Pesquisa Salarial TI UDI _ Kazuro - Enviado 28nov.xlsx</t>
  </si>
  <si>
    <t>11/28/2019 16:41:41</t>
  </si>
  <si>
    <t>11/28/2019 15:50:20</t>
  </si>
  <si>
    <t>11/28/2019 16:35:56</t>
  </si>
  <si>
    <t>11/28/2019 16:38:49</t>
  </si>
  <si>
    <t>11/28/2019 16:38:50</t>
  </si>
  <si>
    <t>ALGAR TELECOM - Televendas - 149591 - Telecom - 281k s Gen v4.xlsb</t>
  </si>
  <si>
    <t>C:\Users\lucianabo\Desktop\2020\COMPARAÇÃO BPS X ORÇ 2020 - ALESSANDRA\ALGAR TELECOM - Televendas - 149591 - Telecom - 281k s Gen v4.xlsb\</t>
  </si>
  <si>
    <t>11/28/2019 16:40:46</t>
  </si>
  <si>
    <t>11/28/2019 16:42:41</t>
  </si>
  <si>
    <t>C:\Users\matheusvs\Downloads\</t>
  </si>
  <si>
    <t>Entregas canais digitais.xlsx</t>
  </si>
  <si>
    <t>11/28/2019 16:51:20</t>
  </si>
  <si>
    <t>11/28/2019 16:56:43</t>
  </si>
  <si>
    <t>Reconhecimento Gente Servindo Gente_V3 (1).xlsx</t>
  </si>
  <si>
    <t>11/28/2019 16:58:23</t>
  </si>
  <si>
    <t>11/28/2019 17:02:42</t>
  </si>
  <si>
    <t>11/28/2019 17:05:45</t>
  </si>
  <si>
    <t>11/28/2019 17:07:42</t>
  </si>
  <si>
    <t>C:\Users\lucianafaa\OneDrive - Grupo Algar\2019\PROJETOS\WFM\EXECUCAO\FASE 01 - RECEPTIVO\QLICKVIEW\</t>
  </si>
  <si>
    <t>Maio e Junho.xls</t>
  </si>
  <si>
    <t>11/28/2019 17:06:40</t>
  </si>
  <si>
    <t>BI WFM 02-08.xls</t>
  </si>
  <si>
    <t>11/28/2019 17:04:20</t>
  </si>
  <si>
    <t>11/28/2019 17:09:42</t>
  </si>
  <si>
    <t>mail.google.com/_/upload?authuser=0&amp;dcp=asu-n&amp;upload_id=AEnB2Upn3EdWKzgOd2MI4VmWBKRVCS2L_1X0yRdVmrPTS4ejGhs3W05lwdsmPnRGedHqPB04v-3Hv22KMEcjUqaNUJbrdZNL4cnFYaQCHZf9RkeSjiE1TY0&amp;upload_protocol=resumable</t>
  </si>
  <si>
    <t>Controle de pagamentos Rejeitados 2711 - Algar.xlsx</t>
  </si>
  <si>
    <t>11/28/2019 17:06:25</t>
  </si>
  <si>
    <t>11/28/2019 17:11:42</t>
  </si>
  <si>
    <t>cesaradsg@algartech.com.br;</t>
  </si>
  <si>
    <t>cesaradsg@algartech.com.br</t>
  </si>
  <si>
    <t>11/28/2019 17:08:25</t>
  </si>
  <si>
    <t>andrelpsa@algartech.com;flora.lira@bv.com.br;gilson.santos@neobpo.com.br;jose.gomes@bv.com.br;karoline.custodio@call.neobpo.com.br;monica.apereira@call.neobpo.com.br;renata.farina@bv.com.br;supervisaobancovotorantim@algartech.com;talmaiardo@algartech.com;willian.alves@neobpo.com.br;</t>
  </si>
  <si>
    <t>Close The Loop _ Algar _ 28.11.xlsx</t>
  </si>
  <si>
    <t>andrelpsa@algartech.com,flora.lira@bv.com.br,gilson.santos@neobpo.com.br,jose.gomes@bv.com.br,karoline.custodio@call.neobpo.com.br,monica.apereira@call.neobpo.com.br,renata.farina@bv.com.br,supervisaobancovotorantim@algartech.com,talmaiardo@algartech.com,willian.alves@neobpo.com.br</t>
  </si>
  <si>
    <t>11/28/2019 17:11:23</t>
  </si>
  <si>
    <t>11/28/2019 17:13:42</t>
  </si>
  <si>
    <t>Calculadora Reclame Aqui Toyota - Gexp (003).xlsx</t>
  </si>
  <si>
    <t>containsunsubscribedchildren,displayname,domain,emailaddress,filesize,hasth,id),lastmodifyinguser(kind,lastviewedbymedate,modifiedbymedate,ontainsunsubscribedchildren,owners(kind,p performance"},permissionid,pict,picture,rpermissions,workspaceids</t>
  </si>
  <si>
    <t>11/28/2019 17:11:10</t>
  </si>
  <si>
    <t>11/28/2019 17:14:42</t>
  </si>
  <si>
    <t>10.200.99.89</t>
  </si>
  <si>
    <t>Reconhecimento Gente Servindo Gente.xlsx</t>
  </si>
  <si>
    <t>11/28/2019 17:14:30</t>
  </si>
  <si>
    <t>11/28/2019 17:17:42</t>
  </si>
  <si>
    <t>sollero@algartech.com</t>
  </si>
  <si>
    <t>C:\INFORMAÇÕES CLIENTES SOLLERO\COMFRIO SOLUÇÕES LOGISTICAS SA\FATURAMENTO\112019\ENC_ Relatório Comfrio - Ref_ Outubro.msg\s93\</t>
  </si>
  <si>
    <t>Relatorio COMFRIO - Outubro - Previa - completa_v1.xlsx</t>
  </si>
  <si>
    <t>SEGATTO E GLEICE - COMFRIO - Validado.xlsx</t>
  </si>
  <si>
    <t>11/28/2019 17:16:29</t>
  </si>
  <si>
    <t>11/28/2019 17:18:42</t>
  </si>
  <si>
    <t>Aquisições Toyota.xlsx</t>
  </si>
  <si>
    <t>11/28/2019 17:17:12</t>
  </si>
  <si>
    <t>Cartão Aniversariantes.xlsx</t>
  </si>
  <si>
    <t>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ure,quotabytesused,shareable,shared,sharedwithmedate,subscri,thumbnailversion,title,userpermission(role),workspaceids</t>
  </si>
  <si>
    <t>11/28/2019 17:17:26</t>
  </si>
  <si>
    <t>Gestão PMO.xlsx</t>
  </si>
  <si>
    <t>11/28/2019 17:17:54</t>
  </si>
  <si>
    <t>INDICADORES DE CONTRATO - TOYOTA.xlsx</t>
  </si>
  <si>
    <t>11/28/2019 17:18:05</t>
  </si>
  <si>
    <t>11/28/2019 17:23:43</t>
  </si>
  <si>
    <t>containsunsubscribedchildren,copyable,displayname,domain,emailaddress,explicitlytrashed,filesize,folderco,hasthumbnail,hasvisitorpermissions,id,id),items(kind,ken,lastmodifyinguser(kind,lastviewedbymedate,mimetype,modifiedbymedate,modifieddate,ontainsunsubscribedchildren,owners(kind,permissionid,picture,quotabytesused,shareable,shared,sharedwithmedate,subscri,subscribed,thumbnailversion,title,userpermission(role),workspaceids</t>
  </si>
  <si>
    <t>11/28/2019 17:24:36</t>
  </si>
  <si>
    <t>11/28/2019 17:25:43</t>
  </si>
  <si>
    <t>mail.google.com/_/upload?authuser=1&amp;dcp=asu-n&amp;upload_id=AEnB2Uq5Py_vZwiMVszjhSHO9tm4upeN-V3tFYFMNEBgurQ5g0njCmNEQPKYYhEAJCcj03ocUolPJsYrvnseiWp1rAvty1Iu_Sh7netv0nw6EPb3NlJDPVk&amp;upload_protocol=resumable</t>
  </si>
  <si>
    <t>\\acsfs\deptos\CAS - Coordenação de Arquitetura de Soluções\Projetos\2019\Bradesco\214369 - SD Bradesco\1. Precificação\</t>
  </si>
  <si>
    <t>214269_Bradesco_SD_Cenário_01_36_JR_(C018_B018)_v4 - bp novo.xlsb</t>
  </si>
  <si>
    <t>\\acsfs\deptos\CAS - Coordenação de Arquitetura de Soluções\Projetos\2019\Bradesco\214369 - SD Bradesco\1. Precificação\214269_Bradesco_SD_Cenário_01_36_JR_(C018_B018)_v4 - bp novo.xlsb\</t>
  </si>
  <si>
    <t>11/28/2019 17:25:15</t>
  </si>
  <si>
    <t>11/28/2019 17:27:43</t>
  </si>
  <si>
    <t>11/28/2019 17:27:25</t>
  </si>
  <si>
    <t>11/28/2019 17:32:42</t>
  </si>
  <si>
    <t>C:\Users\lucianafaa\OneDrive - Grupo Algar\2019\PROJETOS\URR\ACTION\NOVEMBRO\</t>
  </si>
  <si>
    <t>Status 02-12.xlsx</t>
  </si>
  <si>
    <t>11/28/2019 17:33:38</t>
  </si>
  <si>
    <t>11/28/2019 17:37:43</t>
  </si>
  <si>
    <t>\\acsfs\engeset\CPV_ULA\ADMINISTRATIVO\CONTROLE ADMINISTRATIVO\DOCUMENTAÇÃO PARA HABILITAÇÃO\Algar Tecnologia\2019\000000 - BANCO HONDA - RFI - 29.11.2019\</t>
  </si>
  <si>
    <t>RFI .xlsx</t>
  </si>
  <si>
    <t>11/28/2019 17:35:21</t>
  </si>
  <si>
    <t>hewersong@algartech.com;hugooc@algartech.com;marcelacpe@algartecnologia.com.br;marcospr@algartech.com;nataliamam@algartech.com;rosilenedlf@algartech.com;yuriifd@algartech.com;</t>
  </si>
  <si>
    <t>\\acsfs\deptos\CAS - Coordenação de Arquitetura de Soluções\Projetos\2019\Whirlpool\217448 - WHIRLPOOL - ECOHOUSE - Mascara SMS\Preço\</t>
  </si>
  <si>
    <t>217448 - Plan Precificacao C018 B018.xlsb</t>
  </si>
  <si>
    <t>hewersong@algartech.com,hugooc@algartech.com,marcelacpe@algartecnologia.com.br,marcospr@algartech.com,nataliamam@algartech.com,rosilenedlf@algartech.com,yuriifd@algartech.com</t>
  </si>
  <si>
    <t>\\acsfs\deptos\CAS - Coordenação de Arquitetura de Soluções\Projetos\2019\Whirlpool\217448 - WHIRLPOOL - ECOHOUSE - Mascara SMS\Preço\217448 - Plan Precificacao C018 B018.xlsb\</t>
  </si>
  <si>
    <t>11/28/2019 17:35:25</t>
  </si>
  <si>
    <t>11/28/2019 17:38:43</t>
  </si>
  <si>
    <t>\\acsfs\deptos\controladoria\25.gestão de riscos\1. apresentações\01. cagr\2019\out19\cagr_algar tech_cagr_08ago_financeiro.pptx\</t>
  </si>
  <si>
    <t>11/28/2019 17:38:57</t>
  </si>
  <si>
    <t>11/28/2019 17:39:43</t>
  </si>
  <si>
    <t>aspect@algartech.com;carlosasr@algartech.com;felipemdan@algartech.com;gessycaam@algartech.com;matheusmm@algartech.com;patriciaac@algartech.com;paulohm@algartech.com;vivianeppe@algartech.com;</t>
  </si>
  <si>
    <t>aspect@algartech.com,carlosasr@algartech.com,felipemdan@algartech.com,gessycaam@algartech.com,matheusmm@algartech.com,patriciaac@algartech.com,paulohm@algartech.com,vivianeppe@algartech.com</t>
  </si>
  <si>
    <t>11/28/2019 17:42:12</t>
  </si>
  <si>
    <t>11/28/2019 17:47:43</t>
  </si>
  <si>
    <t>C:\Users\lucianafaa\OneDrive - Grupo Algar\2019\PROJETOS\REAJUSTE DE CONTRATO\PLANILHA REAJUSTES\STATUS REPORT\STATUS SEMANAL\03-12\</t>
  </si>
  <si>
    <t>11/28/2019 17:42:45</t>
  </si>
  <si>
    <t>11/28/2019 17:46:15</t>
  </si>
  <si>
    <t>11/28/2019 17:51:43</t>
  </si>
  <si>
    <t>Transf 112019 - Copia.xls</t>
  </si>
  <si>
    <t>11/28/2019 17:47:09</t>
  </si>
  <si>
    <t>Pweb Provisão Penalidades Tim On Going 112019 .xls</t>
  </si>
  <si>
    <t>11/28/2019 17:54:20</t>
  </si>
  <si>
    <t>11/28/2019 17:57:43</t>
  </si>
  <si>
    <t>mail.google.com/_/upload?authuser=2&amp;dcp=asu-n&amp;upload_id=AEnB2Up6OYxnzwM04KUy4iBlW08bLnkZ3ypncWo8UcOm5zzzsXnieP_mPwMSVGwWkx-8QaFZLZZ_buWDA3nvjchAUMezmGaNThjjNrWvxHvfqq5o24EaFgs&amp;upload_protocol=resumable</t>
  </si>
  <si>
    <t>C:\Users\fernandorsju\Desktop\</t>
  </si>
  <si>
    <t>11/28/2019 17:56:35</t>
  </si>
  <si>
    <t>11/28/2019 18:01:43</t>
  </si>
  <si>
    <t>mail.google.com/_/upload?authuser=0&amp;dcp=asu-n&amp;upload_id=AEnB2UrCt5ovGJ6vGnVumg5B1rMmyLhzm4_4ExU_SwOxIJM_T2t07WsiXyWycoJiTmJ-GnxkKoUocfXJoIq_mLJcxZBStLvIuQ&amp;upload_protocol=resumable</t>
  </si>
  <si>
    <t>FORECAST - OPERAÇÃO AVON_ENVIO.xlsx</t>
  </si>
  <si>
    <t>11/28/2019 18:06:04</t>
  </si>
  <si>
    <t>11/28/2019 18:10:44</t>
  </si>
  <si>
    <t>10.200.58.73</t>
  </si>
  <si>
    <t>AC-D5-64-F2-A2-C9</t>
  </si>
  <si>
    <t>vilarinho@algartech.com</t>
  </si>
  <si>
    <t>C:\Users\vilarinho\OneDrive - Grupo Algar\Algar Tech\Controladoria\Comite de Auditoria\Comite Auditoria 2019\4ComiteOUT_04.12.19\LPApresentação_Modelo.pptx\</t>
  </si>
  <si>
    <t>11/28/2019 18:08:07</t>
  </si>
  <si>
    <t>11/28/2019 18:11:43</t>
  </si>
  <si>
    <t>Transf 112019.xls</t>
  </si>
  <si>
    <t>11/28/2019 18:09:55</t>
  </si>
  <si>
    <t>11/28/2019 18:12:44</t>
  </si>
  <si>
    <t>\\acsfs\Deptos\CAS - Coordenação de Arquitetura de Soluções\Projetos\2019\IBM\214400 - Onofre_Rollout\1. Precificação\</t>
  </si>
  <si>
    <t>214400_IBM_Onofre_Rollout_PDV_v6_(C017_B017).xlsb</t>
  </si>
  <si>
    <t>\\acsfs\Deptos\CAS - Coordenação de Arquitetura de Soluções\Projetos\2019\IBM\214400 - Onofre_Rollout\1. Precificação\214400_IBM_Onofre_Rollout_PDV_v6_(C017_B017).xlsb\</t>
  </si>
  <si>
    <t>11/28/2019 18:14:46</t>
  </si>
  <si>
    <t>11/28/2019 18:15:43</t>
  </si>
  <si>
    <t>C:\Users\vilarinho\OneDrive - Grupo Algar\Algar Tech\Orçamento\Orçamento2019\4Reuger_Preclosing e LP\Final 26.11.19\ComentariosPassagem.pptx\</t>
  </si>
  <si>
    <t>11/28/2019 18:14:47</t>
  </si>
  <si>
    <t>11/28/2019 18:14:48</t>
  </si>
  <si>
    <t>11/28/2019 18:14:49</t>
  </si>
  <si>
    <t>11/28/2019 18:14:50</t>
  </si>
  <si>
    <t>11/28/2019 18:14:51</t>
  </si>
  <si>
    <t>11/28/2019 18:17:50</t>
  </si>
  <si>
    <t>11/28/2019 18:19:44</t>
  </si>
  <si>
    <t>anapca@algartech.com;celmars@algartech.com;vilarinho@algartech.com;</t>
  </si>
  <si>
    <t>\\Acsfs\deptos\PMO Governança\06 - GOVERNANÇA DO CAPEX\CAPEX 2020\ORÇAMENTO\OFICIAL\01 - OFICIAL\CAPEX 2020 27_11.pptx\</t>
  </si>
  <si>
    <t>anapca@algartech.com,celmars@algartech.com,vilarinho@algartech.com</t>
  </si>
  <si>
    <t>11/28/2019 18:20:43</t>
  </si>
  <si>
    <t>11/28/2019 18:14:52</t>
  </si>
  <si>
    <t>11/28/2019 18:14:53</t>
  </si>
  <si>
    <t>11/28/2019 18:14:54</t>
  </si>
  <si>
    <t>11/28/2019 18:14:55</t>
  </si>
  <si>
    <t>oleObject122.dat</t>
  </si>
  <si>
    <t>11/28/2019 18:14:56</t>
  </si>
  <si>
    <t>oleObject133.dat</t>
  </si>
  <si>
    <t>oleObject160.dat</t>
  </si>
  <si>
    <t>oleObject161.dat</t>
  </si>
  <si>
    <t>oleObject162.dat</t>
  </si>
  <si>
    <t>oleObject165.dat</t>
  </si>
  <si>
    <t>oleObject166.dat</t>
  </si>
  <si>
    <t>11/28/2019 18:14:57</t>
  </si>
  <si>
    <t>11/28/2019 18:14:58</t>
  </si>
  <si>
    <t>11/28/2019 18:14:59</t>
  </si>
  <si>
    <t>11/28/2019 18:15:07</t>
  </si>
  <si>
    <t>11/28/2019 18:15:08</t>
  </si>
  <si>
    <t>11/28/2019 18:15:09</t>
  </si>
  <si>
    <t>11/28/2019 18:15:10</t>
  </si>
  <si>
    <t>11/28/2019 18:15:11</t>
  </si>
  <si>
    <t>11/28/2019 18:15:12</t>
  </si>
  <si>
    <t>11/28/2019 18:15:13</t>
  </si>
  <si>
    <t>11/28/2019 18:15:19</t>
  </si>
  <si>
    <t>11/28/2019 18:15:20</t>
  </si>
  <si>
    <t>11/28/2019 18:15:21</t>
  </si>
  <si>
    <t>11/28/2019 18:15:22</t>
  </si>
  <si>
    <t>11/28/2019 18:15:23</t>
  </si>
  <si>
    <t>11/28/2019 18:15:31</t>
  </si>
  <si>
    <t>11/28/2019 18:15:32</t>
  </si>
  <si>
    <t>11/28/2019 18:15:33</t>
  </si>
  <si>
    <t>11/28/2019 18:15:34</t>
  </si>
  <si>
    <t>11/28/2019 18:15:35</t>
  </si>
  <si>
    <t>11/28/2019 18:15:36</t>
  </si>
  <si>
    <t>11/28/2019 18:15:47</t>
  </si>
  <si>
    <t>11/28/2019 18:15:48</t>
  </si>
  <si>
    <t>11/28/2019 18:15:49</t>
  </si>
  <si>
    <t>11/28/2019 18:15:50</t>
  </si>
  <si>
    <t>11/28/2019 18:15:51</t>
  </si>
  <si>
    <t>11/28/2019 18:15:52</t>
  </si>
  <si>
    <t>11/28/2019 18:17:57</t>
  </si>
  <si>
    <t>11/28/2019 18:17:58</t>
  </si>
  <si>
    <t>11/28/2019 18:17:59</t>
  </si>
  <si>
    <t>11/28/2019 18:18:00</t>
  </si>
  <si>
    <t>11/28/2019 18:18:01</t>
  </si>
  <si>
    <t>11/28/2019 18:18:10</t>
  </si>
  <si>
    <t>11/28/2019 18:18:11</t>
  </si>
  <si>
    <t>11/28/2019 18:18:12</t>
  </si>
  <si>
    <t>11/28/2019 18:18:13</t>
  </si>
  <si>
    <t>11/28/2019 18:18:14</t>
  </si>
  <si>
    <t>11/28/2019 18:18:25</t>
  </si>
  <si>
    <t>11/28/2019 18:18:26</t>
  </si>
  <si>
    <t>11/28/2019 18:18:27</t>
  </si>
  <si>
    <t>11/28/2019 18:18:28</t>
  </si>
  <si>
    <t>11/28/2019 18:18:29</t>
  </si>
  <si>
    <t>11/28/2019 18:18:30</t>
  </si>
  <si>
    <t>11/28/2019 18:18:46</t>
  </si>
  <si>
    <t>11/28/2019 18:18:47</t>
  </si>
  <si>
    <t>11/28/2019 18:18:48</t>
  </si>
  <si>
    <t>11/28/2019 18:18:49</t>
  </si>
  <si>
    <t>11/28/2019 18:21:44</t>
  </si>
  <si>
    <t>11/28/2019 18:18:50</t>
  </si>
  <si>
    <t>11/28/2019 18:19:00</t>
  </si>
  <si>
    <t>11/28/2019 18:19:01</t>
  </si>
  <si>
    <t>11/28/2019 18:19:02</t>
  </si>
  <si>
    <t>11/28/2019 18:19:03</t>
  </si>
  <si>
    <t>11/28/2019 18:19:04</t>
  </si>
  <si>
    <t>11/28/2019 18:19:14</t>
  </si>
  <si>
    <t>11/28/2019 18:19:15</t>
  </si>
  <si>
    <t>11/28/2019 18:19:16</t>
  </si>
  <si>
    <t>11/28/2019 18:19:17</t>
  </si>
  <si>
    <t>11/28/2019 18:19:18</t>
  </si>
  <si>
    <t>11/28/2019 18:19:19</t>
  </si>
  <si>
    <t>11/28/2019 18:19:29</t>
  </si>
  <si>
    <t>11/28/2019 18:19:30</t>
  </si>
  <si>
    <t>11/28/2019 18:42:52</t>
  </si>
  <si>
    <t>11/28/2019 18:43:45</t>
  </si>
  <si>
    <t>C:\Users\matheusvs\Desktop\</t>
  </si>
  <si>
    <t>Finanças caóticas.xlsx</t>
  </si>
  <si>
    <t>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,display,displaynam,displayname,domain,emailaddress,emailaddress�,explicitlytrashed,file(kind,fileextension,fileid,filesize,flaggedforabuse,foldercolor,folderfeatures,hasaugmentedpermissions,haschildfolders,hasthumbnail,hasvisitorpermissions,hidden,id,id),items(deleted,items(kind,ken,kind,labels(starred,lastmodifyingus,lastmodifyinguser(kind,lastviewedbymedate,mimetype,modifiedbymedate,modifieddate,ontainsunsubscribedchildren,organizationdisplayname,owners(kind,parents(id),passivelysubscribed,permissionid,picture,primarydomainname,primarysyncparentid,quotabytesused,recency,recencyreason,restricted,rpermissions,share,shareable,shared,sharedwithmedate,sharinguser</t>
  </si>
  <si>
    <t>11/28/2019 19:12:53</t>
  </si>
  <si>
    <t>11/28/2019 19:14:44</t>
  </si>
  <si>
    <t>https://caey.fa.us2.oraclecloud.com/crmui/faces/fuseoverview?_adf.ctrl-state=xxb65eijo_5&amp;fnd=;;;;false;256;;;&amp;fndglobalitemnodeid=moo_opptymgmtopportunities_crm_card</t>
  </si>
  <si>
    <t>\\acsfs\Deptos\CAS - Coordenação de Arquitetura de Soluções\Projetos\2019\Honda\216388 - RFP SUSTENTAÇÃO OFFICE 365\1. Precificação\</t>
  </si>
  <si>
    <t>216388 - RFP Honda O365 v1.xlsb</t>
  </si>
  <si>
    <t>\\acsfs\Deptos\CAS - Coordenação de Arquitetura de Soluções\Projetos\2019\Honda\216388 - RFP SUSTENTAÇÃO OFFICE 365\1. Precificação\216388 - RFP Honda O365 v1.xlsb\</t>
  </si>
  <si>
    <t>11/28/2019 19:13:22</t>
  </si>
  <si>
    <t>11/28/2019 19:14:21</t>
  </si>
  <si>
    <t>11/28/2019 19:15:44</t>
  </si>
  <si>
    <t>cpc-controldeskavon@algartech.com;viniciussg@algartech.com;</t>
  </si>
  <si>
    <t>Incentivo Outubro.xlsx</t>
  </si>
  <si>
    <t>cpc-controldeskavon@algartech.com,viniciussg@algartech.com</t>
  </si>
  <si>
    <t>11/28/2019 21:00:08</t>
  </si>
  <si>
    <t>11/28/2019 21:03:46</t>
  </si>
  <si>
    <t>C:\Users\joaobab\OneDrive - Grupo Algar\temp\Whirpool\Discador\POC Cobrança\</t>
  </si>
  <si>
    <t>WHIRLPOOLCOB.csv</t>
  </si>
  <si>
    <t>11/29/2019 06:25:23</t>
  </si>
  <si>
    <t>11/29/2019 06:29:48</t>
  </si>
  <si>
    <t>mail.google.com/mail/u/0/?tab=wm&amp;ogbl#inbox</t>
  </si>
  <si>
    <t>C:\Users\eunice.pimenta\Desktop\</t>
  </si>
  <si>
    <t>mapa gerencial.xlsx</t>
  </si>
  <si>
    <t>11/29/2019 06:52:25</t>
  </si>
  <si>
    <t>11/29/2019 06:56:47</t>
  </si>
  <si>
    <t>mail.google.com/_/upload?authuser=2&amp;dcp=asu-n&amp;upload_id=AEnB2UpdLYSvLL_schDEF4geHAvjPjksv56dZITdr7f3-d5Y2oVRYUqkY8036MLHt_AarwHm0wPviTyKj_xjfavWzc13gZcMqQ&amp;upload_protocol=resumable</t>
  </si>
  <si>
    <t>pendencias Oracle.xlsx</t>
  </si>
  <si>
    <t>11/29/2019 06:52:34</t>
  </si>
  <si>
    <t>11/29/2019 07:31:12</t>
  </si>
  <si>
    <t>11/29/2019 07:36:47</t>
  </si>
  <si>
    <t>11/28/2019 15:20:26</t>
  </si>
  <si>
    <t>11/29/2019 07:59:48</t>
  </si>
  <si>
    <t>adrianoms@algartech.com;carla.rosa@bradesco.com.br;fabiolacc@algartech.com;fredericobs@algartech.com;jacqueline.mariano@bradesco.com.br;kamillars@algartech.com;kamillars@algartech.com.br;lucas.jose@bradesco.com.br;ricardomi@algartech.com.br;rodrigocarmo.pereira@bradesco.com.br;suciellerr@algartech.com;viviane.virgilio@bradesco.com.br;</t>
  </si>
  <si>
    <t>adrianoms@algartech.com,carla.rosa@bradesco.com.br,fabiolacc@algartech.com,fredericobs@algartech.com,jacqueline.mariano@bradesco.com.br,kamillars@algartech.com,kamillars@algartech.com.br,lucas.jose@bradesco.com.br,ricardomi@algartech.com.br,rodrigocarmo.pereira@bradesco.com.br,suciellerr@algartech.com,viviane.virgilio@bradesco.com.br</t>
  </si>
  <si>
    <t>11/28/2019 19:27:37</t>
  </si>
  <si>
    <t>11/29/2019 08:13:47</t>
  </si>
  <si>
    <t>10.200.58.32</t>
  </si>
  <si>
    <t>Transferênncias_Bloqueio V4.xlsx</t>
  </si>
  <si>
    <t>11/28/2019 19:28:57</t>
  </si>
  <si>
    <t>11/29/2019 08:13:24</t>
  </si>
  <si>
    <t>11/29/2019 08:16:47</t>
  </si>
  <si>
    <t>11/28/2019 19:35:50</t>
  </si>
  <si>
    <t>11/29/2019 08:24:47</t>
  </si>
  <si>
    <t>ORÇAMENTO VIAGEM DEZEMBRO.xls</t>
  </si>
  <si>
    <t>11/29/2019 08:23:10</t>
  </si>
  <si>
    <t>11/29/2019 08:26:47</t>
  </si>
  <si>
    <t>11/28/2019 19:46:57</t>
  </si>
  <si>
    <t>mail.google.com/_/upload?authuser=0&amp;dcp=asu-n&amp;upload_id=AEnB2UonQC2ZOMCErRDktdLuWi-IZ0468_J6-7L_1FSk862yfxqxUetn3FdwU99ro7ZNRmyqjc8K9gpa2sjE_8xhI3X2wbol6w&amp;upload_protocol=resumable</t>
  </si>
  <si>
    <t>C:\Marcopaulo\Pessoal\Projeto Casa\Custos\</t>
  </si>
  <si>
    <t>ORÇAMENTO MARCIANO 2.xlsx</t>
  </si>
  <si>
    <t>11/29/2019 08:27:02</t>
  </si>
  <si>
    <t>11/29/2019 08:31:47</t>
  </si>
  <si>
    <t>CURVA NORMAL - 28/11/2019</t>
  </si>
  <si>
    <t>11/28/2019 23:30:59</t>
  </si>
  <si>
    <t>11/29/2019 08:35:47</t>
  </si>
  <si>
    <t>patricia maia -02-12.xlsx</t>
  </si>
  <si>
    <t>11/28/2019 23:58:08</t>
  </si>
  <si>
    <t>11/29/2019 00:20:43</t>
  </si>
  <si>
    <t>C:\Users\lucianafaa\OneDrive - Grupo Algar\2019\PROJETOS\URR\INTEGRACAO\</t>
  </si>
  <si>
    <t>Requisitos Integração Dynamics_v2.xlsx</t>
  </si>
  <si>
    <t>11/29/2019 08:39:30</t>
  </si>
  <si>
    <t>11/29/2019 08:41:47</t>
  </si>
  <si>
    <t>11/28/2019 19:14:58</t>
  </si>
  <si>
    <t>11/29/2019 08:49:48</t>
  </si>
  <si>
    <t>C:\Users\alessandroam\OneDrive\OneDrive - Grupo Algar\40 - Person\01 - 2019\zz_bup_Person\01 - Pgtos\</t>
  </si>
  <si>
    <t>pagamentos.xlsx</t>
  </si>
  <si>
    <t>11/29/2019 08:57:10</t>
  </si>
  <si>
    <t>11/29/2019 08:59:47</t>
  </si>
  <si>
    <t>Ferias - SI 2020.xlsx</t>
  </si>
  <si>
    <t>11/29/2019 09:00:29</t>
  </si>
  <si>
    <t>11/29/2019 09:04:48</t>
  </si>
  <si>
    <t>\\acsfs\deptos\controladoria\planejamento\reuniao gerencial\2019\4ª reuger\reuger\holding 20.11\algar tech_4a reuger 2019_financeiro_27-11.pptx\</t>
  </si>
  <si>
    <t>11/29/2019 09:01:27</t>
  </si>
  <si>
    <t>11/28/2019 18:19:31</t>
  </si>
  <si>
    <t>11/29/2019 09:15:47</t>
  </si>
  <si>
    <t>11/28/2019 18:19:32</t>
  </si>
  <si>
    <t>11/28/2019 18:19:33</t>
  </si>
  <si>
    <t>11/28/2019 18:19:45</t>
  </si>
  <si>
    <t>11/28/2019 18:19:46</t>
  </si>
  <si>
    <t>11/28/2019 18:19:47</t>
  </si>
  <si>
    <t>11/28/2019 18:19:48</t>
  </si>
  <si>
    <t>11/28/2019 18:19:49</t>
  </si>
  <si>
    <t>11/28/2019 18:19:59</t>
  </si>
  <si>
    <t>11/28/2019 18:20:00</t>
  </si>
  <si>
    <t>11/28/2019 18:20:01</t>
  </si>
  <si>
    <t>11/28/2019 18:20:02</t>
  </si>
  <si>
    <t>11/28/2019 18:20:03</t>
  </si>
  <si>
    <t>11/28/2019 18:20:18</t>
  </si>
  <si>
    <t>11/28/2019 18:20:19</t>
  </si>
  <si>
    <t>11/28/2019 18:20:20</t>
  </si>
  <si>
    <t>11/28/2019 18:20:21</t>
  </si>
  <si>
    <t>11/28/2019 18:20:22</t>
  </si>
  <si>
    <t>11/28/2019 18:20:44</t>
  </si>
  <si>
    <t>11/28/2019 18:20:45</t>
  </si>
  <si>
    <t>11/28/2019 18:20:46</t>
  </si>
  <si>
    <t>11/28/2019 18:20:47</t>
  </si>
  <si>
    <t>11/28/2019 18:21:15</t>
  </si>
  <si>
    <t>11/28/2019 18:21:16</t>
  </si>
  <si>
    <t>11/28/2019 18:21:17</t>
  </si>
  <si>
    <t>11/28/2019 18:21:18</t>
  </si>
  <si>
    <t>11/28/2019 18:21:19</t>
  </si>
  <si>
    <t>11/29/2019 09:18:28</t>
  </si>
  <si>
    <t>11/29/2019 09:20:48</t>
  </si>
  <si>
    <t>karlasdsri@algartech.com;kellysp@algartech.com;lauanedjs@algartech.com;leandrolds@algartech.com;mariliafsc@algartech.com;patriciaac@algartech.com;silvanaso@algartech.com;</t>
  </si>
  <si>
    <t>CORRENTISTA_DAILY_DeepCenter201911 (7).xlsm</t>
  </si>
  <si>
    <t>karlasdsri@algartech.com,kellysp@algartech.com,lauanedjs@algartech.com,leandrolds@algartech.com,mariliafsc@algartech.com,patriciaac@algartech.com,silvanaso@algartech.com</t>
  </si>
  <si>
    <t>11/29/2019 09:19:17</t>
  </si>
  <si>
    <t>11/29/2019 09:23:47</t>
  </si>
  <si>
    <t>C:\Users\alessandroam\OneDrive\OneDrive - Grupo Algar\zz_bup_Bradesco\01 - Pgtos\</t>
  </si>
  <si>
    <t>11/29/2019 09:19:19</t>
  </si>
  <si>
    <t>C:\Users\alessandroam\OneDrive\OneDrive - Grupo Algar\zz_bup_Bradesco\Dados Cc\</t>
  </si>
  <si>
    <t>Indicadores_Comprometimento_30_Equipe.xlsx</t>
  </si>
  <si>
    <t>11/29/2019 09:19:26</t>
  </si>
  <si>
    <t>C:\Users\alessandroam\OneDrive\OneDrive - Grupo Algar\zz_bup_Bradesco\Tirar CR EB CTU\</t>
  </si>
  <si>
    <t>AirGun.xlsx</t>
  </si>
  <si>
    <t>11/29/2019 09:22:47</t>
  </si>
  <si>
    <t>11/29/2019 09:24:48</t>
  </si>
  <si>
    <t>C:\Users\waleskamms\OneDrive - Grupo Algar\Bradesco\Bloqueios_Algar\</t>
  </si>
  <si>
    <t>11/29/2019 09:23:18</t>
  </si>
  <si>
    <t>mail.google.com/_/upload?authuser=0&amp;dcp=asu-n&amp;upload_id=AEnB2UraYC1rBivdxqMpG0jAZGOe40TQjLIOI95pw8xo9HN99A_P7xvP2Gh_s_FtyDogtkzvR3o2PqaVtpeBmd4TRfa1OcpUuarGGRQ5rSXwy8X-9XxmIyA&amp;upload_protocol=resumable</t>
  </si>
  <si>
    <t>GABRIEL JOSE STORTI.xlsx</t>
  </si>
  <si>
    <t>11/29/2019 09:26:12</t>
  </si>
  <si>
    <t>11/29/2019 09:28:48</t>
  </si>
  <si>
    <t>C:\Users\alessandroam\OneDrive\OneDrive - Grupo Algar\40 - Person\00 - Bup Desktop\</t>
  </si>
  <si>
    <t>11/29/2019 09:26:13</t>
  </si>
  <si>
    <t>OFICIAL _ Formulário - Solicitação de Material Copiadora Maldonado.xls</t>
  </si>
  <si>
    <t>MSV2016_Validação.xlsx</t>
  </si>
  <si>
    <t>LOTOFACIL ------ URGENTE ------- .xlsx</t>
  </si>
  <si>
    <t>LISTA DE TELEFONES TEMPO SERVIÇOS.xlsx</t>
  </si>
  <si>
    <t>Inventário Troca Maquinas Obsoletas 07-02-2016.xlsx</t>
  </si>
  <si>
    <t>11/29/2019 09:26:14</t>
  </si>
  <si>
    <t>Evidências para Apuração dos Objetivos Corporativos_2ºsem2015 - Cópia.xlsx</t>
  </si>
  <si>
    <t>11/29/2019 09:26:15</t>
  </si>
  <si>
    <t>Evidências para Apuração dos Objetivos 1º sem 16.xlsx</t>
  </si>
  <si>
    <t>11/29/2019 09:26:21</t>
  </si>
  <si>
    <t>C:\Users\alessandroam\OneDrive\OneDrive - Grupo Algar\40 - Person\00 - Bup Desktop\Controle Geral Troca de Rede Consolidado Lotes.zip\</t>
  </si>
  <si>
    <t>Controle Geral Troca de Rede Consolidado Lotes.xlsx</t>
  </si>
  <si>
    <t>Algar Tech - Formulário Solicitações de Férias Irregulares.xls</t>
  </si>
  <si>
    <t>11/29/2019 09:26:27</t>
  </si>
  <si>
    <t>C:\Users\alessandroam\OneDrive\OneDrive - Grupo Algar\40 - Person\00 - Bup Desktop\Jan_2018\</t>
  </si>
  <si>
    <t>Licenças Segregação Jan 2018.xlsx</t>
  </si>
  <si>
    <t>CAPEX 2017 - NFs.xlsx</t>
  </si>
  <si>
    <t>11/27/2019 09:05:15</t>
  </si>
  <si>
    <t>11/29/2019 09:33:47</t>
  </si>
  <si>
    <t>C:\Users\ricardobal\OneDrive - Grupo Algar\Algar Tecnologia\01 - CLIENTES\ALGAR TELECOM\BPO\PROJETO XPERIENCE\</t>
  </si>
  <si>
    <t>ROADMAP DE AÇÕES XPERIENCE 2019.xlsx</t>
  </si>
  <si>
    <t>11/29/2019 09:27:54</t>
  </si>
  <si>
    <t>11/29/2019 09:28:26</t>
  </si>
  <si>
    <t>\\acsfs\deptos\Operacao\Unica\6. Pastas Pessoais\Credenciadora\Aline Beatriz\</t>
  </si>
  <si>
    <t>11/29/2019 09:33:53</t>
  </si>
  <si>
    <t>11/29/2019 09:36:47</t>
  </si>
  <si>
    <t>telefonica.xls</t>
  </si>
  <si>
    <t>11/29/2019 09:42:45</t>
  </si>
  <si>
    <t>11/29/2019 09:43:48</t>
  </si>
  <si>
    <t>/o=exchangelabs/ou=exchange administrative group (fydibohf23spdlt)/cn=recipients/cn=d524c378550f4b9ab526e5938ca6655b-flavia mari;flaviamas@algartech.com.br;</t>
  </si>
  <si>
    <t>ENC: Distribuição next - Atualizada</t>
  </si>
  <si>
    <t>Quantidade de monitorias realizadas next V2.xls</t>
  </si>
  <si>
    <t>/o=exchangelabs/ou=exchange administrative group (fydibohf23spdlt)/cn=recipients/cn=d524c378550f4b9ab526e5938ca6655b-flavia mari,flaviamas@algartech.com.br</t>
  </si>
  <si>
    <t>11/29/2019 09:44:50</t>
  </si>
  <si>
    <t>11/29/2019 09:48:47</t>
  </si>
  <si>
    <t>11/29/2019 09:47:12</t>
  </si>
  <si>
    <t>zzpgt.xlsx</t>
  </si>
  <si>
    <t>11/29/2019 09:48:23</t>
  </si>
  <si>
    <t>11/29/2019 09:51:47</t>
  </si>
  <si>
    <t>mail.google.com/_/upload?authuser=1&amp;dcp=asu-n&amp;upload_id=AEnB2UrJm85C4FiO9nTUoVACi8viGUjy7mke2RIj_biDpPsMqhIk8U-Mzxz64onaYQnS98uBXILOS8N_g9TBNrCMbiIdN9vf7w&amp;upload_protocol=resumable</t>
  </si>
  <si>
    <t>C:\Users\marcotb\Desktop\PMO.pptx\</t>
  </si>
  <si>
    <t>11/29/2019 09:57:42</t>
  </si>
  <si>
    <t>11/29/2019 09:58:48</t>
  </si>
  <si>
    <t>mail.google.com/_/upload?authuser=0&amp;dcp=asu-n&amp;upload_id=AEnB2Up4vD7GsBSMa8dqWC-GwCaz6kI5HemhDYVym4g9bgGI4ksygIHkZX-ddwhWZPeL-HjD40A2G38sFOEBNAZM7927F9aG-w&amp;upload_protocol=resumable</t>
  </si>
  <si>
    <t>\\acsfs\engeset\FINANCEIRO_ULA\FATURAMENTO\08. Relatórios Faturamento\03. 2019\</t>
  </si>
  <si>
    <t>11/29/2019 10:00:17</t>
  </si>
  <si>
    <t>11/29/2019 10:03:48</t>
  </si>
  <si>
    <t>C:\Users\brunocs\Desktop\Caixa\Treinamento Caixa\</t>
  </si>
  <si>
    <t>Registros de Plano de ação.xls</t>
  </si>
  <si>
    <t>11/29/2019 10:07:22</t>
  </si>
  <si>
    <t>11/29/2019 10:10:47</t>
  </si>
  <si>
    <t>11/29/2019 10:10:34</t>
  </si>
  <si>
    <t>11/29/2019 10:11:48</t>
  </si>
  <si>
    <t>C:\Users\rodrigombu\AppData\Local\Temp\</t>
  </si>
  <si>
    <t>0 - Mailing de Reagendamento_ 20191129.xlsx</t>
  </si>
  <si>
    <t>11/29/2019 10:13:01</t>
  </si>
  <si>
    <t>11/29/2019 10:14:48</t>
  </si>
  <si>
    <t>C:\Users\rafaelaas\Desktop\Apresentação - Vendas Dezembro 2019.pptx\</t>
  </si>
  <si>
    <t>11/29/2019 10:13:40</t>
  </si>
  <si>
    <t>11/29/2019 10:15:47</t>
  </si>
  <si>
    <t>11/29/2019 10:15:04</t>
  </si>
  <si>
    <t>11/29/2019 10:16:47</t>
  </si>
  <si>
    <t>Base Reagendamento CAC_ 20191129.xlsx</t>
  </si>
  <si>
    <t>11/29/2019 10:15:28</t>
  </si>
  <si>
    <t>11/29/2019 10:17:47</t>
  </si>
  <si>
    <t>elaine.silva@cscalgar.com.br;</t>
  </si>
  <si>
    <t>ENC: Desligamento em Exceção CDI Manual Chamado TH-3452308</t>
  </si>
  <si>
    <t>CDI_MANUAL_(2) (1).xlsx</t>
  </si>
  <si>
    <t>elaine.silva@cscalgar.com.br</t>
  </si>
  <si>
    <t>11/29/2019 10:18:09</t>
  </si>
  <si>
    <t>11/29/2019 10:20:48</t>
  </si>
  <si>
    <t>celmars@algartech.com;delsoer@algartech.com;gustavohs@algartech.com;</t>
  </si>
  <si>
    <t>celmars@algartech.com,delsoer@algartech.com,gustavohs@algartech.com</t>
  </si>
  <si>
    <t>11/29/2019 10:24:41</t>
  </si>
  <si>
    <t>11/29/2019 10:25:47</t>
  </si>
  <si>
    <t>/o=exchangelabs/ou=exchange administrative group (fydibohf23spdlt)/cn=recipients/cn=eeca26dd371249b5a5b2d7ff454baf74-user;</t>
  </si>
  <si>
    <t>/o=exchangelabs/ou=exchange administrative group (fydibohf23spdlt)/cn=recipients/cn=eeca26dd371249b5a5b2d7ff454baf74-user</t>
  </si>
  <si>
    <t>11/29/2019 10:23:38</t>
  </si>
  <si>
    <t>C:\Users\vilarinho\OneDrive - Grupo Algar\Algar Tech\Controladoria\Comite de Auditoria\Comite Auditoria 2019\4ComiteOUT_04.12.19\Slides Loureiro Algar S.A. 3º Tri v. 25.11.2019_Comentado.pptx\</t>
  </si>
  <si>
    <t>11/29/2019 10:26:55</t>
  </si>
  <si>
    <t>11/29/2019 10:30:47</t>
  </si>
  <si>
    <t>11/29/2019 10:31:47</t>
  </si>
  <si>
    <t>11/29/2019 10:33:48</t>
  </si>
  <si>
    <t>11/29/2019 10:33:19</t>
  </si>
  <si>
    <t>11/29/2019 10:35:48</t>
  </si>
  <si>
    <t>11/29/2019 10:35:14</t>
  </si>
  <si>
    <t>11/29/2019 10:36:48</t>
  </si>
  <si>
    <t>0;s;</t>
  </si>
  <si>
    <t>SMS NEXT 29 11 2019.csv</t>
  </si>
  <si>
    <t>https://0,s</t>
  </si>
  <si>
    <t>11/29/2019 10:39:51</t>
  </si>
  <si>
    <t>11/29/2019 10:42:47</t>
  </si>
  <si>
    <t>mail.google.com/_/upload?authuser=0&amp;dcp=asu-n&amp;upload_id=AEnB2Uq_wfZbtve4Jz1h-xma-XtolUoTY5sCn6cY0zZrwLCSN9IM-6XTrz7AV2uCJ8P1JQ2z4N1hdbC6QEgG-E-RGxOJ-59j3A&amp;upload_protocol=resumable</t>
  </si>
  <si>
    <t>EDUARDA 29_11.xlsx</t>
  </si>
  <si>
    <t>11/29/2019 10:45:15</t>
  </si>
  <si>
    <t>11/29/2019 10:47:48</t>
  </si>
  <si>
    <t>mail.google.com/_/upload?authuser=0&amp;dcp=asu-n&amp;upload_id=AEnB2UoKXJiFVSGYwvKceoHixnK4Q9kvMB_oebLBNmNreRzSansAD-sN6t-PiI9sN1K3MTrCggjwqYCQIPn9sHKnmI0PGWKL_Q&amp;upload_protocol=resumable</t>
  </si>
  <si>
    <t>Informações - Compromissos Dell.xlsx</t>
  </si>
  <si>
    <t>11/29/2019 10:45:08</t>
  </si>
  <si>
    <t>gessycaam@algartech.com;mariliafsc@algartech.com;matheusof@algartech.com;patriciaafer@algartech.com;rodrigormc@algartech.com;tatianedc@algartech.com;valmiriandfadsf@algartech.com;victormg@algartech.com;</t>
  </si>
  <si>
    <t>C:\Users\luanasdsa\AppData\Local\Temp\</t>
  </si>
  <si>
    <t>gessycaam@algartech.com,mariliafsc@algartech.com,matheusof@algartech.com,patriciaafer@algartech.com,rodrigormc@algartech.com,tatianedc@algartech.com,valmiriandfadsf@algartech.com,victormg@algartech.com</t>
  </si>
  <si>
    <t>11/29/2019 10:52:08</t>
  </si>
  <si>
    <t>11/29/2019 10:56:48</t>
  </si>
  <si>
    <t>\\Acsfs\deptos\PMO Governança\06 - GOVERNANÇA DO CAPEX\CAPEX LONGO PRAZO\CAPEX LP - REVISÃO_A19_M10\CAPEX LP 20 a 24 - 29_11.pptx\</t>
  </si>
  <si>
    <t>11/29/2019 10:48:46</t>
  </si>
  <si>
    <t>11/29/2019 10:58:47</t>
  </si>
  <si>
    <t>mail.google.com/_/upload?authuser=0&amp;dcp=asu-n&amp;upload_id=AEnB2UqjJpBxo3j3DkEdzsBkCHYqDSH2eRxWxrXeJMxrt95eTiXLoYi8nUpbcHR5MLqc9PsGJtUsl2dorZlpa0fekg5_0riejvbWHfSi4ZYxBb_gYG7vYw8&amp;upload_protocol=resumable</t>
  </si>
  <si>
    <t>C:\Users\marcopaulolr\Desktop\</t>
  </si>
  <si>
    <t>11/29/2019 10:53:24</t>
  </si>
  <si>
    <t>mail.google.com/_/upload?authuser=0&amp;dcp=asu-n&amp;upload_id=AEnB2UoEpCaOQIHefxLpDzApG1llfgz_tCqniLQk1ztw4uqOGMRQupORw2U70HDnnzHw10qqqdLsqAO9Fj9UcQ7yrR0fjcnMHw&amp;upload_protocol=resumable</t>
  </si>
  <si>
    <t>franciscoebf@algartecnologia.com.br;saramfg@algartech.com;</t>
  </si>
  <si>
    <t>franciscoebf@algartecnologia.com.br,saramfg@algartech.com</t>
  </si>
  <si>
    <t>11/29/2019 11:08:17</t>
  </si>
  <si>
    <t>11/29/2019 11:10:48</t>
  </si>
  <si>
    <t>C:\Users\virginiamb\Desktop\Tatiane\Tatiane\</t>
  </si>
  <si>
    <t>Cópia de Template Cadastros Aplicações Externo (002).xlsx</t>
  </si>
  <si>
    <t>11/29/2019 11:14:47</t>
  </si>
  <si>
    <t>11/29/2019 11:18:48</t>
  </si>
  <si>
    <t>C:\Users\vivianercu\Desktop\</t>
  </si>
  <si>
    <t>Jairo.xlsx</t>
  </si>
  <si>
    <t>11/29/2019 11:19:09</t>
  </si>
  <si>
    <t>11/29/2019 11:19:48</t>
  </si>
  <si>
    <t>AMEX_Coaching-Sessão diária.xlsx</t>
  </si>
  <si>
    <t>11/29/2019 11:22:24</t>
  </si>
  <si>
    <t>11/29/2019 11:25:48</t>
  </si>
  <si>
    <t>mail.google.com/_/upload?authuser=0&amp;dcp=asu-n&amp;upload_id=AEnB2Up704qdsAVoGLjwgq7cuT-IjhuUdODKei8YAXsYYWSBjv4ssUiOtRcKMnpaOeMVRKPkRAsGOPfJSWWhZ0Bip7Cd6yw6fg&amp;upload_protocol=resumable</t>
  </si>
  <si>
    <t>cintia.nunes@algartech.com;irisen@algartech.com;jairojsa@algartech.com;patriciaars@algartech.com;patriciama@algartech.com;rafaeltt@algartech.com;thaisat@algartech.com;</t>
  </si>
  <si>
    <t>C:\Users\lucianabo\Desktop\2020\BPs CAIXA CAP RFP\</t>
  </si>
  <si>
    <t>CAIXA CAP - UDI _ 283 PAs_v2 - AJUSTE SETUP.xlsb</t>
  </si>
  <si>
    <t>cintia.nunes@algartech.com,irisen@algartech.com,jairojsa@algartech.com,patriciaars@algartech.com,patriciama@algartech.com,rafaeltt@algartech.com,thaisat@algartech.com</t>
  </si>
  <si>
    <t>C:\Users\lucianabo\Desktop\2020\BPs CAIXA CAP RFP\CAIXA CAP - UDI _ 283 PAs_v2 - AJUSTE SETUP.xlsb\</t>
  </si>
  <si>
    <t>11/29/2019 11:23:56</t>
  </si>
  <si>
    <t>11/29/2019 11:26:48</t>
  </si>
  <si>
    <t>11/29/2019 11:24:23</t>
  </si>
  <si>
    <t>11/29/2019 11:28:48</t>
  </si>
  <si>
    <t>11/29/2019 11:26:12</t>
  </si>
  <si>
    <t>11/29/2019 11:31:48</t>
  </si>
  <si>
    <t>11/29/2019 11:33:51</t>
  </si>
  <si>
    <t>11/29/2019 11:34:48</t>
  </si>
  <si>
    <t>mail.google.com/_/upload?authuser=0&amp;dcp=asu-n&amp;upload_id=AEnB2UpRFgLpwoh74BLjTGsbo5SQajNVILa623R4BTMPz61YDmuE1rPaf2fh1If3bJztemtXfh1vhKL7KmcEBX38b6ivKYr_Rh2KI430lwcwKx9jq9MXPZk&amp;upload_protocol=resumable</t>
  </si>
  <si>
    <t>Saldo CR - Tech 29_11.xls</t>
  </si>
  <si>
    <t>11/29/2019 11:34:26</t>
  </si>
  <si>
    <t>danilobca@algartech.com;diogolsr@algartech.com.br;</t>
  </si>
  <si>
    <t>Apuração Anual e Ultimo Bimestre (2).xlsx</t>
  </si>
  <si>
    <t>danilobca@algartech.com,diogolsr@algartech.com.br</t>
  </si>
  <si>
    <t>11/29/2019 11:33:33</t>
  </si>
  <si>
    <t>11/29/2019 11:36:47</t>
  </si>
  <si>
    <t>Diario de Bordo _ BV Algar.xlsb</t>
  </si>
  <si>
    <t>11/29/2019 11:39:09</t>
  </si>
  <si>
    <t>11/29/2019 11:40:48</t>
  </si>
  <si>
    <t>11/29/2019 11:41:19</t>
  </si>
  <si>
    <t>11/29/2019 11:45:48</t>
  </si>
  <si>
    <t>11/29/2019 11:41:50</t>
  </si>
  <si>
    <t>11/29/2019 11:46:47</t>
  </si>
  <si>
    <t>11/29/2019 11:42:15</t>
  </si>
  <si>
    <t>11/29/2019 11:48:37</t>
  </si>
  <si>
    <t>11/29/2019 11:49:48</t>
  </si>
  <si>
    <t>11/29/2019 11:50:02</t>
  </si>
  <si>
    <t>11/29/2019 11:51:48</t>
  </si>
  <si>
    <t>11/29/2019 11:50:27</t>
  </si>
  <si>
    <t>11/29/2019 11:49:12</t>
  </si>
  <si>
    <t>11/29/2019 11:54:47</t>
  </si>
  <si>
    <t>10.211.3.43</t>
  </si>
  <si>
    <t>\\Acsfs\dsti\GAT\CIT - Coordenacao Inteligencia de TI\RELATORIOS FPW\Controle\OCORRENCIAS\OCORRÊNCIAS_NOVEMBRO2019\OCORRENCIAS 01 A 2111 EMISSAO 2911\</t>
  </si>
  <si>
    <t>OCORRÊNCIAS 01 A 21_028_029_033 EMISSÃO 2911.xlsm</t>
  </si>
  <si>
    <t>11/29/2019 11:50:11</t>
  </si>
  <si>
    <t>11/29/2019 11:55:48</t>
  </si>
  <si>
    <t>11/29/2019 11:53:13</t>
  </si>
  <si>
    <t>11/29/2019 11:56:47</t>
  </si>
  <si>
    <t>11/29/2019 11:54:13</t>
  </si>
  <si>
    <t>11/29/2019 11:59:09</t>
  </si>
  <si>
    <t>11/29/2019 12:01:48</t>
  </si>
  <si>
    <t>11/29/2019 12:00:37</t>
  </si>
  <si>
    <t>11/29/2019 12:05:48</t>
  </si>
  <si>
    <t>11/29/2019 12:10:06</t>
  </si>
  <si>
    <t>11/29/2019 12:11:48</t>
  </si>
  <si>
    <t>ENC: Volume Gerenciadas Amex e Visa - 29/11</t>
  </si>
  <si>
    <t>11/29/2019 12:28:34</t>
  </si>
  <si>
    <t>11/29/2019 12:33:49</t>
  </si>
  <si>
    <t>11/29/2019 12:51:26</t>
  </si>
  <si>
    <t>11/29/2019 12:55:49</t>
  </si>
  <si>
    <t>c:\users\marcosvsoa\downloads\</t>
  </si>
  <si>
    <t>11/29/2019 12:54:49</t>
  </si>
  <si>
    <t>11/29/2019 13:24:23</t>
  </si>
  <si>
    <t>11/29/2019 13:26:50</t>
  </si>
  <si>
    <t>RetencaoV2V3.csv</t>
  </si>
  <si>
    <t>11/29/2019 13:34:22</t>
  </si>
  <si>
    <t>11/29/2019 13:36:50</t>
  </si>
  <si>
    <t>11/29/2019 13:36:06</t>
  </si>
  <si>
    <t>11/29/2019 13:41:51</t>
  </si>
  <si>
    <t>11/29/2019 13:41:08</t>
  </si>
  <si>
    <t>11/29/2019 13:43:51</t>
  </si>
  <si>
    <t>C:\Users\renatofol\OneDrive - Grupo Algar\Doc Algar\ALGAR - GERENCIAMENTO SERVICOS TI\ESCOPO\</t>
  </si>
  <si>
    <t>Matriz de Aval de Ferramenta_Selecao_V3.xlsx</t>
  </si>
  <si>
    <t>11/29/2019 13:41:41</t>
  </si>
  <si>
    <t>mail.google.com/_/upload?authuser=2&amp;dcp=asu-n&amp;upload_id=AEnB2UpK-2RVWzish3jxnwaWsgUchOd5Fq3sENx-KOGMeKWMTHTy2tApNkrF6XOl6PYithWiaEYqn5V02sDYdhpqplxit_vylKmbKEZqz_Y4tDuX2YABDfs&amp;upload_protocol=resumable</t>
  </si>
  <si>
    <t>11/29/2019 13:41:42</t>
  </si>
  <si>
    <t>mail.google.com/_/upload?authuser=2&amp;dcp=asu-n&amp;upload_id=AEnB2UocivLvG2VoP3P3oC6sc8FhdnVmanTztPruP3aDs6BuuJ2L325_mGGJeOA4bJzwOCOuXmJ-JTZM5O31FkC1wmnBU_2ctQ&amp;upload_protocol=resumable</t>
  </si>
  <si>
    <t>Matriz de decisão - Gestão do Endpoint.xlsx</t>
  </si>
  <si>
    <t>11/29/2019 13:42:07</t>
  </si>
  <si>
    <t>11/29/2019 13:50:05</t>
  </si>
  <si>
    <t>11/29/2019 13:51:52</t>
  </si>
  <si>
    <t>11/29/2019 12:16:28</t>
  </si>
  <si>
    <t>11/29/2019 14:00:51</t>
  </si>
  <si>
    <t>mail.google.com/_/upload?authuser=1&amp;dcp=asu-n&amp;upload_id=AEnB2Ur2xbci2z_9kTA6XzbCaBf-GuIiZfIyiSZ3ZQ8w2r6MfPt0BN-w3rn6skLnIFVdcLzw_gZ_xc9UNLJHCKmODszQ68zAgg&amp;upload_protocol=resumable</t>
  </si>
  <si>
    <t>Orçamento Detalhado 2020.xlsx</t>
  </si>
  <si>
    <t>11/29/2019 13:58:35</t>
  </si>
  <si>
    <t>C:\Users\yuriifd\Desktop\Avon\</t>
  </si>
  <si>
    <t>Análise de Performance e Composição da Perda Financeira (161019).xlsb</t>
  </si>
  <si>
    <t>containsunsubscribedchildren,copyable,displayname,domain,emailaddress,explicit,explicitlytrash,explicitlytrashed,fileextens,fileextension,filesize,foldercolor,haschildfolders,hasthumbnail,hasvisitorpermissions,id,id),items(kind,ken,lastmodifyinguser(kind,lastviewedbymedate,mimetype,modifiedbymedate,modifieddate,ontainsunsubscribedchildren,owners(kind,permissionid,picture,quotabytesused,shareable,shared,sharedwithmedate,subscribed,thumbnailversion,title,userpermission(role),workspaceids</t>
  </si>
  <si>
    <t>11/29/2019 13:58:37</t>
  </si>
  <si>
    <t>11/29/2019 13:57:05</t>
  </si>
  <si>
    <t>11/29/2019 14:01:51</t>
  </si>
  <si>
    <t>mail.google.com/_/upload?authuser=2&amp;dcp=asu-n&amp;upload_id=AEnB2UrLUqAyl3QczAgdsteTTTz96j_5HgdkFcCj31ocyCp9nFk-qzvGGbP6X1fq6iFYk_z8SG2iIZ6wxY_o7R-P8OXELml5ug&amp;upload_protocol=resumable</t>
  </si>
  <si>
    <t>Fechados e pendencias Oracle.xlsx</t>
  </si>
  <si>
    <t>11/29/2019 14:02:48</t>
  </si>
  <si>
    <t>11/29/2019 14:05:51</t>
  </si>
  <si>
    <t>Ericson Santos</t>
  </si>
  <si>
    <t>/o=exchangelabs/ou=exchange administrative group (fydibohf23spdlt)/cn=recipients/cn=4fbcbdfa900b4cb195ac160568115bc2-ericson nog;contato@panificadoraoliveira.com.br;</t>
  </si>
  <si>
    <t>RES: Ajuste quantidade de pães Algar Tech</t>
  </si>
  <si>
    <t>Pão.xlsx</t>
  </si>
  <si>
    <t>/o=exchangelabs/ou=exchange administrative group (fydibohf23spdlt)/cn=recipients/cn=4fbcbdfa900b4cb195ac160568115bc2-ericson nog,contato@panificadoraoliveira.com.br</t>
  </si>
  <si>
    <t>11/29/2019 14:05:21</t>
  </si>
  <si>
    <t>C:\Users\yuriifd\Desktop\Iniciativa PCP\</t>
  </si>
  <si>
    <t>FATURAMENTO - CONSOLIDADO FEVEREIRO A MAIO.xlsx</t>
  </si>
  <si>
    <t>algar - competÊncia abril_2019 v2' and title contains 'xlsm' and trashed = false and '1b7yt2xjel85-jy0ek2fcz5ofeigdrz_y' in parents&amp;fields=kind,algar - competÊncia maio_2019' and title contains 'xlsb' and trashed = false and '1b7yt2xjel85-jy0ek2fcz5ofeigdrz_y' in parents&amp;fields=kind,copyable,displayname,domain,emailaddress,explicitlytrashed,filesize,foldercolor,hasch,haschildfol,hasthumbnail,id,id),items(kind,lastmodifyinguser(kind,lastviewedbymedate,mimetype,mod,modifiedbymedate,nextpagetoken,ontainsunsubscribedchildren,owners(kind,permissionid,picture,quotabytesused,shareable,shared,sharedwithmedate,subscribed,thumbnailversion,title,userpermission(role),workspaceids</t>
  </si>
  <si>
    <t>11/29/2019 14:07:30</t>
  </si>
  <si>
    <t>11/29/2019 14:08:52</t>
  </si>
  <si>
    <t>c:\users\lauanecca\downloads\</t>
  </si>
  <si>
    <t>registros de plano de ação.xls</t>
  </si>
  <si>
    <t>11/29/2019 14:08:04</t>
  </si>
  <si>
    <t>11/29/2019 14:10:52</t>
  </si>
  <si>
    <t>Iniciativas Transformação - Yuri.xlsx</t>
  </si>
  <si>
    <t>"mimetyp,- squad dc",containsunsubscribedchildren,copyable,displ,displayname,domain,emailaddress,explicitlytrashed,file(kind,fileid,filesize,hasthumbnail,hasvisitorpermissions,id,id),items(deleted,items(kind,ken,kind,lastmodifyinguser(kind,lastviewedbymedate,mimetype,modifiedbymedate,modifieddate,ontainsunsubscribedchildren,owners(kind,permissionid,picture,quo,quotabytesused,shareable,shareable�,shared,sharedw,sharedwithmedate,subscribed�,thumbnailversion,title,use,userpermission(role),workspaceids</t>
  </si>
  <si>
    <t>11/29/2019 14:09:41</t>
  </si>
  <si>
    <t>C:\Users\yuriifd\Desktop\BV\Modelo BP\</t>
  </si>
  <si>
    <t>BP Telefonia.xlsx</t>
  </si>
  <si>
    <t>6_ymo-pfhm74bqjhyvs8q_w1ymww"}]}</t>
  </si>
  <si>
    <t>11/29/2019 14:10:22</t>
  </si>
  <si>
    <t>C:\Users\yuriifd\Desktop\BV\Design Thinking\</t>
  </si>
  <si>
    <t>Sessão DT Vendas.xlsx</t>
  </si>
  <si>
    <t>6_ymo-pfhm74bqjhyvs8q_w1ymww' in parents&amp;fields=kind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isplayname�,domain,emailaddress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imetype,modifiedbymedate,modifieddate,nextpagetoken,ontainsunsubscribedchildren,organizationdisplayname,owners(kind,parents(id),passivelysubscribed,per,permissionid,pictu,picture,primarydomainname,primarysyncparentid,quot,quotabytesused,recency,recencyreason,restricted,rpermissions,shareable,sh</t>
  </si>
  <si>
    <t>11/29/2019 14:12:01</t>
  </si>
  <si>
    <t>11/29/2019 14:14:52</t>
  </si>
  <si>
    <t>11/29/2019 14:19:15</t>
  </si>
  <si>
    <t>11/29/2019 14:20:52</t>
  </si>
  <si>
    <t>emissaopjeavm@algartech.com.br;marina.mariano@bradesco.com.br;natalia.toma@bradesco.com.br;</t>
  </si>
  <si>
    <t>RES: Banco ABC</t>
  </si>
  <si>
    <t>emissaopjeavm@algartech.com.br,marina.mariano@bradesco.com.br,natalia.toma@bradesco.com.br</t>
  </si>
  <si>
    <t>11/29/2019 14:25:39</t>
  </si>
  <si>
    <t>11/29/2019 14:25:53</t>
  </si>
  <si>
    <t>amandacdr@algartech.com;pedrofs@algartech.com;simoneesm@algartech.com;wesleydal@algartech.com;</t>
  </si>
  <si>
    <t>RV Para apuração_Duvidas Brasilia.xlsb</t>
  </si>
  <si>
    <t>amandacdr@algartech.com,pedrofs@algartech.com,simoneesm@algartech.com,wesleydal@algartech.com</t>
  </si>
  <si>
    <t>11/29/2019 14:30:05</t>
  </si>
  <si>
    <t>11/29/2019 14:30:53</t>
  </si>
  <si>
    <t>1575047064218000]]],1egedjaxcfo/kkfiou5t/tdwnuuaphuays81bsyjjwmjykalgbcgki1o3mw/op5gikf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ess,explicitlytrashed,file(kind,fileextension,fileid,filesize,flaggedforabuse,foldercolor,folderfeatures,gw5ndczmtg5odk4mdmrlcl6a1xipekycw==",hasaugmentedpermissions,haschildfolders,hasth,hasthumbnail,hasvisitorpermissions,hidden,id,id),items(deleted,items(kind,ken,kind,labels(starred,lastmodifyinguser(kind,lastviewedbymedate,mimetype,modifiedbymedate,modifieddate,ontainsunsubscribedchildren,organizationdisplayname,owners(kind,parents(id),passivelysubscribed,per,permissionid,pict,picture,primarydomainname,primarysyncparentid,quot,quota,quotaby,quotabyte</t>
  </si>
  <si>
    <t>11/29/2019 14:30:11</t>
  </si>
  <si>
    <t>11/29/2019 14:30:17</t>
  </si>
  <si>
    <t>11/29/2019 14:30:19</t>
  </si>
  <si>
    <t>11/29/2019 14:30:33</t>
  </si>
  <si>
    <t>11/29/2019 14:30:41</t>
  </si>
  <si>
    <t>11/29/2019 14:29:38</t>
  </si>
  <si>
    <t>11/29/2019 14:31:52</t>
  </si>
  <si>
    <t>11/29/2019 14:30:32</t>
  </si>
  <si>
    <t>11/29/2019 14:31:15</t>
  </si>
  <si>
    <t>11/29/2019 14:35:53</t>
  </si>
  <si>
    <t>C:\Users\yuriifd\Desktop\Squad Competividade - Atendimento\Base de dados - Excel\Arquivos TH Zipado\</t>
  </si>
  <si>
    <t>28_Engeset_Relatório_Consolidado_Pedido_4421689 (1).xls</t>
  </si>
  <si>
    <t>11/29/2019 14:31:21</t>
  </si>
  <si>
    <t>28 Relatório Consolidado Pedido Alelo 4442610 (1).xlsx</t>
  </si>
  <si>
    <t>11/29/2019 14:31:22</t>
  </si>
  <si>
    <t>28_Engeset_Relatório_Consolidado_Pedido_4421689.xls</t>
  </si>
  <si>
    <t>11/29/2019 14:31:31</t>
  </si>
  <si>
    <t>33 TI - Relatório Consolidado Pedido Alelo 11_2019 (1).xlsx</t>
  </si>
  <si>
    <t>11/29/2019 14:31:39</t>
  </si>
  <si>
    <t>29_ALGAR TECH_Relatório_Consolidado_Pedido_44218771.xlsx</t>
  </si>
  <si>
    <t>1575047064218000]]],1egedjaxcfo/kkfiou5t/tdwnuuaphuays81bsyjjwmjykalgbcgki1o3mw/op5gikf,===== content-type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ess,explicitlytrashed,file(kind,fileextension,fileid,filesize,flaggedforabuse,foldercolor,folderfeatures,gw5ndczmtg5odk4mdmrlcl6a1xipekycw==",hasaugmentedpermissions,haschildfolders,hasth,hasthumbnail,hasvisitorpermissions,hidden,id,id),items(deleted,items(kind,ken,kind,labels(starred,lastmodifyinguser(kind,lastviewedbymedate,mimetype,modifiedbymedate,modifieddate,ontainsunsubscribedchildren,organizationdisplayname,owners(kind,parents(id),passivelysubscribed,per,permissionid,pict,picture,primarydomainname,primarysyncparentid,quot,quot</t>
  </si>
  <si>
    <t>11/29/2019 14:31:43</t>
  </si>
  <si>
    <t>33 TI Relatório_Consolidado_Pedido Alelo_4470450 (1).xlsx</t>
  </si>
  <si>
    <t>11/29/2019 14:31:46</t>
  </si>
  <si>
    <t>33 TI Relatório_Consolidado_Pedido Alelo_4470450.xlsx</t>
  </si>
  <si>
    <t>11/29/2019 14:32:00</t>
  </si>
  <si>
    <t>Relatório Consilidado TI Alelo 4442369.xlsx</t>
  </si>
  <si>
    <t>11/29/2019 14:32:03</t>
  </si>
  <si>
    <t>Relatório Consolidado Pedido 4421544 (1).xlsx</t>
  </si>
  <si>
    <t>11/29/2019 14:32:08</t>
  </si>
  <si>
    <t>Relatório Consolidado Pedido 4421544.xlsx</t>
  </si>
  <si>
    <t>11/29/2019 14:32:23</t>
  </si>
  <si>
    <t>Relatório_Consolidado_Pedido_4470432.xls</t>
  </si>
  <si>
    <t>11/29/2019 14:32:33</t>
  </si>
  <si>
    <t>Relatório_Consolidado_Pedido_4470432 (1).xls</t>
  </si>
  <si>
    <t>11/29/2019 14:32:36</t>
  </si>
  <si>
    <t>Relatório_Consolidado_Pedido_4475678_COMPLEMENTAR EMTU.xls</t>
  </si>
  <si>
    <t>11/29/2019 14:32:59</t>
  </si>
  <si>
    <t>Relatório_Consolidado_Pedido_4498673 (1).xlsx</t>
  </si>
  <si>
    <t>11/29/2019 14:33:01</t>
  </si>
  <si>
    <t>C:\Users\yuriifd\Desktop\Squad Competividade - Atendimento\Base de dados - Excel\Arquivos TH Zipado\Plano Médico\</t>
  </si>
  <si>
    <t>11/29/2019 14:45:11</t>
  </si>
  <si>
    <t>11/29/2019 14:46:53</t>
  </si>
  <si>
    <t>TEMPLATE_DEVOLUCAO_PARA_CLIENTE.xlsx</t>
  </si>
  <si>
    <t>11/29/2019 14:53:07</t>
  </si>
  <si>
    <t>11/29/2019 14:55:53</t>
  </si>
  <si>
    <t>mail.google.com/_/upload?authuser=0&amp;dcp=asu-n&amp;upload_id=AEnB2UposPNKl-le6jFdJV-NDuMOOHk-_kagzg0ZQyexsNDoRhz6BKj6eMILUMfP2gg2fvqFYARtIXPBtGQ6b-ZzdYQ9vb0qDA&amp;upload_protocol=resumable</t>
  </si>
  <si>
    <t>C:\Users\lucianabo\Desktop\2020\RECEITA\</t>
  </si>
  <si>
    <t>(Arquvivo RL)_Consolidado + Indicadores.xlsx</t>
  </si>
  <si>
    <t>11/29/2019 14:51:56</t>
  </si>
  <si>
    <t>lucia.farias@algar.com.br</t>
  </si>
  <si>
    <t>\\acsfs\deptos\Ouvidoria Grupo Algar\03_Reunião\Algar Telecom\Algar Telecom - Zamia - 29112019\Algar Telecom -Zamia - 29112019.ppsx\</t>
  </si>
  <si>
    <t>11/29/2019 14:52:39</t>
  </si>
  <si>
    <t>11/29/2019 14:56:52</t>
  </si>
  <si>
    <t>11/29/2019 15:02:22</t>
  </si>
  <si>
    <t>11/29/2019 15:05:52</t>
  </si>
  <si>
    <t>mail.google.com/_/upload?authuser=0&amp;dcp=asu-n&amp;upload_id=AEnB2UrIMmUOUTNP12drzmhjlunRy7kgCau1Jxb32hKtQqVr_6gbAQGLlT2vdXUUpV50aWNAWnrXJ-fcMF698ZT0HMlrYF6S_w&amp;upload_protocol=resumable</t>
  </si>
  <si>
    <t>11/29/2019 15:04:23</t>
  </si>
  <si>
    <t>11/29/2019 15:06:53</t>
  </si>
  <si>
    <t>11/29/2019 15:04:56</t>
  </si>
  <si>
    <t>11/29/2019 15:07:53</t>
  </si>
  <si>
    <t>ATA SOL 30112019.xlsx</t>
  </si>
  <si>
    <t>11/29/2019 15:08:14</t>
  </si>
  <si>
    <t>11/29/2019 15:12:53</t>
  </si>
  <si>
    <t>10.208.12.72</t>
  </si>
  <si>
    <t>11/29/2019 15:12:49</t>
  </si>
  <si>
    <t>11/29/2019 15:16:52</t>
  </si>
  <si>
    <t>C:\Users\polati\OneDrive - Grupo Algar\algar\bradesco 2019\</t>
  </si>
  <si>
    <t>Lista_Polati prodex.xlsx</t>
  </si>
  <si>
    <t>11/29/2019 15:16:23</t>
  </si>
  <si>
    <t>11/29/2019 15:18:52</t>
  </si>
  <si>
    <t>ENC: Produtividade CRCe até 28/11</t>
  </si>
  <si>
    <t>11/29/2019 15:16:41</t>
  </si>
  <si>
    <t>Ficha do Risco - Pendencias SI 29112019.xlsx</t>
  </si>
  <si>
    <t>11/29/2019 15:16:32</t>
  </si>
  <si>
    <t>11/29/2019 15:19:52</t>
  </si>
  <si>
    <t>'premiumsupervisores@algartech.com.br';'raquelcl@algartech.com';'supervisores_rosilene@algartech.com.br';alessandracm@algartech.com;alinemds@algartech.com;anapscl@algartech.com;andressacpd@algartech.com;b2k-supervisoreseunice@algarnet.onmicrosoft.com;b2ksupervisoresrafaela@algartech.com;carolinaasil@algartech.com;contestacao_supervisores@algartech.com.br;dayarag@algartech.com;elencassiapo@algartech.com;fabianapm@algartech.com;fabiolacc@algartecnologia.com.br;fernandaccn@algartech.com;fredericobs@algartecnologia.com.br;heloisaal@algartech.com;igorars@algartech.com;jussaragp@algartech.com;katiargf@algartech.com;kelencgt@algartech.com;luanaaoli@algartech.com;mariajcb@algartech.com;michelecdc@algartech.com;micheless@algartech.com;premiumatendimento@algartech.com;primeatendimento@algartech.com;priscilalb@algartech.com;rafaelaas@algartech.com;rafaeldsa@algartech.com;sabrinagc@algartech.com;supervisorespj@algartech.com.br;tassianecv@algartech.com;tatianamac@algartech.com;thaisalves.oliveira@temposervicos.com.br;</t>
  </si>
  <si>
    <t>Microanálise - 28-11.xlsm</t>
  </si>
  <si>
    <t>'premiumsupervisores@algartech.com.br','raquelcl@algartech.com','supervisores_rosilene@algartech.com.br',alessandracm@algartech.com,alinemds@algartech.com,anapscl@algartech.com,andressacpd@algartech.com,b2k-supervisoreseunice@algarnet.onmicrosoft.com,b2ksupervisoresrafaela@algartech.com,carolinaasil@algartech.com,contestacao_supervisores@algartech.com.br,dayarag@algartech.com,elencassiapo@algartech.com,fabianapm@algartech.com,fabiolacc@algartecnologia.com.br,fernandaccn@algartech.com,fredericobs@algartecnologia.com.br,heloisaal@algartech.com,igorars@algartech.com,jussaragp@algartech.com,katiargf@algartech.com,kelencgt@algartech.com,luanaaoli@algartech.com,mariajcb@algartech.com,michelecdc@algartech.com,micheless@algartech.com,premiumatendimento@algartech.com,primeatendimento@algartech.com,priscilalb@algartech.com,rafaelaas@algartech.com,rafaeldsa@algartech.com,sabrinagc@algartech.com,supervisorespj@algartech.com.br,tassianecv@algartech.com,tatianamac@algartech.com,thaisalves.oliveira@temposervicos.com.br</t>
  </si>
  <si>
    <t>11/29/2019 15:17:31</t>
  </si>
  <si>
    <t>11/29/2019 15:17:50</t>
  </si>
  <si>
    <t>11/29/2019 15:23:20</t>
  </si>
  <si>
    <t>11/29/2019 15:25:53</t>
  </si>
  <si>
    <t>\\acsfs\Deptos\Controladoria\2 - Business Performance\2019\1 - Precificacao\6 - Revisao da Metodologia\Consultoria Teros\01 - Fase Exploratoria\01 - Informacoes Recebidas\</t>
  </si>
  <si>
    <t>11/29/2019 15:24:23</t>
  </si>
  <si>
    <t>11/29/2019 15:29:53</t>
  </si>
  <si>
    <t>\\Acsfs\dsti\GAT\CIT - Coordenacao Inteligencia de TI\RELATORIOS FPW\Controle\OCORRENCIAS\Planilhas\Recorrência\Novembro 2019\</t>
  </si>
  <si>
    <t>Ocorrência0111a28112019.xlsm</t>
  </si>
  <si>
    <t>11/29/2019 15:29:42</t>
  </si>
  <si>
    <t>11/29/2019 15:33:53</t>
  </si>
  <si>
    <t>Chat.xlsx</t>
  </si>
  <si>
    <t>11/29/2019 15:28:20</t>
  </si>
  <si>
    <t>mail.google.com/_/upload?authuser=0&amp;dcp=asu-n&amp;upload_id=AEnB2Up-k6cROz1Co6QkyoeVSbC6U_E5_RizqO1jUFyEdOvkxfduT6D_074GVjK6seZ1jDJyfMUQv6o4llObx-tZVor9y0v6pqUs9ECAuM80HjYvG3lyFCI&amp;upload_protocol=resumable</t>
  </si>
  <si>
    <t>cobranca.tech@algartech.com;edvaljdcn@algartech.com;guilhermedsf@algartech.com;</t>
  </si>
  <si>
    <t>Baixas Nov.xlsx</t>
  </si>
  <si>
    <t>cobranca.tech@algartech.com,edvaljdcn@algartech.com,guilhermedsf@algartech.com</t>
  </si>
  <si>
    <t>11/29/2019 15:41:28</t>
  </si>
  <si>
    <t>11/29/2019 15:42:53</t>
  </si>
  <si>
    <t>\\Acsfs\deptos\PMO Governança\06 - GOVERNANÇA DO CAPEX\CAPEX LONGO PRAZO\CAPEX LP - REVISÃO_A19_M10\CAPEX LP 20 a 24 - 29_11v2.pptx\</t>
  </si>
  <si>
    <t>11/29/2019 15:41:30</t>
  </si>
  <si>
    <t>mail.google.com/_/upload?authuser=0&amp;dcp=asu-n&amp;upload_id=AEnB2UrcwSQr3o_ucoZbe6BFEhLIMxcmOVzfYjm__62ARaiNlAgO_6jQ2L3nYRvxZ04O_iIRehUThGnnx9SWFCBeDF6tnsFcIMv6VHabOrjpwZgm13Al_IQ&amp;upload_protocol=resumable</t>
  </si>
  <si>
    <t>\\Acsfs\deptos\PMO Governança\06 - GOVERNANÇA DO CAPEX\CAPEX LONGO PRAZO\CAPEX LP - REVISÃO_A19_M10\CAPEX LP 20 a 24 - 29_11 IFRS DESTACADOv2.pptx\</t>
  </si>
  <si>
    <t>11/29/2019 15:42:15</t>
  </si>
  <si>
    <t>mail.google.com/_/upload?authuser=1&amp;dcp=asu-n&amp;upload_id=AEnB2UqwVUkoqu-qBY2Pm1CPLEvUhQSVhYHUO9L6WojV4zS_RX2-h3pXuh2u5RVwu0a8NQKFL6j3KqGARhn_UGN_Xh10GETBTBPnSJqLGCqCyQSennhbxuU&amp;upload_protocol=resumable</t>
  </si>
  <si>
    <t>C:\Users\suelenmm\Downloads\</t>
  </si>
  <si>
    <t>207401_IBM_VLI_Field_v6_C2_(C017_B017).xlsb</t>
  </si>
  <si>
    <t>C:\Users\suelenmm\Downloads\207401_IBM_VLI_Field_v6_C2_(C017_B017).xlsb\</t>
  </si>
  <si>
    <t>11/29/2019 15:43:47</t>
  </si>
  <si>
    <t>11/29/2019 15:45:53</t>
  </si>
  <si>
    <t>/o=exchangelabs/ou=exchange administrative group (fydibohf23spdlt)/cn=recipients/cn=8ffcdd39b62f4308b2f876f9624fa69a-wasley luiz;joysi.pereira.k2@youse.com.br;joysi.pereira@youse.com.br;</t>
  </si>
  <si>
    <t>ENC: Forecast Youse SAC - Dezembro</t>
  </si>
  <si>
    <t>Planejamento SAC IN-OUT-OUV.xlsx</t>
  </si>
  <si>
    <t>/o=exchangelabs/ou=exchange administrative group (fydibohf23spdlt)/cn=recipients/cn=8ffcdd39b62f4308b2f876f9624fa69a-wasley luiz,joysi.pereira.k2@youse.com.br,joysi.pereira@youse.com.br</t>
  </si>
  <si>
    <t>11/29/2019 15:46:20</t>
  </si>
  <si>
    <t>11/29/2019 15:51:53</t>
  </si>
  <si>
    <t>11/29/2019 15:59:21</t>
  </si>
  <si>
    <t>11/29/2019 16:04:53</t>
  </si>
  <si>
    <t>C:\Users\leonoraat\Downloads\</t>
  </si>
  <si>
    <t>11/29/2019 16:04:05</t>
  </si>
  <si>
    <t>11/29/2019 16:07:52</t>
  </si>
  <si>
    <t>mail.google.com/mail/u/0/?hl=pt-BR#inbox?compose=new</t>
  </si>
  <si>
    <t>Y:\ASA_ULA\NUCLEO_SUPRIMENTOS\PAC\1. Engeset\2019\11 - Novembro\Previa\</t>
  </si>
  <si>
    <t>ALGAR___Relatorio_Movimentacao_INV_112019.xlsx</t>
  </si>
  <si>
    <t>11/29/2019 16:06:44</t>
  </si>
  <si>
    <t>11/29/2019 16:08:53</t>
  </si>
  <si>
    <t>wayneroa@algartech.com;</t>
  </si>
  <si>
    <t>Atualização Baixas (Ago-Nov).xlsx</t>
  </si>
  <si>
    <t>wayneroa@algartech.com</t>
  </si>
  <si>
    <t>11/29/2019 16:14:48</t>
  </si>
  <si>
    <t>11/29/2019 16:16:52</t>
  </si>
  <si>
    <t>mail.google.com/_/upload?authuser=2&amp;dcp=asu-n&amp;upload_id=AEnB2UptL3qtKs00DL4lEBYh0vxzQCOC15ZCk1FQPkRgpy71CtXVcRcQT8geO6H6OX8zjLUHrfg90tEkGa-yZsB4te3t4HDVcw&amp;upload_protocol=resumable</t>
  </si>
  <si>
    <t>\\acsfs\ACS\Consultoria de Qualidade\Uberlândia\1. Analistas\Fernando Rodrigues\4. Distribuição de Meta\2019\1. Whirlpool\1. Dezembro\</t>
  </si>
  <si>
    <t>1ª Semana - Dezembro.xlsx</t>
  </si>
  <si>
    <t>11/29/2019 16:17:19</t>
  </si>
  <si>
    <t>11/29/2019 16:21:53</t>
  </si>
  <si>
    <t>Produtividade RAF - NOV-2019 - Parcial - 29-11-19.xlsm</t>
  </si>
  <si>
    <t>11/29/2019 16:17:05</t>
  </si>
  <si>
    <t>mail.google.com/_/upload?authuser=2&amp;dcp=asu-n&amp;upload_id=AEnB2Urtwzh7fxfP0JZrKXEDkLufgW7Xy_RIqcij2ZZGYc8ATi7cr8DmW-y7l781M6CfRpoBmvOIhVgzD36-HSP5fsQKkiT9yg&amp;upload_protocol=resumable</t>
  </si>
  <si>
    <t>\\acsfs\ACS\Consultoria de Qualidade\Uberlândia\1. Analistas\Fernando Rodrigues\4. Distribuição de Meta\2019\0. Caixa\</t>
  </si>
  <si>
    <t>Acompanhamento Produtividade.xlsx</t>
  </si>
  <si>
    <t>11/29/2019 16:20:57</t>
  </si>
  <si>
    <t>11/29/2019 16:24:53</t>
  </si>
  <si>
    <t>11/29/2019 16:22:48</t>
  </si>
  <si>
    <t>11/29/2019 16:26:53</t>
  </si>
  <si>
    <t>11/29/2019 16:32:10</t>
  </si>
  <si>
    <t>11/29/2019 16:33:52</t>
  </si>
  <si>
    <t>telefonia.xls</t>
  </si>
  <si>
    <t>11/29/2019 16:38:00</t>
  </si>
  <si>
    <t>11/29/2019 16:39:52</t>
  </si>
  <si>
    <t>RES: Férias</t>
  </si>
  <si>
    <t>11/29/2019 16:41:15</t>
  </si>
  <si>
    <t>11/29/2019 16:45:52</t>
  </si>
  <si>
    <t>mail.google.com/_/upload?authuser=0&amp;dcp=asu-n&amp;upload_id=AEnB2UpFUDm6m-sk8RR6W6wmoj1Yn8cd4es-v7qnRAqcEmJxg18sWliY0FnSz5hhXCj_7N_eAb2GVD6F1vQYpZfwCwDvN2sBcPOr3lGPepjK5dGvA644MHM&amp;upload_protocol=resumable</t>
  </si>
  <si>
    <t>122019_Forecast de Receita Oficial_2019_MARISSA.xlsx</t>
  </si>
  <si>
    <t>11/29/2019 17:09:19</t>
  </si>
  <si>
    <t>11/29/2019 17:10:53</t>
  </si>
  <si>
    <t>11/29/2019 15:23:21</t>
  </si>
  <si>
    <t>11/29/2019 17:11:53</t>
  </si>
  <si>
    <t>c:\users\polati\onedrive\</t>
  </si>
  <si>
    <t>financas oficial dez18.xlsx</t>
  </si>
  <si>
    <t>11/29/2019 17:11:21</t>
  </si>
  <si>
    <t>11/29/2019 17:15:54</t>
  </si>
  <si>
    <t>delsoer@algartech.com;gustavohs@algartech.com;juliocedo@algartech.com;mara.pereira@cscalgar.com.br;olivar@algar.com.br;</t>
  </si>
  <si>
    <t>Macro Calendário_2020.xlsx</t>
  </si>
  <si>
    <t>delsoer@algartech.com,gustavohs@algartech.com,juliocedo@algartech.com,mara.pereira@cscalgar.com.br,olivar@algar.com.br</t>
  </si>
  <si>
    <t>11/29/2019 17:11:22</t>
  </si>
  <si>
    <t>Prioridades Diretores - Entregas DG 2020.xlsx</t>
  </si>
  <si>
    <t>11/29/2019 17:18:45</t>
  </si>
  <si>
    <t>11/29/2019 17:20:53</t>
  </si>
  <si>
    <t>C:\Users\alinerg\Documents\ASC\Planilhas de configuração - SETUP\</t>
  </si>
  <si>
    <t>SETUP_Categorizações.xlsx</t>
  </si>
  <si>
    <t>11/29/2019 17:23:05</t>
  </si>
  <si>
    <t>11/29/2019 17:23:53</t>
  </si>
  <si>
    <t>11/29/2019 17:23:09</t>
  </si>
  <si>
    <t>11/29/2019 17:25:53</t>
  </si>
  <si>
    <t>RES: Posições de educação</t>
  </si>
  <si>
    <t>Mapa de Salas_Consolidado MARCO.xlsx</t>
  </si>
  <si>
    <t>11/29/2019 17:30:09</t>
  </si>
  <si>
    <t>11/29/2019 17:32:54</t>
  </si>
  <si>
    <t>mail.google.com/_/upload?authuser=1&amp;dcp=asu-n&amp;upload_id=AEnB2Uqw-QobW_2kUfs_QeUH0Vb0AsX3d_DlQjTECfRBqHTull0UN4r1aRd45TQsdDQnrlkKLPzsiIxBh8jZBZNqKCN7Bkkmbi7kwK5jF2liiDawkpCVBrA&amp;upload_protocol=resumable</t>
  </si>
  <si>
    <t>11/29/2019 17:28:20</t>
  </si>
  <si>
    <t>11/29/2019 17:33:53</t>
  </si>
  <si>
    <t>mail.google.com/mail/u/1/?ui=2&amp;view=btop&amp;ver=eyhxefjfd5dl&amp;search=inbox&amp;th=%23thread-f%3A1651467301923416213|msg-f%3A1651467301923416213&amp;cvid=9</t>
  </si>
  <si>
    <t>11/29/2019 17:38:51</t>
  </si>
  <si>
    <t>11/29/2019 17:42:54</t>
  </si>
  <si>
    <t>\\acsfs\dsti\CMV - Coordenação de Mkt e Vendas\Comercial\Relatórios_Reunião Comercial\2019\Raul\</t>
  </si>
  <si>
    <t>11/29/2019 17:39:19</t>
  </si>
  <si>
    <t>11/29/2019 17:43:53</t>
  </si>
  <si>
    <t>mail.google.com/_/upload?authuser=1&amp;dcp=asu-n&amp;upload_id=AEnB2Upl5DWx1xUw9W4qrc-5QBaSmXEzJpPT1nnk5E7oB-k2NlsONrIQcNZUMkMqkXZiKiRbnSUTvxkFyA0amQAW8Qgr5rA3btBYNlXLYJhZ_qmWfsRJE60&amp;upload_protocol=resumable</t>
  </si>
  <si>
    <t>C:\Users\alexsandrodmju\Desktop\</t>
  </si>
  <si>
    <t>chassiPendente.csv</t>
  </si>
  <si>
    <t>11/29/2019 17:41:35</t>
  </si>
  <si>
    <t>C:\Users\simoneesm\Desktop\</t>
  </si>
  <si>
    <t>RV Para apuração_Duvidas Brasilia_Verificar.xlsb</t>
  </si>
  <si>
    <t>11/29/2019 17:45:20</t>
  </si>
  <si>
    <t>11/29/2019 17:48:54</t>
  </si>
  <si>
    <t>C:\Users\waleskamms\OneDrive - Grupo Algar\Apresentações\Visão Argentina 19.11.2019 (002).pptx\</t>
  </si>
  <si>
    <t>11/29/2019 17:46:41</t>
  </si>
  <si>
    <t>11/29/2019 17:51:54</t>
  </si>
  <si>
    <t>mail.google.com/_/upload?authuser=2&amp;dcp=asu-n&amp;upload_id=AEnB2Uq6aeAnt9mfwnaXXDDPWu36VvDPRSbhenMmbQRHJkMzPvvehlZe_B3NG8bzdecinIWT6RfoDUXe9G7Zd_wRxMQgiihpn8saZM7rh-avehCx5iNAxog&amp;upload_protocol=resumable</t>
  </si>
  <si>
    <t>\\acsfs\ACS\Consultoria de Qualidade\Uberlândia\1. Analistas\Fernando Rodrigues\4. Distribuição de Meta\2019\0. Caixa\1. Dezembro\</t>
  </si>
  <si>
    <t>Distribuição - 1ª Dezena.xls</t>
  </si>
  <si>
    <t>11/29/2019 17:48:58</t>
  </si>
  <si>
    <t>10.200.57.225</t>
  </si>
  <si>
    <t>/o=exchangelabs/ou=exchange administrative group (fydibohf23spdlt)/cn=recipients/cn=01dd947fa5e64c6cb9bbbb6c6ff21082-amanda silv;/o=exchangelabs/ou=exchange administrative group (fydibohf23spdlt)/cn=recipients/cn=11caa171ca6b4748baa4e51f96be0f34-lucas vinic;/o=exchangelabs/ou=exchange administrative group (fydibohf23spdlt)/cn=recipients/cn=210abf7d16694040807a431d92f85430-erikabfs_al;/o=exchangelabs/ou=exchange administrative group (fydibohf23spdlt)/cn=recipients/cn=2a933c0b80df4f499b51d2e80289c02f-priscila le;/o=exchangelabs/ou=exchange administrative group (fydibohf23spdlt)/cn=recipients/cn=2fd40d5105804de1a0e7ae1dc8497af5-kelly arauj;/o=exchangelabs/ou=exchange administrative group (fydibohf23spdlt)/cn=recipients/cn=3c7d42ed9f564e2f8855085002941e81-aline soare;/o=exchangelabs/ou=exchange administrative group (fydibohf23spdlt)/cn=recipients/cn=3f81420aa09a45308e82efb501d64cad-rafaela alv;/o=exchangelabs/ou=exchange administrative group (fydibohf23spdlt)/cn=recipients/cn=42003965c773486991517108e51c3776-paul</t>
  </si>
  <si>
    <t>**Acesso ao Manual do Assistente - URGENTE**</t>
  </si>
  <si>
    <t>Liberação Manual do Assistente.xlsx</t>
  </si>
  <si>
    <t>/o=exchangelabs/ou=exchange administrative group (fydibohf23spdlt)/cn=recipients/cn=01dd947fa5e64c6cb9bbbb6c6ff21082-amanda silv,/o=exchangelabs/ou=exchange administrative group (fydibohf23spdlt)/cn=recipients/cn=11caa171ca6b4748baa4e51f96be0f34-lucas vinic,/o=exchangelabs/ou=exchange administrative group (fydibohf23spdlt)/cn=recipients/cn=210abf7d16694040807a431d92f85430-erikabfs_al,/o=exchangelabs/ou=exchange administrative group (fydibohf23spdlt)/cn=recipients/cn=2a933c0b80df4f499b51d2e80289c02f-priscila le,/o=exchangelabs/ou=exchange administrative group (fydibohf23spdlt)/cn=recipients/cn=2fd40d5105804de1a0e7ae1dc8497af5-kelly arauj,/o=exchangelabs/ou=exchange administrative group (fydibohf23spdlt)/cn=recipients/cn=3c7d42ed9f564e2f8855085002941e81-aline soare,/o=exchangelabs/ou=exchange administrative group (fydibohf23spdlt)/cn=recipients/cn=3f81420aa09a45308e82efb501d64cad-rafaela alv,/o=exchangelabs/ou=exchange administrative group (fydibohf23spdlt)/cn=recipients/cn=42003965c773486991517108e51c3776-paul</t>
  </si>
  <si>
    <t>11/29/2019 17:49:10</t>
  </si>
  <si>
    <t>11/29/2019 17:52:54</t>
  </si>
  <si>
    <t>mail.google.com/_/upload?authuser=1&amp;dcp=asu-n&amp;upload_id=AEnB2UqlaaX8MDYNppzJdFgzkPdl5K2FhhJazD7gvXtcLl-T16NQ9MntPU5mPamjRNoUT3RDMQFGigM25LmjBC7pZPOaZkvCbg&amp;upload_protocol=resumable</t>
  </si>
  <si>
    <t>207401_IBM_VLI_Field_v6_C1_(C017_B017).xlsb</t>
  </si>
  <si>
    <t>C:\Users\suelenmm\Downloads\207401_IBM_VLI_Field_v6_C1_(C017_B017).xlsb\</t>
  </si>
  <si>
    <t>11/29/2019 17:53:18</t>
  </si>
  <si>
    <t>11/29/2019 17:53:55</t>
  </si>
  <si>
    <t>/o=exchangelabs/ou=exchange administrative group (fydibohf23spdlt)/cn=recipients/cn=3a5a57fc01354a128619146c836d1ba7-camila de p;/o=exchangelabs/ou=exchange administrative group (fydibohf23spdlt)/cn=recipients/cn=4fbcbdfa900b4cb195ac160568115bc2-ericson nog;camiladps@algartech.com.br;ericsonns@algartech.com.br;fredericobs@algartecnologia.com.br;</t>
  </si>
  <si>
    <t>ENC: Previa candidatos Atendente Pleno e Sênior</t>
  </si>
  <si>
    <t>ATENDENTE SR E PL- FINAL EMPRESA.xlsx</t>
  </si>
  <si>
    <t>/o=exchangelabs/ou=exchange administrative group (fydibohf23spdlt)/cn=recipients/cn=3a5a57fc01354a128619146c836d1ba7-camila de p,/o=exchangelabs/ou=exchange administrative group (fydibohf23spdlt)/cn=recipients/cn=4fbcbdfa900b4cb195ac160568115bc2-ericson nog,camiladps@algartech.com.br,ericsonns@algartech.com.br,fredericobs@algartecnologia.com.br</t>
  </si>
  <si>
    <t>11/29/2019 17:52:32</t>
  </si>
  <si>
    <t>11/29/2019 17:58:07</t>
  </si>
  <si>
    <t>11/29/2019 17:58:54</t>
  </si>
  <si>
    <t>ENC: Filas de Retorno - Correção Urgente - Backlog 5mil - VMC e Amex</t>
  </si>
  <si>
    <t>FILA DE RETORNO - VMC - COMUNICAR ASSOCIADO.xlsb</t>
  </si>
  <si>
    <t>11/29/2019 18:00:42</t>
  </si>
  <si>
    <t>11/29/2019 18:03:54</t>
  </si>
  <si>
    <t>anapca@algartech.com;celmars@algartech.com;janecsa@algartech.com;matheusmpm@algartech.com;vilarinho@algartech.com;</t>
  </si>
  <si>
    <t>\\acsfs\Deptos\PMO Governança\06 - GOVERNANÇA DO CAPEX\CAPEX 2020\ORÇAMENTO\OFICIAL\01 - OFICIAL\CAPEX 2020 29_11.pptx\</t>
  </si>
  <si>
    <t>anapca@algartech.com,celmars@algartech.com,janecsa@algartech.com,matheusmpm@algartech.com,vilarinho@algartech.com</t>
  </si>
  <si>
    <t>11/29/2019 18:00:44</t>
  </si>
  <si>
    <t>mail.google.com/_/upload?authuser=0&amp;dcp=asu-n&amp;upload_id=AEnB2Uq1KNokJNfwrrds8QH141c1HirdmjV2m5_akZQGnHYlMT7cTFYCtFK2v_fbjE0izNb4PmfGMOwMKdooFCdYrBPiY2VwgmY6CTNWKWCQBbk1moQySH4&amp;upload_protocol=resumable</t>
  </si>
  <si>
    <t>11/29/2019 17:59:17</t>
  </si>
  <si>
    <t>mail.google.com/_/upload?authuser=0&amp;dcp=asu-n&amp;upload_id=AEnB2UoLQPfzlxFn7EdDaM8nOdWolwt4T3XstoRBVangnvwwwGnOojIm5zK9RdMQvtPPmjTj1vTOwFndMwVY_fJVcW4uDiy9axS0D5ZGTpH8i6fek5R7Mo4&amp;upload_protocol=resumable</t>
  </si>
  <si>
    <t>\\acsfs\DEPTOS\Operacao\CAIXA\Gerencia\IRIS LOPES\2019\Dezembro\</t>
  </si>
  <si>
    <t>METAS Novas Ações Dezembro.xlsx</t>
  </si>
  <si>
    <t>11/29/2019 18:25:23</t>
  </si>
  <si>
    <t>11/29/2019 18:28:54</t>
  </si>
  <si>
    <t>/o=exchangelabs/ou=exchange administrative group (fydibohf23spdlt)/cn=recipients/cn=4fbcbdfa900b4cb195ac160568115bc2-ericson nog;camiladps@algartech.com;camiladps@algartech.com.br;ericsonns@algartech.com.br;</t>
  </si>
  <si>
    <t>ENC: Lista de Treinamento - Atendente Sr - Migração</t>
  </si>
  <si>
    <t>Atendente SR- Migração.xlsx</t>
  </si>
  <si>
    <t>/o=exchangelabs/ou=exchange administrative group (fydibohf23spdlt)/cn=recipients/cn=4fbcbdfa900b4cb195ac160568115bc2-ericson nog,camiladps@algartech.com,camiladps@algartech.com.br,ericsonns@algartech.com.br</t>
  </si>
  <si>
    <t>11/29/2019 18:30:01</t>
  </si>
  <si>
    <t>11/29/2019 18:34:53</t>
  </si>
  <si>
    <t>mail.google.com/_/upload?authuser=0&amp;dcp=asu-n&amp;upload_id=AEnB2UqV0tYzS6ypw7VQjSymQMMl6M6gxm7QcTBRR8ZRNzptZi4P51aiaTMhOF3oS5JLjN7petoS03LiRUwFsRjDe9zdXidaKw&amp;upload_protocol=resumable</t>
  </si>
  <si>
    <t>4080.celulah@bradesco.com.br;brunowp@algartech.com;jullian.faria@algartech.com;</t>
  </si>
  <si>
    <t>C:\Comercial\CONTRATOS\TEMPO SERVIÇOS S.A\SERVICE DESK\Renovação 2020 - 214369 - RFP SD DITI - Bradesco SP\3ª Rodada de Negociação - 29_11_19\</t>
  </si>
  <si>
    <t>Planilha comercial de cotação (CENÁRIO 1 RFP) - Processo 40143349H Algar Tech_v4.xlsx</t>
  </si>
  <si>
    <t>4080.celulah@bradesco.com.br,brunowp@algartech.com,jullian.faria@algartech.com</t>
  </si>
  <si>
    <t>11/29/2019 18:55:22</t>
  </si>
  <si>
    <t>11/29/2019 18:55:53</t>
  </si>
  <si>
    <t>mail.google.com/_/upload?authuser=0&amp;dcp=asu-n&amp;upload_id=AEnB2UpwcM2vjDYJpRba-8lM-LVwX9SKHN_8p2nYSureKptc9p7xUAQvj_5CUdZN72jt3lIyrB70L6SnaAJNpkcIXsBhnKAUZw&amp;upload_protocol=resumable</t>
  </si>
  <si>
    <t>luizavs@algartech.com;rodrigombu@algartech.com;viniciusgt@algartech.com;viniciussg@algartech.com;</t>
  </si>
  <si>
    <t>\\acsfs\DEPTOS\Operacao\PCP\5 - Comum\PLANEJAMENTO WHIRLPOOL\17 - PLANEJAMENTO REVISADO\ticket_526283\17 - PLANEJAMENTO REVISADO\PLANO WHIRLPOOL 2020\SS\</t>
  </si>
  <si>
    <t>luizavs@algartech.com,rodrigombu@algartech.com,viniciusgt@algartech.com,viniciussg@algartech.com</t>
  </si>
  <si>
    <t>11/29/2019 19:26:02</t>
  </si>
  <si>
    <t>11/29/2019 19:27:54</t>
  </si>
  <si>
    <t>mail.google.com/_/upload?authuser=0&amp;dcp=asu-n&amp;upload_id=AEnB2Up68sf2RD_47CYFuXF7pLFtAewjUtGK8OnuRMkJ23edYTkzUupj97qyjLL6VT4TID8KAaGvOS-n4TgvJgehB7ULtKClLQ&amp;upload_protocol=resumable</t>
  </si>
  <si>
    <t>adrianacro@algartech.com;cpc-controldeskavon@algartech.com;emanuellagr@algartech.com;senildapdo@algartech.com;viniciussg@algartech.com;</t>
  </si>
  <si>
    <t>adrianacro@algartech.com,cpc-controldeskavon@algartech.com,emanuellagr@algartech.com,senildapdo@algartech.com,viniciussg@algartech.com</t>
  </si>
  <si>
    <t>11/29/2019 19:58:08</t>
  </si>
  <si>
    <t>11/29/2019 19:59:54</t>
  </si>
  <si>
    <t>11/27/2019 17:44:26</t>
  </si>
  <si>
    <t>11/29/2019 21:39:55</t>
  </si>
  <si>
    <t>\\acsfs\dsti\CPE - ITO\05 - TCO\5.1 - Plataforma\2019\Backup\</t>
  </si>
  <si>
    <t>TCO_BACKUP_SIMPANA-11_2019-OPEX-AGENT-NEW.xlsx</t>
  </si>
  <si>
    <t>11/29/2019 21:55:39</t>
  </si>
  <si>
    <t>11/29/2019 22:00:55</t>
  </si>
  <si>
    <t>mail.google.com/_/upload?authuser=0&amp;dcp=asu-n&amp;upload_id=AEnB2UpTfyxvhOq4MOrw-4tnaQfJkTIQrDdnU1gBRVrtnBusZoz-ed8CHbuu73dC6IH2zFzG8hjM2VCHs07nGj8EDdiuJOVLCQ&amp;upload_protocol=resumable</t>
  </si>
  <si>
    <t>ericacdosc@algartech.com;jairdpof@algartech.com;janecsa@algartech.com;</t>
  </si>
  <si>
    <t>\\acsfs\DEPTOS\Controladoria\Planejamento\Reuniao Gerencial\2020\PROJETO CNPJ\OFICIAL\OFICIAL_SEM_IFRS\</t>
  </si>
  <si>
    <t>ericacdosc@algartech.com,jairdpof@algartech.com,janecsa@algartech.com</t>
  </si>
  <si>
    <t>11/29/2019 21:55:52</t>
  </si>
  <si>
    <t>mail.google.com/_/upload?authuser=0&amp;dcp=asu-n&amp;upload_id=AEnB2UoHzB8CfBakYm7P4hphgxcYk6nAaV3w2WfNzh8luQzi19oqtt_bUm92IXTZp4XeI6uM9UpkEiAYUQVwQCJGQFojRbL-sASyRXsAj9Nzl-vXH605hA4&amp;upload_protocol=resumable</t>
  </si>
  <si>
    <t>\\acsfs\DEPTOS\Controladoria\Planejamento\Reuniao Gerencial\2020\PROJETO CNPJ\OFICIAL\OFICIAL\</t>
  </si>
  <si>
    <t>DF_2020_OFICIAL_CONSOLIDADO.xlsx</t>
  </si>
  <si>
    <t>11/30/2019 09:45:46</t>
  </si>
  <si>
    <t>11/30/2019 09:48:02</t>
  </si>
  <si>
    <t>Mailing Abandonadas.xlsx</t>
  </si>
  <si>
    <t>11/30/2019 10:52:04</t>
  </si>
  <si>
    <t>11/30/2019 10:53:04</t>
  </si>
  <si>
    <t>\\acsfs\DEPTOS\Operacao\PCP\5 - Comum\LUIZ ALFREDO\00 - WHIRLPOOL\01 - TLV COMPRA CERTA\2019\11 - NOVEMBRO\</t>
  </si>
  <si>
    <t>Mailing Abandonadas BF.xlsx</t>
  </si>
  <si>
    <t>11/30/2019 15:13:35</t>
  </si>
  <si>
    <t>11/30/2019 15:15:05</t>
  </si>
  <si>
    <t>10.250.254.59</t>
  </si>
  <si>
    <t>C:\Users\vilarinho\OneDrive - Grupo Algar\Algar Tech\Controladoria\Comite de Auditoria\Comite Auditoria 2019\4ComiteOUT_04.12.19\Comitê de Auditoria_3T19_AlgarTech_Final_V1.pptx\</t>
  </si>
  <si>
    <t>11/30/2019 15:13:36</t>
  </si>
  <si>
    <t>11/30/2019 15:15:00</t>
  </si>
  <si>
    <t>11/30/2019 15:20:05</t>
  </si>
  <si>
    <t>11/30/2019 15:15:01</t>
  </si>
  <si>
    <t>11/30/2019 15:15:02</t>
  </si>
  <si>
    <t>11/30/2019 15:15:03</t>
  </si>
  <si>
    <t>11/30/2019 15:15:13</t>
  </si>
  <si>
    <t>11/30/2019 15:15:14</t>
  </si>
  <si>
    <t>11/30/2019 15:15:15</t>
  </si>
  <si>
    <t>11/30/2019 15:15:16</t>
  </si>
  <si>
    <t>11/30/2019 15:15:28</t>
  </si>
  <si>
    <t>11/30/2019 15:15:29</t>
  </si>
  <si>
    <t>11/30/2019 15:15:30</t>
  </si>
  <si>
    <t>11/30/2019 15:15:31</t>
  </si>
  <si>
    <t>11/30/2019 15:15:43</t>
  </si>
  <si>
    <t>11/30/2019 15:15:44</t>
  </si>
  <si>
    <t>11/30/2019 15:15:45</t>
  </si>
  <si>
    <t>11/30/2019 15:15:46</t>
  </si>
  <si>
    <t>11/30/2019 15:15:56</t>
  </si>
  <si>
    <t>11/30/2019 15:15:57</t>
  </si>
  <si>
    <t>11/30/2019 15:15:58</t>
  </si>
  <si>
    <t>11/30/2019 15:15:59</t>
  </si>
  <si>
    <t>11/30/2019 15:16:11</t>
  </si>
  <si>
    <t>11/30/2019 15:16:12</t>
  </si>
  <si>
    <t>11/30/2019 15:16:13</t>
  </si>
  <si>
    <t>11/30/2019 15:16:14</t>
  </si>
  <si>
    <t>11/30/2019 15:16:15</t>
  </si>
  <si>
    <t>11/30/2019 15:17:47</t>
  </si>
  <si>
    <t>11/30/2019 15:17:48</t>
  </si>
  <si>
    <t>11/30/2019 15:17:49</t>
  </si>
  <si>
    <t>11/30/2019 15:17:50</t>
  </si>
  <si>
    <t>11/30/2019 15:18:03</t>
  </si>
  <si>
    <t>11/30/2019 15:18:04</t>
  </si>
  <si>
    <t>11/30/2019 15:18:05</t>
  </si>
  <si>
    <t>11/30/2019 15:18:06</t>
  </si>
  <si>
    <t>11/30/2019 15:18:15</t>
  </si>
  <si>
    <t>11/30/2019 15:18:16</t>
  </si>
  <si>
    <t>11/30/2019 15:18:17</t>
  </si>
  <si>
    <t>11/30/2019 15:18:18</t>
  </si>
  <si>
    <t>11/30/2019 15:18:19</t>
  </si>
  <si>
    <t>11/30/2019 15:21:05</t>
  </si>
  <si>
    <t>11/30/2019 15:18:42</t>
  </si>
  <si>
    <t>11/30/2019 15:18:43</t>
  </si>
  <si>
    <t>11/30/2019 15:18:44</t>
  </si>
  <si>
    <t>11/30/2019 15:18:45</t>
  </si>
  <si>
    <t>11/30/2019 23:51:05</t>
  </si>
  <si>
    <t>C:\Users\lucianafaa\OneDrive - Grupo Algar\2019\PROJETOS\WFM\CONTROLE\STATUS REPORT\2019\DEZEMBRO\Status Projetos-02-12.pptx\</t>
  </si>
  <si>
    <t>11/30/2019 23:51:06</t>
  </si>
  <si>
    <t>Gestão de Reajustes 2019 v8.1-29-11.xlsx</t>
  </si>
  <si>
    <t>C:\Users\lucianafaa\OneDrive - Grupo Algar\2019\PROJETOS\URR.zip\URR\ACTION\</t>
  </si>
  <si>
    <t>Action Itensv11- 05-09.xlsx</t>
  </si>
  <si>
    <t>Action Itensv11- 11-09.xlsx</t>
  </si>
  <si>
    <t>Action Itensv11- 12-09.xlsx</t>
  </si>
  <si>
    <t>Action Itensv11- 16-09-TUDO.xlsx</t>
  </si>
  <si>
    <t>Action Itensv11- 16-09.xlsx</t>
  </si>
  <si>
    <t>action itensv12-07-11.xlsx</t>
  </si>
  <si>
    <t>action itensv12-14-10v1.xlsx</t>
  </si>
  <si>
    <t>Action Itensv12-tudo.xlsx</t>
  </si>
  <si>
    <t>Action Itensv12-v1-tudo.xlsx</t>
  </si>
  <si>
    <t>Action Itensv12-v1.xlsx</t>
  </si>
  <si>
    <t>Action Itensv12-v2-14-10.xlsx</t>
  </si>
  <si>
    <t>Action Itensv12.xlsx</t>
  </si>
  <si>
    <t>C:\Users\lucianafaa\OneDrive - Grupo Algar\2019\PROJETOS\URR.zip\URR\ACTION\GERAL\</t>
  </si>
  <si>
    <t>C:\Users\lucianafaa\OneDrive - Grupo Algar\2019\PROJETOS\URR.zip\URR\ACTION\NOVEMBRO\</t>
  </si>
  <si>
    <t>C:\Users\lucianafaa\OneDrive - Grupo Algar\2019\PROJETOS\URR.zip\URR\</t>
  </si>
  <si>
    <t>C¢pia de Action Itensv10.xlsx</t>
  </si>
  <si>
    <t>C:\Users\lucianafaa\OneDrive - Grupo Algar\2019\PROJETOS\URR.zip\URR\INTEGRACAO\</t>
  </si>
  <si>
    <t>Requisitos Integra‡Æo Dynamics_v2.xlsx</t>
  </si>
  <si>
    <t>C:\Users\lucianafaa\OneDrive - Grupo Algar\2019\PROJETOS\URR.zip\URR\RELATORIO\CURVA ABCD\</t>
  </si>
  <si>
    <t>UPH_Dynamics_Agosto Curva ABCD.xlsx</t>
  </si>
  <si>
    <t>TABULA€ÇO_URR_v005 ALGAR.xlsx</t>
  </si>
  <si>
    <t>C:\Users\lucianafaa\OneDrive - Grupo Algar\2019\PROJETOS\URR.zip\URR\112019_Apresenta‡Æo de resultados URR_ALGAR (002) (003).pptx\</t>
  </si>
  <si>
    <t>C:\Users\lucianafaa\OneDrive - Grupo Algar\2019\PROJETOS\URR.zip\URR\112019_Apresenta‡Æo de resultados URR_ALGAR (006).pptx\</t>
  </si>
  <si>
    <t>C:\Users\lucianafaa\OneDrive - Grupo Algar\2019\PROJETOS\URR.zip\URR\APRESENTACAO\URR_ALGAR_122019_Apresenta‡Æo de resultados v02.pptx\</t>
  </si>
  <si>
    <t>C:\Users\lucianafaa\OneDrive - Grupo Algar\2019\PROJETOS\URR.zip\URR\INTEGRACAO\112019_Apresenta‡Æo de resultados URR_ALGAR (005).pptx\</t>
  </si>
  <si>
    <t>C:\Users\lucianafaa\OneDrive - Grupo Algar\2019\PROJETOS\URR.zip\URR\RELATORIO\CURVA ABCD\Relat¢rio Curva ABCD-EMAIL LUCAS.msg\s1\</t>
  </si>
  <si>
    <t>C:\Users\lucianafaa\OneDrive - Grupo Algar\2019\PROJETOS\URR.zip\URR\RELATORIO\SMART - DYNAMICS\RES Demandas - URR - Dynamics.msg\s1\</t>
  </si>
  <si>
    <t>C:\Users\lucianafaa\OneDrive - Grupo Algar\2019\PROJETOS\URR.zip\URR\TABULACAO\Tabula‡Æo de finalizadores - contato sem sucesso - Alelo-INATIVA.msg\s1\</t>
  </si>
  <si>
    <t>C:\Users\lucianafaa\OneDrive - Grupo Algar\2019\PROJETOS\URR.zip\URR\TABULACAO\Tabula‡Æo do receptivo.msg\s439\</t>
  </si>
  <si>
    <t>C:\Users\lucianafaa\OneDrive - Grupo Algar\2019\PROJETOS\URR.zip\URR\TABULACAO\RES Tabula‡Æo de finalizadores - contato sem sucesso - Alelo-03-09.msg\s1\TABULAÇÃO_URR_v005.zip\</t>
  </si>
  <si>
    <t>C:\Users\lucianafaa\OneDrive - Grupo Algar\2019\BACKUP PATRICIA\URR\backup.pst\[11] 1b00-5de3cbc1000d2348.tmp.pst -] Root Folder_Início do arquivo de dados do Outlook_Caixa de Entrada_AREAc509060fb9eb15a4.msg\s93\</t>
  </si>
  <si>
    <t>C:\Users\lucianafaa\OneDrive - Grupo Algar\2019\BACKUP PATRICIA\URR\backup.pst\[14] 1b00-5de3cbc1000d2348.tmp.pst -] Root Folder_Início do arquivo de dados do Outlook_Caixa de Entrada_AREAb67a8406a0f8e5da.msg\s84\</t>
  </si>
  <si>
    <t>C:\Users\lucianafaa\OneDrive - Grupo Algar\2019\BACKUP PATRICIA\URR\backup.pst\[4] 1b00-5de3cbc1000d2348.tmp.pst -] Root Folder_Início do arquivo de dados do Outlook_Caixa de Entrada_AREA 151f8f0dea2551f0.msg\s95\</t>
  </si>
  <si>
    <t>Action Itensv10.xlsx</t>
  </si>
  <si>
    <t>C:\Users\lucianafaa\OneDrive - Grupo Algar\2019\BACKUP PATRICIA\URR\backup.pst\[6] 1b00-5de3cbc1000d2348.tmp.pst -] Root Folder_Início do arquivo de dados do Outlook_Caixa de Entrada_AREA 41e0d4ba47448eef.msg\s93\</t>
  </si>
  <si>
    <t>Controle de Horas URR.xlsx</t>
  </si>
  <si>
    <t>C:\Users\lucianafaa\OneDrive - Grupo Algar\2019\BACKUP PATRICIA\URR\backup.pst\[9] 1b00-5de3cbc1000d2348.tmp.pst -] Root Folder_Início do arquivo de dados do Outlook_Caixa de Entrada_AREA a9e0028038a5604b.msg\s160\</t>
  </si>
  <si>
    <t>C:\Users\lucianafaa\OneDrive - Grupo Algar\2019\BACKUP PATRICIA\URR\backup.pst\[15] 1b00-5de3cbc1000d2348.tmp.pst -] Root Folder_Início do arquivo de dados do Outlook_Caixa de Entrada_AREA8c720f8a47fbacdc.msg\s83\TABULAÇÃO_URR_v005.zip\</t>
  </si>
  <si>
    <t>C:\Users\lucianafaa\OneDrive - Grupo Algar\2019\BACKUP PATRICIA\URR\backup.7z\backup.pst\[11] backup.pst -] Root Folder_Início do arquivo de dados do Outlook_Caixa de Entrada_AREA PROJETOS ALGAR_PRO24b4149b2353150b.msg\s93\</t>
  </si>
  <si>
    <t>C:\Users\lucianafaa\OneDrive - Grupo Algar\2019\BACKUP PATRICIA\URR\backup.7z\backup.pst\[14] backup.pst -] Root Folder_Início do arquivo de dados do Outlook_Caixa de Entrada_AREA PROJETOS ALGAR_PRO9e059fc4c523a1c6.msg\s84\</t>
  </si>
  <si>
    <t>C:\Users\lucianafaa\OneDrive - Grupo Algar\2019\BACKUP PATRICIA\URR\backup.7z\backup.pst\[4] backup.pst -] Root Folder_Início do arquivo de dados do Outlook_Caixa de Entrada_AREA PROJETOS ALGAR_PROJfed825918db54ee9.msg\s95\</t>
  </si>
  <si>
    <t>C:\Users\lucianafaa\OneDrive - Grupo Algar\2019\BACKUP PATRICIA\URR\backup.7z\backup.pst\[6] backup.pst -] Root Folder_Início do arquivo de dados do Outlook_Caixa de Entrada_AREA PROJETOS ALGAR_PROJbf433790807d188a.msg\s93\</t>
  </si>
  <si>
    <t>C:\Users\lucianafaa\OneDrive - Grupo Algar\2019\BACKUP PATRICIA\URR\backup.7z\backup.pst\[9] backup.pst -] Root Folder_Início do arquivo de dados do Outlook_Caixa de Entrada_AREA PROJETOS ALGAR_PROJ960eab22a107086d.msg\s160\</t>
  </si>
  <si>
    <t>C:\Users\lucianafaa\OneDrive - Grupo Algar\2019\BACKUP PATRICIA\URR\backup.7z\backup.pst\[15] backup.pst -] Root Folder_Início do arquivo de dados do Outlook_Caixa de Entrada_AREA PROJETOS ALGAR_PRO3e40aee16f7225fb.msg\s83\TABULAÇÃO_URR_v005.zip\</t>
  </si>
  <si>
    <t>mail.google.com/_/upload?authuser=1&amp;dcp=asu-n&amp;upload_id=AEnB2UqF1B1F9qH9hy7wr7dkXZboRgcrez68U_QT6YcxA_8dTj7bdGA3EIc9JbUTKg6eFPOtjTdZavD7WHqJtggDHhzPeROMaw&amp;upload_protocol=resumable</t>
  </si>
  <si>
    <t>C:\Users\mateusms\Downloads\</t>
  </si>
  <si>
    <t>22008 - UDI - WHIRLPOOL - CORPORATIVO.xlsx</t>
  </si>
  <si>
    <t>22051 - UDI - WHIRLPOOL - SERV BBLEND N1.xlsx</t>
  </si>
  <si>
    <t>22052 - UDI - WHIRLPOOL - SERV BBLEND N2.xlsx</t>
  </si>
  <si>
    <t>22048 - UDI - WHIRLPOOL - SERV N1 DIGITAL.xlsx</t>
  </si>
  <si>
    <t>mail.google.com/_/upload?authuser=0&amp;dcp=asu-n&amp;upload_id=AEnB2UriwBIbn5SXOZuNijD9AuB8bd0e4CTYYh9o_chc1DXOkyq0FiE0K8CZaEKB09udaLTGevpEQd-oVPByqSrnwzY_Bd3tpQ&amp;upload_protocol=resumable</t>
  </si>
  <si>
    <t>mail.google.com/_/upload?authuser=0&amp;dcp=asu-n&amp;upload_id=AEnB2UoH_5pAwm5qL1hhVWBMdy4SFQcbMIAJY4sGadooPweGovStW6xUpxux1PnJh66qTAXp2UGI32xrVjPXiOHY1jiyTqU-dg&amp;upload_protocol=resumable</t>
  </si>
  <si>
    <t>catianalv@algartech.com;lucianarsantos@algartech.com;senildapdo@algartech.com;</t>
  </si>
  <si>
    <t>COMPARTILHAMENTO FRONT.xlsx</t>
  </si>
  <si>
    <t>catianalv@algartech.com,lucianarsantos@algartech.com,senildapdo@algartech.com</t>
  </si>
  <si>
    <t>c:\users\marcos.pereira\appdata\local\microsoft\windows\temporary internet files\content.outlook\ql2nrkoi\</t>
  </si>
  <si>
    <t>11/29/2019 16:38:37</t>
  </si>
  <si>
    <t>mail.google.com/_/upload?authuser=1&amp;dcp=asu-n&amp;upload_id=AEnB2Ur8FZZDOzPspKXEYTv65jMAwaK9aLoLIZ3C8q4vKlgaBZBBnLPta8MaVwVS7bS5gb_FJEsoqIiiFHnV-Mvwue3eVqUubQ&amp;upload_protocol=resumable</t>
  </si>
  <si>
    <t>New_CONTROLE DE CLIENTES_PAGSEGURO (4) (1).xlsx</t>
  </si>
  <si>
    <t>11/29/2019 08:56:34</t>
  </si>
  <si>
    <t>11/29/2019 08:58:10</t>
  </si>
  <si>
    <t>mail.google.com/_/upload?authuser=1&amp;dcp=asu-n&amp;upload_id=AEnB2UpV7KpGA20hsSrIJxjPD8CtG85G6G0SovOUKM4FGUeQALtodBXborEih3WS6TvERZBI0xXPK2B5RfasFOq8KeFKMkbv8Q&amp;upload_protocol=resumable</t>
  </si>
  <si>
    <t>11/29/2019 14:28:24</t>
  </si>
  <si>
    <t>D:\OneDrive\AlgarTech\Pré-Vendas\Cliente\2019\SAGE\217474 - Servidores Internos\DR\</t>
  </si>
  <si>
    <t>11/29/2019 14:28:37</t>
  </si>
  <si>
    <t>DR - Servidores Hosting.xlsx</t>
  </si>
  <si>
    <t>11/29/2019 15:33:23</t>
  </si>
  <si>
    <t>D:\OneDrive\AlgarTech\Pré-Vendas\Cliente\2019\CSC Algar\185266 - Migração e Sustentação AWS\3 - Informações\DefiniçãoEC2\</t>
  </si>
  <si>
    <t>Agressivo_120345_08132019output_2019-08-13-12-04-05.xlsx</t>
  </si>
  <si>
    <t>11/29/2019 15:42:28</t>
  </si>
  <si>
    <t>D:\OneDrive\AlgarTech\Pré-Vendas\Cliente\2019\SAGE\217474 - Servidores Internos\DR\Definição_EC2\</t>
  </si>
  <si>
    <t>Calculadora AWS_v.1.3.xlsx</t>
  </si>
  <si>
    <t>11/29/2019 15:55:26</t>
  </si>
  <si>
    <t>11/29/2019 15:56:01</t>
  </si>
  <si>
    <t>Preco_217474_DR_Replicacao_V1.xlsb</t>
  </si>
  <si>
    <t>11/29/2019 16:11:37</t>
  </si>
  <si>
    <t>11/29/2019 16:11:45</t>
  </si>
  <si>
    <t>vocabulario atualizado- 01-12-19.xlsx</t>
  </si>
  <si>
    <t>containsunsubscribedchildren,copyable,displ,display,displaynam,displayname,domain,emailaddress,explicitlytrashed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able,shared,sharedwith,sharedwithmedate,subscribed,thumbnailversion,title,userperm,userpermission(role)</t>
  </si>
  <si>
    <t>Produtividade RAF - NOV-2019 - Parcial - 28-11-19.xlsm</t>
  </si>
  <si>
    <t>11/29/2019 16:25:31</t>
  </si>
  <si>
    <t>C:\$Recycle.Bin\S-1-5-21-602162358-764733703-839522115-344664\</t>
  </si>
  <si>
    <t>$I0YZ3RR.csv</t>
  </si>
  <si>
    <t>$I1R5Q8T.csv</t>
  </si>
  <si>
    <t>11/29/2019 16:25:33</t>
  </si>
  <si>
    <t>$I67NLMF.csv</t>
  </si>
  <si>
    <t>11/29/2019 16:25:34</t>
  </si>
  <si>
    <t>$I7J7RR8.csv</t>
  </si>
  <si>
    <t>11/29/2019 16:25:36</t>
  </si>
  <si>
    <t>$I9TIK95.csv</t>
  </si>
  <si>
    <t>$I9YTP0E.csv</t>
  </si>
  <si>
    <t>11/29/2019 16:25:37</t>
  </si>
  <si>
    <t>$IA786HZ.csv</t>
  </si>
  <si>
    <t>11/29/2019 16:25:38</t>
  </si>
  <si>
    <t>$IB4RQBZ.csv</t>
  </si>
  <si>
    <t>$ICJCZ9K.csv</t>
  </si>
  <si>
    <t>11/29/2019 16:25:39</t>
  </si>
  <si>
    <t>$IDVVL24.csv</t>
  </si>
  <si>
    <t>11/29/2019 16:25:41</t>
  </si>
  <si>
    <t>$IH1Z73J.csv</t>
  </si>
  <si>
    <t>11/29/2019 16:25:43</t>
  </si>
  <si>
    <t>$IJ7UPPU.csv</t>
  </si>
  <si>
    <t>11/29/2019 16:25:44</t>
  </si>
  <si>
    <t>$IKXV2PQ.csv</t>
  </si>
  <si>
    <t>11/29/2019 16:25:45</t>
  </si>
  <si>
    <t>$IMNYVI1.csv</t>
  </si>
  <si>
    <t>11/29/2019 16:25:46</t>
  </si>
  <si>
    <t>$IMR6DZ9.csv</t>
  </si>
  <si>
    <t>11/29/2019 16:25:48</t>
  </si>
  <si>
    <t>$IPWAYQ2.csv</t>
  </si>
  <si>
    <t>$IQUKS7Y.csv</t>
  </si>
  <si>
    <t>11/29/2019 16:25:50</t>
  </si>
  <si>
    <t>$IU6HZU2.csv</t>
  </si>
  <si>
    <t>11/29/2019 16:25:52</t>
  </si>
  <si>
    <t>$IXBJOL7.csv</t>
  </si>
  <si>
    <t>11/29/2019 16:25:53</t>
  </si>
  <si>
    <t>$IZI76MJ.csv</t>
  </si>
  <si>
    <t>11/29/2019 16:28:13</t>
  </si>
  <si>
    <t>$IX6JYJ2.csv</t>
  </si>
  <si>
    <t>11/29/2019 16:48:31</t>
  </si>
  <si>
    <t>$INQRFIY.csv</t>
  </si>
  <si>
    <t>11/29/2019 16:53:40</t>
  </si>
  <si>
    <t>$ITX0R1A.csv</t>
  </si>
  <si>
    <t>11/30/2019 07:25:34</t>
  </si>
  <si>
    <t>eliamardo@algartech.com.br;</t>
  </si>
  <si>
    <t>Cadastro de novo usuário</t>
  </si>
  <si>
    <t>Dados para qld 00.xlsx</t>
  </si>
  <si>
    <t>eliamardo@algartech.com.br</t>
  </si>
  <si>
    <t>11/30/2019 07:27:16</t>
  </si>
  <si>
    <t>/o=exchangelabs/ou=exchange administrative group (fydibohf23spdlt)/cn=recipients/cn=f927337e9e32468d91da72c6c6ec4935-eliamar de;</t>
  </si>
  <si>
    <t>/o=exchangelabs/ou=exchange administrative group (fydibohf23spdlt)/cn=recipients/cn=f927337e9e32468d91da72c6c6ec4935-eliamar de</t>
  </si>
  <si>
    <t>11/30/2019 08:47:35</t>
  </si>
  <si>
    <t>/o=exchangelabs/ou=exchange administrative group (fydibohf23spdlt)/cn=recipients/cn=f31dd7b1edc2498f8b5d2185b5dae493-jessyca rez;/o=exchangelabs/ou=exchange administrative group (fydibohf23spdlt)/cn=recipients/cn=f927337e9e32468d91da72c6c6ec4935-eliamar de;</t>
  </si>
  <si>
    <t>Monitorias lançadas na planilha incorreta</t>
  </si>
  <si>
    <t>Lançamento incorreto_ next monitorias.xls</t>
  </si>
  <si>
    <t>/o=exchangelabs/ou=exchange administrative group (fydibohf23spdlt)/cn=recipients/cn=f31dd7b1edc2498f8b5d2185b5dae493-jessyca rez,/o=exchangelabs/ou=exchange administrative group (fydibohf23spdlt)/cn=recipients/cn=f927337e9e32468d91da72c6c6ec4935-eliamar de</t>
  </si>
  <si>
    <t>11/29/2019 20:37:47</t>
  </si>
  <si>
    <t>Farol NR-17 - 36ª Parcial 2019.xlsb</t>
  </si>
  <si>
    <t>containsunsubscribedchildren,displa,display,displaynam,displayname,domain,emailaddr,emailaddress,explicitlytrashed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e,shared,sharedwithmedate,thumb,thumbnailversion,title,userperm,userpermission(role)</t>
  </si>
  <si>
    <t>/o=exchangelabs/ou=exchange administrative group (fydibohf23spdlt)/cn=recipients/cn=aff8c3b9538840fe9b9778861292fbea-everton pau;andre.komatsubara@bradesco.com.br;evertonpdsr@algartech.com.br;</t>
  </si>
  <si>
    <t>ENC: Contas gerenciadas e migradas</t>
  </si>
  <si>
    <t>27 - CONSOLIDADO EXCLUSÃO_INCLUSÃO - CRC AMEX - 25.11.19.xlsx</t>
  </si>
  <si>
    <t>/o=exchangelabs/ou=exchange administrative group (fydibohf23spdlt)/cn=recipients/cn=aff8c3b9538840fe9b9778861292fbea-everton pau,andre.komatsubara@bradesco.com.br,evertonpdsr@algartech.com.br</t>
  </si>
  <si>
    <t>$I8W42DM.csv</t>
  </si>
  <si>
    <t>$IBNIZ9M.csv</t>
  </si>
  <si>
    <t>$ISEBWDR.csv</t>
  </si>
  <si>
    <t>brunosr@algartech.com.br;renatass@algartech.com.br;</t>
  </si>
  <si>
    <t>ENC: Exclusão CRC VISA</t>
  </si>
  <si>
    <t>28 - CONSOLIDADO EXCLUSÃO - CRC VISA - 25.11.19.xlsx</t>
  </si>
  <si>
    <t>brunosr@algartech.com.br,renatass@algartech.com.br</t>
  </si>
  <si>
    <t>/o=exchangelabs/ou=exchange administrative group (fydibohf23spdlt)/cn=recipients/cn=092327d7955f47e78ad4a60dc2ac8d69-joaquim eli;</t>
  </si>
  <si>
    <t>ENC: Atualização Semanal - Retirada e Devolução de Placas/Hardwares - FMM e FMT - (W47/2019)</t>
  </si>
  <si>
    <t>Movimentação Semanal TCO AC (DATA).xlsx</t>
  </si>
  <si>
    <t>/o=exchangelabs/ou=exchange administrative group (fydibohf23spdlt)/cn=recipients/cn=092327d7955f47e78ad4a60dc2ac8d69-joaquim eli</t>
  </si>
  <si>
    <t>Status Pesquisa de Clima 2019 - 2911.xlsx</t>
  </si>
  <si>
    <t>/o=exchangelabs/ou=exchange administrative group (fydibohf23spdlt)/cn=recipients/cn=bc07fcc207044a07b8cf90d1abbdc707-luiz claudi;</t>
  </si>
  <si>
    <t>ENC: Engeset - oficio solicitação de emissão da TRD</t>
  </si>
  <si>
    <t>Cópia de RelatorioRPConsolidado-3.xls</t>
  </si>
  <si>
    <t>/o=exchangelabs/ou=exchange administrative group (fydibohf23spdlt)/cn=recipients/cn=bc07fcc207044a07b8cf90d1abbdc707-luiz claudi</t>
  </si>
  <si>
    <t>11/30/2019 00:44:26</t>
  </si>
  <si>
    <t>mail.google.com/_/upload?authuser=1&amp;dcp=asu-n&amp;upload_id=AEnB2UrKEOxrGkUxSFZOJW_DxKTAJ8FCaAmBJDyGwQQofhhdrg6zoAwZ_xqhRf4dZPKjPjJwTuhUNgSL-hg1P89zZTDPmuUYXQ&amp;upload_protocol=resumable</t>
  </si>
  <si>
    <t>\\acsfs\deptos\Controladoria\25.Gestão de Riscos\1. Apresentações\01. CAGR\2019\Out19\Comitê de Auditoria_3T19_AlgarTech.pptx\</t>
  </si>
  <si>
    <t>11/30/2019 00:44:27</t>
  </si>
  <si>
    <t>11/29/2019 11:51:23</t>
  </si>
  <si>
    <t>Cópia de FORMULÁRIO CADASTRO DE FORNECEDOR ALGAR FRANCISCO.xlsx</t>
  </si>
  <si>
    <t>Preco_217474_DR_AWS_Replicacao_Cloudendure_V1.xlsb</t>
  </si>
  <si>
    <t>mail.google.com/_/upload?authuser=2&amp;dcp=asu-n&amp;upload_id=AEnB2UqU3MRe8U-3PTW75fXHYAEqDVLARLezJa9eU2ITYQjSs2KSfVmEhGVmZjdDFdrnHlaGsBQdBWvY8i909kMofZQNF6t1UA&amp;upload_protocol=resumable</t>
  </si>
  <si>
    <t>Pendencias Oracle.xlsx</t>
  </si>
  <si>
    <t>10.200.57.198</t>
  </si>
  <si>
    <t>C:\Users\rondinelesa\Desktop\Metodologia de Processos\Estrutura\05. Controle\Controle de Projetos\</t>
  </si>
  <si>
    <t>Modelo Controle de Projetos.xlsx</t>
  </si>
  <si>
    <t>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,containsunsubscribedchildren,contentrestrictions(readonly),copyable,createddate,dis,displa,display,displayname,dologia de pro,dologia de processos' and trashed = false and '0achpj0gk6mlyuk9pva' in parents&amp;fields=kind,domain,emailaddress,explicitlytrashed,file(kind,fileextension,fileid,filesize,flaggedforabuse,foldercolor,folderfeatures,hasaugmentedpermissions,haschildfolders,hasthumbnail,hasvisitorpermissions,hidden,id,id),items(deleted,items(kind,ken,kind,labels(starred,lastmodifyi,lastmodifyingus,lastmodifyinguser(kind,lastviewedbymedate,mimetype,mimetype�,modifiedbymedate,modifieddate,nextpagetoken,ontainsunsubscribedchildren,organizationdisplayname,owners(kind,parents(id),passivelysubscribed,per,permission,permission</t>
  </si>
  <si>
    <t>C:\Users\rondinelesa\Desktop\Metodologia de Processos\Estrutura\03. Execução\Templates\Pareto\</t>
  </si>
  <si>
    <t>Modelo Pareto.xls</t>
  </si>
  <si>
    <t>C:\Users\rondinelesa\Desktop\Metodologia de Processos\Estrutura\01. Iniciação\Matriz de Priorização\</t>
  </si>
  <si>
    <t>Matriz de Priorização.xls</t>
  </si>
  <si>
    <t>C:\Users\rondinelesa\Desktop\Metodologia de Processos\Estrutura\03. Execução\Templates\Mudas\</t>
  </si>
  <si>
    <t>Modelo Identificação de Mudas.xls</t>
  </si>
  <si>
    <t>C:\Users\rondinelesa\Desktop\Metodologia de Processos\Estrutura\03. Execução\Templates\ISHIKAWA\</t>
  </si>
  <si>
    <t>Modelo Ishikawa avançado.xls</t>
  </si>
  <si>
    <t>C:\Users\rondinelesa\Desktop\Metodologia de Processos\Estrutura\03. Execução\Templates\GUT\</t>
  </si>
  <si>
    <t>Matriz GUT PADRÃO.xls</t>
  </si>
  <si>
    <t>anapscl@algartech.com;micheless@algartech.com;thaisaol@algartech.com.br;</t>
  </si>
  <si>
    <t>CURVA NORMAL - 29/11/2019</t>
  </si>
  <si>
    <t>anapscl@algartech.com,micheless@algartech.com,thaisaol@algartech.com.br</t>
  </si>
  <si>
    <t>10.200.60.173</t>
  </si>
  <si>
    <t>C:\Users\rondinelesa\Desktop\Metodologia de Processos\Estrutura\03. Execução\Templates\Entrevista\</t>
  </si>
  <si>
    <t>Template Entrevista.xlsx</t>
  </si>
  <si>
    <t>C:\Users\rondinelesa\Desktop\Metodologia de Processos\Estrutura\03. Execução\Templates\AVA\</t>
  </si>
  <si>
    <t>Planilha AVA Completo v1.xls</t>
  </si>
  <si>
    <t>11/28/2019 11:38:06</t>
  </si>
  <si>
    <t>11/28/2019 17:42:24</t>
  </si>
  <si>
    <t>11/28/2019 17:48:15</t>
  </si>
  <si>
    <t>11/28/2019 18:00:46</t>
  </si>
  <si>
    <t>11/28/2019 18:37:27</t>
  </si>
  <si>
    <t>11/29/2019 15:19:29</t>
  </si>
  <si>
    <t>mail.google.com/_/upload?authuser=0&amp;dcp=asu-n&amp;upload_id=AEnB2UqkZ4Mb-IBCK0PfjcaWA3VeSn_oEJIjzFJJh2I8Mb7UyLB1--vIiH8kTjkspcGTamkIdzhh5E0BbRw3qIeVkA69RzEhPw&amp;upload_protocol=resumable</t>
  </si>
  <si>
    <t>arthurjs@algartech.com;asoares@tribanco.com.br;carlosadcj@algartech.com;cfonseca@tripag.com.br;claudia@tripag.com.br;cynthiaf@tripag.com.br;dbrandao@tripag.com.br;fdsantos@tripag.com.br;ganunes@tripag.com.br;leonardoao@algartech.com;lucasfs@tribanco.com.br;lucianarba@algartecnologia.com.br;oscilang@tripag.com.br;pauloslj@algartech.com;qualidade_cartaotricard@tribanco.com.br;robertaib@algartech.com;samias@tribanco.com.br;tarcisio.morais@4mm.com.br;taysdss@algartech.com;</t>
  </si>
  <si>
    <t>arthurjs@algartech.com,asoares@tribanco.com.br,carlosadcj@algartech.com,cfonseca@tripag.com.br,claudia@tripag.com.br,cynthiaf@tripag.com.br,dbrandao@tripag.com.br,fdsantos@tripag.com.br,ganunes@tripag.com.br,leonardoao@algartech.com,lucasfs@tribanco.com.br,lucianarba@algartecnologia.com.br,oscilang@tripag.com.br,pauloslj@algartech.com,qualidade_cartaotricard@tribanco.com.br,robertaib@algartech.com,samias@tribanco.com.br,tarcisio.morais@4mm.com.br,taysdss@algartech.com</t>
  </si>
  <si>
    <t>mail.google.com/_/upload?authuser=1&amp;dcp=asu-n&amp;upload_id=AEnB2Urp8IWqnh0KR4F6slS16s4M6s7Z4CosmMKHlN81jeqXKivc7c7Auzj9d6V7HI5C6yGrK_YW_n3wUo9Dyu8oUq5spf6LUdbYdy2jwVpJKBgYSH68fzU&amp;upload_protocol=resumable</t>
  </si>
  <si>
    <t>anapfbr@algartech.com;thiagosc@algartech.com;</t>
  </si>
  <si>
    <t>anapfbr@algartech.com,thiagosc@algartech.com</t>
  </si>
  <si>
    <t>C:\Users\mariliafsc.ACS\Desktop\152004 Sicoob BP - 24 meses PA + Digital FINAL v19.4_v2.xlsb\</t>
  </si>
  <si>
    <t>10.200.35.104</t>
  </si>
  <si>
    <t>mail.google.com/_/upload?authuser=1&amp;dcp=asu-n&amp;upload_id=AEnB2UrRmrET9P3kLYEXbbiv9L2p1eVpJYIAJ5fyibON-w40Opb4ccZjT44-pcP_DZC27pYn0nWwr2g3KblJH48fsQSMHUAhvw&amp;upload_protocol=resumable</t>
  </si>
  <si>
    <t>Template_Sobreaviso - Acacio.xlsx</t>
  </si>
  <si>
    <t>11/30/2019 07:36:31</t>
  </si>
  <si>
    <t>mail.google.com/_/upload?authuser=0&amp;dcp=asu-n&amp;upload_id=AEnB2Uo6278B18c_vJ5qdwX735CKwvmiAICyQni5Dsg1OEBPYH13CJdmZ7sOddUFaYevFiaIt_kan5ep261VPacWV4BPOHi2Dw&amp;upload_protocol=resumable</t>
  </si>
  <si>
    <t>Reconhecimento Gente Servindo Gente_V3_Eunice.xlsx</t>
  </si>
  <si>
    <t>10.200.32.33</t>
  </si>
  <si>
    <t>C:\Users\marciols\Downloads\</t>
  </si>
  <si>
    <t>SEGATTO E GLEICE - COMFRIO - Validado_V2.xlsx</t>
  </si>
  <si>
    <t>10.200.67.60</t>
  </si>
  <si>
    <t>Cálculo Banda.xls</t>
  </si>
  <si>
    <t>Preco_217474_DR_GM_V1.xlsb</t>
  </si>
  <si>
    <t>mail.google.com/_/upload?authuser=0&amp;dcp=asu-n&amp;upload_id=AEnB2UokgQH5P_3BE7_XmtPtuCN8HXSCkmMtRDPyDmPHw5BwJ8yu5abMw-3MY6ajhPcrNw7aoU7NTbrbuomL2Zfy_afGitMY2gOBZL31s8s3oqPAeZoIhXE&amp;upload_protocol=resumable</t>
  </si>
  <si>
    <t>carlosadcj@algartech.com;cynthiaf@tripag.com.br;kamilap@tripag.com.br;leonardoao@algartech.com;lrocha@tribanco.com.br;lucasfs@tribanco.com.br;lucianarba@algartecnologia.com.br;marcosnf@tripag.com.br;pauloslj@algartech.com;robertaib@algartech.com;todos;</t>
  </si>
  <si>
    <t>carlosadcj@algartech.com,cynthiaf@tripag.com.br,kamilap@tripag.com.br,leonardoao@algartech.com,lrocha@tribanco.com.br,lucasfs@tribanco.com.br,lucianarba@algartecnologia.com.br,marcosnf@tripag.com.br,pauloslj@algartech.com,robertaib@algartech.com,todos</t>
  </si>
  <si>
    <t>10.200.58.230</t>
  </si>
  <si>
    <t>134454331;1575007191158;58;[];[]]];false;false]";ken0d�����;ken=aa2cq0fkhylrq5flsltc8txbtaev:1574946678858&amp;buildlabel=drive.web-frontend_20191113.00_p4;kpt9irsqiz9tgnndh_qstoq5ii-vqujonkrbzfl0q202r8v-fftrtzx9tflkbcubw5mtxpsywykr79diovilkxk-v84bds5tyzqu\";null;</t>
  </si>
  <si>
    <t>\\acsfs\DEPTOS\Restrito\07. REDIR (ATAS)\2019\Dezembro\REDIR de temas administrativos - 12-2019.pptx\</t>
  </si>
  <si>
    <t>134454331,1575007191158,58,[],[]]],false,false]",ken0d�����,ken=aa2cq0fkhylrq5flsltc8txbtaev:1574946678858&amp;buildlabel=drive.web-frontend_20191113.00_p4,kpt9irsqiz9tgnndh_qstoq5ii-vqujonkrbzfl0q202r8v-fftrtzx9tflkbcubw5mtxpsywykr79diovilkxk-v84bds5tyzqu\",null</t>
  </si>
  <si>
    <t>mail.google.com/_/upload?authuser=0&amp;dcp=asu-n&amp;upload_id=AEnB2Upc7Q8aLmOwh6Y-mbjZT8NJP5T_eCM_3GNq3HnVOGswYqXYZFr_biPYfYhqd5-xGdyvSaSYbDybvkWhjNclK9TU3G_uAQ&amp;upload_protocol=resumable</t>
  </si>
  <si>
    <t>\\acsfs\deptos\CEI - Coordenação de Engenharia e Infraestrutura\CEI – Engenharia\05 - PROJETOS EM VIABILIDADE\5.07 - 2020\EVB-2020-0009- CAS- Drawbridge BMS A100\</t>
  </si>
  <si>
    <t>Classificacao_de_Ativos_-_Drawbridge_BMS_A100.xlsb</t>
  </si>
  <si>
    <t>mail.google.com/_/upload?authuser=0&amp;dcp=asu-n&amp;upload_id=AEnB2UqH9iH-vz067ag81y5DAAoiTZmDNgnrSTWa2wBG5p2jUIzA-GRS4yh4DKurNyBjfbJ9GUhgOzYSh9SUYpLV5mBCLKAkhw&amp;upload_protocol=resumable</t>
  </si>
  <si>
    <t>mail.google.com/_/upload?authuser=0&amp;dcp=asu-n&amp;upload_id=AEnB2UrsDGwTgh2bLYdiSk6rKny-N59nQogzIMlcUyDn-NqtoWFb-uChWVKvPSgARlyUbDO6AguxT6zd2Y2Q-4QoEDzovu_HcQ&amp;upload_protocol=resumable</t>
  </si>
  <si>
    <t>424.xlsx</t>
  </si>
  <si>
    <t>Reconhecimento Gente Servindo Gente_V4.xlsx</t>
  </si>
  <si>
    <t>Plano de Formação Caixa - Super e Staff.xlsx</t>
  </si>
  <si>
    <t>mail.google.com/_/upload?authuser=0&amp;dcp=asu-n&amp;upload_id=AEnB2UrkqQvhb6sMoqVIBwikciNr7ZpqRFEZaC_ogUj-PVQAye6891XXR59yJ0dpvqWYZMgPlqIF1sgmYur_fOLu_HVSGGd4BQ&amp;upload_protocol=resumable</t>
  </si>
  <si>
    <t>Indicadores BKO - D2C.xlsx</t>
  </si>
  <si>
    <t>afonsodc@algartech.com;fabianowo@algartech.com;marco.padovani@algartech.com;nilton.rossi@algartech.com;solicitacoespropostas@algartech.com;suelenmm@algartech.com;thiago.souza@algartech.com;william.lopes@algartech.com;</t>
  </si>
  <si>
    <t>C:\Trabalho\</t>
  </si>
  <si>
    <t>Modelo - bp novo.xlsb</t>
  </si>
  <si>
    <t>afonsodc@algartech.com,fabianowo@algartech.com,marco.padovani@algartech.com,nilton.rossi@algartech.com,solicitacoespropostas@algartech.com,suelenmm@algartech.com,thiago.souza@algartech.com,william.lopes@algartech.com</t>
  </si>
  <si>
    <t>C:\Trabalho\Modelo - bp novo.xlsb\</t>
  </si>
  <si>
    <t>NFs Johnson - contrato.xlsx</t>
  </si>
  <si>
    <t>mail.google.com/_/upload?authuser=2&amp;dcp=asu-n&amp;upload_id=AEnB2Upn9CT5X4_2_sn4K6rYyle4DEGKROr-GvfhlKfxykEAzNQDzsk7xOJiVD4tfGpAaBcSUdr39JFmTOeBzlUuWgLFHH_-wgytYcVEgLgV7a-a6u16kIw&amp;upload_protocol=resumable</t>
  </si>
  <si>
    <t>\\acsfs\Deptos\Operacao\PCP\5 - Comum\Rodrigo Buso\Whirlpool\Arquivos\</t>
  </si>
  <si>
    <t>11/19/2019 14:39:00</t>
  </si>
  <si>
    <t>10.200.57.153</t>
  </si>
  <si>
    <t>mail.google.com/_/upload?authuser=0&amp;dcp=asu-n&amp;upload_id=AEnB2UpgVT8VJl6uElByXKfQv3OkGm25w2evmHtUmd-UDq37JLcRGc0nwSYVYw6xwcBZ6FFjU5QcNcutfNF7MqXpVkA2AtL9PA&amp;upload_protocol=resumable</t>
  </si>
  <si>
    <t>BP - Automação da Monitoria de Qualidade_v2.xlsx</t>
  </si>
  <si>
    <t>border:none\_x0001_;color:black;ken=aa2cq0hvh5qezppken70cepelseb:1575289464236&amp;buildlabel=drive.web-frontend_20191113.00_p4dding-top:1px;kevertical-;padding-left:1px;padding-right:1px;secretariasdiretoria@algartech.com;</t>
  </si>
  <si>
    <t>C:\Users\marianart\Desktop\REDIR de temas administrativos - 12-2019.pptx\</t>
  </si>
  <si>
    <t>border:none\_x0001_,color:black,ken=aa2cq0hvh5qezppken70cepelseb:1575289464236&amp;buildlabel=drive.web-frontend_20191113.00_p4dding-top:1px,kevertical-,padding-left:1px,padding-right:1px,secretariasdiretoria@algartech.com</t>
  </si>
  <si>
    <t>Microanálise 20191130.xlsm</t>
  </si>
  <si>
    <t>andrelfg@algartech.com;fabianowo@algartech.com;</t>
  </si>
  <si>
    <t>C:\Users\denysgds\Documents\Backup Denys\Denys Guidio Backup\Backup\A100\BMS\</t>
  </si>
  <si>
    <t>andrelfg@algartech.com,fabianowo@algartech.com</t>
  </si>
  <si>
    <t>supermercado dezembo.xlsx</t>
  </si>
  <si>
    <t>/o=exchangelabs/ou=exchange administrative group (fydibohf23spdlt)/cn=recipients/cn=8ffcdd39b62f4308b2f876f9624fa69a-wasley luiz;joysi.pereira.k2@youse.com.br;joysi.pereira@youse.com.br;sheila.lopes@youse.com.br;</t>
  </si>
  <si>
    <t>RES: Forecast Youse SAC - Dezembro</t>
  </si>
  <si>
    <t>Planejamento SAC IN-OUT-OUV - QUEBRADO.xlsx</t>
  </si>
  <si>
    <t>/o=exchangelabs/ou=exchange administrative group (fydibohf23spdlt)/cn=recipients/cn=8ffcdd39b62f4308b2f876f9624fa69a-wasley luiz,joysi.pereira.k2@youse.com.br,joysi.pereira@youse.com.br,sheila.lopes@youse.com.br</t>
  </si>
  <si>
    <t>C:\Users\wanessabds\AppData\Local\Temp\</t>
  </si>
  <si>
    <t>RV Para apuração_Duvidas Brasilia_Verificar.xlsx</t>
  </si>
  <si>
    <t>c:\users\iramildass\desktop\cesag\</t>
  </si>
  <si>
    <t>cartinhas de natal - cesag.xlsx</t>
  </si>
  <si>
    <t>anapscl@algartech.com;coordenadorespf@algartech.com;fabiolacc@algartecnologia.com.br;fredericobs@algartecnologia.com.br;michelecdc@algartech.com;micheless@algartech.com;</t>
  </si>
  <si>
    <t>Monitorias Online - Novembro</t>
  </si>
  <si>
    <t>anapscl@algartech.com,coordenadorespf@algartech.com,fabiolacc@algartecnologia.com.br,fredericobs@algartecnologia.com.br,michelecdc@algartech.com,micheless@algartech.com</t>
  </si>
  <si>
    <t>anapscl@algartech.com;fabiolacc@algartecnologia.com.br;michelecdc@algartech.com;micheless@algartech.com;</t>
  </si>
  <si>
    <t>anapscl@algartech.com,fabiolacc@algartecnologia.com.br,michelecdc@algartech.com,micheless@algartech.com</t>
  </si>
  <si>
    <t>C:\Users\vanessasara\OneDrive - Grupo Algar\Transformação Digital\Arquivos - Área\</t>
  </si>
  <si>
    <t>Plano Tático Operacional 2019 - Scrums.xlsx</t>
  </si>
  <si>
    <t>containsunsubscribedchildren,copyable,displayname,domain,emailaddress,explicitlytrashed,file(kind,fileid,filesize,foldercolor,has,hasthumbnail,hasvisitorpermissions,id,id),items(deleted,items(kind,ken,kind,lastmodifyinguser(kind,lastviewedbymedate,mimetype,modifiedbymedate,modifieddate,ontainsunsubscribedchildren,owners(kind,perm,permiss,permission,permissionid,picture,picture�,picture�,quota,quotabytesused,quotabytesused�,rpermissions,shareable,shared,sharedwithme,sharedwithmedate,subscribed,thumbnailver,thumbnailversion,title,userpe,userpermission(role),workspaceids</t>
  </si>
  <si>
    <t>Alteração Cadastral.xlsx</t>
  </si>
  <si>
    <t>ENC: Relação de Associados Novatos - Overlap</t>
  </si>
  <si>
    <t>overlap.xlsx</t>
  </si>
  <si>
    <t>C:\Users\ericacdosc\Desktop\</t>
  </si>
  <si>
    <t>Lista Érica Elegíveis.xlsx</t>
  </si>
  <si>
    <t>C:\Users\vanessasara\OneDrive - Grupo Algar\Cursos\</t>
  </si>
  <si>
    <t>Matriz GUT.xlsx</t>
  </si>
  <si>
    <t>containsunsubscribedchildren,copyable,displayname,domain,emailaddress,explicitlytrashed,file(kind,fileid,filesize,foldercolor,foldercolor�,has,hasthumbnail,hasvisitorpermissions,id,id),items(deleted,items(kind,ken,kind,lastmodifyinguser(kind,lastviewedbymedate,mimetype,modifiedbymedate,modifieddate,ontainsunsubscribedchildren,owners(kind,per,perm,permiss,permission,permissionid,picture,picture�,picture�,quot,quota,quotabytesused,quotabytesused�,rpermissions,shareable,shared,sharedwithme,sharedwithmedate,subscribed,thumbnailver,thumbnailversion,title,userpe,userpermission(role),workspaceids</t>
  </si>
  <si>
    <t>mail.google.com/_/upload?authuser=0&amp;dcp=asu-n&amp;upload_id=AEnB2UpXmI_f8lMkvPkkCxa6eIqp2k0fJ8EylribRgS6sXOOSVx7cX_jGyatK1hWLgDHI97jKvzNlTmnV3qyr5SLUDhCvrSsRw&amp;upload_protocol=resumable</t>
  </si>
  <si>
    <t>11/29/2019 19:51:57</t>
  </si>
  <si>
    <t>Provisões.xls</t>
  </si>
  <si>
    <t>11/29/2019 19:52:41</t>
  </si>
  <si>
    <t>Transf 112019 02.xls</t>
  </si>
  <si>
    <t>11/30/2019 10:07:41</t>
  </si>
  <si>
    <t>11/30/2019 10:14:23</t>
  </si>
  <si>
    <t>11/30/2019 10:17:05</t>
  </si>
  <si>
    <t>C:\Users\rosilenedlf\Desktop\WHP 27-05\RELATÓRIOS\</t>
  </si>
  <si>
    <t>RES: Aderência - Equipe Leonora</t>
  </si>
  <si>
    <t>mail.google.com/_/upload?authuser=2&amp;dcp=asu-n&amp;upload_id=AEnB2UoCG67wdqraLaO9KMhWcO79VOKY0Fttg7qVVDKFszZ7CPERldEuzyPjlicauwPTjThbihZs6bqkTGxdCd0BHpzAMNxBdg&amp;upload_protocol=resumable</t>
  </si>
  <si>
    <t>PROPOSTA - UDI - WHIRLPOOL - SAC SINERGIA ECOHOUSE POS AJUSTADA - 27_11.xls</t>
  </si>
  <si>
    <t>Dados Laboratórios de Design Thinking - Jornada do associado.xlsx</t>
  </si>
  <si>
    <t>C:\Users\renatofol\OneDrive - Grupo Algar\ALGAR_-_Transformação Digital\Consultoria CX\Documentações\TIME CX\Clientes\Bradesco\Fatura Smart\</t>
  </si>
  <si>
    <t>Cópia de Mapeamento de Telas e Campos.xlsx</t>
  </si>
  <si>
    <t>anapscl@algartech.com.br;fabio.ribeiro@algarnet.onmicrosoft.com;fredericobs@algartecnologia.com.br;jaquelineaferr@algartech.com;julianatem@algartech.com;katiargf@algartech.com;kelly.barbosa@temposervicos.com.br;lilian.alves@temposervicos.com.br;micheless@algartech.com.br;yasmin.oliveira@temposervicos.com.br;</t>
  </si>
  <si>
    <t>Reclame Aqui- Atualizado</t>
  </si>
  <si>
    <t>BASE RA OFICIAL 1.xlsb</t>
  </si>
  <si>
    <t>anapscl@algartech.com.br,fabio.ribeiro@algarnet.onmicrosoft.com,fredericobs@algartecnologia.com.br,jaquelineaferr@algartech.com,julianatem@algartech.com,katiargf@algartech.com,kelly.barbosa@temposervicos.com.br,lilian.alves@temposervicos.com.br,micheless@algartech.com.br,yasmin.oliveira@temposervicos.com.br</t>
  </si>
  <si>
    <t>ana.palazzo@bradesco.com.br;anapscl@algartech.com.br;felipe.silva@temposervicos.com.br;jaquelineaferr@algartech.com;katiargf@algartech.com;kenia.oliveira@temposervicos.com.br;lorena.r.silva@bradesco.com.br;micheless@algartech.com;reginaldo.cardozo@bradesco.com.br;solange.contriciani@bradesco.com.br;</t>
  </si>
  <si>
    <t>ana.palazzo@bradesco.com.br,anapscl@algartech.com.br,felipe.silva@temposervicos.com.br,jaquelineaferr@algartech.com,katiargf@algartech.com,kenia.oliveira@temposervicos.com.br,lorena.r.silva@bradesco.com.br,micheless@algartech.com,reginaldo.cardozo@bradesco.com.br,solange.contriciani@bradesco.com.br</t>
  </si>
  <si>
    <t>mail.google.com/_/upload?authuser=2&amp;dcp=asu-n&amp;upload_id=AEnB2UrvdlvyndRh-Y1rYehKWZ4BSxYDfPfWpA0QrHKHfZnCGXSzS3AvqEaCUsTspYbPxup4glFaFZDXo-2sE9QW-A9PhfWS3Q&amp;upload_protocol=resumable</t>
  </si>
  <si>
    <t>Distribuição - 1ª Semana.xls</t>
  </si>
  <si>
    <t>Análise Base Drive Offline.xlsx</t>
  </si>
  <si>
    <t>C:\Comercial\2019\Comissão 2019\Meta Assinada\</t>
  </si>
  <si>
    <t>10.207.12.35</t>
  </si>
  <si>
    <t>\\acsfs\dsti\CMV - Coordenação de Mkt e Vendas\Comercial\Relatórios_Reunião Comercial\2019\Afonso\</t>
  </si>
  <si>
    <t>Relatório Pipeline_Afonso_ 19_11_28.xlsx</t>
  </si>
  <si>
    <t>mail.google.com/_/upload?authuser=2&amp;dcp=asu-n&amp;upload_id=AEnB2UpL8xgm41DiWjAjELxKR33Gv31uk7LrRzL6NWGO0aKc_NJo8R-sE4I_RCyzrqnSB-JAOHBUTkZw6F_TpWzJBU390OeVrA&amp;upload_protocol=resumable</t>
  </si>
  <si>
    <t>C:\Users\rodrigombu\OneDrive - Grupo Algar\Whirlpool\2019\11 - Novembro\Arquivo\N1\</t>
  </si>
  <si>
    <t>PLANO DE AÇÃO_ns (1).xls</t>
  </si>
  <si>
    <t>mail.google.com/_/upload?authuser=0&amp;dcp=asu-n&amp;upload_id=AEnB2UowaPG53vuP5339tNuaz3KEMD-ARfpALZTm38vJQ01DMoHvxrrRwq0b_IwdMT26cbZ9DNXfB1egAPOrLkjD1Mk-urZ2TQ&amp;upload_protocol=resumable</t>
  </si>
  <si>
    <t>\\acsfs\DEPTOS\TH\05. Cargos e Remuneração\03.Remuneração Variável\Pagamentos\PLR - 2019\1ºsemestre 2019\INCLUIR NO CÁLCULO\</t>
  </si>
  <si>
    <t>Pagamento PGPs_Out_TH_2019.xls</t>
  </si>
  <si>
    <t>Resumo BF TLV.xlsx</t>
  </si>
  <si>
    <t>anapscl@algartech.com;bonfim.silva@bradesco.com.br;cristiany.caixeta@bradesco.com.br;greiciele.alves@bradesco.com.br;jussaragp@algartech.com;leandra.cardoso@bradesco.com.br;micheless@algartech.com;patricia.amaral@temposervicos.com.br;patriciaa.lima@temposervicos.com.br;rosemery.silva@bradesco.com.br;</t>
  </si>
  <si>
    <t>anapscl@algartech.com,bonfim.silva@bradesco.com.br,cristiany.caixeta@bradesco.com.br,greiciele.alves@bradesco.com.br,jussaragp@algartech.com,leandra.cardoso@bradesco.com.br,micheless@algartech.com,patricia.amaral@temposervicos.com.br,patriciaa.lima@temposervicos.com.br,rosemery.silva@bradesco.com.br</t>
  </si>
  <si>
    <t>\\Acsfs\dsti\GAT\CIT - Coordenacao Inteligencia de TI\RELATORIOS FPW\Controle\OCORRENCIAS\OCORRÊNCIAS_NOVEMBRO2019\01a2811 EMISSAO 2911\</t>
  </si>
  <si>
    <t>OCORRÊNCIAS 01 A 2811_028_029_033 EMISSÃO 2911.xlsm</t>
  </si>
  <si>
    <t>\\acsfs\deptos\educacao empresarial\01 - info\emprestimo de materiais\02_infraestrutura\04_richer\</t>
  </si>
  <si>
    <t>farol de blitz - janeiro.xlsx</t>
  </si>
  <si>
    <t>Cópia de Resultados Supervisores.xla</t>
  </si>
  <si>
    <t>10.200.61.4</t>
  </si>
  <si>
    <t>mail.google.com/_/upload?authuser=0&amp;dcp=asu-n&amp;upload_id=AEnB2UpgjQ2u9T2QsI2Qn0EX5EQXgScp01NY1R_uEdaD448_iEXJ7zTTIt3NOgawF2p1cUF9p2ZCpjuxyV4_3i5H6_ZPmT1Jdx7hb4rp1GYxlANAP0K_DXE&amp;upload_protocol=resumable</t>
  </si>
  <si>
    <t>C:\Users\lucianabo\Desktop\2019\11 - Novembro\FECHAMENTO CONTÁBIL\RELATÓRIOS\</t>
  </si>
  <si>
    <t>Departamental Avon SAC - Nov.19.xlsb</t>
  </si>
  <si>
    <t>22049 - UDI - WHIRLPOOL - SERV N1 SPEAKING - Validado.xlsx</t>
  </si>
  <si>
    <t>crce@algartech.com.br;luciano.paludo@cmpcrs.com.br;simara.silva@cmpcrs.com.br;</t>
  </si>
  <si>
    <t>RES: Alinhamento Implementação CMPC CRM:000410003471</t>
  </si>
  <si>
    <t>Relação de Cartões AMEX.XLS</t>
  </si>
  <si>
    <t>crce@algartech.com.br,luciano.paludo@cmpcrs.com.br,simara.silva@cmpcrs.com.br</t>
  </si>
  <si>
    <t>mail.google.com/_/upload?authuser=0&amp;dcp=asu-n&amp;upload_id=AEnB2UqOpPmn1XKEIMnjqV1zEX7GfmsbxHqm9nAT97wv_-Z7NFXhIM2uUN2sQVpCOQAknG98-99mXNWbpKvGbI4QX0TsuY6JBvAH-dPZRCkegtnzR9QHaAI&amp;upload_protocol=resumable</t>
  </si>
  <si>
    <t>Departamental Caixa Capitalização - Nov.19.xlsb</t>
  </si>
  <si>
    <t>cristinahs@algartech.com;fabio.ribeiro@algartech.com;fredericobs@algartech.com;leandrolds@algartech.com;</t>
  </si>
  <si>
    <t>Departamental Novembro Bradesco.xlsx</t>
  </si>
  <si>
    <t>cristinahs@algartech.com,fabio.ribeiro@algartech.com,fredericobs@algartech.com,leandrolds@algartech.com</t>
  </si>
  <si>
    <t>\\ACSFS\Engeset\FINANCEIRO_ULA\CONTROLA\SG\00 - Aplicações\01- Fechamento Contábil\01-Receitamento\112019\</t>
  </si>
  <si>
    <t>112019_Receitamento GAT_Aplicações_bsb.xlsx</t>
  </si>
  <si>
    <t>C:\Users\leonardo.caetano\Desktop\Sky\</t>
  </si>
  <si>
    <t>intenções_Sky_Revisar.xlsx</t>
  </si>
  <si>
    <t>mail.google.com/_/upload?authuser=0&amp;dcp=asu-n&amp;upload_id=AEnB2Uq1wWZwncOo174QVtwqhB_Whx03RvLTDO7BiNpPO22RC-1aIoHS0myJimjwvzYfg-5ZycsQ3_7GLrIWF8tBX2hqHhSd1ujFu8TxtpPJ8eQ0_OTmn_c&amp;upload_protocol=resumable</t>
  </si>
  <si>
    <t>Departamental CHAMPION EDP SICOOB TRIBANCO - Nov.19.xlsb</t>
  </si>
  <si>
    <t>C:\Users\eunice.pimenta\Downloads\</t>
  </si>
  <si>
    <t>mail.google.com/_/upload?authuser=0&amp;dcp=asu-n&amp;upload_id=AEnB2UqKhdcgSyPyN3qQigYEXiD1FUhw_aBnB2Z4I3VgsjNnzwwXsowY2dR6qXeZVynSJHQxeawhSXyANj9GALbY5eKEM0AotQ&amp;upload_protocol=resumable</t>
  </si>
  <si>
    <t>Departamental Operações Wasley - Nov.19.xlsb</t>
  </si>
  <si>
    <t>mail.google.com/_/upload?authuser=0&amp;dcp=asu-n&amp;upload_id=AEnB2Uo5TJrzliq_gTKieia152IU4gaSjqG519EqA1-FBXQgtEhb31kdu0ZS5abzTQkTuKgAF2cikS2sl2Sh3kOpbEeJlQXa_Q&amp;upload_protocol=resumable</t>
  </si>
  <si>
    <t>Departamental Whirlpool - Nov.19.xlsb</t>
  </si>
  <si>
    <t>anacarolinesn@algartech.com;katiargf@algartech.com;wandersongaj@algartech.com.br;</t>
  </si>
  <si>
    <t>RES: Alteração do horário de Pausas</t>
  </si>
  <si>
    <t>Aderência Nov2019.msg\s1\</t>
  </si>
  <si>
    <t>ADERENCIA BRADESCARD.xlsx</t>
  </si>
  <si>
    <t>anacarolinesn@algartech.com,katiargf@algartech.com,wandersongaj@algartech.com.br</t>
  </si>
  <si>
    <t>mail.google.com/_/upload?authuser=0&amp;dcp=asu-n&amp;upload_id=AEnB2UoVD3grAOwRrONDp1UfNw_I9YJBYPypneTXI_9c1OntnOcCR9-O0raBP2wL_D7rofFqmiO59D6hKNCEv908XMtc7exvXbwZS1Tv71z3noKwxYf8hYo&amp;upload_protocol=resumable</t>
  </si>
  <si>
    <t>Departamental Whirlpool Lívia - Nov.19.xlsb</t>
  </si>
  <si>
    <t>Template_-_Prorrogacao_de_Titulos Condominio.xlsx</t>
  </si>
  <si>
    <t>camillafc@algartech.com.br;rodrigoap@algartech.com.br;rosangela.santos@temposervicos.com.br;</t>
  </si>
  <si>
    <t>RES: Macro</t>
  </si>
  <si>
    <t>PENETRATION_DIARIO_NOVO2.xlsm</t>
  </si>
  <si>
    <t>camillafc@algartech.com.br,rodrigoap@algartech.com.br,rosangela.santos@temposervicos.com.br</t>
  </si>
  <si>
    <t>mail.google.com/mail/u/0/?hl=pt-BR#inbox?compose=GTvVlcSGLdlnHmgsTjZXtNtwmRDcLTWcklMmjmLJKXbTzLQRKlZCrzNQPjGKBBBsCNVcxPSfjLPDt</t>
  </si>
  <si>
    <t>ALGAR___Relatorio_de_Movimenta_PAC_021219_v2.xlsx</t>
  </si>
  <si>
    <t>C:\Users\leonardoefo\Grupo Algar\Waleska Maria Miranda Storti - Apresentações\Visão Argentina 19.11.2019 (002).pptx\</t>
  </si>
  <si>
    <t>adriana.mora@aexp.com;alessandra.oliveira@bradesco.com.br;aurio.nogueira@bradesco.com.br;celsof.souza@bradesco.com.br;debora.c.silva@bradesco.com.br;eduardo.c.ferreira@bradesco.com.br;guilherme.a.castro@bradesco.com.br;ivia.santos@bradesco.com.br;jackson.diniz@bradesco.com.br;jhonatan.ventino@bradesco.com.br;karina.c.polesel@aexp.com;linda.kamei@aexp.com;luizf.costa@bradesco.com.br;marcella.silvestre@bradesco.com.br;marcia.trentini@bradesco.com.br;mariaeliza.soares@bradesco.com.br;maristela.kubo@aexp.com;rafaelpl@algartech.com;sandro.oliveira@aexp.com;sonia.souza@bradesco.com.br;suzane.b.rodrigues@bradesco.com.br;thaisom@algartech.com;victor.c.sampaio1@aexp.com;wellington.mariano@aexp.com;</t>
  </si>
  <si>
    <t>Planilha Bin Range</t>
  </si>
  <si>
    <t>Bin Range_CORPORATE .xlsx</t>
  </si>
  <si>
    <t>adriana.mora@aexp.com,alessandra.oliveira@bradesco.com.br,aurio.nogueira@bradesco.com.br,celsof.souza@bradesco.com.br,debora.c.silva@bradesco.com.br,eduardo.c.ferreira@bradesco.com.br,guilherme.a.castro@bradesco.com.br,ivia.santos@bradesco.com.br,jackson.diniz@bradesco.com.br,jhonatan.ventino@bradesco.com.br,karina.c.polesel@aexp.com,linda.kamei@aexp.com,luizf.costa@bradesco.com.br,marcella.silvestre@bradesco.com.br,marcia.trentini@bradesco.com.br,mariaeliza.soares@bradesco.com.br,maristela.kubo@aexp.com,rafaelpl@algartech.com,sandro.oliveira@aexp.com,sonia.souza@bradesco.com.br,suzane.b.rodrigues@bradesco.com.br,thaisom@algartech.com,victor.c.sampaio1@aexp.com,wellington.mariano@aexp.com</t>
  </si>
  <si>
    <t>anapscl@algartech.com.br;fabio.ribeiro@algarnet.onmicrosoft.com;fredericobs@algartecnologia.com.br;jaquelineaferr@algartech.com;katiargf@algartech.com;kelly.barbosa@temposervicos.com.br;lilian.alves@temposervicos.com.br;micheless@algartech.com.br;</t>
  </si>
  <si>
    <t>Relatório RA - Bradescard</t>
  </si>
  <si>
    <t>BASE RA - Bradescard1.xlsb</t>
  </si>
  <si>
    <t>anapscl@algartech.com.br,fabio.ribeiro@algarnet.onmicrosoft.com,fredericobs@algartecnologia.com.br,jaquelineaferr@algartech.com,katiargf@algartech.com,kelly.barbosa@temposervicos.com.br,lilian.alves@temposervicos.com.br,micheless@algartech.com.br</t>
  </si>
  <si>
    <t>ana.palazzo@bradesco.com.br;anapscl@algartech.com.br;filipe.s.carvalho@bradesco.com.br;jaquelineaferr@algartech.com;katiargf@algartech.com;kelly.barbosa@temposervicos.com.br;kenia.oliveira@temposervicos.com.br;leticia.albuquerque@bradesco.com.br;lilian.alves@temposervicos.com.br;lorena.r.silva@bradesco.com.br;micheless@algartech.com;reginaldo.cardozo@bradesco.com.br;solange.contriciani@bradesco.com.br;</t>
  </si>
  <si>
    <t>ana.palazzo@bradesco.com.br,anapscl@algartech.com.br,filipe.s.carvalho@bradesco.com.br,jaquelineaferr@algartech.com,katiargf@algartech.com,kelly.barbosa@temposervicos.com.br,kenia.oliveira@temposervicos.com.br,leticia.albuquerque@bradesco.com.br,lilian.alves@temposervicos.com.br,lorena.r.silva@bradesco.com.br,micheless@algartech.com,reginaldo.cardozo@bradesco.com.br,solange.contriciani@bradesco.com.br</t>
  </si>
  <si>
    <t>RES: WM Geradores - Faturamento</t>
  </si>
  <si>
    <t>/o=exchangelabs/ou=exchange administrative group (fydibohf23spdlt)/cn=recipients/cn=822f65115a2046059fff20a916dd90e9-thais marti;/o=exchangelabs/ou=exchange administrative group (fydibohf23spdlt)/cn=recipients/cn=b1f7688b183f4d74a7993976c4ad8f5e-diogenes pa;/o=exchangelabs/ou=exchange administrative group (fydibohf23spdlt)/cn=recipients/cn=cd357e63731b4983b100b1a5028f9649-william car;/o=exchangelabs/ou=exchange administrative group (fydibohf23spdlt)/cn=recipients/cn=thiago oliveira reis;camiladps@algartech.com;renantc@algartech.com.br;</t>
  </si>
  <si>
    <t>RES: Agendamento de Treinamentos</t>
  </si>
  <si>
    <t>Portal PJ.xlsx</t>
  </si>
  <si>
    <t>/o=exchangelabs/ou=exchange administrative group (fydibohf23spdlt)/cn=recipients/cn=822f65115a2046059fff20a916dd90e9-thais marti,/o=exchangelabs/ou=exchange administrative group (fydibohf23spdlt)/cn=recipients/cn=b1f7688b183f4d74a7993976c4ad8f5e-diogenes pa,/o=exchangelabs/ou=exchange administrative group (fydibohf23spdlt)/cn=recipients/cn=cd357e63731b4983b100b1a5028f9649-william car,/o=exchangelabs/ou=exchange administrative group (fydibohf23spdlt)/cn=recipients/cn=thiago oliveira reis,camiladps@algartech.com,renantc@algartech.com.br</t>
  </si>
  <si>
    <t>almirsn@algartech.com;dayanedor@algartech.com;ivancj@algartech.com;</t>
  </si>
  <si>
    <t>C:\Users\danubiacsm\Downloads\</t>
  </si>
  <si>
    <t>Análise de Indicadores - Binário.xlsb</t>
  </si>
  <si>
    <t>almirsn@algartech.com,dayanedor@algartech.com,ivancj@algartech.com</t>
  </si>
  <si>
    <t>mail.google.com/_/upload?authuser=0&amp;dcp=asu-n&amp;upload_id=AEnB2UpRyLr0rpSC6H7_YWpspu9mTciAu1ex6uaHd6bYk-QkY4Qcr6FRK6_0DgIzrKy9ZRCasFrjPEukIJjRBOZ8HsC48rVyrxroQOJ6r1sLX36zMqpVZIs&amp;upload_protocol=resumable</t>
  </si>
  <si>
    <t>abahia@comfrio.com.br;flavia.santos@comfrio.com.br;foliveira@comfrio.com.br;guilhermeaso@algartech.com;jaquelines@algartecnologia.com.br;pauloec@algartech.com;rafaelbdt@algartech.com;rosanapccb@algartech.com;</t>
  </si>
  <si>
    <t>C:\INFORMAÇÕES CLIENTES SOLLERO\COMFRIO SOLUÇÕES LOGISTICAS SA\FATURAMENTO\112019\</t>
  </si>
  <si>
    <t>SEGATTO E GLEICE - COMFRIO - Validado_v1.xlsx</t>
  </si>
  <si>
    <t>abahia@comfrio.com.br,flavia.santos@comfrio.com.br,foliveira@comfrio.com.br,guilhermeaso@algartech.com,jaquelines@algartecnologia.com.br,pauloec@algartech.com,rafaelbdt@algartech.com,rosanapccb@algartech.com</t>
  </si>
  <si>
    <t>10.200.57.217</t>
  </si>
  <si>
    <t>mail.google.com/_/upload?authuser=1&amp;dcp=asu-n&amp;upload_id=AEnB2Uo29WEKZOMy8gbeQIhL0ViRZPf9jvPcWamc8_Cog_8-VE3fo3YlOTiXsuvBO34cNQ_CQ6wQBwBHMhHRdoA5G4HTVuA1rQ&amp;upload_protocol=resumable</t>
  </si>
  <si>
    <t>C:\Users\douglassp\Downloads\</t>
  </si>
  <si>
    <t>Lista_Buzato.xlsx</t>
  </si>
  <si>
    <t>mail.google.com/_/upload?authuser=0&amp;dcp=asu-n&amp;upload_id=AEnB2Uq_H-CEfkSzhDIABwLbrxkYlRyANiIukS5IJ_5KPg1VxjS2lRVWNdEUyerUfW0JHJ_3ixAplvTTNZQPiYR0WvwjMagKSc7oKHr_XC5dvJ0ubT81L24&amp;upload_protocol=resumable</t>
  </si>
  <si>
    <t>alessandra.oliveira@bradesco.com.br;mikaellalri@algartech.com.br;paulorsk@algartech.com;</t>
  </si>
  <si>
    <t>alessandra.oliveira@bradesco.com.br,mikaellalri@algartech.com.br,paulorsk@algartech.com</t>
  </si>
  <si>
    <t>\\acsfs\DEPTOS\DME\CME - Coordenacao de Marketing e Estrategia\Gestão de Vendas\Canais\2020\</t>
  </si>
  <si>
    <t>/shared;</t>
  </si>
  <si>
    <t>C:\Users\andressatal\Downloads\Modelo - Relatório de Visitas Forum.eml\</t>
  </si>
  <si>
    <t>Modelo_RelatórioDeVisitas.xlsx</t>
  </si>
  <si>
    <t>/shared</t>
  </si>
  <si>
    <t>/o=exchangelabs/ou=exchange administrative group (fydibohf23spdlt)/cn=recipients/cn=90bbd36f936b4bc78e1fbd0a7eb4aa7d-samantha du;</t>
  </si>
  <si>
    <t>ENC: Dados turma input WFM</t>
  </si>
  <si>
    <t>/o=exchangelabs/ou=exchange administrative group (fydibohf23spdlt)/cn=recipients/cn=90bbd36f936b4bc78e1fbd0a7eb4aa7d-samantha du</t>
  </si>
  <si>
    <t>Pipeline Detalhado v2 (43).xlsx</t>
  </si>
  <si>
    <t>C:\Users\rodrigombu\OneDrive - Grupo Algar\Whirlpool\2019\11 - Novembro\Arquivo\URA\</t>
  </si>
  <si>
    <t>Acompanhamento Intradiário Unificado PF + Pjotinha - Novembro.xlsm</t>
  </si>
  <si>
    <t>crcevmc@algartech.com.br;luceliabs@algartech.com.br;marina.mariano@bradesco.com.br;michellefcas@algartech.com.br;</t>
  </si>
  <si>
    <t>RES: RES: RES: RES: CRCE: ENC: Cartões CMPC CRM:006060002195</t>
  </si>
  <si>
    <t>PLANILHA DE PARAMETRIZAÇÃO Hotel e Locação.xlsm</t>
  </si>
  <si>
    <t>crcevmc@algartech.com.br,luceliabs@algartech.com.br,marina.mariano@bradesco.com.br,michellefcas@algartech.com.br</t>
  </si>
  <si>
    <t>D:\ALGAR TECH\004 - Projetos Cloud\02 - Cloud MSP\SAGE\DRP Sage Sistemas Internos\DR-Sage-Internos.pptx\</t>
  </si>
  <si>
    <t>cqeavon-educacaoempresarial@algartech.com;gestaoqldavon@algartech.com;senildapdo@algartecnologia.com.br;</t>
  </si>
  <si>
    <t>cqeavon-educacaoempresarial@algartech.com,gestaoqldavon@algartech.com,senildapdo@algartecnologia.com.br</t>
  </si>
  <si>
    <t>ENC: Relatório de Vendas NOV.2019 - Financeira - Prévia Fechamento.</t>
  </si>
  <si>
    <t>raquelos@algartech.com;raquelos@algartech.com.br;</t>
  </si>
  <si>
    <t>ENC: Painel UHV - Novembro/19</t>
  </si>
  <si>
    <t>Painel de Acompanhamento - UPH - Novembro_.xlsb</t>
  </si>
  <si>
    <t>raquelos@algartech.com,raquelos@algartech.com.br</t>
  </si>
  <si>
    <t>RES: NS</t>
  </si>
  <si>
    <t>10.200.61.101</t>
  </si>
  <si>
    <t>mail.google.com/_/upload?authuser=0&amp;dcp=asu-52</t>
  </si>
  <si>
    <t>Formulário _RETIRADA DE ATIVO (2).xlsx</t>
  </si>
  <si>
    <t>/o=exchangelabs/ou=exchange administrative group (fydibohf23spdlt)/cn=recipients/cn=2b68c5c9701540eb8fd871ac41d57b98-michael vic;/o=exchangelabs/ou=exchange administrative group (fydibohf23spdlt)/cn=recipients/cn=b712c36eebee42428d3790abe2696417-romario gom;/o=exchangelabs/ou=exchange administrative group (fydibohf23spdlt)/cn=recipients/cn=ca7d1b1aa98d482ca2c948b11f486f8b-cynnara pim;/o=exchangelabs/ou=exchange administrative group (fydibohf23spdlt)/cn=recipients/cn=e4dbda4121b54299b4a719c6aa694894-algar tech;cynnarapns@algartech.com.br;sabrinagc@algartech.com.br;</t>
  </si>
  <si>
    <t>/o=exchangelabs/ou=exchange administrative group (fydibohf23spdlt)/cn=recipients/cn=2b68c5c9701540eb8fd871ac41d57b98-michael vic,/o=exchangelabs/ou=exchange administrative group (fydibohf23spdlt)/cn=recipients/cn=b712c36eebee42428d3790abe2696417-romario gom,/o=exchangelabs/ou=exchange administrative group (fydibohf23spdlt)/cn=recipients/cn=ca7d1b1aa98d482ca2c948b11f486f8b-cynnara pim,/o=exchangelabs/ou=exchange administrative group (fydibohf23spdlt)/cn=recipients/cn=e4dbda4121b54299b4a719c6aa694894-algar tech,cynnarapns@algartech.com.br,sabrinagc@algartech.com.br</t>
  </si>
  <si>
    <t>\\acsfs\Deptos\CAS - Coordenação de Arquitetura de Soluções\Projetos\2019\IBM\218432 - VLI SD UDI\1. Precificação\</t>
  </si>
  <si>
    <t>218432_IBM_VLI_SD_(BP_Preço_C017_B017)_V1.xlsb</t>
  </si>
  <si>
    <t>\\acsfs\Deptos\CAS - Coordenação de Arquitetura de Soluções\Projetos\2019\IBM\218432 - VLI SD UDI\1. Precificação\218432_IBM_VLI_SD_(BP_Preço_C017_B017)_V1.xlsb\</t>
  </si>
  <si>
    <t>c:\users\celmars\desktop\</t>
  </si>
  <si>
    <t>rv para apuração_duvidas brasilia_verificar (1).xlsx</t>
  </si>
  <si>
    <t>Indicadores de Acidentes Novembro 2019.xlsx</t>
  </si>
  <si>
    <t>diegomalve</t>
  </si>
  <si>
    <t>diegomalve@algartech.com</t>
  </si>
  <si>
    <t>C:\Users\diegomalve\Desktop\</t>
  </si>
  <si>
    <t>SEMANA DO CONHECIMENTO - PARTICIPANTES.xlsx</t>
  </si>
  <si>
    <t>Provisão PAC TBS.xls</t>
  </si>
  <si>
    <t>C:\Users\vilarinho\OneDrive - Grupo Algar\Algar Tech\Controladoria\Comite de Auditoria\Comite Auditoria 2019\4ComiteOUT_04.12.19\Final Enviada\Comitê de Auditoria_3T19_AlgarTech_Final.pptx\</t>
  </si>
  <si>
    <t>mail.google.com/_/upload?authuser=0&amp;dcp=asu-n&amp;upload_id=AEnB2Ur9BDglwni7GRwWdL_KRJaoc-rk8etChIz2Tv1tx4QjoZW4DfUSOx0YuXRmsD12wZ4pWddKLEgAQWyYAnRxtf5PRRf4XRgjVvG9qX45GIyaWW2w9kg&amp;upload_protocol=resumable</t>
  </si>
  <si>
    <t>celmars@algartech.com;ericacdosc@algartech.com;gustavo.matsumoto@algar.com.br;josycoa@algartech.com;meline@algar.com.br;rogerio@algar.com.br;teruo@algar.com.br;</t>
  </si>
  <si>
    <t>celmars@algartech.com,ericacdosc@algartech.com,gustavo.matsumoto@algar.com.br,josycoa@algartech.com,meline@algar.com.br,rogerio@algar.com.br,teruo@algar.com.br</t>
  </si>
  <si>
    <t>Rechamada por Operador - N1 Speaking - Out a Nov-2019.xlsb</t>
  </si>
  <si>
    <t>Rechamada por Operador N1 - Nov-2019.xls</t>
  </si>
  <si>
    <t>Validação de Saving CCC - Outubro 2019V2.xlsx</t>
  </si>
  <si>
    <t>c:\users\andressatal\downloads\</t>
  </si>
  <si>
    <t>new_lucas andrade.xlsx</t>
  </si>
  <si>
    <t>new_nilton rossi_v2.xlsx</t>
  </si>
  <si>
    <t>/o=exchangelabs/ou=exchange administrative group (fydibohf23spdlt)/cn=recipients/cn=822f65115a2046059fff20a916dd90e9-thais marti;/o=exchangelabs/ou=exchange administrative group (fydibohf23spdlt)/cn=recipients/cn=b1f7688b183f4d74a7993976c4ad8f5e-diogenes pa;/o=exchangelabs/ou=exchange administrative group (fydibohf23spdlt)/cn=recipients/cn=cd357e63731b4983b100b1a5028f9649-william car;/o=exchangelabs/ou=exchange administrative group (fydibohf23spdlt)/cn=recipients/cn=thiago oliveira reis;camiladps@algartech.com;renantc@algartech.com.br;williamcc@algartech.com.br;</t>
  </si>
  <si>
    <t>Produto Hibrido VISA.xlsx</t>
  </si>
  <si>
    <t>/o=exchangelabs/ou=exchange administrative group (fydibohf23spdlt)/cn=recipients/cn=822f65115a2046059fff20a916dd90e9-thais marti,/o=exchangelabs/ou=exchange administrative group (fydibohf23spdlt)/cn=recipients/cn=b1f7688b183f4d74a7993976c4ad8f5e-diogenes pa,/o=exchangelabs/ou=exchange administrative group (fydibohf23spdlt)/cn=recipients/cn=cd357e63731b4983b100b1a5028f9649-william car,/o=exchangelabs/ou=exchange administrative group (fydibohf23spdlt)/cn=recipients/cn=thiago oliveira reis,camiladps@algartech.com,renantc@algartech.com.br,williamcc@algartech.com.br</t>
  </si>
  <si>
    <t>PROPOSTA - UDI - WHIRLPOOL - CORPORATIVO AJUSTADA - 02_12.xls</t>
  </si>
  <si>
    <t>10.200.57.102</t>
  </si>
  <si>
    <t>mail.google.com/_/upload?authuser=0&amp;dcp=asu-n&amp;upload_id=AEnB2Ur6QwfJJdeGuE8jzpdtEOFBPC2l7jBD2_dD9tBMTC8BFaOQqpbuSo5y4D-Di_xCK0A0RxvGKaPisD3paOUOcM4YMjZj1A&amp;upload_protocol=resumable</t>
  </si>
  <si>
    <t>fernandaman@algartech.com;francisco_cardoso@whirlpool.com;guilherme_andrade@whirlpool.com;hugo_cesar_rodrigues_dos_santos_algar@whirlpool.com;izadoramdor@algartech.com;larissabdi@algartech.com;luanda_s_almeida@whirlpool.com;luizccga@algartech.com;mirnapw@algartech.com;rafaelmpe@algartech.com;rodrigombu@algartech.com;supervisaowhirlpool-negocioagua@algartech.com;tassianecv@algartech.com;</t>
  </si>
  <si>
    <t>C:\Users\viniciussg\Downloads\</t>
  </si>
  <si>
    <t>215407 - WHIRLPOOL - Recurso de CPC mailing.xlsb</t>
  </si>
  <si>
    <t>fernandaman@algartech.com,francisco_cardoso@whirlpool.com,guilherme_andrade@whirlpool.com,hugo_cesar_rodrigues_dos_santos_algar@whirlpool.com,izadoramdor@algartech.com,larissabdi@algartech.com,luanda_s_almeida@whirlpool.com,luizccga@algartech.com,mirnapw@algartech.com,rafaelmpe@algartech.com,rodrigombu@algartech.com,supervisaowhirlpool-negocioagua@algartech.com,tassianecv@algartech.com</t>
  </si>
  <si>
    <t>C:\Users\viniciussg\Downloads\215407 - WHIRLPOOL - Recurso de CPC mailing.xlsb\</t>
  </si>
  <si>
    <t>D:\OneDrive\AlgarTech\Pré-Vendas\Cliente\2019\SAGE\217474 - Servidores Internos\DR-Sage_AvalidaçãoInterna_AprovacaoEdilson - Copia.pptx\</t>
  </si>
  <si>
    <t>mail.google.com/_/upload?authuser=2&amp;dcp=asu-n&amp;upload_id=AEnB2UqsgRpI126SksgKcTXVX56DkehsPR0DJTNRAVI4ZkHDlpi-pXQ3urVG_VsyQ7dKStEyNgMvIm8lfVhJJ0x-8700URWGCA&amp;upload_protocol=resumable</t>
  </si>
  <si>
    <t>AHT 02-12 - n1.xlsx</t>
  </si>
  <si>
    <t>https://caey.fa.us2.oraclecloud.com/crmui/faces/fuseoverview?_adf.ctrl-state=13pkornoad_5&amp;fnd=;;;;false;256;;;&amp;fndglobalitemnodeid=moo_opptymgmtopportunities_crm_card</t>
  </si>
  <si>
    <t>Cuadro de NEXA.xlsx</t>
  </si>
  <si>
    <t>Rates - NexaBPO - ServicioProfesional - Consultor Genesys Pl - 20191128 - v004.xlsm</t>
  </si>
  <si>
    <t>10.200.60.14</t>
  </si>
  <si>
    <t>C:\Users\renataalves\Desktop\Marketing\Plano de MKT 2020\</t>
  </si>
  <si>
    <t>Contatos_consolidado_atualizado_Novembro.xlsx</t>
  </si>
  <si>
    <t>10.200.67.179</t>
  </si>
  <si>
    <t>Departamental BV Financeira _ Conferência.xlsx</t>
  </si>
  <si>
    <t>INDICADORES (1).xlsx</t>
  </si>
  <si>
    <t>Template_-_Prorrogacao_de_Titulos Cyrela.xlsx</t>
  </si>
  <si>
    <t>departamental cooderandores.xlsx</t>
  </si>
  <si>
    <t>Resultado final - NOVEMBRO</t>
  </si>
  <si>
    <t>mail.google.com/_/upload?authuser=4&amp;dcp=asu-n</t>
  </si>
  <si>
    <t>Template Atualizacao Incidentes.xlsx</t>
  </si>
  <si>
    <t>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b712c36eebee42428d3790abe2696417-romario gom;hugooc@algartech.com;</t>
  </si>
  <si>
    <t>ENC: Régua de Cálculo SLA HIBRIDO NEXT</t>
  </si>
  <si>
    <t>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b712c36eebee42428d3790abe2696417-romario gom,hugooc@algartech.com</t>
  </si>
  <si>
    <t>Cópia de FORMULÁRIO CADASTRO DE FORNECEDOR - GT - ALGAR TEC.xlsx</t>
  </si>
  <si>
    <t>C:\Users\helieldfs\Desktop\</t>
  </si>
  <si>
    <t>Razao Novembro Sueleide.xlsb</t>
  </si>
  <si>
    <t>alinedsdi@algartech.com;isabelafc@algartech.com;kelencgt@algartech.com;</t>
  </si>
  <si>
    <t>Modelo Inscrição Educador Televendas.xlsx</t>
  </si>
  <si>
    <t>alinedsdi@algartech.com,isabelafc@algartech.com,kelencgt@algartech.com</t>
  </si>
  <si>
    <t>10.16.72.112</t>
  </si>
  <si>
    <t>CURVA NORMAL - 02/12/2019</t>
  </si>
  <si>
    <t>caique.silva@cscalgar.com.br;janecsa@algartech.com;sueleide.silva@cscalgar.com.br;</t>
  </si>
  <si>
    <t>\\acsfs\DEPTOS\Controladoria\Planejamento\Reuniões Mensais\2019\11- Novembro\Suporte Fechamento\Análise Resultado\</t>
  </si>
  <si>
    <t>112019_Relatorio_Despesa.xlsb</t>
  </si>
  <si>
    <t>caique.silva@cscalgar.com.br,janecsa@algartech.com,sueleide.silva@cscalgar.com.br</t>
  </si>
  <si>
    <t>mail.google.com/_/upload?authuser=0&amp;dcp=asu-n&amp;upload_id=AEnB2UrunVa1LbnBGDUMMcB8P4xMdjL0WNk3y-EMEN2jFJrF6s2gQfE2PfnhujDJAdv1afY_UHxOND3IfJ4D8C4zPmUbRXcW1A&amp;upload_protocol=resumable</t>
  </si>
  <si>
    <t>112019_Relatorio_Indiretos.xlsb</t>
  </si>
  <si>
    <t>Lista de presença NR17.xlsx</t>
  </si>
  <si>
    <t>Ocorrências 03-12 Ponto.xlsx</t>
  </si>
  <si>
    <t>11/18/2019 12:27:55</t>
  </si>
  <si>
    <t>rosanapccb@hotmail.com;</t>
  </si>
  <si>
    <t>ENC: Faturamento Pendente INFRA TI Novembro.</t>
  </si>
  <si>
    <t>rosanapccb@hotmail.com</t>
  </si>
  <si>
    <t>Indicadores Algar - Versão Final ECH - Set a Out-2019 Buso.xlsx</t>
  </si>
  <si>
    <t>\\acsfs\Engeset\FINANCEIRO_ULA\CONTROLA\Viviane_Ecitania\Desktop\</t>
  </si>
  <si>
    <t>Prestacao_De_Contas_Residencial_Luiza_112019.xls</t>
  </si>
  <si>
    <t>C:\Users\alinerg\Downloads\</t>
  </si>
  <si>
    <t>relatorio_de_requisicoes_5de54b2850bdd.xlsx</t>
  </si>
  <si>
    <t>\\acsfs\DEPTOS\DME\CME - Coordenacao de Marketing e Estrategia\Gestão de Vendas\Metas\2020\</t>
  </si>
  <si>
    <t>Metas Incremental e Recorrente 2020 - Raul.xlsx</t>
  </si>
  <si>
    <t>josianesb@algartech.com.br;kellyao@algartecnologia.com.br;marcellarr@algartech.com.br;moyaraasr@algartech.com.br;</t>
  </si>
  <si>
    <t>Participantes Evento Algar.xlsx</t>
  </si>
  <si>
    <t>josianesb@algartech.com.br,kellyao@algartecnologia.com.br,marcellarr@algartech.com.br,moyaraasr@algartech.com.br</t>
  </si>
  <si>
    <t>Horários Novatos - Pós Vendas.xlsx</t>
  </si>
  <si>
    <t>OCORRÊNCIA_0111a28112019 - Flávia.xlsm</t>
  </si>
  <si>
    <t>taysdss@algartech.com;</t>
  </si>
  <si>
    <t>C:\Users\lucianarba\Documents\</t>
  </si>
  <si>
    <t>Cópia de Template Recuperações de Custos Luciana NOVEMBRO 2019.xlsx</t>
  </si>
  <si>
    <t>taysdss@algartech.com</t>
  </si>
  <si>
    <t>Razão Novembro.xls</t>
  </si>
  <si>
    <t>ENC: ABERTURA DE RELACIONAMENTO_BTB_GR SERVICOS E ALIMENTACAO LTDA CRM:004060000300</t>
  </si>
  <si>
    <t>Cópia de SDOL - GR SERVICOS E ALIMENTACAO LTDA.xlsx</t>
  </si>
  <si>
    <t>11/29/2019 17:00:08</t>
  </si>
  <si>
    <t>FORMULARIO_DE_CADASTRO_DE_FORNECEDOR_PROJETA 1.xlsx</t>
  </si>
  <si>
    <t>mail.google.com/_/upload?authuser=0&amp;dcp=asu-n&amp;upload_id=AEnB2UrJoD04naHsGyKc_RLVKB8bxY1k2yl38_PCBRmjzX3m3ysGa2NxYJE66JRCjCamMS6gO0D8cTlyCYfo0ZQPQSXUe7FJ9A&amp;upload_protocol=resumable</t>
  </si>
  <si>
    <t>Comissão Fechamento Set_2019 (2) (3).xlsx</t>
  </si>
  <si>
    <t>/o=exchangelabs/ou=exchange administrative group (fydibohf23spdlt)/cn=recipients/cn=196756394bd04698b4e4140c910f4646-sgsd - impl;lucasfra@algartech.com;</t>
  </si>
  <si>
    <t>RES: Validação planilha de contas encerradas</t>
  </si>
  <si>
    <t>Reporte Mensal NOVEMBRO2019 20191202 150205.xlsx</t>
  </si>
  <si>
    <t>/o=exchangelabs/ou=exchange administrative group (fydibohf23spdlt)/cn=recipients/cn=196756394bd04698b4e4140c910f4646-sgsd - impl,lucasfra@algartech.com</t>
  </si>
  <si>
    <t>11/30/2019 16:33:28</t>
  </si>
  <si>
    <t>antes x depois.xlsx</t>
  </si>
  <si>
    <t>ENC: Volume Gerenciadas Amex e Visa - 02/12</t>
  </si>
  <si>
    <t>mail.google.com/_/upload?authuser=0&amp;dcp=asu-n&amp;upload_id=AEnB2UoifT3lcsby3EPq-pXgTLzl49jNL3HyRvPVH7qd0tG_ytKpYq0wklL57gV80VCepS2I56QgcZExBGUESnjKR-S5Tj8tBw&amp;upload_protocol=resumable</t>
  </si>
  <si>
    <t>\\acsfs\dsti\CIT- Coordenação de Inteligência de Tecnologia\05 - Gerenciamento Orçamento e Contabilização\5. Contabilidade 2019\Justificativas Fechamento\2019\11. 2019\</t>
  </si>
  <si>
    <t>112019_Relatorio_Indiretos DTI.xlsb</t>
  </si>
  <si>
    <t>mail.google.com/_/upload?authuser=0&amp;dcp=asu-n&amp;upload_id=AEnB2Upm5PRnh0H8Zv9Ifw7oEp0eUOuBX81lA7nSGby5OBEfHjxsitVFz_lq8HgNRB0_XbUge7CY_xapztG8PAbXyymTNtrn9w&amp;upload_protocol=resumable</t>
  </si>
  <si>
    <t>112019_Relatorio_Despesa DTI.xlsb</t>
  </si>
  <si>
    <t>C:\Users\luanasdsa\Desktop\</t>
  </si>
  <si>
    <t>Planejador de projetos EAVM.xlsx</t>
  </si>
  <si>
    <t>Governança de Compras Handover_Diego.xlsx</t>
  </si>
  <si>
    <t>C:\Users\rodrigombu\OneDrive - Grupo Algar\Whirlpool\2019\11 - Novembro\Arquivo\BBlend\</t>
  </si>
  <si>
    <t>Categorizações BBlend Nov-2019.xls</t>
  </si>
  <si>
    <t>mail.google.com/_/upload?authuser=2&amp;dcp=asu-n&amp;upload_id=AEnB2Uo-DK7j-WbEywLmag4ofdYWcPxv8cB75K4UkKa546wmbB74xJwgvuihJlL1nfNg62dhRPyiJuIY9LVB2Ofg55JoXf2y1zLunmL9y5MJ6aLBjCS-_0U&amp;upload_protocol=resumable</t>
  </si>
  <si>
    <t>44375;</t>
  </si>
  <si>
    <t>C:\Users\vanessasara\Downloads\</t>
  </si>
  <si>
    <t>FORMULARIO_DE_CADASTRO_DE_FORNECEDOR (1).xlsx</t>
  </si>
  <si>
    <t>https://44375</t>
  </si>
  <si>
    <t>https://caey.fa.us2.oraclecloud.com/crmui/faces/fuseoverview?_adf.ctrl-state=15yvtdvpyc_5&amp;fnd=;;;;false;256;;;&amp;fndglobalitemnodeid=moo_opptymgmtopportunities_crm_card</t>
  </si>
  <si>
    <t>\\acsfs\Deptos\CAS - Coordenação de Arquitetura de Soluções\Projetos\2019\Clariant\199286 - Professional Services\1. Precificação\</t>
  </si>
  <si>
    <t>BP 199286 - Field SP.xlsb</t>
  </si>
  <si>
    <t>\\acsfs\Deptos\CAS - Coordenação de Arquitetura de Soluções\Projetos\2019\Clariant\199286 - Professional Services\1. Precificação\BP 199286 - Field SP.xlsb\</t>
  </si>
  <si>
    <t>10.200.200.73</t>
  </si>
  <si>
    <t>C:\Users\ricardoft\OneDrive - Grupo Algar\Documentos\Projetos\2019\PAV-MIX\</t>
  </si>
  <si>
    <t>Data Center 30_05_2019 v2 (Reparado)_atual.xlsb</t>
  </si>
  <si>
    <t>C:\Users\ricardoft\OneDrive - Grupo Algar\Documentos\Projetos\2019\PAV-MIX\Data Center 30_05_2019 v2 (Reparado)_atual.xlsb\</t>
  </si>
  <si>
    <t>C:\Users\luanasdsa\Downloads\</t>
  </si>
  <si>
    <t>C:\Users\marcelodsd\Desktop\</t>
  </si>
  <si>
    <t>GrupoSolucinador.csv</t>
  </si>
  <si>
    <t>\\acsfs\deptos\operacao\pcp\5 - comum\planejamento amex\11 - alinhamento tfl\2020\01 - janeiro\01 - atendimento pf\</t>
  </si>
  <si>
    <t>01 - tfl - udi - amex cac.xls</t>
  </si>
  <si>
    <t>10.208.12.73</t>
  </si>
  <si>
    <t>C:\Users\diegoals.ACS\Downloads\</t>
  </si>
  <si>
    <t>Lista de Associados para Rose.xlsx</t>
  </si>
  <si>
    <t>mail.google.com/_/upload?authuser=2&amp;dcp=asu-n&amp;upload_id=AEnB2UqLSp2VAhHRNrGs8RX486IEMxXE8CKlIqUTjY9VcHsJyUcZjOYxEyoDjVDp__v7CoN7J4bsbFcDYI35iJrijBjZgmGcRw&amp;upload_protocol=resumable</t>
  </si>
  <si>
    <t>SUATE_ALGAR_SolicitacaoDeAcessoSistemas_AAA_2019-000_MODELO.xlsm</t>
  </si>
  <si>
    <t>01 - tfl - udi - amex chat.xls</t>
  </si>
  <si>
    <t>01 - tfl - udi - amex premium atendimento.xls</t>
  </si>
  <si>
    <t>01 - tfl - udi - amex premium contestaÇÃo.xls</t>
  </si>
  <si>
    <t>01 - tfl - udi - amex premium retenÇÃo.xls</t>
  </si>
  <si>
    <t>01 - tfl - udi - amex prime - vendas.xls</t>
  </si>
  <si>
    <t>11 - SPEAK NOV.19.xlsx</t>
  </si>
  <si>
    <t>\\acsfs\Deptos\CAS - Coordenação de Arquitetura de Soluções\Projetos\2019\SOTREQ\217458 - Radix - Bodyshop Infra\1. Precificação\</t>
  </si>
  <si>
    <t>\\acsfs\Deptos\CAS - Coordenação de Arquitetura de Soluções\Projetos\2019\SOTREQ\217458 - Radix - Bodyshop Infra\1. Precificação\Plan Precificacao C018 B018.xlsb\</t>
  </si>
  <si>
    <t>aprova.venda@algartech.com;dioniziorn@algartech.com;</t>
  </si>
  <si>
    <t>\\acsfs\Deptos\DME\CME - Coordenacao de Marketing e Estrategia\Gestão de Vendas\PMO Vendas\PMO\</t>
  </si>
  <si>
    <t>aprova.venda@algartech.com,dioniziorn@algartech.com</t>
  </si>
  <si>
    <t>viagens da DAF.xls</t>
  </si>
  <si>
    <t>/o=exchangelabs/ou=exchange administrative group (fydibohf23spdlt)/cn=recipients/cn=c29ec9dae022497281c840087cccddec-patricia ar;antoniocds@algartech.com;diegoiao@algartech.com.br;</t>
  </si>
  <si>
    <t>RES: Banco CSF - Comunicado VI - Respostas ao Consolidado de Dúvidas - RFP Serviços de Call Center - Cobrança</t>
  </si>
  <si>
    <t>Resumo Dimensionamento.xlsm</t>
  </si>
  <si>
    <t>/o=exchangelabs/ou=exchange administrative group (fydibohf23spdlt)/cn=recipients/cn=c29ec9dae022497281c840087cccddec-patricia ar,antoniocds@algartech.com,diegoiao@algartech.com.br</t>
  </si>
  <si>
    <t>Rechamada por Operador - N1 Speaking (1).xlsb</t>
  </si>
  <si>
    <t>angicleiamen@algartech.com;caiocsc@algartech.com;felipeaferr@algartech.com;</t>
  </si>
  <si>
    <t>Victor Martins.xlsx</t>
  </si>
  <si>
    <t>angicleiamen@algartech.com,caiocsc@algartech.com,felipeaferr@algartech.com</t>
  </si>
  <si>
    <t>10.12.241.122</t>
  </si>
  <si>
    <t>C:\Users\danubiacsm\Desktop\Nova pasta (5)\</t>
  </si>
  <si>
    <t>SEMANA DO CONHECIMENTO MÓDULO II.xlsx</t>
  </si>
  <si>
    <t>edilson@algartech.com</t>
  </si>
  <si>
    <t>edilsonrb@algartech.com;fredericofranco@kpmg.com.br;rafaelmachado@kpmg.com.br;reynaldopm@algartech.com;</t>
  </si>
  <si>
    <t>C:\Users\edilsonrb\Downloads\</t>
  </si>
  <si>
    <t>Registro de Tratamento Dados - Sustentação Infra Física - Edilson Braga.xlsx</t>
  </si>
  <si>
    <t>edilsonrb@algartech.com,fredericofranco@kpmg.com.br,rafaelmachado@kpmg.com.br,reynaldopm@algartech.com</t>
  </si>
  <si>
    <t>10.200.99.120</t>
  </si>
  <si>
    <t>mail.google.com/_/upload?authuser=0&amp;dcp=asu-n&amp;upload_id=AEnB2Uq1Y-W6lxxw1ZbPwXL9HZ4CUXEvsykbJ5tqsIpqpU-Pc7UYK2tOJBnfzNluH-j9CLcOFqNIAQbLm3-P0jn0j6KVOPWa7Q&amp;upload_protocol=resumable</t>
  </si>
  <si>
    <t>C:\Users\joseasn\Desktop\</t>
  </si>
  <si>
    <t>Apresentação Julio.xlsx</t>
  </si>
  <si>
    <t>Exibição de Localização Avançada de Classificação.xlsx</t>
  </si>
  <si>
    <t>OSsCriadasV34.csv</t>
  </si>
  <si>
    <t>\\acsfs\Deptos\Controladoria\2 - Business Performance\2019\1 - Precificacao\6 - Revisao da Metodologia\Status report\Status Report Semanal - Projeto Precificação - RESUMO GERAL 031219.pptx\</t>
  </si>
  <si>
    <t>RelatorioContasComputador03-12-2019.csv</t>
  </si>
  <si>
    <t>RELACAO DAF.xlsx</t>
  </si>
  <si>
    <t>C:\Users\luanaaoli\Desktop\INICIATIVAS\1. Consumidor\</t>
  </si>
  <si>
    <t>Consumidor auditoria.xlsx</t>
  </si>
  <si>
    <t>\\Acsfs\dsti\GAT\CIT - Coordenacao Inteligencia de TI\RELATORIOS FPW\Controle\HE DIARIO COM JUSTIFICATIVA\Novembro\</t>
  </si>
  <si>
    <t>Consolidado HE GAT_01A3011_emissao 0312.xlsm</t>
  </si>
  <si>
    <t>\\acsfs\engeset\CPV_ULA\ADMINISTRATIVO\CONTROLE ADMINISTRATIVO\DOCUMENTAÇÃO PARA HABILITAÇÃO\Algar TI\2019\218441 - ATOS - TICKET PERCALL FIELD AVULSO - 16.12.2019\218441 - ATOS - TICKET PERCALL FIELD AVULSO - 16.12.2019.zip\</t>
  </si>
  <si>
    <t>RFQ Rate Card - Ticket Percall Field Avulso - Atos-Brasil 2019.xls</t>
  </si>
  <si>
    <t>\\acsfs\engeset\CPV_ULA\ADMINISTRATIVO\CONTROLE ADMINISTRATIVO\DOCUMENTAÇÃO PARA HABILITAÇÃO\Algar TI\2019\218441 - ATOS - TICKET PERCALL FIELD AVULSO - 16.12.2019\218441 - ATOS - TICKET PERCALL FIELD AVULSO - 16.12.2019.zip\Doc2122893200.zip\</t>
  </si>
  <si>
    <t>0_DUPLICATED_Anexo F - LPU Ticket Percall Field.xls</t>
  </si>
  <si>
    <t>Anexo F - LPU Ticket Percall Field.xls</t>
  </si>
  <si>
    <t>Anexo G - Volumetria.xlsx</t>
  </si>
  <si>
    <t>Agenda Avon Algar 051219.xlsx</t>
  </si>
  <si>
    <t>Base BW % Conversão - Nov-2019 - Parcial - 28-11-19.xlsm</t>
  </si>
  <si>
    <t>https://caey.fa.us2.oraclecloud.com/crmui/faces/fusewelcome?_adf.ctrl-state=wzigzsmf3_585</t>
  </si>
  <si>
    <t>BP 206431 - Goodyear v4.6 (1) Atualizada.xlsb</t>
  </si>
  <si>
    <t>C:\Users\sherleyce\Desktop\BP 206431 - Goodyear v4.6 (1) Atualizada.xlsb\</t>
  </si>
  <si>
    <t>mail.google.com/_/upload?authuser=0&amp;dcp=asu-n&amp;upload_id=AEnB2UrulDfFyqO8lhSM4nooJbmfExf-KngD_Re6IQS8HmIQY9ZhJcAXjYuNmaVCXVwUNbr-7urrbwkhtMXwLXhhS_baWhhNX4x5mxjKHmBZ5HSgVHebbrA&amp;upload_protocol=resumable</t>
  </si>
  <si>
    <t>cpc-controldeskavon@algartech.com;izadoramdor@algartech.com;pauliniaacs@algartech.com;rodrigombu@algartech.com;viniciusgt@algartech.com;viniciussg@algartech.com;</t>
  </si>
  <si>
    <t>\\acsfs\DEPTOS\Operacao\PCP\5 - Comum\PLANEJAMENTO WHIRLPOOL\17 - PLANEJAMENTO REVISADO\ticket_526283\17 - PLANEJAMENTO REVISADO\OPERAÇÕES\UDI - WHIRLPOOL - PA DIGITAL ECOHOUSE\02 - DIMENSIONAMENTO\2019\12- DEZEMBRO\</t>
  </si>
  <si>
    <t>Digital_DEZ.xlsx</t>
  </si>
  <si>
    <t>cpc-controldeskavon@algartech.com,izadoramdor@algartech.com,pauliniaacs@algartech.com,rodrigombu@algartech.com,viniciusgt@algartech.com,viniciussg@algartech.com</t>
  </si>
  <si>
    <t>10.200.67.22</t>
  </si>
  <si>
    <t>C:\Users\brunocs\Desktop\URR\URR_ALGAR_122019_Apresentação de resultados v04.pptx\</t>
  </si>
  <si>
    <t>/o=exchangelabs/ou=exchange administrative group (fydibohf23spdlt)/cn=recipients/cn=822f65115a2046059fff20a916dd90e9-thais marti;equipefabi@algartech.com.br;luceliabs@algartech.com.br;tecnicospj@algartech.com.br;</t>
  </si>
  <si>
    <t>Treinamento _ Portal PJ e Produto Hibrido</t>
  </si>
  <si>
    <t>/o=exchangelabs/ou=exchange administrative group (fydibohf23spdlt)/cn=recipients/cn=822f65115a2046059fff20a916dd90e9-thais marti,equipefabi@algartech.com.br,luceliabs@algartech.com.br,tecnicospj@algartech.com.br</t>
  </si>
  <si>
    <t>C:\Users\diegobg\OneDrive - Grupo Algar\01 - Toyota\1 - Diego Bardauil\1.2 - Financeiro\04 - Abril\</t>
  </si>
  <si>
    <t>Departamental Abril.xlsx</t>
  </si>
  <si>
    <t>","mimetype":"applica,containsu,copyable,displayname,domain,emailaddress,explicitlytrashed,filesize,foldercolor,haschild,hasthumbnail,hasvisitorpermissions,id,id),items(kind,lastmodifyinguser(kind,lastviewedbymedate,mimetype,modifiedbymedate,modifieddate,nextpagetoken,ontainsunsubscribedchildren,owners(kind,permissionid,picture,quotabytesused,s abril - toyota' and title contains 'xlsx' and trashed = false and '1mb7eup5rmnldi2-i74_q6j7vhrrkduhz' in parents&amp;fields=kind,shareable,shared,sharedwithmedate,subscribed,thumbnailversion,title,userpermission(role),workspaceids</t>
  </si>
  <si>
    <t>Recuperações de Custos Abril - Toyota.xlsx</t>
  </si>
  <si>
    <t>10.201.30.57</t>
  </si>
  <si>
    <t>relatorio_atendimento_analitico__exportacao_5de665a303ff0.csv</t>
  </si>
  <si>
    <t>Equipe Força de Vendas - 2019.xlsx</t>
  </si>
  <si>
    <t>mail.google.com/_/upload?authuser=0&amp;dcp=asu-n&amp;upload_id=AEnB2UrHk4nrSWG00O-MItpM0xugD9BmHcyFW8kmnxSFDmDe_SmOFpDrZZA00n_rqhQ0YbxMy_mv5azjuYMHJFgxMsR3GKhUACLbkkoBwkjdTfwqKEfGK90&amp;upload_protocol=resumable</t>
  </si>
  <si>
    <t>Pend Analise Faturamento.xlsx</t>
  </si>
  <si>
    <t>10.200.58.45</t>
  </si>
  <si>
    <t>adrianosp@algartech.com;josemfs@algartech.com;lilliantds@algartech.com;luizmda@algartech.com;renatobrl@algartech.com;reynaldopm@algartech.com;</t>
  </si>
  <si>
    <t>Sistemas Relevantes - Levantamento de Dados.xlsx</t>
  </si>
  <si>
    <t>adrianosp@algartech.com,josemfs@algartech.com,lilliantds@algartech.com,luizmda@algartech.com,renatobrl@algartech.com,reynaldopm@algartech.com</t>
  </si>
  <si>
    <t>Cópia de Portal PJ.xlsx</t>
  </si>
  <si>
    <t>Cópia de Produto Hibrido VISA.xlsx</t>
  </si>
  <si>
    <t>ENC: Treinamento _ Portal PJ e Produto Hibrido</t>
  </si>
  <si>
    <t>C:\Users\alinerg\Documents\Projetos\Projeto Jú\Automações\Consulta NF\</t>
  </si>
  <si>
    <t>Mapeamento API automação V5 (revisada).xlsx</t>
  </si>
  <si>
    <t>mail.google.com/_/upload?authuser=0&amp;dcp=asu-n&amp;upload_id=AEnB2UqffzMBf6lTGdAVDcE5X2e9GzCj9z_yJQLUcXL6L2VI5jMbMr4pRtgd69kCajSHjdJZ5ttGpjPCHSBzHuGFi6gpulT8lA&amp;upload_protocol=resumable</t>
  </si>
  <si>
    <t>\\acsfs\DEPTOS\TH\05. Cargos e Remuneração\03.Remuneração Variável\Políticas\2020\GST\</t>
  </si>
  <si>
    <t>Simulação Faixas PLR GST_v1.xlsx</t>
  </si>
  <si>
    <t>Forecast - Youse receptivo</t>
  </si>
  <si>
    <t>c:\users\luismarrb\desktop\</t>
  </si>
  <si>
    <t>equipe backup restore.xlsx</t>
  </si>
  <si>
    <t>Produtividade RAF - NOV-2019 - 03 -12- 2019.xlsm</t>
  </si>
  <si>
    <t>\\acsfs\DEPTOS\Governança da Estratégia\Governança\Holding\2019\Conselho\Dezembro\Algar Tech - Conselho Dezembrov3.pptx\</t>
  </si>
  <si>
    <t>10.200.36.4</t>
  </si>
  <si>
    <t>A4-1F-72-F9-F0-BF</t>
  </si>
  <si>
    <t>anacdae@algartech.com;brenocfm@algartech.com;carlos.machado@genesys.com;carloselo@algartech.com;edgar.suarez@genesys.com;joelsonfs@algartech.com;lucas.riello@genesys.com;luizccga@algartech.com;martin.ocana@genesys.com;</t>
  </si>
  <si>
    <t>C:\Users\heliorg\Downloads\</t>
  </si>
  <si>
    <t>Whirlpool_Plano_Testes__Roteamento_Voz_v01_1 (1) (2).xlsx</t>
  </si>
  <si>
    <t>anacdae@algartech.com,brenocfm@algartech.com,carlos.machado@genesys.com,carloselo@algartech.com,edgar.suarez@genesys.com,joelsonfs@algartech.com,lucas.riello@genesys.com,luizccga@algartech.com,martin.ocana@genesys.com</t>
  </si>
  <si>
    <t>10.200.61.15</t>
  </si>
  <si>
    <t>Plan Precificacao C018 B018_desenv.xlsb</t>
  </si>
  <si>
    <t>E:\Escopo BP\Plan Precificacao C018 B018_desenv.xlsb</t>
  </si>
  <si>
    <t>D:\Projetos\ACS\One_drive\OneDrive - Grupo Algar\Projetos\2019 Algar_-_Precificação\Escopo\Plan Precificacao C018 B018_desenv.xlsb\</t>
  </si>
  <si>
    <t>E:\Escopo BP\Original\Plan Precificacao C018 B018.xlsb</t>
  </si>
  <si>
    <t>D:\Projetos\ACS\One_drive\OneDrive - Grupo Algar\Projetos\2019 Algar_-_Precificação\Escopo\Plan Precificacao C018 B018.xlsb\</t>
  </si>
  <si>
    <t>D:\Projetos\ACS\One_drive\OneDrive - Grupo Algar\Projetos\2019 Algar_-_Precificação\Escopo\Exemplo BPs\</t>
  </si>
  <si>
    <t>E:\Escopo BP\Exemplo BPs\BP GIAT - 24_08 8% Ano 1 3% demais anos.xlsb</t>
  </si>
  <si>
    <t>D:\Projetos\ACS\One_drive\OneDrive - Grupo Algar\Projetos\2019 Algar_-_Precificação\Escopo\Exemplo BPs\BP GIAT - 24_08 8% Ano 1 3% demais anos.xlsb\</t>
  </si>
  <si>
    <t>E:\Escopo BP\Exemplo BPs\BP ISD - 24_08 8% Ano 2 3% demais anos.xlsb</t>
  </si>
  <si>
    <t>D:\Projetos\ACS\One_drive\OneDrive - Grupo Algar\Projetos\2019 Algar_-_Precificação\Escopo\Exemplo BPs\BP ISD - 24_08 8% Ano 2 3% demais anos.xlsb\</t>
  </si>
  <si>
    <t>E:\Escopo BP\Oportunidades BP excel_v2.xlsx</t>
  </si>
  <si>
    <t>E:\Escopo BP\Desenho modelo_BP por produto.xlsx</t>
  </si>
  <si>
    <t>E:\Escopo BP\Modelo planilha Telecom.xlsm</t>
  </si>
  <si>
    <t>C:\Users\marcelodsd\Desktop\Chamados.zip\</t>
  </si>
  <si>
    <t>Chamados.csv</t>
  </si>
  <si>
    <t>1rv===== conten,containsunsubscribedchildren,copyable,dis,disp,displa,displaynam,displayname,domain,emailaddress,essedteamdr,explicitlytrashed,file(kind,fileid,filesize,foldercolor,hasc,hasth,hasthumbnail,hasvisitorpermissions,id,id),items(deleted,items(kind,ken,kind,lastmodifyi,lastmodifyinguser(kind,lastviewedbymedate,mimetype,modifiedbymedate,modifieddate,ontainsunsubscribedchildren,owners(kind,permission,permissioni,permissionid,pict,picture,picture�,quo,quotabytesused,rpermissions,share,shareable,shared,sharedwithme,sharedwithmed,sharedwithmedate,subscribed,thumbnailversion,title,userper,userperm,userpermi,userpermission(role),workspaceids</t>
  </si>
  <si>
    <t>10.200.60.182</t>
  </si>
  <si>
    <t>C:\Users\rafaelbdt\Documents\Meus Arquivos Recebidos\</t>
  </si>
  <si>
    <t>All Computers(1).csv</t>
  </si>
  <si>
    <t>Solicitação de Placa estacionamento.xlsx</t>
  </si>
  <si>
    <t>/o=exchangelabs/ou=exchange administrative group (fydibohf23spdlt)/cn=recipients/cn=a50ddd247a884fd18f7ff1cdaa6b6ad6-matheus yok;</t>
  </si>
  <si>
    <t>ENC: RFP - BANCO HONDA.</t>
  </si>
  <si>
    <t>RFQ_BID Call Center.xlsx</t>
  </si>
  <si>
    <t>/o=exchangelabs/ou=exchange administrative group (fydibohf23spdlt)/cn=recipients/cn=a50ddd247a884fd18f7ff1cdaa6b6ad6-matheus yok</t>
  </si>
  <si>
    <t>C:\Users\rodrigombu\Downloads\</t>
  </si>
  <si>
    <t>Projeto LGPD - Amostra base de dados estruturados.xlsx</t>
  </si>
  <si>
    <t>alessandroam@algartech.com;almezindosn@algartech.com;daniloms@algartech.com;denerbb@algartech.com;elainemdlp@algartech.com;ericsonns@algartech.com;ericsonns@algartecnologia.com.br;fabiorb@algartech.com;fredericobs@algartech.com;henriquebg@algartech.com;hugobsa@algartech.com;jullian.faria@algartech.com;kelencgt@algartech.com;lucasfbr@algartech.com;lucasm@algartech.com;polati@algartech.com;reginaldort@algartech.com;renatobrl@algartech.com;</t>
  </si>
  <si>
    <t>Cronograma PCN Next - atividades novo pre-teste 03-12-19.xlsx</t>
  </si>
  <si>
    <t>alessandroam@algartech.com,almezindosn@algartech.com,daniloms@algartech.com,denerbb@algartech.com,elainemdlp@algartech.com,ericsonns@algartech.com,ericsonns@algartecnologia.com.br,fabiorb@algartech.com,fredericobs@algartech.com,henriquebg@algartech.com,hugobsa@algartech.com,jullian.faria@algartech.com,kelencgt@algartech.com,lucasfbr@algartech.com,lucasm@algartech.com,polati@algartech.com,reginaldort@algartech.com,renatobrl@algartech.com</t>
  </si>
  <si>
    <t>mail.google.com/_/upload?authuser=0&amp;dcp=asu-n&amp;upload_id=AEnB2Uo43UlLx43mHk3_7FdADoLLszNdhqkDeXGVRPm1nwzxvIs3McPqFV5RJP-EYGh2oYHHyfPXm9IOsal2CMeETFGrLS7ivA&amp;upload_protocol=resumable</t>
  </si>
  <si>
    <t>horas Projeto GSUITE.xlsx</t>
  </si>
  <si>
    <t>Depaartamental Novembro Torre.xlsx</t>
  </si>
  <si>
    <t>https://caey.fa.us2.oraclecloud.com/crmui/faces/fuseoverview?_adf.ctrl-state=18gqzx0kka_5&amp;fnd=;;;;false;256;;;&amp;fndglobalitemnodeid=moo_opptymgmtopportunities_crm_card</t>
  </si>
  <si>
    <t>BP 199286 - Field SP v2 36 meses.xlsb</t>
  </si>
  <si>
    <t>\\acsfs\Deptos\CAS - Coordenação de Arquitetura de Soluções\Projetos\2019\Clariant\199286 - Professional Services\1. Precificação\BP 199286 - Field SP v2 36 meses.xlsb\</t>
  </si>
  <si>
    <t>C:\Users\renatofol\OneDrive - Grupo Algar\ALGAR_-_Transformação Digital\Consultoria CX\Documentações\TIME CX\Clientes\Netflix\fwdencrfpnetflixopt207414netflixsac.zip\</t>
  </si>
  <si>
    <t>Brazil RFP PORTUGUES.xlsx</t>
  </si>
  <si>
    <t>mail.google.com/_/upload?authuser=2&amp;dcp=asu-n&amp;upload_id=AEnB2UrVdLoqKawK77RldWwgEV29NWwFYeht58qqIrFtTZwgYixZyblQMWPq9YNMxdQuehUjoCR0u92AQzlGwRsr3mvIVw3TCA&amp;upload_protocol=resumable</t>
  </si>
  <si>
    <t>\\acsfs\ACS\Consultoria de Qualidade\Uberlândia\1. Analistas\Fernando Rodrigues\4. Distribuição de Meta\2019\2. Telecom\1. Dezembro\</t>
  </si>
  <si>
    <t>Distribuição - 1ª Semana.xlsx</t>
  </si>
  <si>
    <t>C:\Users\rodrigombu\OneDrive - Grupo Algar\Whirlpool\2019\12 - Dezembro\Arquivos\N1 Speaking\</t>
  </si>
  <si>
    <t>Análise AHT do dia 02-12-19.xlsx</t>
  </si>
  <si>
    <t>mail.google.com/_/upload?authuser=1&amp;dcp=asu-n&amp;upload_id=AEnB2UoirlOZvYnLkrUzsR62Q3d33qQV0_J5ObCsFKA5_z8I0HA2fLUjO6HvCEel-clsBFQKI4Hou9IgNrztfXIs3ndXDnMBjA&amp;upload_protocol=resumable</t>
  </si>
  <si>
    <t>adalbertoms@algartech.com;edilsonrb@algartech.com;saramfg@algartech.com;vivianercu@algartech.com;</t>
  </si>
  <si>
    <t>C:\Users\edilsonrb\Documents\02.Trabalho\85.ANO.2019\03.CARLOS.MAURICIO\12.DEZEMBRO\</t>
  </si>
  <si>
    <t>Recuperação.Custo.Marcelo.xlsx</t>
  </si>
  <si>
    <t>adalbertoms@algartech.com,edilsonrb@algartech.com,saramfg@algartech.com,vivianercu@algartech.com</t>
  </si>
  <si>
    <t>C:\Users\rodrigombu\OneDrive - Grupo Algar\Whirlpool\2019\12 - Dezembro\Arquivos\N1 Speaking\Análise de Perdas\</t>
  </si>
  <si>
    <t>Análise de Perdas - 12-12-19.xls</t>
  </si>
  <si>
    <t>mail.google.com/_/upload?authuser=0&amp;dcp=asu-n&amp;upload_id=AEnB2Uqq421b-4c4AkeD-GK9UZ6WuAQ95QuHmfiVy2nESjCri9XwegPq1WzO1xOqyLgcjHvsb_0OsSRiltEGMxYCtp67gZ2YjT2aCeafQv-8CdDqfM_7pcs&amp;upload_protocol=resumable</t>
  </si>
  <si>
    <t>carlosadcj@algartech.com;cfonseca@tripag.com.br;cynthiaf@tripag.com.br;dbpaixao@tripag.com.br;ganunes@tripag.com.br;kellyc@tripag.com.br;leonardoao@algartech.com;lucianarba@algartecnologia.com.br;marcosnf@tripag.com.br;oscilang@tripag.com.br;pauloslj@algartech.com;robertaib@algartech.com;samias@tribanco.com.br;</t>
  </si>
  <si>
    <t>carlosadcj@algartech.com,cfonseca@tripag.com.br,cynthiaf@tripag.com.br,dbpaixao@tripag.com.br,ganunes@tripag.com.br,kellyc@tripag.com.br,leonardoao@algartech.com,lucianarba@algartecnologia.com.br,marcosnf@tripag.com.br,oscilang@tripag.com.br,pauloslj@algartech.com,robertaib@algartech.com,samias@tribanco.com.br</t>
  </si>
  <si>
    <t>gabrielaasan@algartech.com;gisellenm@algartech.com;marcelacpe@algartecnologia.com.br;muriloega@algartech.com;</t>
  </si>
  <si>
    <t>\\acsfs\deptos\CAS - Coordenação de Arquitetura de Soluções\Projetos\2019\AVON\215424 - AVON Reformulação Redes Sociais\Preço\</t>
  </si>
  <si>
    <t>215424 Plan Precificacao C018 B018 - Somente GRC RA.xlsb</t>
  </si>
  <si>
    <t>gabrielaasan@algartech.com,gisellenm@algartech.com,marcelacpe@algartecnologia.com.br,muriloega@algartech.com</t>
  </si>
  <si>
    <t>\\acsfs\deptos\CAS - Coordenação de Arquitetura de Soluções\Projetos\2019\AVON\215424 - AVON Reformulação Redes Sociais\Preço\215424 Plan Precificacao C018 B018 - Somente GRC RA.xlsb\</t>
  </si>
  <si>
    <t>mail.google.com/_/upload?authuser=2&amp;dcp=asu-n&amp;upload_id=AEnB2Uotz66ifanP6P_i0HABNCuwLro-u_ID1ZB-YsElSTJr9NBmRzLarzHKeHU7tSTVdjahnCTOh2XDNbv6GF36zufhT4Khdw&amp;upload_protocol=resumable</t>
  </si>
  <si>
    <t>alessandroam@algartech.com;diegofreitas@kpmg.com.br;renatobrl@algartech.com;reynaldopm@algartech.com;</t>
  </si>
  <si>
    <t>alessandroam@algartech.com,diegofreitas@kpmg.com.br,renatobrl@algartech.com,reynaldopm@algartech.com</t>
  </si>
  <si>
    <t>/o=exchangelabs/ou=exchange administrative group (fydibohf23spdlt)/cn=recipients/cn=0a343ab60c904ee9b25c54f941bc50a2-elincon pis;/o=exchangelabs/ou=exchange administrative group (fydibohf23spdlt)/cn=recipients/cn=3bff4ffb267e4ea2a4a3347f6a4c5cf8-tatiane mag;/o=exchangelabs/ou=exchange administrative group (fydibohf23spdlt)/cn=recipients/cn=88c76f56ba274d40bc5ef03a7197e5b9-marcos pere;/o=exchangelabs/ou=exchange administrative group (fydibohf23spdlt)/cn=recipients/cn=e8a8131dc3334dc38d81db3d2a41a3fe-denise viei;</t>
  </si>
  <si>
    <t>RES: Orçamentos executados SPO</t>
  </si>
  <si>
    <t>Orçamentos Executados SPO..xlsx</t>
  </si>
  <si>
    <t>/o=exchangelabs/ou=exchange administrative group (fydibohf23spdlt)/cn=recipients/cn=0a343ab60c904ee9b25c54f941bc50a2-elincon pis,/o=exchangelabs/ou=exchange administrative group (fydibohf23spdlt)/cn=recipients/cn=3bff4ffb267e4ea2a4a3347f6a4c5cf8-tatiane mag,/o=exchangelabs/ou=exchange administrative group (fydibohf23spdlt)/cn=recipients/cn=88c76f56ba274d40bc5ef03a7197e5b9-marcos pere,/o=exchangelabs/ou=exchange administrative group (fydibohf23spdlt)/cn=recipients/cn=e8a8131dc3334dc38d81db3d2a41a3fe-denise viei</t>
  </si>
  <si>
    <t>mail.google.com/_/upload?authuser=0&amp;dcp=asu-n&amp;upload_id=AEnB2Uq9kpxddHoAwXHFl1p6ewL9zaaw94tXzcOi2evycG7gSVC12EI-4gyiJdX5r9GWXgOGeMMHyW3vEYn86aUAlZv7s_hyzQ&amp;upload_protocol=resumable</t>
  </si>
  <si>
    <t>C:\Users\mariliafsc.ACS\Desktop\178274 EDP BP Advanced Collection v4 Ajuste solicitado pelo PMO.xlsb\</t>
  </si>
  <si>
    <t>Daily Unificado Correntista_201912.xlsx</t>
  </si>
  <si>
    <t>mail.google.com/_/upload?authuser=0&amp;dcp=asu-n&amp;upload_id=AEnB2UoswazaqGaAAAvhe7Vr4464MNo35mlJ4lq6a3q8EePANVyV5ZhFYOGPXi-gdMPNYmTsg9gH3xk6kf7THBr7p9uTgJl9JDtSDHSzA8Kz0FS0YZH5vrg&amp;upload_protocol=resumable</t>
  </si>
  <si>
    <t>henriquerfr@algartech.com;iaraadss@algartech.com;</t>
  </si>
  <si>
    <t>Lista de Migração_GST_03122019.xlsx</t>
  </si>
  <si>
    <t>henriquerfr@algartech.com,iaraadss@algartech.com</t>
  </si>
  <si>
    <t>mail.google.com/_/upload?authuser=0&amp;dcp=asu-n&amp;upload_id=AEnB2UqLkR-XUyUPH1-q_eu89R49QP5n57f9SnsqdtP30I4kulG21ENy89har4S7gFOgla9Dljje0lWk4mDt3Z1zQ67b0eOM-A&amp;upload_protocol=resumable</t>
  </si>
  <si>
    <t>/o=exchangelabs/ou=exchange administrative group (fydibohf23spdlt)/cn=recipients/cn=6123ad995eff4f77aafea5ab16f18aa3-renata beze;/o=exchangelabs/ou=exchange administrative group (fydibohf23spdlt)/cn=recipients/cn=8ffcdd39b62f4308b2f876f9624fa69a-wasley luiz;/o=exchangelabs/ou=exchange administrative group (fydibohf23spdlt)/cn=recipients/cn=edc736cbd2a041a6acd73cfd7a4435bd-leticia sou;/o=exchangelabs/ou=exchange administrative group (fydibohf23spdlt)/cn=recipients/cn=edson santos de oliveira;anapcrp@algartech.com;</t>
  </si>
  <si>
    <t>Escala Fim de semana - Dezembro</t>
  </si>
  <si>
    <t>/o=exchangelabs/ou=exchange administrative group (fydibohf23spdlt)/cn=recipients/cn=6123ad995eff4f77aafea5ab16f18aa3-renata beze,/o=exchangelabs/ou=exchange administrative group (fydibohf23spdlt)/cn=recipients/cn=8ffcdd39b62f4308b2f876f9624fa69a-wasley luiz,/o=exchangelabs/ou=exchange administrative group (fydibohf23spdlt)/cn=recipients/cn=edc736cbd2a041a6acd73cfd7a4435bd-leticia sou,/o=exchangelabs/ou=exchange administrative group (fydibohf23spdlt)/cn=recipients/cn=edson santos de oliveira,anapcrp@algartech.com</t>
  </si>
  <si>
    <t>DIMENS_SERV N1 SPEAKING_DEZ (RFP) - Análise Perda 02-12.xlsm</t>
  </si>
  <si>
    <t>10.200.58.181</t>
  </si>
  <si>
    <t>Orifinal_C018_B018.xlsb</t>
  </si>
  <si>
    <t>C:\Users\lucianocle\Desktop\Orifinal_C018_B018.xlsb\</t>
  </si>
  <si>
    <t>mail.google.com/_/upload?authuser=1&amp;dcp=asu-n&amp;upload_id=AEnB2UrQ124leh0cNn-tq3lIt-A1w5D-D9YqOCTQzBniaSwo22Z7bR0eBRiRrLjrPcBhLSYlsv5HkMtQ8vh7UJTRPmQ9q4ppNw&amp;upload_protocol=resumable</t>
  </si>
  <si>
    <t>Plan Precificacao C018 B018 teste.xlsb</t>
  </si>
  <si>
    <t>C:\Users\lucianocle\Desktop\Plan Precificacao C018 B018 teste.xlsb\</t>
  </si>
  <si>
    <t>\\udpavonfs01\avon\03. Senilda\1. Faturamento\Validação Cliente\2019\11.Novembro\</t>
  </si>
  <si>
    <t>11. Demonstrativo de Faturamento Novembro 2019 Avon Desvio Antecipação.xlsx</t>
  </si>
  <si>
    <t>mail.google.com/_/upload?authuser=0&amp;dcp=asu-n&amp;upload_id=AEnB2UqedYGok-_6K100H0xssJVnBOx4o9a11wia_WyPiHTwmz15ruiYfaKT7-Nk-EeyO2lH0f_nCpyIuwclovuKKBJkjDat-w&amp;upload_protocol=resumable</t>
  </si>
  <si>
    <t>em;ganunes@tripag.com.br;pauloslj@algartech.com;robertaib@algartech.com;todos;</t>
  </si>
  <si>
    <t>\\acsfs\deptos\Operacao\Unica\6. Pastas Pessoais\Credenciadora\Paulo Henrique\</t>
  </si>
  <si>
    <t>em,ganunes@tripag.com.br,pauloslj@algartech.com,robertaib@algartech.com,todos</t>
  </si>
  <si>
    <t>C:\Users\elainemdlp\OD\_Projetos\Em andamento\Relacionamento Cartoes BV\03 - Execucao\MIS\</t>
  </si>
  <si>
    <t>Indicadores_BV.xlsx</t>
  </si>
  <si>
    <t>mail.google.com/_/upload?authuser=4&amp;dcp=asu-n&amp;upload_id=AEnB2UpHwRbU1duUL3L_MTlxCTQztWJ6tUepVoAFynvl0LBtbZdkteFtNWkIOpXJN9xbwNXS6piG6EeTdZx_NoD4gGz3tG4IPz80mFv6xqpsTW6T8YYfrQ0&amp;upload_protocol=resumable</t>
  </si>
  <si>
    <t>relatorio_storti_categoria_rev1.xlsx</t>
  </si>
  <si>
    <t>mail.google.com/_/upload?authuser=0&amp;dcp=asu-n&amp;upload_id=AEnB2Ur1REo5Yu6E3RjbecE6x1R4mGo015bbnXOfwDgtzvEVUp-NGU7mr8OLZBMHwwaCQ4T4T6knGOS65GAHiOsASC0Ds9FyAg&amp;upload_protocol=resumable</t>
  </si>
  <si>
    <t>\\acsfs\DEPTOS\Operacao\PCP\5 - Comum\PLANEJAMENTO AVON\28 - BACKOFFICE\PLANEJAMENTO\2020\1- JANEIRO\</t>
  </si>
  <si>
    <t>01- Calculadora BACK AVON.xlsx</t>
  </si>
  <si>
    <t>PENDENCIAS TECH 29-11.xlsx</t>
  </si>
  <si>
    <t>10.200.57.16</t>
  </si>
  <si>
    <t>Hierarquia 02_12.xlsx</t>
  </si>
  <si>
    <t>Microanálise 20191202.xlsm</t>
  </si>
  <si>
    <t>mail.google.com/_/upload?authuser=0&amp;dcp=asu-n&amp;upload_id=AEnB2UrYcDArsrbKmOZrdjIgXzLXkWQSHsFNGhDusLbEsDMnEUwPzAMbzK8DOjHZc7kmuMIekM7aIdv0sa08F4V_QCH6venqJg&amp;upload_protocol=resumable</t>
  </si>
  <si>
    <t>scarlet.martins@bradesco.com.br;</t>
  </si>
  <si>
    <t>\\acsfs\DEPTOS\Engenharia\2 - Service Desk\2.19 - Help Desk Corporate\2.19.9 - Outros\SUPERVISORES\Lucas Rabboni\001 - Equipes\1.Implementação\Acompanhamentos\2019 12 01\</t>
  </si>
  <si>
    <t>Base Completa Implementacao 20191202142247 .xls</t>
  </si>
  <si>
    <t>scarlet.martins@bradesco.com.br</t>
  </si>
  <si>
    <t>mail.google.com/_/upload?authuser=0&amp;dcp=asu-n&amp;upload_id=AEnB2UpsgskNE_NLCJMatHZLGTXOxKxgbmKRE1iwrydTkKIRTxDWyCvDQQ48Zcen663lBOvoLqckITD7efJVyOAdS8XKVYnH0A&amp;upload_protocol=resumable</t>
  </si>
  <si>
    <t>joseasn@algartech.com;ricardodfm@algartech.com;senildapdo@algartecnologia.com.br;viniciussg@algartech.com;</t>
  </si>
  <si>
    <t>joseasn@algartech.com,ricardodfm@algartech.com,senildapdo@algartecnologia.com.br,viniciussg@algartech.com</t>
  </si>
  <si>
    <t>mail.google.com/_/upload?authuser=1&amp;dcp=asu-n&amp;upload_id=AEnB2UoEmDpQK4UM_IyN0XroRA3J03x_-D3lutFtd4w3UKBhhX5e6uU6oHM2nQudJWpOzkZOk8y6zBErzqE05LGYHFEzAb9fCQ&amp;upload_protocol=resumable</t>
  </si>
  <si>
    <t>Monitor de Faturas - 2017 a 2019.xlsx</t>
  </si>
  <si>
    <t>Treinamentos Amcham.xlsx</t>
  </si>
  <si>
    <t>C:\Users\andrelpsa\Desktop\Bloqueio Consciente\</t>
  </si>
  <si>
    <t>Horas Extras GRC _ Nov.2019.xls</t>
  </si>
  <si>
    <t>112019_Relatorio_Despesa_V2.xlsb</t>
  </si>
  <si>
    <t>mail.google.com/_/upload?authuser=0&amp;dcp=asu-n&amp;upload_id=AEnB2UoClzwdlTDCJrVAWH4GAHcXE3kW7A8APrmBQxmat-sDX3fHaZKgv9V5B3lz3QYie5XWktMgRRpE4us3B_PTOXUrHzjZZEbfEFXM7WXrvynFkcs0az4&amp;upload_protocol=resumable</t>
  </si>
  <si>
    <t>112019_Relatorio_Indiretos_V2.xlsb</t>
  </si>
  <si>
    <t>C:\Users\simoneesm\OneDrive - Grupo Algar\Controle\ALGAR\TH\Departamental\2019\11 - novembro\</t>
  </si>
  <si>
    <t>Relatório de Custos_112019_BSB.xlsx</t>
  </si>
  <si>
    <t>mail.google.com/_/upload?authuser=0&amp;dcp=asu-n&amp;upload_id=AEnB2Upi4M1GmCdlrEtJR80A80A4YEDH3IzZ-OofiyazjNeufGNIldMKTgaKNOFY0j6Y7TiFIMa89xitW0h43ew9AD8RhzhXr4lVMIlzEm9atKJsbSjYrv4&amp;upload_protocol=resumable</t>
  </si>
  <si>
    <t>brian@ipnet.cloud;henriquerfr@algartech.com;iaraadss@algartech.com;lucasfbr@algartech.com;lucasm@algartech.com;luiz.moraes@cscalgar.com.br;marcelo.fernandes@ipnet.cloud;marceloat@algartech.com;projetocscalgar@ipnet.cloud;rafael.borba@ipnet.cloud;rafael.cardoso@ipnet.cloud;thiago.batista@cscalgar.com.br;</t>
  </si>
  <si>
    <t>GAPS.xlsx</t>
  </si>
  <si>
    <t>brian@ipnet.cloud,henriquerfr@algartech.com,iaraadss@algartech.com,lucasfbr@algartech.com,lucasm@algartech.com,luiz.moraes@cscalgar.com.br,marcelo.fernandes@ipnet.cloud,marceloat@algartech.com,projetocscalgar@ipnet.cloud,rafael.borba@ipnet.cloud,rafael.cardoso@ipnet.cloud,thiago.batista@cscalgar.com.br</t>
  </si>
  <si>
    <t>C:\Users\vanessasara\OneDrive - Grupo Algar\Dê Asas\</t>
  </si>
  <si>
    <t>Análise - Vanessa.xlsb</t>
  </si>
  <si>
    <t>BP Dê Asas.XLSX</t>
  </si>
  <si>
    <t>C:\Users\polati\Downloads\</t>
  </si>
  <si>
    <t>Resumo Executivo_Escopo B_03DEZ_36 meses (1).xlsx</t>
  </si>
  <si>
    <t>PROPOSTA - UDI - WHIRLPOOL - REAGENDAMENTO ECOHOUSE - DESINSTALAÇÃO E DIVERSOS FINALIZADA (1).xlsm</t>
  </si>
  <si>
    <t>containsunsubscribedchildren,copyable,displayname,domain,ecohouse - desinstalaÇÃo e diversos finalizada' and title contains 'xlsm' and trashed = false and '1tl0ka6sdyxmredob2ulfz7pbqx0tlygt' in parents&amp;fields=kind,emailaddress,explicitlytrashed,file(kind,fileextension,fileid,filesize,foldercolor,haschildfolders,hasthumbnail,hasvi,hasvisitorpermissions,id,id),items(deleted,items(kind,ken,kind,lastmodifyinguser(kind,lastviewedbymedate,mimetype,modifiedbymedate,modifieddate,nextpagetoken,ontainsunsubscribedchildren,owners(kind,per,permissionid,picture,primarysyncparentid,quot,quotabytesused,shareable,shared,sharedwithmedate,sharinguser(kind�,subscribed,thumbnailversion,title,userpermission(role),workspaceids</t>
  </si>
  <si>
    <t>10.200.68.134</t>
  </si>
  <si>
    <t>Modelo Inscrição Educador Televendas atualizado.xlsx</t>
  </si>
  <si>
    <t>PROPOSTA - UDI - WHIRLPOOL - REAGENDAMENTO ECOHOUSE - VENDAS FINALIZADA.xls</t>
  </si>
  <si>
    <t>6fq7===== cont,containsunsubscribedchildren,copyable,displayname,domain,emailaddress,explicitlytra,explicitlytrashed,fileextension�,filesize,foldercolor,haschildfolders,hasthumbnail,hasvisitorpermissions,id,id),items(kind,ken,lastmodifyinguser(kind,lastviewedbymedate,mimetype,modifiedbymedate,modifieddate,ontainsunsubscribedchildren,owners(kind,permissionid,pict,picture,quotabytesused,rpermissions,shareable,shared,sharedwithmedate,subscribed,thumbnailversion,title,userpermission(role),workspaceids</t>
  </si>
  <si>
    <t>mail.google.com/_/upload?authuser=0&amp;dcp=asu-n&amp;upload_id=AEnB2UqPXsaBNZ__WLijYcQHokJEf2Jcubc5YjCIbcjGusiHXQ0RFexvuvsoZ1hT7UW-4cmVJsV7y7hf9dsnZ6nDQKjoJx7jOQ&amp;upload_protocol=resumable</t>
  </si>
  <si>
    <t>igorpc@algartech.com;jeovane.oliveira@bradesco.com.br;lucasm@algartech.com;</t>
  </si>
  <si>
    <t>igorpc@algartech.com,jeovane.oliveira@bradesco.com.br,lucasm@algartech.com</t>
  </si>
  <si>
    <t>mail.google.com/_/upload?authuser=0&amp;dcp=asu-n&amp;upload_id=AEnB2Up8KlhidE0dLW9CWM7d9nR-IzMqizgYlD8hhH42uWmNlF8eWG4prHzPAPUoclftX-CU2TgbQmat6NF64VGIC5qUjQP_kQ&amp;upload_protocol=resumable</t>
  </si>
  <si>
    <t>Associados da torre de GST_Consolidado (2).xlsx</t>
  </si>
  <si>
    <t>c:\users\douglassp\downloads\</t>
  </si>
  <si>
    <t>formulario_ferias_irregulares_-_algar_tech (1).xls</t>
  </si>
  <si>
    <t>Book Indicadores_BV.xlsx</t>
  </si>
  <si>
    <t>pweb_rv_350.xls</t>
  </si>
  <si>
    <t>nubiafrsp@algartech.com</t>
  </si>
  <si>
    <t>mail.google.com/_/upload?authuser=0&amp;dcp=asu-n&amp;upload_id=AEnB2UqpwFqWCZ8xmktNaCAl4n7Md0d0Rosp4roSD3OQPCXvFh4XeaFLrXvyDlccV8rbWHUT6qc0tgLDAZgkscSOfwina8JgxA&amp;upload_protocol=resumable</t>
  </si>
  <si>
    <t>nubia@algartech.com;</t>
  </si>
  <si>
    <t>C:\Users\nubiafrsp\Desktop\</t>
  </si>
  <si>
    <t>Férias Diretos 2020.xls</t>
  </si>
  <si>
    <t>nubia@algartech.com</t>
  </si>
  <si>
    <t>/o=exchangelabs/ou=exchange administrative group (fydibohf23spdlt)/cn=recipients/cn=0addf5d63aa844c7a80c4c80b8d6351e-edson barbo;/o=exchangelabs/ou=exchange administrative group (fydibohf23spdlt)/cn=recipients/cn=1698f5af44b14116ad2d0b751d584c7d-danilo rafa;/o=exchangelabs/ou=exchange administrative group (fydibohf23spdlt)/cn=recipients/cn=1867d5fca12044e08946537995369baf-diego rodri;diogosa@algartech.com;</t>
  </si>
  <si>
    <t>RES: Indicadores SSMA - Novembro/2019</t>
  </si>
  <si>
    <t>Indicadores Treinamento - SSMA - 2019.xlsx</t>
  </si>
  <si>
    <t>/o=exchangelabs/ou=exchange administrative group (fydibohf23spdlt)/cn=recipients/cn=0addf5d63aa844c7a80c4c80b8d6351e-edson barbo,/o=exchangelabs/ou=exchange administrative group (fydibohf23spdlt)/cn=recipients/cn=1698f5af44b14116ad2d0b751d584c7d-danilo rafa,/o=exchangelabs/ou=exchange administrative group (fydibohf23spdlt)/cn=recipients/cn=1867d5fca12044e08946537995369baf-diego rodri,diogosa@algartech.com</t>
  </si>
  <si>
    <t>/o=exchangelabs/ou=exchange administrative group (fydibohf23spdlt)/cn=recipients/cn=1867d5fca12044e08946537995369baf-diego rodri;/o=exchangelabs/ou=exchange administrative group (fydibohf23spdlt)/cn=recipients/cn=64181a18b9164d10956ec48be12b9a5d-gisele cris;</t>
  </si>
  <si>
    <t>Planilha CAT</t>
  </si>
  <si>
    <t>Planilha de Estatística de Abertura de CAT (Novembro 2019).xlsx</t>
  </si>
  <si>
    <t>/o=exchangelabs/ou=exchange administrative group (fydibohf23spdlt)/cn=recipients/cn=1867d5fca12044e08946537995369baf-diego rodri,/o=exchangelabs/ou=exchange administrative group (fydibohf23spdlt)/cn=recipients/cn=64181a18b9164d10956ec48be12b9a5d-gisele cris</t>
  </si>
  <si>
    <t>\\acsfs\DEPTOS\EDUCACAO EMPRESARIAL\4 - Gestão de Educação\4.4 Analistas\Camila Maia\Coisas de Analistas\LNT TLV e RET\</t>
  </si>
  <si>
    <t>/o=exchangelabs/ou=exchange administrative group (fydibohf23spdlt)/cn=recipients/cn=0addf5d63aa844c7a80c4c80b8d6351e-edson barbo;/o=exchangelabs/ou=exchange administrative group (fydibohf23spdlt)/cn=recipients/cn=1867d5fca12044e08946537995369baf-diego rodri;diogosa@algartech.com;</t>
  </si>
  <si>
    <t>Farol Dezembro</t>
  </si>
  <si>
    <t>Formulário farol 2019- ENGESET 03.12.xlsx</t>
  </si>
  <si>
    <t>/o=exchangelabs/ou=exchange administrative group (fydibohf23spdlt)/cn=recipients/cn=0addf5d63aa844c7a80c4c80b8d6351e-edson barbo,/o=exchangelabs/ou=exchange administrative group (fydibohf23spdlt)/cn=recipients/cn=1867d5fca12044e08946537995369baf-diego rodri,diogosa@algartech.com</t>
  </si>
  <si>
    <t>11-2019 Macro Justificativas.xlsx</t>
  </si>
  <si>
    <t>mail.google.com/_/upload?authuser=0&amp;dcp=asu-n&amp;upload_id=AEnB2UoSOR08OAEcDR0kVXkApPKWgZA0gKpeAdN9tedlNG6kFqYzOb6gwdUW5nD2koAtwgxwDVmW8GFMaHP-1JR-KlgTt0oswQ&amp;upload_protocol=resumable</t>
  </si>
  <si>
    <t>Férias Avon.xlsx</t>
  </si>
  <si>
    <t>10.211.3.69</t>
  </si>
  <si>
    <t>\\acsfs\Deptos\Asyst\COMERCIAL\02 - FATURAMENTO\Base GAT\GAT - Documentos Diversos Clientes\Contrato T Systems\2019\</t>
  </si>
  <si>
    <t>FAT_Liberados 2018_T-Systems.xlsx</t>
  </si>
  <si>
    <t>mail.google.com/_/upload?authuser=0&amp;dcp=asu-n&amp;upload_id=AEnB2UrR5ipINRrYfOd8RJK-77ya7bm-XSMzrxarqDmZG0dw12ZqVObUsWv2a_8rT_XZqs3J29U_HzgBCcJdTxHUtP3AdxvsTw&amp;upload_protocol=resumable</t>
  </si>
  <si>
    <t>Dados_Janeiro 2020.xlsx</t>
  </si>
  <si>
    <t>C:\Users\filemoncmj\OneDrive - Grupo Algar\01. Algar Tech\01. Projetos de Clientes\47. Prudential\12. Mapeamento de Processos\GIAT\</t>
  </si>
  <si>
    <t>Relaçao_Servidores_BD_Algar_Detalhado.xlsx</t>
  </si>
  <si>
    <t>old_ALPHAVILLE - SCOM - DEVICES_V6.1_Tecnologias (004).xlsx</t>
  </si>
  <si>
    <t>Categorizações N1 02-Dez-2019.xls</t>
  </si>
  <si>
    <t>Base BW % Conversão - Nov-2019 - Fechamento.xlsm</t>
  </si>
  <si>
    <t>mail.google.com/_/upload?authuser=0&amp;dcp=asu-n&amp;upload_id=AEnB2UrsG4ZMOaXVZkaVtCq7BAOpv6uSKIbze9WsL_dpoN27i0DkbTp6wCXxqIkImCUvvlt5obb7Q9PkpmaHF5B49s1CbqDAAA&amp;upload_protocol=resumable</t>
  </si>
  <si>
    <t>alexmarques.silva@avon.com;dennis.costa.asserth@avon.com;edelvan.reginaldo@avon.com;senildapdo@algartech.com;viniciussg@algartech.com;</t>
  </si>
  <si>
    <t>\\udpavonfs01\AVON\06. PCP\JOSÉ AFONSO DA SILVA NETO\DESKTOP\NOTEBOOK\Volumetria\</t>
  </si>
  <si>
    <t>alexmarques.silva@avon.com,dennis.costa.asserth@avon.com,edelvan.reginaldo@avon.com,senildapdo@algartech.com,viniciussg@algartech.com</t>
  </si>
  <si>
    <t>CONTRATOS FORNECEDORES_Dados PMO_Infra.xlsx</t>
  </si>
  <si>
    <t>C:\Users\mariannacsm\OneDrive - Grupo Algar\0- PMO-POOL\PMO\CONSOLIDAÇÃO CAPEX 2020\TECNOLOGIA\</t>
  </si>
  <si>
    <t>Consolidação Demandas Tecnologia 2020_retorno Lucasv2.xlsx</t>
  </si>
  <si>
    <t>C:\Users\rodrigombu\OneDrive - Grupo Algar\Whirlpool\2019\12 - Dezembro\Arquivos\N1 Speaking\Análise de Perdas\03-12\</t>
  </si>
  <si>
    <t>DIMENS_SERV N1 SPEAKING_DEZ (RFP) - Análise de Perda 03-12.xlsm</t>
  </si>
  <si>
    <t>C:\Users\rodrigombu\OneDrive - Grupo Algar\Whirlpool\2019\12 - Dezembro\Arquivos\N1 Speaking\Análise de Perdas\02-12\</t>
  </si>
  <si>
    <t>/o=exchangelabs/ou=exchange administrative group (fydibohf23spdlt)/cn=recipients/cn=2083875ab19146848e9acf6dbac781d4-cleiton gom;/o=exchangelabs/ou=exchange administrative group (fydibohf23spdlt)/cn=recipients/cn=5876a52919c440598f015f22bceb7eeb-antonio car;/o=exchangelabs/ou=exchange administrative group (fydibohf23spdlt)/cn=recipients/cn=ac622658720d425d9736d1dea3c26ef7-juliano cal;mgadelha@timbrasil.com.br;</t>
  </si>
  <si>
    <t>RES: Propostas das Centrais Pendentes</t>
  </si>
  <si>
    <t>Propostas das Centrais - Pendentes.xlsx</t>
  </si>
  <si>
    <t>/o=exchangelabs/ou=exchange administrative group (fydibohf23spdlt)/cn=recipients/cn=2083875ab19146848e9acf6dbac781d4-cleiton gom,/o=exchangelabs/ou=exchange administrative group (fydibohf23spdlt)/cn=recipients/cn=5876a52919c440598f015f22bceb7eeb-antonio car,/o=exchangelabs/ou=exchange administrative group (fydibohf23spdlt)/cn=recipients/cn=ac622658720d425d9736d1dea3c26ef7-juliano cal,mgadelha@timbrasil.com.br</t>
  </si>
  <si>
    <t>/o=exchangelabs/ou=exchange administrative group (fydibohf23spdlt)/cn=recipients/cn=092327d7955f47e78ad4a60dc2ac8d69-joaquim eli;/o=exchangelabs/ou=exchange administrative group (fydibohf23spdlt)/cn=recipients/cn=42aadbe8775e4c2cb37c145f9d092a4e-carlos west;/o=exchangelabs/ou=exchange administrative group (fydibohf23spdlt)/cn=recipients/cn=70e2459b159e4310a146fb066da838d6-luciano per;/o=exchangelabs/ou=exchange administrative group (fydibohf23spdlt)/cn=recipients/cn=ed7d131449de4ba783d533dd6ee4b2a8-rui miguel;/o=exchangelabs/ou=exchange administrative group (fydibohf23spdlt)/cn=recipients/cn=flavio martinez;</t>
  </si>
  <si>
    <t>ENC: Propostas das Centrais Pendentes</t>
  </si>
  <si>
    <t>/o=exchangelabs/ou=exchange administrative group (fydibohf23spdlt)/cn=recipients/cn=092327d7955f47e78ad4a60dc2ac8d69-joaquim eli,/o=exchangelabs/ou=exchange administrative group (fydibohf23spdlt)/cn=recipients/cn=42aadbe8775e4c2cb37c145f9d092a4e-carlos west,/o=exchangelabs/ou=exchange administrative group (fydibohf23spdlt)/cn=recipients/cn=70e2459b159e4310a146fb066da838d6-luciano per,/o=exchangelabs/ou=exchange administrative group (fydibohf23spdlt)/cn=recipients/cn=ed7d131449de4ba783d533dd6ee4b2a8-rui miguel,/o=exchangelabs/ou=exchange administrative group (fydibohf23spdlt)/cn=recipients/cn=flavio martinez</t>
  </si>
  <si>
    <t>/o=exchangelabs/ou=exchange administrative group (fydibohf23spdlt)/cn=recipients/cn=789dec4dad7d44908ec466b75359c302-amanda robe;</t>
  </si>
  <si>
    <t>/o=exchangelabs/ou=exchange administrative group (fydibohf23spdlt)/cn=recipients/cn=789dec4dad7d44908ec466b75359c302-amanda robe</t>
  </si>
  <si>
    <t>Análise de Perdas - 03-12-19.xls</t>
  </si>
  <si>
    <t>10.211.2.68</t>
  </si>
  <si>
    <t>Status Report Feira de Produtos.xlsx</t>
  </si>
  <si>
    <t>mail.google.com/_/upload?authuser=0&amp;dcp=asu-n&amp;upload_id=AEnB2UpZDKRlB6TGDU9SM4Nu0HpKm4w_NWX-qGQXzmhI_VyCzpUtY8QYs5NlwUuXNTuCDh_sXkmD4wBShuKwCzuf89kyh7AvuNn0o4ZWiIL9f75p7YgdgOI&amp;upload_protocol=resumable</t>
  </si>
  <si>
    <t>\\acsfs\Deptos\Operacao\Unica\1. Gestão da Área\1.1 Administrativo\1.1.3 Reports\Daily Report\Dezembro\</t>
  </si>
  <si>
    <t>Daily Report - Dezembro - 2019 v3-1.xlsx</t>
  </si>
  <si>
    <t>mail.google.com/_/upload?authuser=0&amp;dcp=asu-n&amp;upload_id=AEnB2Up-PPCck8FiRu0zmMpDO-wL_ushl_rDM7kXFXzGJl9MC7bz6KNObACat5r_eTDlcNbMrhE9EoNkCldZ49Nw4uYVhKvdmaeD5MKZNp6Tx7fSeddoxO4&amp;upload_protocol=resumable</t>
  </si>
  <si>
    <t>carlosadcj@algartech.com;cynthiaf@tripag.com.br;kamilap@tripag.com.br;leonardoao@algartech.com;lrocha@tribanco.com.br;lucasfs@tribanco.com.br;lucianarba@algartecnologia.com.br;marcosnf@tripag.com.br;pauloslj@algartech.com;robertaib@algartech.com;</t>
  </si>
  <si>
    <t>Report Comercial Unica - Dezembro (008).xlsx</t>
  </si>
  <si>
    <t>carlosadcj@algartech.com,cynthiaf@tripag.com.br,kamilap@tripag.com.br,leonardoao@algartech.com,lrocha@tribanco.com.br,lucasfs@tribanco.com.br,lucianarba@algartecnologia.com.br,marcosnf@tripag.com.br,pauloslj@algartech.com,robertaib@algartech.com</t>
  </si>
  <si>
    <t>10.200.32.34</t>
  </si>
  <si>
    <t>Proposta de Farol do next</t>
  </si>
  <si>
    <t>Checklist Operação next.xls</t>
  </si>
  <si>
    <t>C:\Users\renatofol\OneDrive - Grupo Algar\ALGAR_-_Transformação Digital\Consultoria CX\Documentações\TIME CX\Clientes\Netflix\traduzido\</t>
  </si>
  <si>
    <t>ESFORÇO VALIDAR - GREVY NOVEMBRO 2019.xlsm</t>
  </si>
  <si>
    <t>Microgestão Whirlpool.xlsx</t>
  </si>
  <si>
    <t>mail.google.com/mail/u/0/#advanced-search/from=ericacdosc%40algartech.com&amp;subset=all&amp;within=1d&amp;sizeoperator=s_sl&amp;sizeunit=s_smb&amp;query=from%3A(ericacdosc%40algartech.com)/FMfcgxwGBwSgjwLsZflGZfmtlshczQCL</t>
  </si>
  <si>
    <t>Y:\ASA_ULA\NUCLEO_ATIVOS\RELATÓRIOS DE ATIVOS\2019\10-Out\ENGESET\</t>
  </si>
  <si>
    <t>REL_FA_PROJECAO_DEPRECIACAO.xlsx</t>
  </si>
  <si>
    <t>amandacdr@algartech.com;celmars@algartech.com;delsoer@algartech.com;gustavohs@algartech.com;pedrofs@algartech.com;robertaasp@algartech.com;</t>
  </si>
  <si>
    <t>amandacdr@algartech.com,celmars@algartech.com,delsoer@algartech.com,gustavohs@algartech.com,pedrofs@algartech.com,robertaasp@algartech.com</t>
  </si>
  <si>
    <t>C:\Users\Flavia\Desktop\</t>
  </si>
  <si>
    <t>OCORRENCIAS 033_01a3011_emissao0412.CSV</t>
  </si>
  <si>
    <t>OCORRENCIAS 028_01a3011_emissao0412.CSV</t>
  </si>
  <si>
    <t>C:\Users\camilaammm\Downloads\</t>
  </si>
  <si>
    <t>média comissionamento.xlsx</t>
  </si>
  <si>
    <t>mail.google.com/_/upload?authuser=0&amp;dcp=asu-n&amp;upload_id=AEnB2UoiMX2Oa205zM-WcfhBaDdXe1Qc_W8vC8-Vw1tWxj72h3HQOXTKdz8tXx9EsvCqMDs2MLctRJ21nbtndXBA4zZbc10dGPmaCV-7EhP1ZPqL3nVXCDg&amp;upload_protocol=resumable</t>
  </si>
  <si>
    <t>eduardoab@algartech.com;henriquerfr@algartech.com;leandrosma@algartech.com;</t>
  </si>
  <si>
    <t>Questionamentos Algar Tech - TI VDI.xlsx</t>
  </si>
  <si>
    <t>eduardoab@algartech.com,henriquerfr@algartech.com,leandrosma@algartech.com</t>
  </si>
  <si>
    <t>triagemrescisao@cscalgar.com.br;</t>
  </si>
  <si>
    <t>C:\Users\patriciaars\Desktop\Check List BP\</t>
  </si>
  <si>
    <t>triagemrescisao@cscalgar.com.br</t>
  </si>
  <si>
    <t>C:\Users\diegobg\OneDrive - Grupo Algar\01 - Toyota\1 - Diego Bardauil\1.1 - Implantação\Recall\</t>
  </si>
  <si>
    <t>Classificação de Itens.xlsx</t>
  </si>
  <si>
    <t>0230a341e4c18e1ef2c_e x-goog-authuser: 1 --=====st4ndu9rvpmy=====-- 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,emailaddre,emailaddress,expl,explicitlytrashed,file(kind,fileex,fileextension,fileid,filesize,flaggedforabuse,foldercolor,folderfeatures,hasaugmentedpermissions,hasc,haschildfolders,hasth,hasthumbnail,hasvisitorpermissions,hidden,id,id),items(deleted,items(kind,ken,kind,labels(starred,lastmodifyi,lastmodifyinguser(kind,lastviewedbymedate,mimetype,modifiedbymedate,modifieddate,ontainsunsubscribedchildren,organizationdisplayname,owners(kind,p===== content-ty,parents(id),passivelysubscribed,per,permission,permissionid,pict,picture,primarydomainname,primarysyncparentid,quot,</t>
  </si>
  <si>
    <t>C:\Users\diegobg\OneDrive - Grupo Algar\01 - Toyota\1 - Diego Bardauil\1.1 - Implantação\SAC\</t>
  </si>
  <si>
    <t>Draft_Fluxo URA Cisco Toyota v2.xlsx</t>
  </si>
  <si>
    <t>0230a341e4c18e1ef2c_e x-goog-authuser: 1 --=====st4ndu9rvpmy=====-- 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,emailaddre,emailaddress,expl,explicitlytrashed,file(kind,fileex,fileextension,fileid,filesize,flaggedforabuse,foldercolor,folderfeatures,hasaugmentedpermissions,hasc,haschi,haschildfolders,hasth,hasthumbnail,hasvisitorpermissions,hidden,id,id),items(deleted,items(kind,ken,kind,labels(starred,lastmodifyi,lastmodifyinguser(kind,lastviewedbymedate,mimetype,modifiedbymedate,modifieddate,ontainsunsubscribedchildren,organizationdisplayname,owners(kind,p===== content-ty,parents(id),passivelysubscribed,per,permission,permissionid,pict,picture,primarydomainname,primarysyncparenti</t>
  </si>
  <si>
    <t>PTH - Toyota - 2º 2019.xlsb</t>
  </si>
  <si>
    <t>C:\Users\eduardost\OneDrive - Grupo Algar\2019\ELECTROLUX\DE - Migração Elextrolux - v2.doc\</t>
  </si>
  <si>
    <t>\\Acsfs\dsti\GAT\CIT - Coordenacao Inteligencia de TI\RELATORIOS FPW\Controle\CADASTRO GERAL\</t>
  </si>
  <si>
    <t>\\acsfs\Deptos\CAS - Coordenação de Arquitetura de Soluções\Projetos\2019\IBM\217469 - Michelin 2020\1. Precificação\</t>
  </si>
  <si>
    <t>217469_IBM_Bodyshop_Michelin_2020_v3_(C017_B017).xlsb</t>
  </si>
  <si>
    <t>\\acsfs\Deptos\CAS - Coordenação de Arquitetura de Soluções\Projetos\2019\IBM\217469 - Michelin 2020\1. Precificação\217469_IBM_Bodyshop_Michelin_2020_v3_(C017_B017).xlsb\</t>
  </si>
  <si>
    <t>C:\Users\polati\OneDrive - Grupo Algar\algar\projeto fidelidade\INTER\fase 4 the finals\dezembro\</t>
  </si>
  <si>
    <t>Incentivo</t>
  </si>
  <si>
    <t>mail.google.com/_/upload?authuser=0&amp;dcp=asu-n&amp;upload_id=AEnB2UoXJx8tL6PMnGS77JeuoH-M6g6gWIo_fYJU8S5jQHdQiZ2vNVDQ56U89nsxyqUbyGUBeSLEifaGv0GNFT5hFyHvywG3oQ&amp;upload_protocol=resumable</t>
  </si>
  <si>
    <t>C:\Users\lucianabo\Desktop\2019\10 - Outubro\ESTUDO WHP 2020 70 ESTRUTURAS\</t>
  </si>
  <si>
    <t>mail.google.com/_/upload?authuser=0&amp;dcp=asu-n&amp;upload_id=AEnB2UoOT8ntGfw9u9rCqo8950aQB-_KN-SWGhuD5zhgCxyAkgzTC2UPKv82spnf5n9nVrgISKZMRxFwJO_ff6sdFWt9-zb4Xw&amp;upload_protocol=resumable</t>
  </si>
  <si>
    <t>mail.google.com/_/upload?authuser=0&amp;dcp=asu-n&amp;upload_id=AEnB2UouyXZFETtcb0Xgzh8M3RnTmaiPzN0u79zdAwMeCB4eqBlpnl_uSzu6OEVyB-iIa3EjGd4Ra5O9z2xqAtUIJKsII3562QtW3GE5kNTS17BbQpPCfwo&amp;upload_protocol=resumable</t>
  </si>
  <si>
    <t>ESTRUTURAS EBIT V2 - COM TFL - ESTUDO NÍVEIS.xlsx</t>
  </si>
  <si>
    <t>mail.google.com/_/upload?authuser=0&amp;dcp=asu-n&amp;upload_id=AEnB2Ur40U_VOeHKr1wHz3VeD0GkoauoqTm_phXQSAS35SmNw-4EQzcFO4gkcMA1FHAwvX7YzIic-T33cjds0b65bdoPHfQaNTmOTpiLy76Phei8WqA7rsE&amp;upload_protocol=resumable</t>
  </si>
  <si>
    <t>\\acsfs\engeset\FINANCEIRO_ULA\FATURAMENTO\05.NFF MERCANTIL\NFSe 2019\11.2019\</t>
  </si>
  <si>
    <t>DADOS ARREMATANTES-LEILÃO 29.10.xlsx</t>
  </si>
  <si>
    <t>c:\users\ricardobal\downloads\</t>
  </si>
  <si>
    <t>new_ricardo borges_v2.xlsx</t>
  </si>
  <si>
    <t>mail.google.com/_/upload?authuser=2&amp;dcp=asu-n&amp;upload_id=AEnB2UpISalNsf_DwL9qGfilkRwvpE9kHZBZoax-DNLsPuFu5jgLYhQerMwFtt4lZu6OKpj3FKFXZekakfv2j7zWAJCZEZALfg&amp;upload_protocol=resumable</t>
  </si>
  <si>
    <t>ENC: Dashboard Formalização PJ VISA/PJ AMEX - Novembro/2019</t>
  </si>
  <si>
    <t>/o=exchangelabs/ou=exchange administrative group (fydibohf23spdlt)/cn=recipients/cn=5876a52919c440598f015f22bceb7eeb-antonio car;/o=exchangelabs/ou=exchange administrative group (fydibohf23spdlt)/cn=recipients/cn=8c01e71056fe4e1a8ecc4e24420bd9ef-fellyp cros;/o=exchangelabs/ou=exchange administrative group (fydibohf23spdlt)/cn=recipients/cn=f80d41bbb20a47529b0641ba89cacde6-mariangela;</t>
  </si>
  <si>
    <t>RES: SGS Sobressalentes Governador Valadares</t>
  </si>
  <si>
    <t>PLANILHA SGS SOBRESSALENTE FALTANTE.xlsx</t>
  </si>
  <si>
    <t>/o=exchangelabs/ou=exchange administrative group (fydibohf23spdlt)/cn=recipients/cn=5876a52919c440598f015f22bceb7eeb-antonio car,/o=exchangelabs/ou=exchange administrative group (fydibohf23spdlt)/cn=recipients/cn=8c01e71056fe4e1a8ecc4e24420bd9ef-fellyp cros,/o=exchangelabs/ou=exchange administrative group (fydibohf23spdlt)/cn=recipients/cn=f80d41bbb20a47529b0641ba89cacde6-mariangela</t>
  </si>
  <si>
    <t>PA's UDI.xlsx</t>
  </si>
  <si>
    <t>ligiamss@algartech.com;muriloega@algartech.com;patriciaars@algartech.com;renatofol@algartech.com;silvio@algartech.com;</t>
  </si>
  <si>
    <t>EBIT Prática.xls</t>
  </si>
  <si>
    <t>ligiamss@algartech.com,muriloega@algartech.com,patriciaars@algartech.com,renatofol@algartech.com,silvio@algartech.com</t>
  </si>
  <si>
    <t>"entrytype":"resource";duration;gh1.1.618019493.1569594813; _ga=ga1.2.120848798.1569594812; logged_in=yes; dotcom_user=rodrigofrs13; _gat=1 {"stats":[{"resourcetimings":[{"name":"https://github.githubassets.com/assets/frameworks-481a47a96965f6706fb41bae0d14b09a.css";starttime;{"name":"https://avatars0.githubusercontent.com/u/31936133?s=40;{"name":"https://github.githubassets.com/assets/github-eabfbaded2e91939e805d1a3af34018a.css";{"name":"https://github.githubassets.com/images/search-key-slash.svg";{"name":"https://github.githubassets.com/images/spinners/octocat-spinner-128.gif";</t>
  </si>
  <si>
    <t>"entrytype":"resource",duration,gh1.1.618019493.1569594813; _ga=ga1.2.120848798.1569594812; logged_in=yes; dotcom_user=rodrigofrs13; _gat=1 {"stats":[{"resourcetimings":[{"name":"https://github.githubassets.com/assets/frameworks-481a47a96965f6706fb41bae0d14b09a.css",starttime,{"name":"https://avatars0.githubusercontent.com/u/31936133?s=40,{"name":"https://github.githubassets.com/assets/github-eabfbaded2e91939e805d1a3af34018a.css",{"name":"https://github.githubassets.com/images/search-key-slash.svg",{"name":"https://github.githubassets.com/images/spinners/octocat-spinner-128.gif"</t>
  </si>
  <si>
    <t>mail.google.com/_/upload?authuser=2&amp;dcp=asu-n&amp;upload_id=AEnB2UqVpgwHmejZ0Z887MfgJbyKDQ1EJ9SJEdEH4WLdWx5hRRH4rbwJJOt8PRr2fwDk2e90-93zt80gHh1YDeMbmyOcRCxul6hkyTQAkHELI6ptpRd7DYM&amp;upload_protocol=resumable</t>
  </si>
  <si>
    <t>DESMOBILIZAÇÃO LEGADO_v3.xlsx</t>
  </si>
  <si>
    <t>micheless@algartech.com;micheless@algartech.com.br;priscilalb@algartech.com;priscilalb@algartech.com.br;</t>
  </si>
  <si>
    <t>MASCARA__ESPECIALISTAS_SET-NOV_BO</t>
  </si>
  <si>
    <t>MASCARA__ESPECIALISTAS_SET-NOV_BO.xlsx</t>
  </si>
  <si>
    <t>micheless@algartech.com,micheless@algartech.com.br,priscilalb@algartech.com,priscilalb@algartech.com.br</t>
  </si>
  <si>
    <t>angicleia mendonca &lt;angicleiamen@algartech.com;angicleiamen@algartech.com;caiocsc@algartech.com;felipeaferr@algartech.com;</t>
  </si>
  <si>
    <t>Auditoria Operador Mireille.xlsx</t>
  </si>
  <si>
    <t>angicleia mendonca &lt;angicleiamen@algartech.com,angicleiamen@algartech.com,caiocsc@algartech.com,felipeaferr@algartech.com</t>
  </si>
  <si>
    <t>mail.google.com/_/upload?authuser=2&amp;dcp=asu-n&amp;upload_id=AEnB2UoIP6ERaVeG_6og41GfWC8Wb22_6b0bbL7WAADkFy-lTZzSXQyMaHUSSHPCh9HOSslT2vW4bhWnftkDX8HApFj-A-MQCg&amp;upload_protocol=resumable</t>
  </si>
  <si>
    <t>Plan x Real - Black Friday.xlsx</t>
  </si>
  <si>
    <t>C:\Users\vivianercu\Downloads\</t>
  </si>
  <si>
    <t>Consolidado Não Faturado Novembro - Operações.xlsx</t>
  </si>
  <si>
    <t>Categorizações N1 03-Dez-2019.xls</t>
  </si>
  <si>
    <t>10.16.72.51</t>
  </si>
  <si>
    <t>mail.google.com/_/upload?authuser=0&amp;dcp=asu-n&amp;upload_id=AEnB2UpQxATeC8RIm9COzGA6g4sc1Rg23RdduQ74K7RNZqld02dvVXa26Q7_VIQKZNNIrkD8McQMZWLtt9QHVwhfvvrcmRLKOQ&amp;upload_protocol=resumable</t>
  </si>
  <si>
    <t>Atividades-ANF31 - BH_04_12_19_EDUARDA (1).xlsx</t>
  </si>
  <si>
    <t>CLAUDIO FERREIRA DE MELO</t>
  </si>
  <si>
    <t>/o=exchangelabs/ou=exchange administrative group (fydibohf23spdlt)/cn=recipients/cn=0163bfef0e474630bdcf0a3698e9ffd4-amanda ferr;amandafdcs@algartech.com.br;</t>
  </si>
  <si>
    <t>Painel Formalização Novembro</t>
  </si>
  <si>
    <t>FORMALIZAÇÃO VISA_AMEX_ Novembro1.xlsm</t>
  </si>
  <si>
    <t>/o=exchangelabs/ou=exchange administrative group (fydibohf23spdlt)/cn=recipients/cn=0163bfef0e474630bdcf0a3698e9ffd4-amanda ferr,amandafdcs@algartech.com.br</t>
  </si>
  <si>
    <t>mail.google.com/_/upload?authuser=1&amp;dcp=asu-n&amp;upload_id=AEnB2UrtdPHam5TBchjKOAZxt_ll8QSu7gpVwvJllF2sJmcdnfv4DGc08-VQrmza02VNtovHgDfH6SdTvB3uDZGdhfTBVQzsMXQobQeQKBRplOEC3gPuCiU&amp;upload_protocol=resumable</t>
  </si>
  <si>
    <t>mail.google.com/_/upload?authuser=1&amp;dcp=asu-n&amp;upload_id=AEnB2UrejMXDv4lnOpU6qRqeOxgG1d6g3J86kNartvC_65YH7Zi2-pebm5zs19RxPSlMQSsFKNALLA7VBrffnQvjp2j66yZsz09Byt7t_a9jRdRayVzO-Pw&amp;upload_protocol=resumable</t>
  </si>
  <si>
    <t>C:\Users\marcelodsd\Documents\OneDrive - Grupo Algar\Projetos\ISD\Base\EstimativaChamados\</t>
  </si>
  <si>
    <t>mail.google.com/_/upload?authuser=1&amp;dcp=asu-n&amp;upload_id=AEnB2UolEU_oOwzPbBXjKD06wq0lnuH9QdWtqq-teO_sNcAmgtLJ97_LhHbMSwii4eXW2eOuYIFWmpXqQdhFIDDXvKPRmPU_DnCgVs-x5hdijnR44A3We_c&amp;upload_protocol=resumable</t>
  </si>
  <si>
    <t>C:\Users\eduardost\OneDrive - Grupo Algar\2019\MESA\</t>
  </si>
  <si>
    <t>TRIBO BKO - Iniciativas.xlsx</t>
  </si>
  <si>
    <t>C:\Users\ricardobal\OneDrive - Grupo Algar\Algar Tecnologia\01 - CLIENTES\MRV\ALOCAÇÃO\</t>
  </si>
  <si>
    <t>200255 - PLANILHA TRANSACIONAL.xlsx</t>
  </si>
  <si>
    <t>DENI.xls</t>
  </si>
  <si>
    <t>mail.google.com/mail/u/0/#inbox/FMfcgxwGBwbZsdmCKVgCHdRnJKqCDKlW</t>
  </si>
  <si>
    <t>Y:\ASA_ULA\NUCLEO_ATIVOS\RELATÓRIOS DE ATIVOS\2019\11-Nov\</t>
  </si>
  <si>
    <t>Relatório de Movimentações do eTAF.xlsx</t>
  </si>
  <si>
    <t>217401 - PLANILHA TRANSACIONAL.xlsx</t>
  </si>
  <si>
    <t>https://caey.fa.us2.oraclecloud.com/crmui/faces/fusewelcome?_adf.ctrl-state=b7l1v4mpi_5</t>
  </si>
  <si>
    <t>C:\Users\miriantof\Desktop\Plano Tático_Gerência.pptx\</t>
  </si>
  <si>
    <t>containsunsubscribedchildren,copyable,dis,displayname,domain,emailaddress,explicitlytrashed,file(kind,fileid,filesize,hasthumbnail,hasvisitorpermissions,id,id),items(deleted,items(kind,ken,kind,lastmodifyi,lastmodifyinguser(kind,lastviewedbymedate,mimetype,modifiedbymedate,modifieddate,ontainsunsubscribedchildren,owners(kind,per,permissionid,picture,picture�,quot,quotabytesused,rpermissions,shareable,shared,sharedwithmedate,thumbnailversion,title,userpermission(role),workspaceids</t>
  </si>
  <si>
    <t>mail.google.com/_/upload?authuser=0&amp;dcp=asu-n&amp;upload_id=AEnB2Uq4SjTwNN1VOXNxFBokdyHqoekNyrkMjDPhf1E4kqJyC5-N2KVfBChAzNvqf14_Xc1HOF6EPTvs9DoZwGIGV02e8WiwHQ&amp;upload_protocol=resumable</t>
  </si>
  <si>
    <t>Financeiro Risco 2.xlsx</t>
  </si>
  <si>
    <t>https://portalth.algarnet.com.br/webpontodotnet/ferramentas/enviararquivohrssobreaviso.aspx</t>
  </si>
  <si>
    <t>fpw ponto web;</t>
  </si>
  <si>
    <t>\\Acsfs\dsti\GAT\CIT - Coordenacao Inteligencia de TI\RELATORIOS FPW\Controle\SOBREAVISO\</t>
  </si>
  <si>
    <t>Sobreaviso - AZUL - Dez -19_OFICIAL.xlsx</t>
  </si>
  <si>
    <t>https://fpw ponto web</t>
  </si>
  <si>
    <t>mail.google.com/_/upload?authuser=0&amp;dcp=asu-n&amp;upload_id=AEnB2Uq6AIrH4sVNp1lSywrGtOI3FWFHKICyzpj3fOqS_IduyrJdkshRte0T7oGDekUob3tpQ9ouIm8RFesNYrVo59fxIhJ7Og&amp;upload_protocol=resumable</t>
  </si>
  <si>
    <t>Resumo_Contabilizações_2019_TI.xlsx</t>
  </si>
  <si>
    <t>https://caey.fa.us2.oraclecloud.com/crmui/faces/fusewelcome?_adf.ctrl-state=ky7fnf9so_135</t>
  </si>
  <si>
    <t>BP 206431 - Goodyear v4.7.xlsb</t>
  </si>
  <si>
    <t>C:\Users\sherleyce\Downloads\BP 206431 - Goodyear v4.7.xlsb\</t>
  </si>
  <si>
    <t>Template Subir Sobreaviso_Modelo_ AZUL.xlsx</t>
  </si>
  <si>
    <t>mail.google.com/_/upload?authuser=0&amp;dcp=asu-n&amp;upload_id=AEnB2Up5mhSpNxVWkrEUharI1OEbMsbSEMM8Z-qdQMEs1jPD5mhEt_82iUG89CK2Ed_EXMQSr0P1VjZvn5Hwwp7_ChKVgPvF_g&amp;upload_protocol=resumable</t>
  </si>
  <si>
    <t>muriloega@algartech.com;patriciaars@algartech.com;renatofol@algartech.com;silvio@algartech.com;</t>
  </si>
  <si>
    <t>muriloega@algartech.com,patriciaars@algartech.com,renatofol@algartech.com,silvio@algartech.com</t>
  </si>
  <si>
    <t>10.211.2.112</t>
  </si>
  <si>
    <t>mail.google.com/_/upload?authuser=0&amp;dcp=asu-n&amp;upload_id=AEnB2UoJpPqnzPSzAOkKM0ZYV0DDJEQp4uO3khfLs81SNpuPE5GqRBhXtF27XOaBDtQRs699CC5lAraVTVRTaJb5Dt5EvyW_dRTl6Rs-LET-uIKoADAVLuI&amp;upload_protocol=resumable</t>
  </si>
  <si>
    <t>C:\Users\mariannacsm\Desktop\Propostas de Governança_v3.pptx\</t>
  </si>
  <si>
    <t>C:\Users\mariannacsm\OneDrive - Grupo Algar\0- PMO-POOL\COMPRAS\Estruturação Compras\Propostas de Governança_v3.pptx\</t>
  </si>
  <si>
    <t>C:\Users\mariannacsm\OneDrive - Grupo Algar\0- PMO-POOL\COMPRAS\Estruturação Compras\</t>
  </si>
  <si>
    <t>Contratos Infra.xlsx</t>
  </si>
  <si>
    <t>H:\Governança da Estratégia\Governança\Holding\2019\Conselho\Dezembro\Algar Tech - Conselho Dezembrov3.pptx\</t>
  </si>
  <si>
    <t>mail.google.com/_/upload?authuser=2&amp;dcp=asu-n&amp;upload_id=AEnB2UpXRfNS-GbagXz3yrMCAzVzm4gD42VNnHGjufJlAAX-IPOc2nUsMvIdkN-XDQY0a1GlnzT7VsAUm5figuYdBhQw5YaajDrST8b-XCUskblQvyiJBuM&amp;upload_protocol=resumable</t>
  </si>
  <si>
    <t>C:\Users\hugooc\Desktop\HUGO CAMARGO\DeskTop HP\GERENTE DE PCP\INTER\03 - ESTUDOS DIVERSOS\</t>
  </si>
  <si>
    <t>Departamental Novembro Bradesco (2) inter.xlsx</t>
  </si>
  <si>
    <t>ENC: Volume Gerenciadas Amex e Visa - 04/12</t>
  </si>
  <si>
    <t>ISD_XGBOOST_RESULTS_201912.xlsx</t>
  </si>
  <si>
    <t>fabianacscg@algartech.com;karinars@algartecnologia.com.br;</t>
  </si>
  <si>
    <t>Semana do Conhecimento Módulo II_03.12.xlsx</t>
  </si>
  <si>
    <t>fabianacscg@algartech.com,karinars@algartecnologia.com.br</t>
  </si>
  <si>
    <t>RES: Exclusão CRC VISA</t>
  </si>
  <si>
    <t>Contas gerenciadas e migradas.msg\s1\</t>
  </si>
  <si>
    <t>Template Subir Sobreaviso_Modelo_ ACACIO.xlsx</t>
  </si>
  <si>
    <t>mail.google.com/_/upload?authuser=0&amp;dcp=asu-n&amp;upload_id=AEnB2UpDHCdXHVtuWd7c3LtH1VwR3Us55hxjbp0rSY2Hp43-1xcQ9eZf3ZLDehhrZIXyHKg0979MMKAgTok_7TRH6FtYrplpwQ&amp;upload_protocol=resumable</t>
  </si>
  <si>
    <t>danilocadsn@algartech.com;guilhermeaso@algartech.com;</t>
  </si>
  <si>
    <t>C:\INFORMAÇÕES CLIENTES SOLLERO\00 FATURAMENTO\</t>
  </si>
  <si>
    <t>12.2019 SOLLERO v1.xlsx</t>
  </si>
  <si>
    <t>danilocadsn@algartech.com,guilhermeaso@algartech.com</t>
  </si>
  <si>
    <t>mail.google.com/_/upload?authuser=0&amp;dcp=asu-n&amp;upload_id=AEnB2Upy6UDpGG2Tj7RSMmwJs-RkI4rj0gCPCd6-anelpHwLrLIgkjun504qKimAWfaW0uh-AJ6vp2zvq1qjyewfcgJgbH11-g&amp;upload_protocol=resumable</t>
  </si>
  <si>
    <t>ricardodfm@algartech.com;senildapdo@algartech.com;viniciussg@algartech.com;</t>
  </si>
  <si>
    <t>TMT Egain.xlsx</t>
  </si>
  <si>
    <t>ricardodfm@algartech.com,senildapdo@algartech.com,viniciussg@algartech.com</t>
  </si>
  <si>
    <t>mail.google.com/_/upload?authuser=0&amp;dcp=asu-n&amp;upload_id=AEnB2Up3k_kaz73tWqo9PlaCoLQrx2aBPxoX8SppOesdktGx_tc1jK1o2fpKMezbU5pueScbqoSWPlhJJteyOm0GWvaiU8IG9NjJNHULvx2dXqIi_BNldhI&amp;upload_protocol=resumable</t>
  </si>
  <si>
    <t>robertaib@algartech.com;</t>
  </si>
  <si>
    <t>\\acsfs\deptos\Operacao\Unica\2. Ilhas\2.2 Credenciadora\2.2.18 Pagamento Devolvido\Dezembro\</t>
  </si>
  <si>
    <t>Controle de pagamentos Rejeitados 0212 - Algar.xlsx</t>
  </si>
  <si>
    <t>robertaib@algartech.com</t>
  </si>
  <si>
    <t>mail.google.com/_/upload?authuser=2&amp;dcp=asu-n&amp;upload_id=AEnB2UrH3ynNywJ7CtLCkXQpZt9WyJbhmCpQjmDPxTL1g5_DddZXitI-fHUmHCoSByqAfp-tUBjZ9mm4f8DUkUssjvV8h-jy6Q&amp;upload_protocol=resumable</t>
  </si>
  <si>
    <t>C:\Users\alinerg\Documents\Projetos\Algar Telecom\</t>
  </si>
  <si>
    <t>/o=exchangelabs/ou=exchange administrative group (fydibohf23spdlt)/cn=recipients/cn=16a29ec14a2c4cceae5d6ba9fc205b24-jaqueline a;/o=exchangelabs/ou=exchange administrative group (fydibohf23spdlt)/cn=recipients/cn=2b5d6902d80849afa592112a2f5405c2-ivanete nun;/o=exchangelabs/ou=exchange administrative group (fydibohf23spdlt)/cn=recipients/cn=5f7a59b383d64eb1ac2d65fe26f8c02b-alessandrac;/o=exchangelabs/ou=exchange administrative group (fydibohf23spdlt)/cn=recipients/cn=8e974a0c2c3f4521ad84c5b1aa62616e-caroline fe;/o=exchangelabs/ou=exchange administrative group (fydibohf23spdlt)/cn=recipients/cn=9b3c029cc2ba4212bb4247e9ef6df7f1-andressa cr;/o=exchangelabs/ou=exchange administrative group (fydibohf23spdlt)/cn=recipients/cn=daea76c116d14ba69bf57b6e77a4327e-luana almei;/o=exchangelabs/ou=exchange administrative group (fydibohf23spdlt)/cn=recipients/cn=f8c35298ef0b48aa998ff938051b62c8-ana carolin;/o=exchangelabs/ou=exchange administrative group (fydibohf23spdlt)/cn=recipients/cn=f9e751102def46a896bc3ec6e90e1aed-kati</t>
  </si>
  <si>
    <t>Férias - NOVO FLUXO</t>
  </si>
  <si>
    <t>/o=exchangelabs/ou=exchange administrative group (fydibohf23spdlt)/cn=recipients/cn=16a29ec14a2c4cceae5d6ba9fc205b24-jaqueline a,/o=exchangelabs/ou=exchange administrative group (fydibohf23spdlt)/cn=recipients/cn=2b5d6902d80849afa592112a2f5405c2-ivanete nun,/o=exchangelabs/ou=exchange administrative group (fydibohf23spdlt)/cn=recipients/cn=5f7a59b383d64eb1ac2d65fe26f8c02b-alessandrac,/o=exchangelabs/ou=exchange administrative group (fydibohf23spdlt)/cn=recipients/cn=8e974a0c2c3f4521ad84c5b1aa62616e-caroline fe,/o=exchangelabs/ou=exchange administrative group (fydibohf23spdlt)/cn=recipients/cn=9b3c029cc2ba4212bb4247e9ef6df7f1-andressa cr,/o=exchangelabs/ou=exchange administrative group (fydibohf23spdlt)/cn=recipients/cn=daea76c116d14ba69bf57b6e77a4327e-luana almei,/o=exchangelabs/ou=exchange administrative group (fydibohf23spdlt)/cn=recipients/cn=f8c35298ef0b48aa998ff938051b62c8-ana carolin,/o=exchangelabs/ou=exchange administrative group (fydibohf23spdlt)/cn=recipients/cn=f9e751102def46a896bc3ec6e90e1aed-kati</t>
  </si>
  <si>
    <t>\\acsfs\deptos\Regionais\SPO\TALENTOS_HUMANOS_SPO\SESMT_SPO\2015_ORGANIZAÇÃO DOS DIRETÓRIOS\Treinamentos\CONTROLE DE TREINAMENTOS\NR 35\Novembro 2019\</t>
  </si>
  <si>
    <t>LISTA PRESENÇA SSMA - NR 35.xls</t>
  </si>
  <si>
    <t>E:\EDSON\Qualidade Sistema Produtivo - PCP Edson\Novembro 2019\LISTA PRESENÇA SSMA - NR 35.xls</t>
  </si>
  <si>
    <t>sobreavisoDezembro.CSV</t>
  </si>
  <si>
    <t>D:\OneDrive\Pessoal\Investimentos\XPi\</t>
  </si>
  <si>
    <t>EstudoMelhoresInvestimentos - Copia.xlsx</t>
  </si>
  <si>
    <t>andre.rocha@cmpcrs.com.br;</t>
  </si>
  <si>
    <t>ENC: RES: RES: Alinhamento Implementação CMPC CRM:000410003471</t>
  </si>
  <si>
    <t>andre.rocha@cmpcrs.com.br</t>
  </si>
  <si>
    <t>RES: RES: Emissão _btb_empresa_CMPC CELULOSE RIOGRANDENSE LTDA // CNPJ 1123495400018 CRM:004060000358</t>
  </si>
  <si>
    <t>RES RES RES RES CRCE ENC Cartões CMPC CRM006060002195.msg\s1\</t>
  </si>
  <si>
    <t>mail.google.com/_/upload?authuser=0&amp;dcp=asu-n&amp;upload_id=AEnB2UpQl8u06SbrMyMY1QGD8mYrTTNPEmM9MMpaVnMOYic6feRrloJURvLtTz1nihJ1JdmmGoQ_lsIM1ghq7JFAmJW5poUdkw&amp;upload_protocol=resumable</t>
  </si>
  <si>
    <t>priscila.pedreira@avon.com;rosana.scalabrin@avon.com;samanta.buaes@avon.com;senildapdo@algartech.com;suporteadministrativo@avon.com;vivian.furtuoso@avon.com;</t>
  </si>
  <si>
    <t>\\acsfs\deptos\Operacao\PCP\5 - Comum\ACOMPANHAMENTO AVON\15. RELATORIO MENSAL\2019\</t>
  </si>
  <si>
    <t>11.Relatório Mensal Novembro19.xlsx</t>
  </si>
  <si>
    <t>priscila.pedreira@avon.com,rosana.scalabrin@avon.com,samanta.buaes@avon.com,senildapdo@algartech.com,suporteadministrativo@avon.com,vivian.furtuoso@avon.com</t>
  </si>
  <si>
    <t>khadja.sousa@bradesco.com.br;</t>
  </si>
  <si>
    <t>Quebra diária - Debit Balance</t>
  </si>
  <si>
    <t>Debit Balance - IN.xlsx</t>
  </si>
  <si>
    <t>khadja.sousa@bradesco.com.br</t>
  </si>
  <si>
    <t>mail.google.com/_/upload?authuser=2&amp;dcp=asu-n&amp;upload_id=AEnB2UpZuDi5UscR09Y-gTR_1FDwfJRLNTNfo_wfEeK0D_rm-x4T4d5EZ8oKOREoqhvXtSincAcIc56AUdN_5YEnI7vpzIPVHmdeyr5NgEk8C4fK_m8RKzQ&amp;upload_protocol=resumable</t>
  </si>
  <si>
    <t>C:\Users\rodrigombu\OneDrive - Grupo Algar\Whirlpool\2019\11 - Novembro\Arquivo\N3\</t>
  </si>
  <si>
    <t>Acompanhamento - Segurança do Produto - 201911 - Fechamento.xlsx</t>
  </si>
  <si>
    <t>C:\Users\elainemdlp\OD\Pessoal\Natura\</t>
  </si>
  <si>
    <t>Controle de Pedidos.xlsx</t>
  </si>
  <si>
    <t>adrianoms@algartech.com;anapscl@algartech.com;andressacpd@algartech.com;elton.costa@quilleconsultoria.com.br;fabio.ribeiro@algarnet.onmicrosoft.com;fabiolacc@algartecnologia.com.br;fredericobs@algartecnologia.com.br;julianatem@algartech.com;juliogp@algartech.com.br;katiargf@algartech.com;luanaaoli@algartech.com;marcela.cunha@temposervicos.com.br;micheless@algartech.com;polati@algartech.com;rafaelaas@algartech.com;</t>
  </si>
  <si>
    <t>Painel Bacen Procedente</t>
  </si>
  <si>
    <t>Painel Bacen Procedente 20191203.xlsx</t>
  </si>
  <si>
    <t>adrianoms@algartech.com,anapscl@algartech.com,andressacpd@algartech.com,elton.costa@quilleconsultoria.com.br,fabio.ribeiro@algarnet.onmicrosoft.com,fabiolacc@algartecnologia.com.br,fredericobs@algartecnologia.com.br,julianatem@algartech.com,juliogp@algartech.com.br,katiargf@algartech.com,luanaaoli@algartech.com,marcela.cunha@temposervicos.com.br,micheless@algartech.com,polati@algartech.com,rafaelaas@algartech.com</t>
  </si>
  <si>
    <t>ana.palazzo@bradesco.com.br;anapscl@algartech.com;andressacpd@algartech.com;ariana.ribeiro@bradesco.com.br;filipe.s.carvalho@bradesco.com.br;helen.alves@bradesco.com.br;juliana.rocha@temposervicos.com.br;kenia.oliveira@bradesco.com.br;patriciabezerra.silva@bradesco.com.br;rafael.a.silva@bradesco.com.br;reginaldo.cardozo@bradesco.com.br;renata.gouveia@temposervicos.com.br;rodrigo.cunha@temposervicos.com.br;solange.contriciani@bradesco.com.br;thais.nunes@temposervicos.com.br;</t>
  </si>
  <si>
    <t>Bacen Procedente - Governança</t>
  </si>
  <si>
    <t>Painel Bacen Procedente GOV 20191203.xlsx</t>
  </si>
  <si>
    <t>ana.palazzo@bradesco.com.br,anapscl@algartech.com,andressacpd@algartech.com,ariana.ribeiro@bradesco.com.br,filipe.s.carvalho@bradesco.com.br,helen.alves@bradesco.com.br,juliana.rocha@temposervicos.com.br,kenia.oliveira@bradesco.com.br,patriciabezerra.silva@bradesco.com.br,rafael.a.silva@bradesco.com.br,reginaldo.cardozo@bradesco.com.br,renata.gouveia@temposervicos.com.br,rodrigo.cunha@temposervicos.com.br,solange.contriciani@bradesco.com.br,thais.nunes@temposervicos.com.br</t>
  </si>
  <si>
    <t>mail.google.com/_/upload?authuser=0&amp;dcp=asu-n&amp;upload_id=AEnB2Up8IzzKQ6j5w_FCe0_G1T4vRozqGiAzZH8Njd_I1_e2a2Rcu9cC2suVxJvOXS--GvDGx6y3ZmAWWO6KupYuDZiKtY3zmg&amp;upload_protocol=resumable</t>
  </si>
  <si>
    <t>\\acsfs\engeset\FINANCEIRO_ULA\CONTROLA\Orc 2020\Templates\Relatórios\</t>
  </si>
  <si>
    <t>TB_TI_0412.xlsx</t>
  </si>
  <si>
    <t>TB_TI_0412_Celso.xlsx</t>
  </si>
  <si>
    <t>mail.google.com/_/upload?authuser=0&amp;dcp=asu-n&amp;upload_id=AEnB2Upu71DNcBP4rC1YZ79Tc9Q79O33pJTMtSS2S6kkJkGBcxPceX_rrHbM-yJ1_XMxnTwaMQvebAVhveNQMdVgXA-ji3n5rw&amp;upload_protocol=resumable</t>
  </si>
  <si>
    <t>112019_Macro Justificativas Roberta.xlsx</t>
  </si>
  <si>
    <t>ISD_XGBOOST_RESULTS_2019-10-11-12.xlsx</t>
  </si>
  <si>
    <t>adrianoms@algartech.com;anapscl@algartech.com;andressacpd@algartech.com;elton.costa@quilleconsultoria.com.br;fabio.ribeiro@algarnet.onmicrosoft.com;fabiolacc@algartecnologia.com.br;fredericobs@algartecnologia.com.br;julianatem@algartech.com;katiargf@algartech.com;luanaaoli@algartech.com;lucieneili@algartech.com;micheless@algartech.com;polati@algartech.com;rafaelaas@algartech.com;</t>
  </si>
  <si>
    <t>Resumo Gerencial Bacen Procedente Amex até 03/12</t>
  </si>
  <si>
    <t>adrianoms@algartech.com,anapscl@algartech.com,andressacpd@algartech.com,elton.costa@quilleconsultoria.com.br,fabio.ribeiro@algarnet.onmicrosoft.com,fabiolacc@algartecnologia.com.br,fredericobs@algartecnologia.com.br,julianatem@algartech.com,katiargf@algartech.com,luanaaoli@algartech.com,lucieneili@algartech.com,micheless@algartech.com,polati@algartech.com,rafaelaas@algartech.com</t>
  </si>
  <si>
    <t>mail.google.com/_/upload?authuser=0&amp;dcp=asu-n&amp;upload_id=AEnB2Ur0a0eXQQ0Hf4wNF0RHrTzjr5NHn5evMgKTw80XyvDRWqf68eqFspUhpFu9nDxLxUavyBmsn8o60Rob9q80pLmeJmrveg&amp;upload_protocol=resumable</t>
  </si>
  <si>
    <t>EstudoMelhoresInvestimentos_V2.xlsx</t>
  </si>
  <si>
    <t>Template_-_Gestao_de_Titulos Caixa.xlsx</t>
  </si>
  <si>
    <t>\\acsfs.acs.com.br\deptos\CAS - Coordenação de Arquitetura de Soluções\Projetos\2018\TIM\158144 - Revisão Preventiva contrato atual FMM e FMT\Envio\Revisão 6 - TNE TLE TCO\</t>
  </si>
  <si>
    <t>answerTo_A4216_RFQ_59766 rev6.xlsx</t>
  </si>
  <si>
    <t>217473_Preco_rev01 - Copia.xlsb</t>
  </si>
  <si>
    <t>claudiofm@algartech.com.br;</t>
  </si>
  <si>
    <t>Mascara Painel Dezembro</t>
  </si>
  <si>
    <t>Dezembro _ UNE.xlsm</t>
  </si>
  <si>
    <t>claudiofm@algartech.com.br</t>
  </si>
  <si>
    <t>mail.google.com/_/upload?authuser=0&amp;dcp=asu-n&amp;upload_id=AEnB2UrhG3WlSVlC3rgEFg-BMExkx0o5SZrOGugyyjZe9fkY8VK3x21i3kkBDZI8b-j0O2b2GJaTbjHMksDvu21KKhRq7x87zBjMKqpIX2kofaleqEIG0DU&amp;upload_protocol=resumable</t>
  </si>
  <si>
    <t>fabriciovs@algartech.com;henriqueac@algartech.com;</t>
  </si>
  <si>
    <t>\\acsfs\dsti\CIT-CO~1\06-GER~1\29035~1.FOR\31F64A~1.CON\CHGMER~1.A-L\CHGMER~1.ZIP\</t>
  </si>
  <si>
    <t>FORMULARIO DE CADASTRO DE FORNECEDOR - R12 e SOMAR - Socios.xls</t>
  </si>
  <si>
    <t>fabriciovs@algartech.com,henriqueac@algartech.com</t>
  </si>
  <si>
    <t>\\acsfs\dsti\CIT-CO~1\06-GER~1\29035~1.FOR\31F64A~1.CON\CHGMER~1.A-L\CHGMER~1.ZIP\Deutsche Bank S.A - Leasing OC 34932.rar\</t>
  </si>
  <si>
    <t>mail.google.com/_/upload?authuser=0&amp;dcp=asu-n&amp;upload_id=AEnB2UqiaoLCWI7cj1PX6Yh2bjpIzO0kbKP6UkQue0njqTM9y-nLbqZkbSdDFDIUsSVXKde8hsV2m9R2ayfk7XxfQDtv_8b60A&amp;upload_protocol=resumable</t>
  </si>
  <si>
    <t>mail.google.com/_/upload?authuser=1&amp;dcp=asu-n&amp;upload_id=AEnB2UqM6a1lMs4kwTSqQHyL4nylXBdM6CI7N4Ipj-S0vAWSgPrrLJ632lJhP_1umVc7aw-KxYn8FvmWFwa_rbzt_NETCO2iZg&amp;upload_protocol=resumable</t>
  </si>
  <si>
    <t>SKILLS WHIRLPOOL.csv</t>
  </si>
  <si>
    <t>/o=exchangelabs/ou=exchange administrative group (fydibohf23spdlt)/cn=recipients/cn=125eb050f651421697847fe7820d2cfa-natanaellc_;/o=exchangelabs/ou=exchange administrative group (fydibohf23spdlt)/cn=recipients/cn=2b68c5c9701540eb8fd871ac41d57b98-michael vic;/o=exchangelabs/ou=exchange administrative group (fydibohf23spdlt)/cn=recipients/cn=3d770889514e404e899b5758ad94a2b5-marianamaq_;/o=exchangelabs/ou=exchange administrative group (fydibohf23spdlt)/cn=recipients/cn=453b61456320491dad510b65b310018f-kelen crist;/o=exchangelabs/ou=exchange administrative group (fydibohf23spdlt)/cn=recipients/cn=68e6aa2e3fef4ccaba997d98294c9ed5-cristina he;/o=exchangelabs/ou=exchange administrative group (fydibohf23spdlt)/cn=recipients/cn=884456cac2d4447a84a34c3949c19653-rayanneba_a;/o=exchangelabs/ou=exchange administrative group (fydibohf23spdlt)/cn=recipients/cn=a0888121d76f4a3b92a507e6ed1647b1-jessicalglo;/o=exchangelabs/ou=exchange administrative group (fydibohf23spdlt)/cn=recipients/cn=adf42ba9e8dc4ab9b40a818a0be4bdba-laur</t>
  </si>
  <si>
    <t>RES: Planejamento Férias - Operações next</t>
  </si>
  <si>
    <t>Controle de Férias Final - UDI - NEXT ATIV2.xls</t>
  </si>
  <si>
    <t>/o=exchangelabs/ou=exchange administrative group (fydibohf23spdlt)/cn=recipients/cn=125eb050f651421697847fe7820d2cfa-natanaellc_,/o=exchangelabs/ou=exchange administrative group (fydibohf23spdlt)/cn=recipients/cn=2b68c5c9701540eb8fd871ac41d57b98-michael vic,/o=exchangelabs/ou=exchange administrative group (fydibohf23spdlt)/cn=recipients/cn=3d770889514e404e899b5758ad94a2b5-marianamaq_,/o=exchangelabs/ou=exchange administrative group (fydibohf23spdlt)/cn=recipients/cn=453b61456320491dad510b65b310018f-kelen crist,/o=exchangelabs/ou=exchange administrative group (fydibohf23spdlt)/cn=recipients/cn=68e6aa2e3fef4ccaba997d98294c9ed5-cristina he,/o=exchangelabs/ou=exchange administrative group (fydibohf23spdlt)/cn=recipients/cn=884456cac2d4447a84a34c3949c19653-rayanneba_a,/o=exchangelabs/ou=exchange administrative group (fydibohf23spdlt)/cn=recipients/cn=a0888121d76f4a3b92a507e6ed1647b1-jessicalglo,/o=exchangelabs/ou=exchange administrative group (fydibohf23spdlt)/cn=recipients/cn=adf42ba9e8dc4ab9b40a818a0be4bdba-laur</t>
  </si>
  <si>
    <t>07038995-843d-4bde-aa63-01c528fea9cb;</t>
  </si>
  <si>
    <t>mail.google.com/_/upload?authuser=2&amp;dcp=asu-n&amp;upload_id=AEnB2UoZK4EZVlFjRkAqzqptXYZI0nTWpV15LdnK7oMeBte60o7NFBkrJqNHwKJoAFoZErdgnzbFCDavo64sFtVrFVY4I_SZcQklFqDBtgxXpcRmrdaYnOo&amp;upload_protocol=resumable</t>
  </si>
  <si>
    <t>mail.google.com/_/upload?authuser=1&amp;dcp=asu-n&amp;upload_id=AEnB2UrIdViEBIhYbkas1uB2ok_Iw6zKCbZB6ggwWfEtz0lBMKcS56U7bDscmg6JmXFZyS-KTd_fDIO424SWQ3UaR-PfFgSEzQ&amp;upload_protocol=resumable</t>
  </si>
  <si>
    <t>micheless@algartech.com.br;</t>
  </si>
  <si>
    <t>RES: Gráfico</t>
  </si>
  <si>
    <t>Financeiro Risco 2 (2).xlsx</t>
  </si>
  <si>
    <t>micheless@algartech.com.br</t>
  </si>
  <si>
    <t>10.200.58.185</t>
  </si>
  <si>
    <t>FC-01-7C-B3-57-EB</t>
  </si>
  <si>
    <t>C:\Users\brenocfm\OneDrive\</t>
  </si>
  <si>
    <t>DNs - DNs.csv</t>
  </si>
  <si>
    <t>Melhorias BOT.xlsx</t>
  </si>
  <si>
    <t>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b712c36eebee42428d3790abe2696417-romario gom;/o=exchangelabs/ou=exchange administrative group (fydibohf23spdlt)/cn=recipients/cn=e4dbda4121b54299b4a719c6aa694894-algar tech;/o=exchangelabs/ou=exchange administrative group (fydibohf23spdlt)/cn=recipients/cn=groupf56ef55a;dayanegm@algartech.com.br;pedrohms@algartech.com.br;sabrinagc@algartech.com;samanthadmr@algartech.com.br;</t>
  </si>
  <si>
    <t>RES: Planilha TTV - Next</t>
  </si>
  <si>
    <t>Formulário TTV - Criação de Agente - Novatos 28.11.xlsx</t>
  </si>
  <si>
    <t>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b712c36eebee42428d3790abe2696417-romario gom,/o=exchangelabs/ou=exchange administrative group (fydibohf23spdlt)/cn=recipients/cn=e4dbda4121b54299b4a719c6aa694894-algar tech,/o=exchangelabs/ou=exchange administrative group (fydibohf23spdlt)/cn=recipients/cn=groupf56ef55a,dayanegm@algartech.com.br,pedrohms@algartech.com.br,sabrinagc@algartech.com,samanthadmr@algartech.com.br</t>
  </si>
  <si>
    <t>Fechamento Novembro TBS.xlsx</t>
  </si>
  <si>
    <t>10.200.251.48</t>
  </si>
  <si>
    <t>Formulário de Liberação de Ativos CLU .xlsx</t>
  </si>
  <si>
    <t>C:\Users\mariannacsm\OneDrive - Grupo Algar\0- PMO-POOL\COMPRAS\01 - Análises CCC\Base 2018\</t>
  </si>
  <si>
    <t>Base Distribuição 2018 - Algar Tech_total0205.xlsx</t>
  </si>
  <si>
    <t>Lista de presença 20.11.xlsb</t>
  </si>
  <si>
    <t>C:\Users\marcelodsd\Documents\OneDrive - Grupo Algar\Projetos\ISD\Base\SerieTemporal\</t>
  </si>
  <si>
    <t>ISD - Series temporais.xlsx</t>
  </si>
  <si>
    <t>BD - Seguradoras Novatos Matheus.xlsx</t>
  </si>
  <si>
    <t>INTRA - DEZEMBRO</t>
  </si>
  <si>
    <t>Intradiário-SAC - V2 - 04-de-Dez.xlsm</t>
  </si>
  <si>
    <t>mail.google.com/_/upload?authuser=1&amp;dcp=asu-n&amp;upload_id=AEnB2Up5niN7Whv_vp71ka4GIIW3F6UdJVf-mwUaqvKcVfAKIUS9StOeyTlpft5-ttagjs3SWA0N5gU3ESRv7obX4DrARKtF6w&amp;upload_protocol=resumable</t>
  </si>
  <si>
    <t>\\acsfs\DEPTOS\DME\CME - Coordenacao de Marketing e Estrategia\Assessoria de Comunicação\3. Institucional\Imprensa\2019\</t>
  </si>
  <si>
    <t>Porta-vozes Algar Tech 2019.xls</t>
  </si>
  <si>
    <t>mail.google.com/_/upload?authuser=0&amp;dcp=asu-n&amp;upload_id=AEnB2UoJuUUDwHVBON1wU4mLcuYUJhPez6dnFgsdyMzrPy6V2sumQPCQiDPZc2FqK3t91u6WlgL3nJKQzRM3Nf0jl3-aXuKfZg&amp;upload_protocol=resumable</t>
  </si>
  <si>
    <t>mail.google.com/_/upload?authuser=1&amp;dcp=asu-n&amp;upload_id=AEnB2UrumP6Pt6kFdEDubanDLFDKN_MI5wdol5Gav8MOklpb8GAkWnqgXi7Lp4TmthFfrHkyUW-9HJZiPWQqYAoo7hdBk4P_18xX8luEu9VFjucWuP4L9Xs&amp;upload_protocol=resumable</t>
  </si>
  <si>
    <t>C:\Users\douglassp\OneDrive - Grupo Algar\S&amp;OP\2019\12 - Dezembro\</t>
  </si>
  <si>
    <t>SOPRL-19_v20191204.xlsb</t>
  </si>
  <si>
    <t>C:\Users\marcelodsd\Google Drive\</t>
  </si>
  <si>
    <t>Lista de Google Guides.xlsx</t>
  </si>
  <si>
    <t>mail.google.com/_/upload?authuser=0&amp;dcp=asu-n&amp;upload_id=AEnB2UqlO_w6UA6AEaIAdbkHfo283ko4IM_0srVYPlAal_7qrqE2VxdriADRGc7c1FN1BbDaN-6MvBhhDZJyrf7TGBNMj0UAaLKwRWcAPNxkLR634sRj0A4&amp;upload_protocol=resumable</t>
  </si>
  <si>
    <t>C:\Users\lucianabo\Desktop\2019\11 - Novembro\FECHAMENTO CONTÁBIL\JUSTIFICATIVAS DAF &amp; OUTRAS\</t>
  </si>
  <si>
    <t>112019_Macro Justificativas.xlsx</t>
  </si>
  <si>
    <t>adriane.santiago@algartech.com;</t>
  </si>
  <si>
    <t>C:\Users\Flavia\Documents\1608\Solicitação férias irregulares\</t>
  </si>
  <si>
    <t>Formulario_Ferias_Irregulares_-_Algar_Tech_MODELO.xlsm</t>
  </si>
  <si>
    <t>adriane.santiago@algartech.com</t>
  </si>
  <si>
    <t>10.200.32.95</t>
  </si>
  <si>
    <t>C:\Users\marcospr\Desktop\</t>
  </si>
  <si>
    <t>carolinefaza@algartech.com;</t>
  </si>
  <si>
    <t>RES: Férias - Procon Fone</t>
  </si>
  <si>
    <t>carolinefaza@algartech.com</t>
  </si>
  <si>
    <t>\\acsfs\Deptos\Asyst\COMERCIAL\02 - FATURAMENTO\Base GAT\GAT - Planejamento e Gestao\Relatorio de Faturamento NF - AR\AR - Algar\2019\</t>
  </si>
  <si>
    <t>Controle Diario_Janeiro a Novembro_2019.xls</t>
  </si>
  <si>
    <t>10.200.61.37</t>
  </si>
  <si>
    <t>C:\Users\brunocs\Downloads\</t>
  </si>
  <si>
    <t>Plano de Formação Caixa - Super e Staff (2).xlsx</t>
  </si>
  <si>
    <t>mail.google.com/_/upload?authuser=2&amp;dcp=asu-n&amp;upload_id=AEnB2UqVJgDqA8_ln-PVlad1FwLIJeMyPYa2GzGl_YUIBcqk5T12bdpzCvyJA-cUFYXNsW97yXQK_B3JLdnbaC8jQ-x5hB4epQ&amp;upload_protocol=resumable</t>
  </si>
  <si>
    <t>C:\Users\brunocs\Desktop\Caixa\</t>
  </si>
  <si>
    <t>mail.google.com/_/upload?authuser=0&amp;dcp=asu-n&amp;upload_id=AEnB2UqKkbMG08U4X3KjqppL3fkD0kIm7edWQB3YcMzKvIM6Qukcx813B6GUbmzu59nsq4gjLWqzIj8r4XK5wRCFXL7wGcyXuw&amp;upload_protocol=resumable</t>
  </si>
  <si>
    <t>lucianarba@algartech.com;paulohdoc@algartech.com;robertaib@algartech.com;</t>
  </si>
  <si>
    <t>\\acsfs\deptos\Operacao\Unica\1. Gestão da Área\1.2 Controles\</t>
  </si>
  <si>
    <t>lucianarba@algartech.com,paulohdoc@algartech.com,robertaib@algartech.com</t>
  </si>
  <si>
    <t>TRIBO BKO - Iniciativas (1).xlsx</t>
  </si>
  <si>
    <t>ACOMPANHAMENTO_4ª ONDA_consolidado.xlsx</t>
  </si>
  <si>
    <t>Não confirmado 409764.crdownload</t>
  </si>
  <si>
    <t>112019_Relatorio_Despesa_V3.xlsb</t>
  </si>
  <si>
    <t>mail.google.com/_/upload?authuser=0&amp;dcp=asu-n&amp;upload_id=AEnB2Ur9WWctIdmoBNBk-osa02Ry9wRhsYASJ_a16tCnSiw5V0fxsp7eBhYbKn0f2Xw--JtkO2ejQ2rsWxYC6BVy5w8D8u16xGjIuDhmTjM34QKGcm9ofjI&amp;upload_protocol=resumable</t>
  </si>
  <si>
    <t>112019_Relatorio_Indiretos_V3.xlsb</t>
  </si>
  <si>
    <t>mail.google.com/_/upload?authuser=0&amp;dcp=asu-n&amp;upload_id=AEnB2UqnJHXwvrcnzMdxGTbym6k12gRTFFMkIQgflhN3Kb1Kjpv9lpkznEmCI9gMoc61OqNOHQqmejRxl02KIpf2r36Lz1jDOg&amp;upload_protocol=resumable</t>
  </si>
  <si>
    <t>gildaepma@algartech.com;henriqueac@algartech.com;</t>
  </si>
  <si>
    <t>Contas de E-mail_Office 365_Nov-2019.xlsx</t>
  </si>
  <si>
    <t>gildaepma@algartech.com,henriqueac@algartech.com</t>
  </si>
  <si>
    <t>camiladps@algartech.com.br;</t>
  </si>
  <si>
    <t>estrutura</t>
  </si>
  <si>
    <t>camiladps@algartech.com.br</t>
  </si>
  <si>
    <t>Hora a Hora - Black Friday TLV.xlsx</t>
  </si>
  <si>
    <t>formulario_ferias_irregulares_-_algar_tech_savedra.xlsm</t>
  </si>
  <si>
    <t>mail.google.com/_/upload?authuser=0&amp;dcp=asu-n&amp;upload_id=AEnB2UoMbhWGi7I5sE_u-VUlUaKqfsqO7cvuwNzGd-eIDgZX0TuYf1iUdkJ9lL3Qlc_rOf8cINkmbIkz0ASzJrDEPE24hEwliQ&amp;upload_protocol=resumable</t>
  </si>
  <si>
    <t>C:\Users\vilarinho\OneDrive - Grupo Algar\Algar Tech\Controladoria\Comite de Auditoria\Comite Auditoria 2019\4ComiteOUT_04.12.19\Final Enviada\CAGR Algar - 04Dez2019 - TECH Vilarinho - V. FINAL Reunião (1).pptx\</t>
  </si>
  <si>
    <t>mail.google.com/_/upload?authuser=0&amp;dcp=asu-n&amp;upload_id=AEnB2Uq2kOynRf80D-cmFsEAFyPDjINRI8qgX81l7BWNyiXgLu4Z3lgx1gspgMfSBJZgVqT5F3u_-EJriLvSwW2sLEeL_4ITDQ&amp;upload_protocol=resumable</t>
  </si>
  <si>
    <t>C:\Users\lucianabo\Desktop\2019\12 - Dezembro\</t>
  </si>
  <si>
    <t>FATURAMENTO AVON 2016 E 2017.xls</t>
  </si>
  <si>
    <t>contato@panificadoraoliveira.com.br;ericsonns@algartech.com;</t>
  </si>
  <si>
    <t>RES: RES: Ajuste quantidade de pães Algar Tech</t>
  </si>
  <si>
    <t>contato@panificadoraoliveira.com.br,ericsonns@algartech.com</t>
  </si>
  <si>
    <t>rudneylc@algartech.com</t>
  </si>
  <si>
    <t>pessoas udi.xls</t>
  </si>
  <si>
    <t>Coaching Bruna</t>
  </si>
  <si>
    <t>DIA 30 FECHAMENTO E DESVIO.xls</t>
  </si>
  <si>
    <t>mail.google.com/_/upload?authuser=0&amp;dcp=asu-n&amp;upload_id=AEnB2UqTOE6X4aEfEOZDBsXJzVV8IeDqgHLWNk1IY703vTuIqBnIKfdl2O0cFHHC-0rQEs5Z3K9HltcgpSUGRvl_n5494uxQ2w&amp;upload_protocol=resumable</t>
  </si>
  <si>
    <t>\\ACSFS\Deptos\CPC\4 - MIS\2 - Cliente\7 - IBI\1 - Cobrança\DailyAtivo\3 - Entrega\</t>
  </si>
  <si>
    <t>A-2019-12 Daily_Total Risk-AlgarTech_Deep.xlsx</t>
  </si>
  <si>
    <t>C:\Users\alefl\OneDrive - Grupo Algar\Bra\aNTIVIR\</t>
  </si>
  <si>
    <t>OfficeScan agent listing (1).csv</t>
  </si>
  <si>
    <t>mail.google.com/_/upload?authuser=0&amp;dcp=asu-n&amp;upload_id=AEnB2Uo8H-IBWakxG4AjV0TzV7Re2k1_4ZK_MQkKWhO5kxDpqBMzy-wacX_Y-S7pUOcu464QxXBY2D0ZyziF4Bks2cCFWsFLlQ&amp;upload_protocol=resumable</t>
  </si>
  <si>
    <t>bradescoespecialistas@algartech.com;si@algartech.com;</t>
  </si>
  <si>
    <t>OfficeScan agent listing.csv</t>
  </si>
  <si>
    <t>bradescoespecialistas@algartech.com,si@algartech.com</t>
  </si>
  <si>
    <t>Sobreaviso Novembro.xlsm</t>
  </si>
  <si>
    <t>20191126 PESQUISA SATISFAÇÃO GERAL C18 ENV PEDIDOS.xls</t>
  </si>
  <si>
    <t>Produtividade RAF - NOV-2019 - Parcial - 21-11-19 - Versão sem atualizar Importação RAF.xlsm</t>
  </si>
  <si>
    <t>Corp Indiretos - Higor.xls</t>
  </si>
  <si>
    <t>H:\Operacao\PCP\3 - Corporativo\MIS\GERADOR DE BIO\CLIENTES\CORPORATIVO\ACP_RECEPTIVO\PLANEJAMENTO_PCP_POWER BI\Planejamento DW\Modelo\</t>
  </si>
  <si>
    <t>mail.google.com/_/upload?authuser=2&amp;dcp=asu-n&amp;upload_id=AEnB2UqJeBuMy7Ds3RG1UMwI_z4swDjlmPE7Is9SuiRte76E9-DDXBN_5pCzeg2oXxTemIYrLUHpgd4sru76A6inLtDhWpRdJw&amp;upload_protocol=resumable</t>
  </si>
  <si>
    <t>0]0];0]em32\dgagent\upgradecleaner.exe;0]l;1575534458186;1575535060267;1984076617;478;480;[];[]]];false;false]";fg9_ccbt2havcthdctz4lg-kxqwcqwdahlrytzz-y7exnkiclmsm_81xrqkmkssh_sfl4wmurovy\";fg9_ccbt2havcthdctz4lg-kxqwcqwdahlxytzz_uvnondmudzl5mrpespqhg2jpf_rnsz2ky_r0\";null;</t>
  </si>
  <si>
    <t>0]0],0]em32\dgagent\upgradecleaner.exe,0]l,1575534458186,1575535060267,1984076617,478,480,[],[]]],false,false]",fg9_ccbt2havcthdctz4lg-kxqwcqwdahlrytzz-y7exnkiclmsm_81xrqkmkssh_sfl4wmurovy\",fg9_ccbt2havcthdctz4lg-kxqwcqwdahlxytzz_uvnondmudzl5mrpespqhg2jpf_rnsz2ky_r0\",null</t>
  </si>
  <si>
    <t>mail.google.com/_/upload?authuser=0&amp;dcp=asu-n&amp;upload_id=AEnB2Uo5pEzrvYm8GRLz3ZncYHTe0nJCfhBZMGP6MYEzUQLZyS4uVSg0c0_NxkDQJAZLT2QzX0Dcqk1tziEdI8c1YuTE95oFvA&amp;upload_protocol=resumable</t>
  </si>
  <si>
    <t>PAIN POINTS - Contextos causas e consequências (cones).xlsb</t>
  </si>
  <si>
    <t>Política de Delegação_Proposta aprovação CAPEX.xlsx</t>
  </si>
  <si>
    <t>danielavg@algartech.com;guilhermefernandes@hpeautos.com.br;joaoleite@hpeautos.com.br;ludmilata@algartech.com;melissabsx@algartech.com;</t>
  </si>
  <si>
    <t>C:\Users\lucianarba\Downloads\MIT 04-12.zip\MIT 04-12\</t>
  </si>
  <si>
    <t>Lista de Concession rios Mitsubishi 07 08 2017_Mitcar-Show Room BH(Encerramento).xlsx</t>
  </si>
  <si>
    <t>danielavg@algartech.com,guilhermefernandes@hpeautos.com.br,joaoleite@hpeautos.com.br,ludmilata@algartech.com,melissabsx@algartech.com</t>
  </si>
  <si>
    <t>NOVO PD SAC MITSUBISHI 09-19.xlsx</t>
  </si>
  <si>
    <t>C:\Users\rodrigodcp\AppData\Local\Temp\</t>
  </si>
  <si>
    <t>CATEGORIZA€åES SISTEMA SAC MITSUBISHI JAN_2016_26_01_2016 (raphaelalo v1).xlsx</t>
  </si>
  <si>
    <t>FAQ - MITSUSBISHI.xlsx</t>
  </si>
  <si>
    <t>/o=exchangelabs/ou=exchange administrative group (fydibohf23spdlt)/cn=recipients/cn=02b715e2a3c744dbab0f4054efc9d2d2-raquel corr;</t>
  </si>
  <si>
    <t>Controle Perimetro Contrato AlgarTech_2H2018_12022019_v2_Incluir_Contrat....xlsx</t>
  </si>
  <si>
    <t>/o=exchangelabs/ou=exchange administrative group (fydibohf23spdlt)/cn=recipients/cn=02b715e2a3c744dbab0f4054efc9d2d2-raquel corr</t>
  </si>
  <si>
    <t>10.200.60.63</t>
  </si>
  <si>
    <t>C:\Users\fabianacscg\Desktop\Rateio\Dezembro\</t>
  </si>
  <si>
    <t>ESFORÇO FABI.xlsm</t>
  </si>
  <si>
    <t>10.12.243.130</t>
  </si>
  <si>
    <t>C:\Users\rodrigombu\OneDrive - Grupo Algar\Whirlpool\2019\12 - Dezembro\Arquivos\N1 Speaking\Análise de Perdas\04-12\</t>
  </si>
  <si>
    <t>DIMENS_SERV N1 SPEAKING_DEZ (RFP) - Análise Perda 04-12.xlsm</t>
  </si>
  <si>
    <t>Análise de Perdas - 04-12-19.xls</t>
  </si>
  <si>
    <t>S&amp;OP.xlsx</t>
  </si>
  <si>
    <t>mail.google.com/_/upload?authuser=1&amp;dcp=asu-n&amp;upload_id=AEnB2UouVRuBwZ79S6wzl6WtE8qDxT-Ybw3DhBY8bjQr1xfArs2mbCCqLH2KdzgEDlKZYqaefJRHpuBlxRqmZ7e6snlqa3gDXmeQFsjO1DnC-mkGmNNU1kI&amp;upload_protocol=resumable</t>
  </si>
  <si>
    <t>C:\Users\renataalves\Desktop\Marketing\Customer Success\Touchpoint Implantação.pptx\</t>
  </si>
  <si>
    <t>10.200.60.240</t>
  </si>
  <si>
    <t>alexandre.m.souza@bradesco.com.br;brunowp@algartech.com;carollineraf@algartech.com;paula.tavares@bradesco.com.br;</t>
  </si>
  <si>
    <t>C:\Comercial\2019\Proposta Comercial\217447 - URA ATIVA - CAMPANHA ENGENHARIA SOCIAL\Relatorio\</t>
  </si>
  <si>
    <t>Contatos URA ATIVA - Parcial.xlsx</t>
  </si>
  <si>
    <t>alexandre.m.souza@bradesco.com.br,brunowp@algartech.com,carollineraf@algartech.com,paula.tavares@bradesco.com.br</t>
  </si>
  <si>
    <t>Árvore Categorização Whirlpool Ecohouse CAC_Corporativo_ 04_12 (version 1).xls</t>
  </si>
  <si>
    <t>Árvore Categorização Whirlpool Ecohouse SAC 04_12.xls</t>
  </si>
  <si>
    <t>mail.google.com/_/upload?authuser=2&amp;dcp=asu-n&amp;upload_id=AEnB2Urj-TTLeRmHVbNk82C-6KEjEFMoasAVkRJ4KZVapKwsZPFo8euU5_lQBCRui8uJJgzI1x-7oCC-o9jGRp5xJNiKGJSpfPm4qj264mSb36WANEkHQdY&amp;upload_protocol=resumable</t>
  </si>
  <si>
    <t>mail.google.com/_/upload?authuser=0&amp;dcp=asu-n&amp;upload_id=AEnB2UrNI-75dlzAdHApglDvjqRFXEDMMRjkvTr05IJgikIDzyyikUSEFJUlfxQhA29MCJAlu1H0B5EjruQ2rGOrDKt24rcQpes7lbNXH4xASSWnI1gg1Wg&amp;upload_protocol=resumable</t>
  </si>
  <si>
    <t>arthurjs@algartech.com;carlosadcj@algartech.com;cfonseca@tripag.com.br;claudia@tripag.com.br;cynthiaf@tripag.com.br;dbrandao@tripag.com.br;fdsantos@tripag.com.br;ganunes@tripag.com.br;leonardoao@algartech.com;lucasfs@tribanco.com.br;lucianarba@algartech.com;lucianarba@algartecnologia.com.br;oscilang@tripag.com.br;pauloslj@algartech.com;qualidade_cartaotricard@tribanco.com.br;robertaib@algartech.com;samias@tribanco.com.br;tarcisio.morais@4mm.com.br;taysdss@algartech.com;</t>
  </si>
  <si>
    <t>arthurjs@algartech.com,carlosadcj@algartech.com,cfonseca@tripag.com.br,claudia@tripag.com.br,cynthiaf@tripag.com.br,dbrandao@tripag.com.br,fdsantos@tripag.com.br,ganunes@tripag.com.br,leonardoao@algartech.com,lucasfs@tribanco.com.br,lucianarba@algartech.com,lucianarba@algartecnologia.com.br,oscilang@tripag.com.br,pauloslj@algartech.com,qualidade_cartaotricard@tribanco.com.br,robertaib@algartech.com,samias@tribanco.com.br,tarcisio.morais@4mm.com.br,taysdss@algartech.com</t>
  </si>
  <si>
    <t>11/30/2019 13:25:25</t>
  </si>
  <si>
    <t>10.200.60.64</t>
  </si>
  <si>
    <t>C:\IT\Formatura 2019\</t>
  </si>
  <si>
    <t>Lista de Alunos - Formatura 2019.xlsx</t>
  </si>
  <si>
    <t>D:\Nova pasta (2)\Formatura 2019\Lista de Alunos - Formatura 2019.xlsx</t>
  </si>
  <si>
    <t>Lista de Alunos - Formatura 2019_Luiz.xlsx</t>
  </si>
  <si>
    <t>D:\Nova pasta (2)\Formatura 2019\Lista de Alunos - Formatura 2019_Luiz.xlsx</t>
  </si>
  <si>
    <t>C:\Users\vanessasara\OneDrive - Grupo Algar\Pessoal\</t>
  </si>
  <si>
    <t>Pendências.xlsx</t>
  </si>
  <si>
    <t>/o=exchangelabs/ou=exchange administrative group (fydibohf23spdlt)/cn=recipients/cn=fd4a47c4d251414eb48a57376a49e773-marco tulio;danielarsc@algartech.com.br;deboraogo@algartech.com.br;eliamardo@algartech.com.br;fernandorsju@algartech.com.br;flaviamas@algartech.com.br;iaradsp@algartech.com.br;jessicapdsi@algartech.com.br;jessicarrs@algartech.com.br;julianatem@algartech.com.br;luanaed@algartech.com.br;pollyanafmn@algartech.com.br;</t>
  </si>
  <si>
    <t>RES: Distribuição _1º Ciclo de dezembro</t>
  </si>
  <si>
    <t>2ª Ciclo_ Planejameno next.xls</t>
  </si>
  <si>
    <t>/o=exchangelabs/ou=exchange administrative group (fydibohf23spdlt)/cn=recipients/cn=fd4a47c4d251414eb48a57376a49e773-marco tulio,danielarsc@algartech.com.br,deboraogo@algartech.com.br,eliamardo@algartech.com.br,fernandorsju@algartech.com.br,flaviamas@algartech.com.br,iaradsp@algartech.com.br,jessicapdsi@algartech.com.br,jessicarrs@algartech.com.br,julianatem@algartech.com.br,luanaed@algartech.com.br,pollyanafmn@algartech.com.br</t>
  </si>
  <si>
    <t>Distribuição _2º Ciclo de dezembro **** Errata ****</t>
  </si>
  <si>
    <t>2ª Ciclo_ Planejameno nex1.xls</t>
  </si>
  <si>
    <t>\\acsfs\DEPTOS\Controladoria\Planejamento\Reuniao Gerencial\2019\4ª Reuger\REUGER\Holding 20.11\Algar Tech - Conselho Dezembrov4.pptx\</t>
  </si>
  <si>
    <t>C:\Users\eduardost\OneDrive - Grupo Algar\2019\AVON\</t>
  </si>
  <si>
    <t>Investimentos AVON 190263 - BKO APARTADO.xlsx</t>
  </si>
  <si>
    <t>C:\Users\eduardost\OneDrive - Grupo Algar\2019\AVON\190262 Avon BKO FINAL.xlsb\</t>
  </si>
  <si>
    <t>\\ACSFS\Engeset\FINANCEIRO_ULA\CONTROLA\SG\00 - Aplicações\02- Não Faturado\112019\</t>
  </si>
  <si>
    <t>mail.google.com/_/upload?authuser=0&amp;dcp=asu-n&amp;upload_id=AEnB2UpBFggv_xZ9xw5KZVHu_61rR7vzlAFxJ7l97WrELYNwswcoaEp2KhGpDYO7g4ksu_rSDPM2xJPZgxicgRpKC7BQ2UTNTYRejEZOjANIuqvqvLQxA6I&amp;upload_protocol=resumable</t>
  </si>
  <si>
    <t>Atividades-ANF31 - BH_05_12_19_EDUARDA.xlsx</t>
  </si>
  <si>
    <t>danielarsc@algartech.com.br;eliamardo@algartech.com.br;fernandorsju@algartech.com.br;flaviamas@algartech.com.br;iaradsp@algartech.com.br;jessicapdsi@algartech.com.br;jessicarrs@algartech.com.br;luanaed@algartech.com.br;pollyanafmn@algartech.com.br;</t>
  </si>
  <si>
    <t>RES: Distribuição _2º Ciclo de dezembro **** Considerar essa****</t>
  </si>
  <si>
    <t>danielarsc@algartech.com.br,eliamardo@algartech.com.br,fernandorsju@algartech.com.br,flaviamas@algartech.com.br,iaradsp@algartech.com.br,jessicapdsi@algartech.com.br,jessicarrs@algartech.com.br,luanaed@algartech.com.br,pollyanafmn@algartech.com.br</t>
  </si>
  <si>
    <t>10.213.2.24</t>
  </si>
  <si>
    <t>/o=exchangelabs/ou=exchange administrative group (fydibohf23spdlt)/cn=recipients/cn=flavio martinez;</t>
  </si>
  <si>
    <t>ENC: LPU - Manutenção Preventiva</t>
  </si>
  <si>
    <t>/o=exchangelabs/ou=exchange administrative group (fydibohf23spdlt)/cn=recipients/cn=flavio martinez</t>
  </si>
  <si>
    <t>mail.google.com/_/upload?authuser=0&amp;dcp=asu-n&amp;upload_id=AEnB2UqwMaB96GvFtVSZ5zoUvjmJjChlfEy9t47d5NJvvroKzPGvF0cWYzoP3Kz_hlj1ho-8SVGbFizUCQ2IzWB9tG7XMSBoMtlv-QweNRfj3xUUh9eN9Q4&amp;upload_protocol=resumable</t>
  </si>
  <si>
    <t>sheilacdf@algartech.com.br;vivianega@algartech.com.br;</t>
  </si>
  <si>
    <t>ENC: Reporte diário Formalização PJ VISA 05/12/2019</t>
  </si>
  <si>
    <t>sheilacdf@algartech.com.br,vivianega@algartech.com.br</t>
  </si>
  <si>
    <t>tamanho bases.xlsx</t>
  </si>
  <si>
    <t>C:\Users\renataalves\Desktop\Marketing\Customer Success\Etapa Implantação_GRC_05-12.pptx\</t>
  </si>
  <si>
    <t>mail.google.com/_/upload?authuser=0&amp;dcp=asu-n&amp;upload_id=AEnB2UoZN-j8KpQLH-_Xq7JidpkfdaMcyuntEizbL2wmHeTtKARSCf5Fng24qRNsI96Cbw4Jq-bdr-G90JOe1Kh5yQt2_nFB-A&amp;upload_protocol=resumable</t>
  </si>
  <si>
    <t>EBIT Prática atualizado.xls</t>
  </si>
  <si>
    <t>CustoFuncionario_122019_161640_20191205093044445.xls</t>
  </si>
  <si>
    <t>mail.google.com/_/upload?authuser=1&amp;dcp=asu-n&amp;upload_id=AEnB2UoUfhcq2jWoUNU8pQT7u2ZpcItPiyG20C-fcoIuu_Fn4aNXBC5zF2ad1Ei7OlPOWGmUICfdSL6QZhDn8zf5rZXsG7vI0Q&amp;upload_protocol=resumable</t>
  </si>
  <si>
    <t>senhas crea</t>
  </si>
  <si>
    <t>crcevmc@algartech.com.br;emissaogerenciadapj@algartech.com.br;marciags@algartech.com.br;natalia.toma@bradesco.com.br;</t>
  </si>
  <si>
    <t>ENC: BTB / B2B Vencimento 20/12 - urgente!</t>
  </si>
  <si>
    <t>DemonstrativoDeTransacoes_VIVIANE.ARCOS_20191205082752.xlsx</t>
  </si>
  <si>
    <t>crcevmc@algartech.com.br,emissaogerenciadapj@algartech.com.br,marciags@algartech.com.br,natalia.toma@bradesco.com.br</t>
  </si>
  <si>
    <t>Forecast 11.2019 GST.xlsb</t>
  </si>
  <si>
    <t>\\acsfs\dsti\Precificações\01 - BP DE PREÇO\</t>
  </si>
  <si>
    <t>\\acsfs\dsti\Precificações\01 - BP DE PREÇO\Plan Precificacao C018 B018.xlsb\</t>
  </si>
  <si>
    <t>/o=exchangelabs/ou=exchange administrative group (fydibohf23spdlt)/cn=recipients/cn=4fbcbdfa900b4cb195ac160568115bc2-ericson nog;/o=exchangelabs/ou=exchange administrative group (fydibohf23spdlt)/cn=recipients/cn=fa97b4f41f6b44568346ac119cf955ae-pablo henri;claudia.b.pereira@bradesco.com.br;cqe.bradesco.gco@algartech.com.br;</t>
  </si>
  <si>
    <t>Arvore Temponet PF</t>
  </si>
  <si>
    <t>Árvore da home de Atendimento PF 2507.xlsx</t>
  </si>
  <si>
    <t>/o=exchangelabs/ou=exchange administrative group (fydibohf23spdlt)/cn=recipients/cn=4fbcbdfa900b4cb195ac160568115bc2-ericson nog,/o=exchangelabs/ou=exchange administrative group (fydibohf23spdlt)/cn=recipients/cn=fa97b4f41f6b44568346ac119cf955ae-pablo henri,claudia.b.pereira@bradesco.com.br,cqe.bradesco.gco@algartech.com.br</t>
  </si>
  <si>
    <t>Prudential - UDI.xlsx</t>
  </si>
  <si>
    <t>mail.google.com/_/upload?authuser=0&amp;dcp=asu-n&amp;upload_id=AEnB2UpOGfkXnZ1lGJNJnigXkHUszsEXqk4RJtkNi19IAKU7l0uEMuMvtRrgUtIuVs-P_HVIaq9bo0gmDS-w5HNoItmUI-BWi9a2O3cgwu2tt1i8z5YydDE&amp;upload_protocol=resumable</t>
  </si>
  <si>
    <t>amandacdr@algartech.com;edilsonrb@algartech.com;helderra@algartech.com;luiz.m.carvalho@algartech.com;</t>
  </si>
  <si>
    <t>Prudential - UDI (Complementada).xlsx</t>
  </si>
  <si>
    <t>amandacdr@algartech.com,edilsonrb@algartech.com,helderra@algartech.com,luiz.m.carvalho@algartech.com</t>
  </si>
  <si>
    <t>Filas e Grupos Solucionadores.xlsx</t>
  </si>
  <si>
    <t>antoniaama@algartech.com;carloselo@algartech.com;cleberafp@algartech.com;diegofreitas@kpmg.com.br;fredericofranco@kpmg.com.br;joaopcarvalho@kpmg.com.br;lucasfbr@algartech.com;lucasm@algartech.com;mardenvr@algartech.com;rafaelmachado@kpmg.com.br;renatobrl@algartech.com;reynaldopm@algartech.com;ricardobm@algartech.com;</t>
  </si>
  <si>
    <t>antoniaama@algartech.com,carloselo@algartech.com,cleberafp@algartech.com,diegofreitas@kpmg.com.br,fredericofranco@kpmg.com.br,joaopcarvalho@kpmg.com.br,lucasfbr@algartech.com,lucasm@algartech.com,mardenvr@algartech.com,rafaelmachado@kpmg.com.br,renatobrl@algartech.com,reynaldopm@algartech.com,ricardobm@algartech.com</t>
  </si>
  <si>
    <t>Sistemas Relevantes - trafego de dados.xlsx</t>
  </si>
  <si>
    <t>Pedidos de demissão.xlsx</t>
  </si>
  <si>
    <t>Exibição de Localização Avançada de Log de Priorização.xlsx</t>
  </si>
  <si>
    <t>hamiltoniof@algartech.com.br;</t>
  </si>
  <si>
    <t>hamiltoniof@algartech.com.br</t>
  </si>
  <si>
    <t>Melhorias BOT - Ana.xlsx</t>
  </si>
  <si>
    <t>/o=exchangelabs/ou=exchange administrative group (fydibohf23spdlt)/cn=recipients/cn=0addf5d63aa844c7a80c4c80b8d6351e-edson barbo;/o=exchangelabs/ou=exchange administrative group (fydibohf23spdlt)/cn=recipients/cn=3720674f67dd4336be39b7fa42f5aac8-wesley silv;</t>
  </si>
  <si>
    <t>Inventário de Produtos Químicos</t>
  </si>
  <si>
    <t>Inventário de Produtos Químicos- Engeset.xlsx</t>
  </si>
  <si>
    <t>/o=exchangelabs/ou=exchange administrative group (fydibohf23spdlt)/cn=recipients/cn=0addf5d63aa844c7a80c4c80b8d6351e-edson barbo,/o=exchangelabs/ou=exchange administrative group (fydibohf23spdlt)/cn=recipients/cn=3720674f67dd4336be39b7fa42f5aac8-wesley silv</t>
  </si>
  <si>
    <t>\\acsfs\deptos\DME\CME - Coordenacao de Marketing e Estrategia\Gestão da Área\Reuniões de Governança\Outros fóruns\2019\Receita 2020 - Desdobramentos\Receita 2020 e desdobramentos.pptx\</t>
  </si>
  <si>
    <t>fernandorsju@algartech.com.br;</t>
  </si>
  <si>
    <t>ENC: Distribuição _2º Ciclo de dezembro **** Considerar essa****</t>
  </si>
  <si>
    <t>fernandorsju@algartech.com.br</t>
  </si>
  <si>
    <t>Matriz de Risco - ID24_JUR 03-12-19 (1).xls</t>
  </si>
  <si>
    <t>mail.google.com/_/upload?authuser=0&amp;dcp=asu-n&amp;upload_id=AEnB2UrvlOqvbaQf421ZRA48YhjwpAOO-te_vN_mTIr_dO6eL0DlgRuE-3GCjd29VzSVkYp-Zbcjj1np1P0aoFaRlzvvSsiT_L3KfRaivJZqKKsmKfavL4k&amp;upload_protocol=resumable</t>
  </si>
  <si>
    <t>fernandorsju@algartech.com;</t>
  </si>
  <si>
    <t>fernandorsju@algartech.com</t>
  </si>
  <si>
    <t>/o=exchangelabs/ou=exchange administrative group (fydibohf23spdlt)/cn=recipients/cn=8b5b63d67af648d081a40c45cc800804-fabiana per;marciellasn@algartech.com.br;vanusaos@algartech.com.br;</t>
  </si>
  <si>
    <t>FUP VALE_ Flag SIM</t>
  </si>
  <si>
    <t>/o=exchangelabs/ou=exchange administrative group (fydibohf23spdlt)/cn=recipients/cn=8b5b63d67af648d081a40c45cc800804-fabiana per,marciellasn@algartech.com.br,vanusaos@algartech.com.br</t>
  </si>
  <si>
    <t>Extrator AHT_TMA_CA_POR OPERADOR - Whirlpool.xls</t>
  </si>
  <si>
    <t>rosanapccb@algartech.com</t>
  </si>
  <si>
    <t>\\acsfs\engeset\FINANCEIRO_ULA\FATURAMENTO\23. Pré Faturamento\3.TI Infra e SD\TI -INFRA\12.Dezembro 2019\</t>
  </si>
  <si>
    <t>11. T 19217 TEC Faturamento COMFRIO .xlsx</t>
  </si>
  <si>
    <t>SOPRL-19_v20191205.xlsb</t>
  </si>
  <si>
    <t>C:\Users\tiagorpf\OneDrive - Grupo Algar\Desenvolvimento\importacao Navigator\</t>
  </si>
  <si>
    <t>Importação Navigator 5-12.csv</t>
  </si>
  <si>
    <t>Importação Navigator 4-12.csv</t>
  </si>
  <si>
    <t>Importação Navigator 3-12.csv</t>
  </si>
  <si>
    <t>Importação Navigator 29 11.csv</t>
  </si>
  <si>
    <t>Importação Navigator 29 10.csv</t>
  </si>
  <si>
    <t>Importação Navigator 28 11.csv</t>
  </si>
  <si>
    <t>Importação Navigator 28 10.csv</t>
  </si>
  <si>
    <t>Importação Navigator 27 11.csv</t>
  </si>
  <si>
    <t>Importação Navigator 26 11.csv</t>
  </si>
  <si>
    <t>Importação Navigator 25 11.csv</t>
  </si>
  <si>
    <t>Importação Navigator 25 10.csv</t>
  </si>
  <si>
    <t>Importação Navigator 24 10.csv</t>
  </si>
  <si>
    <t>Importação Navigator 23 10.csv</t>
  </si>
  <si>
    <t>Importação Navigator 22 11.csv</t>
  </si>
  <si>
    <t>Importação Navigator 22 10.csv</t>
  </si>
  <si>
    <t>Importação Navigator 21 11.csv</t>
  </si>
  <si>
    <t>Importação Navigator 20 11.csv</t>
  </si>
  <si>
    <t>Importação Navigator 2-12.csv</t>
  </si>
  <si>
    <t>Importação Navigator 19 11.csv</t>
  </si>
  <si>
    <t>Importação Navigator 18 11.csv</t>
  </si>
  <si>
    <t>Importação Navigator 18 10.csv</t>
  </si>
  <si>
    <t>Importação Navigator 17 10.csv</t>
  </si>
  <si>
    <t>Importação Navigator 16 10.csv</t>
  </si>
  <si>
    <t>Importação Navigator 15 10.csv</t>
  </si>
  <si>
    <t>Importação Navigator 14 11.csv</t>
  </si>
  <si>
    <t>Importação Navigator 14 10.csv</t>
  </si>
  <si>
    <t>Importação Navigator 13 11.csv</t>
  </si>
  <si>
    <t>Importação Navigator 12 11.csv</t>
  </si>
  <si>
    <t>112019_Forecast de Receita Oficial_2019 (Marissa) V1.xlsx</t>
  </si>
  <si>
    <t>C:\Users\nataliamam\OneDrive - Grupo Algar\Anexos de email 1\</t>
  </si>
  <si>
    <t>Base de Pagos Suburbia.xlsx</t>
  </si>
  <si>
    <t>Importação Navigator 02 12.csv</t>
  </si>
  <si>
    <t>Importação Navigator 11 11.csv</t>
  </si>
  <si>
    <t>Importação Navigator 11 10.csv</t>
  </si>
  <si>
    <t>Importação Navigator 10 10.csv</t>
  </si>
  <si>
    <t>Importação Navigator 08 11.csv</t>
  </si>
  <si>
    <t>Importação Navigator 07 11.csv</t>
  </si>
  <si>
    <t>Importação Navigator 06 11.csv</t>
  </si>
  <si>
    <t>Importação Navigator 05 11.csv</t>
  </si>
  <si>
    <t>Importação Navigator 04 11.csv</t>
  </si>
  <si>
    <t>importação Navigator 01-11.csv</t>
  </si>
  <si>
    <t>Importação navigator 31 10.csv</t>
  </si>
  <si>
    <t>Importação Navigator 30 10.csv</t>
  </si>
  <si>
    <t>Importação Navigator 09 10.csv</t>
  </si>
  <si>
    <t>Importação Navigator 08 10.csv</t>
  </si>
  <si>
    <t>Importação Navigator 21 10.csv</t>
  </si>
  <si>
    <t>C:\Users\tiagorpf\OneDrive - Grupo Algar\Desenvolvimento\importacao Navigator\Nova pasta\</t>
  </si>
  <si>
    <t>04 Importação Navigator 28 11.csv</t>
  </si>
  <si>
    <t>03 Importação Navigator 28 11.csv</t>
  </si>
  <si>
    <t>02 Importação Navigator 28 11.csv</t>
  </si>
  <si>
    <t>02 Importação Navigator 13 11.csv</t>
  </si>
  <si>
    <t>/o=exchangelabs/ou=exchange administrative group (fydibohf23spdlt)/cn=recipients/cn=00311682604044179403cc633b1c11bc-ana luisa d;</t>
  </si>
  <si>
    <t>ENC: Filas de trabalho EBTA</t>
  </si>
  <si>
    <t>Filas de trabalho EBTA.xlsx</t>
  </si>
  <si>
    <t>/o=exchangelabs/ou=exchange administrative group (fydibohf23spdlt)/cn=recipients/cn=00311682604044179403cc633b1c11bc-ana luisa d</t>
  </si>
  <si>
    <t>mail.google.com/mail/u/0/?hl=pt-BR#drafts?compose=CllgCKCFTDNCTqkSNSsDdHnFkkMZxhBqpJFPzNhfnSStnVnxTVxtWQGLfJfkxTgZBcBGtqHbWHL</t>
  </si>
  <si>
    <t>10.12.241.152</t>
  </si>
  <si>
    <t>eunice.pimenta@algartech.com;fabianacscg@algartech.com;marianagso@algartech.com;</t>
  </si>
  <si>
    <t>C:\Users\danubiacsm\Desktop\Escalas\</t>
  </si>
  <si>
    <t>TRN - FEIRA DO CONHECIMENTO MODULO 3.xlsx</t>
  </si>
  <si>
    <t>eunice.pimenta@algartech.com,fabianacscg@algartech.com,marianagso@algartech.com</t>
  </si>
  <si>
    <t>mail.google.com/mail/u/0/?hl=pt-BR#inbox?compose=cSRfBPXgKpLQsBSKRmsmcDKlKLRJCzFxHJJKzhRRxRDpgfjmmnlxsxnRBBDnmdZTRVVClzVcbqJnnjFVRFkZLcCtGDWBWHlwDvgNRRJVDcxrLRbmrMPDdsFTDhTLTXLLjgKQjGjHtwlHqgqknWMVxlVsBSkWgcBB</t>
  </si>
  <si>
    <t>Justificativa Depreciação e Baixas Novembro.xlsx</t>
  </si>
  <si>
    <t>\\acsfs\dsti\CMV - Coordenação de Mkt e Vendas\Comercial\Relatórios_Reunião Comercial\2019\Raul - Latam\</t>
  </si>
  <si>
    <t>Pipeline Detalhado Argentina 2019_12_05.xlsx</t>
  </si>
  <si>
    <t>LOGINS DE CACS.xlsx</t>
  </si>
  <si>
    <t>mail.google.com/_/upload?authuser=1&amp;dcp=asu-n&amp;upload_id=AEnB2UoPzEkb1dreWJZnEZZpNhbw-iUD6kwE43ITwb5C0wc425PovJ8f820ynayBRxycE70D9zdhxPa9ed6RkoOPmQIyNK81Vw&amp;upload_protocol=resumable</t>
  </si>
  <si>
    <t>C:\Users\rodrigodcp\Documents\</t>
  </si>
  <si>
    <t>/o=exchangelabs/ou=exchange administrative group (fydibohf23spdlt)/cn=recipients/cn=8b5b63d67af648d081a40c45cc800804-fabiana per;robertacmf@algartech.com;</t>
  </si>
  <si>
    <t>RES: Extra Base Line UCB</t>
  </si>
  <si>
    <t>/o=exchangelabs/ou=exchange administrative group (fydibohf23spdlt)/cn=recipients/cn=8b5b63d67af648d081a40c45cc800804-fabiana per,robertacmf@algartech.com</t>
  </si>
  <si>
    <t>isabelaaf@algartech.com.br;sheilacdf@algartech.com.br;vivianega@algartech.com.br;</t>
  </si>
  <si>
    <t>RES: DESLIGADOS - UG 3001 e 3002</t>
  </si>
  <si>
    <t>1Produtividade VALE_UNE_UCB_Formalização e Casos Especiais D-1_.xlsb</t>
  </si>
  <si>
    <t>isabelaaf@algartech.com.br,sheilacdf@algartech.com.br,vivianega@algartech.com.br</t>
  </si>
  <si>
    <t>projecoes.xlsx</t>
  </si>
  <si>
    <t>jairdpof@algartech.com;jullian.faria@algartech.com;silvio@algartech.com;</t>
  </si>
  <si>
    <t>C:\Comercial\2019\RFP - LOTE FIS\Ultimo Last Call - ESCOPO B\Cenario Desmobilização.pptx\</t>
  </si>
  <si>
    <t>jairdpof@algartech.com,jullian.faria@algartech.com,silvio@algartech.com</t>
  </si>
  <si>
    <t>Planejado_ELECTROLUX (Dezembro 2019).xls</t>
  </si>
  <si>
    <t>mail.google.com/_/upload?authuser=0&amp;dcp=asu-n&amp;upload_id=AEnB2UrPRvkyCwgfhC11-Gj9MorNYd6Ipyq7M9lWPjvVRRhiBPHedu5dz-jmnALTLNiTeLL07654opqyj3PkPyHx79iuUhfLQw&amp;upload_protocol=resumable</t>
  </si>
  <si>
    <t>META E REALIZADO PROCON.xlsx</t>
  </si>
  <si>
    <t>https://sac-algarcsc.ascbrazil.com.br/chat/asc/upload/</t>
  </si>
  <si>
    <t>/o=exchangelabs/ou=exchange administrative group (fydibohf23spdlt)/cn=recipients/cn=606429b398d84f118ccb7b7b124926f6-manoel dos;/o=exchangelabs/ou=exchange administrative group (fydibohf23spdlt)/cn=recipients/cn=609a04e6e2704106bc60c46a2a4298b3-eric henriq;/o=exchangelabs/ou=exchange administrative group (fydibohf23spdlt)/cn=recipients/cn=eda188ce350b42e3b68de757d447b10f-fernando da;ejcarvalho_sa@timbrasil.com.br;logisticatimopm@amerinode.com;miranda_amerinode@timbrasil.com.br;wfonseca@timbrasil.com.br;yvsantos@timbrasil.com.br;</t>
  </si>
  <si>
    <t>RES: TICKET-126 RE: ANÁLISE DE OFENSORES DA REINCIDÊNCIA/MAIOR IMPACTO (últimos 3 dias) // NLSEFS04 (TSK191100000156)</t>
  </si>
  <si>
    <t>Formulário para Acionamento de Transferências_Santo Estevão_rev.xlsx</t>
  </si>
  <si>
    <t>/o=exchangelabs/ou=exchange administrative group (fydibohf23spdlt)/cn=recipients/cn=606429b398d84f118ccb7b7b124926f6-manoel dos,/o=exchangelabs/ou=exchange administrative group (fydibohf23spdlt)/cn=recipients/cn=609a04e6e2704106bc60c46a2a4298b3-eric henriq,/o=exchangelabs/ou=exchange administrative group (fydibohf23spdlt)/cn=recipients/cn=eda188ce350b42e3b68de757d447b10f-fernando da,ejcarvalho_sa@timbrasil.com.br,logisticatimopm@amerinode.com,miranda_amerinode@timbrasil.com.br,wfonseca@timbrasil.com.br,yvsantos@timbrasil.com.br</t>
  </si>
  <si>
    <t>11-Fechamento DAF - Nov.2019.xlsx</t>
  </si>
  <si>
    <t>10.200.57.221</t>
  </si>
  <si>
    <t>\\acsfs\DEPTOS\Operacao\Pool\2 - Operacoes\AMEX\1 - Gestao da Area\1.1 - Gerente\08 Cristina Herminio\08 Cristina Herminio\Next\</t>
  </si>
  <si>
    <t>Indicadores Next.xls</t>
  </si>
  <si>
    <t>IMP Online diario - N1 SPEAKING.xls</t>
  </si>
  <si>
    <t>Categorizações N1 04-Dez-2019.xls</t>
  </si>
  <si>
    <t>Relatório Pipeline_Dionizio_19_12_05.xlsx</t>
  </si>
  <si>
    <t>C:\Users\alefl\OneDrive - Grupo Algar\Analise de Risco\</t>
  </si>
  <si>
    <t>Alef @ Grupo Algar.url</t>
  </si>
  <si>
    <t>10.200.61.114</t>
  </si>
  <si>
    <t>C:\Users\iramildass\Desktop\Nespresso\</t>
  </si>
  <si>
    <t>TMO - B2C - Novembro.xlsm</t>
  </si>
  <si>
    <t>ENC: Aderência Nov/2019</t>
  </si>
  <si>
    <t>Aderencia Novembro.xlsx</t>
  </si>
  <si>
    <t>C:\Users\ericsonns\Documents\Ivanete\</t>
  </si>
  <si>
    <t>Camila Silva Carvalho.xlsx</t>
  </si>
  <si>
    <t>Laísa Raquel Alves Soares.xlsx</t>
  </si>
  <si>
    <t>Bianca de Castro Lopes.xlsx</t>
  </si>
  <si>
    <t>Brenda Rodrigues Borges.xlsx</t>
  </si>
  <si>
    <t>Brunno Mendes Santos.xlsx</t>
  </si>
  <si>
    <t>Gabriel Mota Santos.xlsx</t>
  </si>
  <si>
    <t>Alyne Cecilia da Costa.xlsx</t>
  </si>
  <si>
    <t>Kassíla Alves Fernandes.xlsx</t>
  </si>
  <si>
    <t>Helen Marilza da Cruz.xlsx</t>
  </si>
  <si>
    <t>/o=exchangelabs/ou=exchange administrative group (fydibohf23spdlt)/cn=recipients/cn=f77afa0ad3f042109f536c9634dccf97-wanderson g;</t>
  </si>
  <si>
    <t>ENC: Férias - Procon Fone</t>
  </si>
  <si>
    <t>/o=exchangelabs/ou=exchange administrative group (fydibohf23spdlt)/cn=recipients/cn=f77afa0ad3f042109f536c9634dccf97-wanderson g</t>
  </si>
  <si>
    <t>C:\Users\tiagorpf\OneDrive - Grupo Algar\Dynamics - Bases\</t>
  </si>
  <si>
    <t>81 - BO CORP - Manutenções Faturamento (tratadas) - FINALIZADOS.xlsx</t>
  </si>
  <si>
    <t>81 - BO CORP - Manutenções Faturamento (tratadas) - FINALIZADOS v2.xlsx</t>
  </si>
  <si>
    <t>teste.xlsx</t>
  </si>
  <si>
    <t>Não confirmado 126203.crdownload</t>
  </si>
  <si>
    <t>Dashboard Formalização PJ VISA/PJ AMEX - Dezembro/2019</t>
  </si>
  <si>
    <t>FORMALIZAÇÃO VISA_AMEX_ DEZEMBRO.xlsm</t>
  </si>
  <si>
    <t>10.200.32.214</t>
  </si>
  <si>
    <t>D0-94-66-DB-2D-F7</t>
  </si>
  <si>
    <t>SEDE-D12O</t>
  </si>
  <si>
    <t>walissonrs</t>
  </si>
  <si>
    <t>walissonrs@algartech.com</t>
  </si>
  <si>
    <t>renatobrl@algartech.com;sustentacao_bradesco@algartech.com.br;</t>
  </si>
  <si>
    <t>C:\Users\walissonrs\Desktop\Controle de demandas\Atividades\SSD\</t>
  </si>
  <si>
    <t>05-12.xlsx</t>
  </si>
  <si>
    <t>renatobrl@algartech.com,sustentacao_bradesco@algartech.com.br</t>
  </si>
  <si>
    <t>RES: VDE - Resultado NOVEMBRO 2019</t>
  </si>
  <si>
    <t>IMP.xls</t>
  </si>
  <si>
    <t>C:\Users\carlosrcos\OneDrive - Grupo Algar\Arquivos compartilhados\</t>
  </si>
  <si>
    <t>Cadastro.xlsx</t>
  </si>
  <si>
    <t>10.200.32.141</t>
  </si>
  <si>
    <t>C:\Users\pablocb\Downloads\</t>
  </si>
  <si>
    <t>Scripts Ativo(a).xlsx</t>
  </si>
  <si>
    <t>marciellasn@algartech.com.br;vanusaos@algartech.com.br;</t>
  </si>
  <si>
    <t>RES: redirecionamento</t>
  </si>
  <si>
    <t>VALE.xlsx</t>
  </si>
  <si>
    <t>marciellasn@algartech.com.br,vanusaos@algartech.com.br</t>
  </si>
  <si>
    <t>Não confirmado 767275.crdownload</t>
  </si>
  <si>
    <t>C:\Users\leonardoefo\Grupo Algar\Waleska Maria Miranda Storti - Apresentações\Argentina_Filial_V2.pptx\</t>
  </si>
  <si>
    <t>81 - BO CORP - FINALIZADOS.xlsx</t>
  </si>
  <si>
    <t>/o=exchangelabs/ou=exchange administrative group (fydibohf23spdlt)/cn=recipients/cn=0163bfef0e474630bdcf0a3698e9ffd4-amanda ferr;/o=exchangelabs/ou=exchange administrative group (fydibohf23spdlt)/cn=recipients/cn=26a18e4ace4f4981b19d4efc5cccf985-uenia ribei;/o=exchangelabs/ou=exchange administrative group (fydibohf23spdlt)/cn=recipients/cn=56dc126fba5b4a5f8fb1cd7e4f10477d-thais olive;/o=exchangelabs/ou=exchange administrative group (fydibohf23spdlt)/cn=recipients/cn=8b5b63d67af648d081a40c45cc800804-fabiana per;/o=exchangelabs/ou=exchange administrative group (fydibohf23spdlt)/cn=recipients/cn=93a9a0598b8d4b6ab10f3b1e2184d2e4-leonardo al;/o=exchangelabs/ou=exchange administrative group (fydibohf23spdlt)/cn=recipients/cn=aff8c3b9538840fe9b9778861292fbea-everton pau;diegoodz@algartech.com.br;ivia.santos@temposervicos.com.br;jackson.diniz@bradesco.com.br;jhonatan.ventino@temposervicos.com.br;leonardoamf@algartech.com.br;pauliniaacs@algartech.com.br;poliane.amaral@bradesco.com.br;selmaasr@algartech.com.br;suzane.b</t>
  </si>
  <si>
    <t>Casos Especiais Amex - Parcial Dezembro</t>
  </si>
  <si>
    <t>Casos Especiais - Dezembro.xlsm</t>
  </si>
  <si>
    <t>/o=exchangelabs/ou=exchange administrative group (fydibohf23spdlt)/cn=recipients/cn=0163bfef0e474630bdcf0a3698e9ffd4-amanda ferr,/o=exchangelabs/ou=exchange administrative group (fydibohf23spdlt)/cn=recipients/cn=26a18e4ace4f4981b19d4efc5cccf985-uenia ribei,/o=exchangelabs/ou=exchange administrative group (fydibohf23spdlt)/cn=recipients/cn=56dc126fba5b4a5f8fb1cd7e4f10477d-thais olive,/o=exchangelabs/ou=exchange administrative group (fydibohf23spdlt)/cn=recipients/cn=8b5b63d67af648d081a40c45cc800804-fabiana per,/o=exchangelabs/ou=exchange administrative group (fydibohf23spdlt)/cn=recipients/cn=93a9a0598b8d4b6ab10f3b1e2184d2e4-leonardo al,/o=exchangelabs/ou=exchange administrative group (fydibohf23spdlt)/cn=recipients/cn=aff8c3b9538840fe9b9778861292fbea-everton pau,diegoodz@algartech.com.br,ivia.santos@temposervicos.com.br,jackson.diniz@bradesco.com.br,jhonatan.ventino@temposervicos.com.br,leonardoamf@algartech.com.br,pauliniaacs@algartech.com.br,poliane.amaral@bradesco.com.br,selmaasr@algartech.com.br,suzane.b</t>
  </si>
  <si>
    <t>RELATÓRIOS MATERIAIS ENTRADA E SAÍDA BELO HORIZONTE</t>
  </si>
  <si>
    <t>TRANSFERÊNCIAS BELO HORIZONTE.xlsx</t>
  </si>
  <si>
    <t>mail.google.com/_/upload?authuser=0&amp;dcp=asu-n&amp;upload_id=AEnB2UoTUZ3emk6fc5NxBT-62pjs6wbcfm-yckadEnfjaDJ0LxNwEdAMyIklctQKwZJp7aFvCI_dA3FhZP7uT8RajA2q_mlSeg&amp;upload_protocol=resumable</t>
  </si>
  <si>
    <t>Painel UNE - Parcial Dezembro</t>
  </si>
  <si>
    <t>UNE DEZEMBRO.xlsm</t>
  </si>
  <si>
    <t>C:\Users\brunocs\Desktop\Bradesco\P2 - Bradescard\</t>
  </si>
  <si>
    <t>Descritivo.xlsx</t>
  </si>
  <si>
    <t>ENC: DESLIGADOS - UG 3001 e 3002</t>
  </si>
  <si>
    <t>mail.google.com/_/upload?authuser=0&amp;dcp=asu-n&amp;upload_id=AEnB2UreP_dCVwEemMuKPxlD5dYAVO3MO7ANnNWC0y-AOHgDOrb8Vz59QaXDe6CbQ5JhZy6TPxw2IDkftMavsjpWMRWeQk5G3Q&amp;upload_protocol=resumable</t>
  </si>
  <si>
    <t>pauliniaacs@algartech.com.br;</t>
  </si>
  <si>
    <t>pauliniaacs@algartech.com.br</t>
  </si>
  <si>
    <t>mail.google.com/_/upload?authuser=0&amp;dcp=asu-n&amp;upload_id=AEnB2UrZiGpcF6i5a1HF2jejSncR2DXFulqtlAuNQWg4wkMqyzc4ju5nQ3wna67Kllq-bIjM5WBdp5fCTtrDV7ihNeOr2eF2kw&amp;upload_protocol=resumable</t>
  </si>
  <si>
    <t>C:\Users\raphaelapm\Desktop\MATERIAL DYNAMICS\Demandas Em Atendimento_DOING\05_Dez_Recuperação Judicial - Monitoramento PF\</t>
  </si>
  <si>
    <t>Relatório_Recuperação_Judicial.xlsx</t>
  </si>
  <si>
    <t>Ficha do Risco - Segurança da Informação - 05122019.xlsx</t>
  </si>
  <si>
    <t>Gestão de Vigência 28-11-19 (1).xlsx</t>
  </si>
  <si>
    <t>10.211.3.99</t>
  </si>
  <si>
    <t>C:\Users\denysgds\Documents\Backup Denys\Denys Guidio Backup\Backup\Faber Castell\Valor em Horas\</t>
  </si>
  <si>
    <t>218442 Faber Castell Precificação C018_V1.xlsb</t>
  </si>
  <si>
    <t>C:\Users\denysgds\Documents\Backup Denys\Denys Guidio Backup\Backup\Faber Castell\Valor em Horas\218442 Faber Castell Precificação C018_V1.xlsb\</t>
  </si>
  <si>
    <t>mail.google.com/_/upload?authuser=2&amp;dcp=asu-n&amp;upload_id=AEnB2Uqx8oOLNEb4d3RaH3lNcqCACJTLcixWvk1qNptxhC7UUM3MqNjDTgICjW7DzKu8w8YfM15-K5AvMoK1KfshIR1JVUwhH7eoXnRnSQGiLIcOrCSJnkY&amp;upload_protocol=resumable</t>
  </si>
  <si>
    <t>Acompanhamento Produtividade - DEZ.xlsx</t>
  </si>
  <si>
    <t>/o=exchangelabs/ou=exchange administrative group (fydibohf23spdlt)/cn=recipients/cn=04e3841f08484fc58ec6c1e78af9be57-andrey bucc;/o=exchangelabs/ou=exchange administrative group (fydibohf23spdlt)/cn=recipients/cn=092327d7955f47e78ad4a60dc2ac8d69-joaquim eli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1698f5af44b14116ad2d0b751d584c7d-danilo rafa;/o=exchangelabs/ou=exchange administrative group (fydibohf23spdlt)/cn=recipients/cn=1d548783c10f4c62bcdf5de7a0f55a3e-lucas marqu;/o=exchangelabs/ou=exchange administrative group (fydibohf23spdlt)/cn=recipients/cn=2144abc9537143519f505fcb8550b74c-juliana emi;/o=exchangelabs/ou=exchange administrative group (fydibohf23spdlt)/cn=recipients/cn=240fafdb21074ab9a87c95d3265e411c-rodr</t>
  </si>
  <si>
    <t>/o=exchangelabs/ou=exchange administrative group (fydibohf23spdlt)/cn=recipients/cn=04e3841f08484fc58ec6c1e78af9be57-andrey bucc,/o=exchangelabs/ou=exchange administrative group (fydibohf23spdlt)/cn=recipients/cn=092327d7955f47e78ad4a60dc2ac8d69-joaquim eli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1698f5af44b14116ad2d0b751d584c7d-danilo rafa,/o=exchangelabs/ou=exchange administrative group (fydibohf23spdlt)/cn=recipients/cn=1d548783c10f4c62bcdf5de7a0f55a3e-lucas marqu,/o=exchangelabs/ou=exchange administrative group (fydibohf23spdlt)/cn=recipients/cn=2144abc9537143519f505fcb8550b74c-juliana emi,/o=exchangelabs/ou=exchange administrative group (fydibohf23spdlt)/cn=recipients/cn=240fafdb21074ab9a87c95d3265e411c-rodr</t>
  </si>
  <si>
    <t>/o=exchangelabs/ou=exchange administrative group (fydibohf23spdlt)/cn=recipients/cn=0bafe1ed27024338be4e911e19871cd1-william rob;/o=exchangelabs/ou=exchange administrative group (fydibohf23spdlt)/cn=recipients/cn=2144abc9537143519f505fcb8550b74c-juliana emi;/o=exchangelabs/ou=exchange administrative group (fydibohf23spdlt)/cn=recipients/cn=287c26b08a0f48578479a15a452f025d-edilson rod;/o=exchangelabs/ou=exchange administrative group (fydibohf23spdlt)/cn=recipients/cn=372a4aee70df4061aed129651510b96b-raul montei;/o=exchangelabs/ou=exchange administrative group (fydibohf23spdlt)/cn=recipients/cn=3b76b3dd02a14d289cc323d3c8d12b81-waleska mar;/o=exchangelabs/ou=exchange administrative group (fydibohf23spdlt)/cn=recipients/cn=3bff4ffb267e4ea2a4a3347f6a4c5cf8-tatiane mag;/o=exchangelabs/ou=exchange administrative group (fydibohf23spdlt)/cn=recipients/cn=44f0a666541444e787f23979b24aa3bd-reginaldo r;/o=exchangelabs/ou=exchange administrative group (fydibohf23spdlt)/cn=recipients/cn=55f846c335d7437f892f0b0d49c89e92-celm</t>
  </si>
  <si>
    <t>/o=exchangelabs/ou=exchange administrative group (fydibohf23spdlt)/cn=recipients/cn=0bafe1ed27024338be4e911e19871cd1-william rob,/o=exchangelabs/ou=exchange administrative group (fydibohf23spdlt)/cn=recipients/cn=2144abc9537143519f505fcb8550b74c-juliana emi,/o=exchangelabs/ou=exchange administrative group (fydibohf23spdlt)/cn=recipients/cn=287c26b08a0f48578479a15a452f025d-edilson rod,/o=exchangelabs/ou=exchange administrative group (fydibohf23spdlt)/cn=recipients/cn=372a4aee70df4061aed129651510b96b-raul montei,/o=exchangelabs/ou=exchange administrative group (fydibohf23spdlt)/cn=recipients/cn=3b76b3dd02a14d289cc323d3c8d12b81-waleska mar,/o=exchangelabs/ou=exchange administrative group (fydibohf23spdlt)/cn=recipients/cn=3bff4ffb267e4ea2a4a3347f6a4c5cf8-tatiane mag,/o=exchangelabs/ou=exchange administrative group (fydibohf23spdlt)/cn=recipients/cn=44f0a666541444e787f23979b24aa3bd-reginaldo r,/o=exchangelabs/ou=exchange administrative group (fydibohf23spdlt)/cn=recipients/cn=55f846c335d7437f892f0b0d49c89e92-celm</t>
  </si>
  <si>
    <t>/o=exchangelabs/ou=exchange administrative group (fydibohf23spdlt)/cn=recipients/cn=010c9ad8a2ca4b90b7642d039dda856e-karolyne ca;/o=exchangelabs/ou=exchange administrative group (fydibohf23spdlt)/cn=recipients/cn=01aeb64eff0d4de086089df15fb8ab85-lidiana fer;/o=exchangelabs/ou=exchange administrative group (fydibohf23spdlt)/cn=recipients/cn=022f9be39d034221ac81aa3656cce40a-ana paula s;/o=exchangelabs/ou=exchange administrative group (fydibohf23spdlt)/cn=recipients/cn=026b94ca382e4c53b6edc028cfd1185a-alvaro brun;/o=exchangelabs/ou=exchange administrative group (fydibohf23spdlt)/cn=recipients/cn=0397d0473d5f42a78f4b9ffd0e537f3a-paula garci;/o=exchangelabs/ou=exchange administrative group (fydibohf23spdlt)/cn=recipients/cn=0673cd34d1b2417c834ebe2a895edd43-maicon mora;/o=exchangelabs/ou=exchange administrative group (fydibohf23spdlt)/cn=recipients/cn=080e83e29285438291c54f0de60e22c2-patricia me;/o=exchangelabs/ou=exchange administrative group (fydibohf23spdlt)/cn=recipients/cn=096be01f3be1448b9e04fb22996909f1-mich</t>
  </si>
  <si>
    <t>/o=exchangelabs/ou=exchange administrative group (fydibohf23spdlt)/cn=recipients/cn=010c9ad8a2ca4b90b7642d039dda856e-karolyne ca,/o=exchangelabs/ou=exchange administrative group (fydibohf23spdlt)/cn=recipients/cn=01aeb64eff0d4de086089df15fb8ab85-lidiana fer,/o=exchangelabs/ou=exchange administrative group (fydibohf23spdlt)/cn=recipients/cn=022f9be39d034221ac81aa3656cce40a-ana paula s,/o=exchangelabs/ou=exchange administrative group (fydibohf23spdlt)/cn=recipients/cn=026b94ca382e4c53b6edc028cfd1185a-alvaro brun,/o=exchangelabs/ou=exchange administrative group (fydibohf23spdlt)/cn=recipients/cn=0397d0473d5f42a78f4b9ffd0e537f3a-paula garci,/o=exchangelabs/ou=exchange administrative group (fydibohf23spdlt)/cn=recipients/cn=0673cd34d1b2417c834ebe2a895edd43-maicon mora,/o=exchangelabs/ou=exchange administrative group (fydibohf23spdlt)/cn=recipients/cn=080e83e29285438291c54f0de60e22c2-patricia me,/o=exchangelabs/ou=exchange administrative group (fydibohf23spdlt)/cn=recipients/cn=096be01f3be1448b9e04fb22996909f1-mich</t>
  </si>
  <si>
    <t>/o=exchangelabs/ou=exchange administrative group (fydibohf23spdlt)/cn=recipients/cn=01dd947fa5e64c6cb9bbbb6c6ff21082-amanda silv;/o=exchangelabs/ou=exchange administrative group (fydibohf23spdlt)/cn=recipients/cn=06eba9dd66a84d6dac3305733f375dfa-mariana cas;/o=exchangelabs/ou=exchange administrative group (fydibohf23spdlt)/cn=recipients/cn=086b170a09044ccdba122e7be04d9f61-flavia viei;/o=exchangelabs/ou=exchange administrative group (fydibohf23spdlt)/cn=recipients/cn=0cbce90bdb1a497884c650ccf6bb3f11-denise marq;/o=exchangelabs/ou=exchange administrative group (fydibohf23spdlt)/cn=recipients/cn=191451e2fbde4ab1bf9afab3d1c50cc6-viviane gon;/o=exchangelabs/ou=exchange administrative group (fydibohf23spdlt)/cn=recipients/cn=2900e0e686484dc1b9e0b0e14c20d4b9-rafaela bor;/o=exchangelabs/ou=exchange administrative group (fydibohf23spdlt)/cn=recipients/cn=2b5d6902d80849afa592112a2f5405c2-ivanete nun;/o=exchangelabs/ou=exchange administrative group (fydibohf23spdlt)/cn=recipients/cn=2fd40d5105804de1a0e7ae1dc8497af5-kell</t>
  </si>
  <si>
    <t>/o=exchangelabs/ou=exchange administrative group (fydibohf23spdlt)/cn=recipients/cn=01dd947fa5e64c6cb9bbbb6c6ff21082-amanda silv,/o=exchangelabs/ou=exchange administrative group (fydibohf23spdlt)/cn=recipients/cn=06eba9dd66a84d6dac3305733f375dfa-mariana cas,/o=exchangelabs/ou=exchange administrative group (fydibohf23spdlt)/cn=recipients/cn=086b170a09044ccdba122e7be04d9f61-flavia viei,/o=exchangelabs/ou=exchange administrative group (fydibohf23spdlt)/cn=recipients/cn=0cbce90bdb1a497884c650ccf6bb3f11-denise marq,/o=exchangelabs/ou=exchange administrative group (fydibohf23spdlt)/cn=recipients/cn=191451e2fbde4ab1bf9afab3d1c50cc6-viviane gon,/o=exchangelabs/ou=exchange administrative group (fydibohf23spdlt)/cn=recipients/cn=2900e0e686484dc1b9e0b0e14c20d4b9-rafaela bor,/o=exchangelabs/ou=exchange administrative group (fydibohf23spdlt)/cn=recipients/cn=2b5d6902d80849afa592112a2f5405c2-ivanete nun,/o=exchangelabs/ou=exchange administrative group (fydibohf23spdlt)/cn=recipients/cn=2fd40d5105804de1a0e7ae1dc8497af5-kell</t>
  </si>
  <si>
    <t>Painel Dezembro</t>
  </si>
  <si>
    <t>Dezembro_ UCB e VALE.xlsm</t>
  </si>
  <si>
    <t>C:\Users\lauanecca\Desktop\BD Caixa\</t>
  </si>
  <si>
    <t>afonsodc@algartech.com;carlosfn@algartech.com;humbertopj@algartech.com;</t>
  </si>
  <si>
    <t>\\acsfs\engeset\CPV_ULA\ADMINISTRATIVO\CONTROLE ADMINISTRATIVO\DOCUMENTAÇÃO PARA HABILITAÇÃO\Algar Tecnologia\2019\000000 - BRADESCO - SERVIÇOS DE SMS - 05.12.2019\</t>
  </si>
  <si>
    <t>RFI_Bradesco SMS.XLSX</t>
  </si>
  <si>
    <t>afonsodc@algartech.com,carlosfn@algartech.com,humbertopj@algartech.com</t>
  </si>
  <si>
    <t>raquelcc@algartech.com;</t>
  </si>
  <si>
    <t>FAT A - FMM FMT.xlsx</t>
  </si>
  <si>
    <t>raquelcc@algartech.com</t>
  </si>
  <si>
    <t>mail.google.com/_/upload?authuser=2&amp;dcp=asu-n&amp;upload_id=AEnB2UoKTwHq6QZn-qxUiL19t-zcV8TL6PanrvIlMyNRFF1nkUBEKsw7-qoy3uSVbqaCCa0vPs-VKux95BV9LznsUPgnKsy1cw&amp;upload_protocol=resumable</t>
  </si>
  <si>
    <t>Acompanhamento Produtividade - Modelo.xlsx</t>
  </si>
  <si>
    <t>C:\Users\lauanecca\Downloads\</t>
  </si>
  <si>
    <t>Integração #SouAlgar - Caixa.xlsx</t>
  </si>
  <si>
    <t>celulai@bradesco.com.br;diana.oliveira@bradesco.com.br;guilhermet.campos@bradesco.com.br;</t>
  </si>
  <si>
    <t>C:\Comercial\2019\Proposta Comercial\RFI Bradesco SMS\</t>
  </si>
  <si>
    <t>celulai@bradesco.com.br,diana.oliveira@bradesco.com.br,guilhermet.campos@bradesco.com.br</t>
  </si>
  <si>
    <t>10.200.61.156</t>
  </si>
  <si>
    <t>C:\Users\rosilenedlf\Desktop\WHP 27-05\FINANCEIRO\RATEIOS\</t>
  </si>
  <si>
    <t>RATEIO IPO ATUALIZAÇÕES novembro (2).xls</t>
  </si>
  <si>
    <t>FORECAST 11-2019 GRC ROBERTA.xlsx</t>
  </si>
  <si>
    <t>denerbb@algartech.com;leandrom@algartech.com;marceloat@algartech.com;marcelodds@algartech.com;suporte-windows@algartech.com;webersonrdp@algartech.com;</t>
  </si>
  <si>
    <t>\\acsfs\SCORP$\11 - Manutenção\</t>
  </si>
  <si>
    <t>cameras cps servidores.xlsx</t>
  </si>
  <si>
    <t>denerbb@algartech.com,leandrom@algartech.com,marceloat@algartech.com,marcelodds@algartech.com,suporte-windows@algartech.com,webersonrdp@algartech.com</t>
  </si>
  <si>
    <t>/o=exchangelabs/ou=exchange administrative group (fydibohf23spdlt)/cn=recipients/cn=e9519d1407044c56a7b8fe1bbc24bebc-michele cam;/o=exchangelabs/ou=exchange administrative group (fydibohf23spdlt)/cn=recipients/cn=fa97b4f41f6b44568346ac119cf955ae-pablo henri;brunapc@algartech.com.br;lorenaagn@algartech.com.br;mabyala@algartech.com.br;stefanebfn@algartech.com.br;</t>
  </si>
  <si>
    <t>Planilha de Casos Governança</t>
  </si>
  <si>
    <t>Devolutiva Governança.xlsx</t>
  </si>
  <si>
    <t>/o=exchangelabs/ou=exchange administrative group (fydibohf23spdlt)/cn=recipients/cn=e9519d1407044c56a7b8fe1bbc24bebc-michele cam,/o=exchangelabs/ou=exchange administrative group (fydibohf23spdlt)/cn=recipients/cn=fa97b4f41f6b44568346ac119cf955ae-pablo henri,brunapc@algartech.com.br,lorenaagn@algartech.com.br,mabyala@algartech.com.br,stefanebfn@algartech.com.br</t>
  </si>
  <si>
    <t>mail.google.com/_/upload?authuser=0&amp;dcp=asu-n&amp;upload_id=AEnB2UqMvMyWUDz180n3en320ByOdwwR_2koWsrZigWKxrFYdaOZ01dWBam0vax67M9dem-EUl3givjxIkyodaKh64GqwDoVFg&amp;upload_protocol=resumable</t>
  </si>
  <si>
    <t>\\acsfs\deptos\Operacao\PCP\5 - Comum\JOSÉ AFONSO NETO\JOB\2019\</t>
  </si>
  <si>
    <t>META PESQUISAS Nov.19.xlsx</t>
  </si>
  <si>
    <t>mail.google.com/_/upload?authuser=0&amp;dcp=asu-n&amp;upload_id=AEnB2UpMiV2CfgC3Oz5vh6b11otLXyBAczFOHwhY0z9TKQqyGZtFbqU0648Ljmu-TCEZehpINwMl1Nns5yiIANbQNmHzT0OKu4F4GQHlMF6ITLIPk7bV1OI&amp;upload_protocol=resumable</t>
  </si>
  <si>
    <t>cpc-controldeskavon@algartech.com;joaogvc@algartech.com;viniciussg@algartech.com;</t>
  </si>
  <si>
    <t>cpc-controldeskavon@algartech.com,joaogvc@algartech.com,viniciussg@algartech.com</t>
  </si>
  <si>
    <t>LOG 20191101 Exibição de Localização Avançada de Log da Ocorrência.xlsx</t>
  </si>
  <si>
    <t>LOG 20191201 Exibição de Localização Avançada de Log da Ocorrência.xlsx</t>
  </si>
  <si>
    <t>alessandrafs@algartech.com;andressafwl@algartech.com;aparecidamb@algartech.com;camilasilva@algartech.com;celiarl@algartecnologia.com.br;centralre9@algartech.com;douglassp@algartech.com;geisonjt@algartech.com;karlasdsri@algartech.com;kesleyidss@algartech.com;silviolap@algartech.com;viniciusmgv@algartech.com;</t>
  </si>
  <si>
    <t>C:\IRIS\</t>
  </si>
  <si>
    <t>Consolidado - Problemas de feriado não pago em folha agosto 19.xlsx</t>
  </si>
  <si>
    <t>alessandrafs@algartech.com,andressafwl@algartech.com,aparecidamb@algartech.com,camilasilva@algartech.com,celiarl@algartecnologia.com.br,centralre9@algartech.com,douglassp@algartech.com,geisonjt@algartech.com,karlasdsri@algartech.com,kesleyidss@algartech.com,silviolap@algartech.com,viniciusmgv@algartech.com</t>
  </si>
  <si>
    <t>Microanálise 20191205.xlsm</t>
  </si>
  <si>
    <t>FINALIZADOS 20191201 Exibição de Localização Avançada de Ocorrência.xlsx</t>
  </si>
  <si>
    <t>mail.google.com/_/upload?authuser=0&amp;dcp=asu-n&amp;upload_id=AEnB2UozWCxTPEjCvbD9ODR6-Cwgyb3-jtRS1IEuIm2U-ntfKOzAZoNweqLWc08Je5tkDP6HpWxh5i51ZTDDGY2FMlfmcGasig&amp;upload_protocol=resumable</t>
  </si>
  <si>
    <t>OPERAÇÕES SERVIÇOS (1).xlsx</t>
  </si>
  <si>
    <t>\\acsfs\DEPTOS\Operacao\PCP\5 - Comum\LUIZ ALFREDO\00 - WHIRLPOOL\02 - COMPRA CERTA\2019\12 - DEZEMBRO\</t>
  </si>
  <si>
    <t>Incentivos Supervisão NOV-19.xlsx</t>
  </si>
  <si>
    <t>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b712c36eebee42428d3790abe2696417-romario gom;/o=exchangelabs/ou=exchange administrative group (fydibohf23spdlt)/cn=recipients/cn=e4dbda4121b54299b4a719c6aa694894-algar tech;sabrinagc@algartech.com;</t>
  </si>
  <si>
    <t>RES: Agentes com bloqueio no Voz</t>
  </si>
  <si>
    <t>Improdutividade.xlsx</t>
  </si>
  <si>
    <t>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b712c36eebee42428d3790abe2696417-romario gom,/o=exchangelabs/ou=exchange administrative group (fydibohf23spdlt)/cn=recipients/cn=e4dbda4121b54299b4a719c6aa694894-algar tech,sabrinagc@algartech.com</t>
  </si>
  <si>
    <t>mail.google.com/_/upload?authuser=0&amp;dcp=asu-n&amp;upload_id=AEnB2UoxOB7CDYuCaoL8zlBqJLSbMr7XI6iIJ1p16R_p13BP58ZpKd1_4U6fOoVKhE2pcaqcAazbUAtHMrqj4t8fo3maCku1bA&amp;upload_protocol=resumable</t>
  </si>
  <si>
    <t>adm_si@algartech.com;alessandroam@algartech.com;danteglha@algartech.com;edsonmnj@algartech.com;suporteso@algartech.com;</t>
  </si>
  <si>
    <t>C:\Users\daniloasb\Downloads\reticket456051bloqueartocadoresdearquivosmp3\Acessos MP3- Qualidade Treinamento PCP.msg\s1\</t>
  </si>
  <si>
    <t>ACESSO MP3.xlsx</t>
  </si>
  <si>
    <t>adm_si@algartech.com,alessandroam@algartech.com,danteglha@algartech.com,edsonmnj@algartech.com,suporteso@algartech.com</t>
  </si>
  <si>
    <t>mail.google.com/_/upload?authuser=0&amp;dcp=asu-n&amp;upload_id=AEnB2Up3CsiVRE2mXTLHHqTm3iTTx_aqF81fB4fLrNiwch1LxeTqSWIn9ja8dtLh40ApLoOsHzhWvVhECAWfoTt427Y2OUj2Mg&amp;upload_protocol=resumable</t>
  </si>
  <si>
    <t>alessandroam@algartech.com;carlosrcos@algartech.com;denerbb@algartech.com;lucasm@algartech.com;marceloat@algartech.com;marcelodds@algartech.com;reginaldort@algartech.com;si@algartech.com;suporte-windows@algartech.com;webersonrdp@algartech.com;</t>
  </si>
  <si>
    <t>InventoryResults-12-05-2019-17h32m13s.xlsx</t>
  </si>
  <si>
    <t>alessandroam@algartech.com,carlosrcos@algartech.com,denerbb@algartech.com,lucasm@algartech.com,marceloat@algartech.com,marcelodds@algartech.com,reginaldort@algartech.com,si@algartech.com,suporte-windows@algartech.com,webersonrdp@algartech.com</t>
  </si>
  <si>
    <t>\\acsfs\DEPTOS\Operacao\PCP\5 - Comum\CONTROL DESK\2 - DAC2\Control Desk WHIRLPOOL\Produtividade BKO Compra Certa\2019\</t>
  </si>
  <si>
    <t>11 - Produtividade BKO Compra Certa.xlsx</t>
  </si>
  <si>
    <t>\\acsfs\DEPTOS\Operacao\PCP\5 - Comum\CONTROL DESK\2 - DAC2\Control Desk WHIRLPOOL\Produtividade Prevenção Ativo\2019\</t>
  </si>
  <si>
    <t>11 - Produtividade Prevenção Ativo.xlsx</t>
  </si>
  <si>
    <t>11 - PAINEL CONSUMIDOR.GOV - Nov19.xlsb</t>
  </si>
  <si>
    <t>ENC: Cenário P2 - 1ª instância</t>
  </si>
  <si>
    <t>11.2019 - Cenário P2 - 1ª instância.xlsb</t>
  </si>
  <si>
    <t>ENC: Cenário P2 - 2ª instância</t>
  </si>
  <si>
    <t>11.2019 - Cenário P2 - 2ª instância.xlsb</t>
  </si>
  <si>
    <t>ACOMPANHAMENTO_4ª ONDA.xlsx</t>
  </si>
  <si>
    <t>mail.google.com/_/upload?authuser=0&amp;dcp=asu-n&amp;upload_id=AEnB2UoScXPphxzwhPVB2Va09w8EGpDCv4dUUgqKoTqexw5k-YfdtVKsr5qTzsH8jY2AZXR3knuBr8gz0_gFnQy78TWXbTUuhizcNbSQq5nwLCT3W8V1Xh0&amp;upload_protocol=resumable</t>
  </si>
  <si>
    <t>Resumo_Contabilizações_2019.xlsx</t>
  </si>
  <si>
    <t>mail.google.com/_/upload?authuser=2&amp;dcp=asu-n&amp;upload_id=AEnB2Ur20IGE1UEBWTNG358pBx6sUABP8wEjQAqYG1qU6qUDYtWbYZuB3pDHs3prWEzg20pmm4SQavZiMp8lLVQX5Hc0RqFKPg&amp;upload_protocol=resumable</t>
  </si>
  <si>
    <t>Acompanhamento Produtividade - Modelo Novo.xlsx</t>
  </si>
  <si>
    <t>BARCELONA COMER VAREJ ATAC OP 0537</t>
  </si>
  <si>
    <t>hellenel</t>
  </si>
  <si>
    <t>hellenel@algartech.com</t>
  </si>
  <si>
    <t>mail.google.com/_/upload?authuser=0&amp;dcp=asu-n&amp;upload_id=AEnB2UpzNh9DIy_nqkILcS8gwLkVntTyPAIkmLKq9uEVQQyOpcnbU6SGCXykfn6OgqoP1gncd4Juj0rTU5CBQclEUiTrxjkqsw&amp;upload_protocol=resumable</t>
  </si>
  <si>
    <t>C:\Users\hellenel\Desktop\</t>
  </si>
  <si>
    <t>CURADORIA DE 29.11 A 04.12.xlsx</t>
  </si>
  <si>
    <t>carolina.farah@bradesco.com.br;christopherjs@algartech.com;elton.r.luz@bradesco.com.br;filype.s.przybylski@bradesco.com.br;gina.cervelli@bradesco.com.br;hugooc@algartech.com;lsouza@deepcenter.com.br;milena.brambila@bradesco.com.br;peterson.l.arruda@bradesco.com.br;tatianedc@algartech.com;wcarvalho@deepcenter.com.br;</t>
  </si>
  <si>
    <t>02-12 Algar EAVM detalhado.xlsx</t>
  </si>
  <si>
    <t>carolina.farah@bradesco.com.br,christopherjs@algartech.com,elton.r.luz@bradesco.com.br,filype.s.przybylski@bradesco.com.br,gina.cervelli@bradesco.com.br,hugooc@algartech.com,lsouza@deepcenter.com.br,milena.brambila@bradesco.com.br,peterson.l.arruda@bradesco.com.br,tatianedc@algartech.com,wcarvalho@deepcenter.com.br</t>
  </si>
  <si>
    <t>mail.google.com/_/upload?authuser=2&amp;dcp=asu-n&amp;upload_id=AEnB2Up6SRMAASBBPWafgIdbVEbP1amIj2uCpzvCOLJE9lMByKXn-9eaVY--SpJOlQAkmpXtYIbAA9USTYpCQWhfn4V8se3oLA&amp;upload_protocol=resumable</t>
  </si>
  <si>
    <t>\\acsfs\ACS\Consultoria de Qualidade\Uberlândia\0. Supervisão Qualidade\3. Controle de Produtividade\</t>
  </si>
  <si>
    <t>Acompanhamento Produtividade - Modelo Horizontal.xlsx</t>
  </si>
  <si>
    <t>mail.google.com/_/upload?authuser=2&amp;dcp=asu-n&amp;upload_id=AEnB2UrfHta163Khu99_Q1lzf4YvDIwUJlyWSdBGqmHvJN1gZtnPg9v1XI2XCC4HUiGEWo6Q3DJcQg0ULm9fp4lr5xEd2n_U0n0uIodH1FFlXTR3QXVNNbU&amp;upload_protocol=resumable</t>
  </si>
  <si>
    <t>C:\Users\rodrigombu\OneDrive - Grupo Algar\Whirlpool\2019\11 - Novembro\Arquivo\Seguradoras\</t>
  </si>
  <si>
    <t>Categorizações Seg Nov-2019.xls</t>
  </si>
  <si>
    <t>RES: ORÇAMENTOS EXECUTADOS</t>
  </si>
  <si>
    <t>TIM Mobilizações_Orçamentos executados Consolidado Algar 06_12_2019.xlsx</t>
  </si>
  <si>
    <t>C:\Users\nataliamam\OneDrive - Grupo Algar\B Blend\</t>
  </si>
  <si>
    <t>Plano Treinamento B blend.xlsx</t>
  </si>
  <si>
    <t>10.200.200.85</t>
  </si>
  <si>
    <t>mail.google.com/_/upload?authuser=0&amp;dcp=asu-n&amp;upload_id=AEnB2UrBYUUWSZ30fW_icdVRgFv23D0QT-8Fn3y9UkC-B8nEWwAWSQ_yYrXXtjWBt0Tq68Q22UkicpQBqUfG8sopx-H-dVLGx-4gJ9YYCTuoixXFzlZnfMw&amp;upload_protocol=resumable</t>
  </si>
  <si>
    <t>mail.google.com/_/upload?authuser=0&amp;dcp=asu-n&amp;upload_id=AEnB2Up5KCVuuo1jN-QPB7F-NazipDX1cwFVrRUWn3-TCpwHv9NOj5WjscCcAaIb-9YBJ1ggcDd-Im30XpF35s2AEhLgaW7g5Q&amp;upload_protocol=resumable</t>
  </si>
  <si>
    <t>Razão TI.xlsx</t>
  </si>
  <si>
    <t>C:\Users\rodrigombu\OneDrive - Grupo Algar\Whirlpool\2019\12 - Dezembro\Arquivos\N1 Speaking\Análise de Perdas\05-12\</t>
  </si>
  <si>
    <t>Análise de Perdas - 05-12-19.xls</t>
  </si>
  <si>
    <t>Categorizações N1 05-Dez-2019.xls</t>
  </si>
  <si>
    <t>DIMENS_SERV N1 SPEAKING_DEZ (RFP).xlsm</t>
  </si>
  <si>
    <t>Dados - operadores (Canais digitais).xlsx</t>
  </si>
  <si>
    <t>mail.google.com/_/upload?authuser=0&amp;dcp=asu-n&amp;upload_id=AEnB2UoBBkbLpNFDzKHEgCwz78dTsQmPVfBgPDAIzeBKXyCOpoIJz2jJBbwS6BcTKJlTR1JLlAm9uZaGun710jd49qlCqpgo_Q&amp;upload_protocol=resumable</t>
  </si>
  <si>
    <t>Template Subir Sobreaviso_Modelo_ MODELO.xlsx</t>
  </si>
  <si>
    <t>C:\Users\Flavia\Desktop\EVENTO POR ASSOCIADO 01 A 3107 -Tarde\</t>
  </si>
  <si>
    <t>Consolidado de CustosBH_01a3011.xlsm</t>
  </si>
  <si>
    <t>gisele.lopes@algartech.com;</t>
  </si>
  <si>
    <t>gisele.lopes@algartech.com</t>
  </si>
  <si>
    <t>mail.google.com/_/upload?authuser=0&amp;dcp=asu-n&amp;upload_id=AEnB2UpDDNuGUXteYivu_d66DnWrgpIT80iCtRXxGleDSetyW_NTuErduVp-CwkpQWWcgvgP-5NEu8J1F5nKwSn4r5kKjFwjrQ&amp;upload_protocol=resumable</t>
  </si>
  <si>
    <t>C:\Users\lucianabo\Desktop\2020\CONSIDERAÇÕES ORÇAMENTO PPT 26112019\ORÇAMENTO 2020_CÍNTIA NUNES OFICIAL.zip\OR€AMENTO 2020_CÖNTIA NUNES OFICIAL.pptx\</t>
  </si>
  <si>
    <t>Atividades_Goodyear_v1.xlsx</t>
  </si>
  <si>
    <t>\\acsfs\deptos\regionais\spo\talentos_humanos_spo\sesmt_spo\2015_organizaÇÃo dos diretÓrios\treinamentos\controle de treinamentos\nr 1,6,23\</t>
  </si>
  <si>
    <t>lista presenÇa ssma - nr 01, nr 06, nr 23 (2017).xls</t>
  </si>
  <si>
    <t>guilhermedsf@algartech.com;</t>
  </si>
  <si>
    <t>\\acsfs\DEPTOS\Controladoria\33. Cobrança\Fechamento Contábil\Rateio PCLD\2019\11 - Novembro\</t>
  </si>
  <si>
    <t>RDC012_PCLD Base Importação Gestor Nov_19.xlsm</t>
  </si>
  <si>
    <t>ENC: Painel Procon Fone</t>
  </si>
  <si>
    <t>11 - Painel PROCON FONE - Nov19.xlsx</t>
  </si>
  <si>
    <t>joysi.pereira.k2@youse.com.br;joysi.pereira@youse.com.br;wasleylc@algartech.com;</t>
  </si>
  <si>
    <t>Intra diário - Novembro</t>
  </si>
  <si>
    <t>Intradiário-SAC - V2 - 30-de-Nov.xlsm</t>
  </si>
  <si>
    <t>joysi.pereira.k2@youse.com.br,joysi.pereira@youse.com.br,wasleylc@algartech.com</t>
  </si>
  <si>
    <t>Matriz de Risco - ID24_JUR 03-12-19 (1) - Cópia.xls</t>
  </si>
  <si>
    <t>CURVA NORMAL - 05/12/2019</t>
  </si>
  <si>
    <t>kelencgt@algartech.com;rayanneba@algartech.com.br;</t>
  </si>
  <si>
    <t>RES: Lançamento de Extras</t>
  </si>
  <si>
    <t>Avaliações Rayanne_next.xls</t>
  </si>
  <si>
    <t>kelencgt@algartech.com,rayanneba@algartech.com.br</t>
  </si>
  <si>
    <t>Árvore Categorização Whirlpool Ecohouse CAC_Corporativo_ 06_12 (version final).xls</t>
  </si>
  <si>
    <t>mail.google.com/_/upload?authuser=2&amp;dcp=asu-n&amp;upload_id=AEnB2UrpEso1tClUgLJwEvYVb8QUBzHUgeHx4WdgUxlSVKMxeYDFE3jkyDmqJUOmTyRXAyYweH_Mk8B_UIAIO1Ms7huBhxmwD98_STjEN9BlCeTAXdL7drY&amp;upload_protocol=resumable</t>
  </si>
  <si>
    <t>Diário de Bordo _ BV Algar.xlsb</t>
  </si>
  <si>
    <t>vocabulario atualizado- 05-12-19.xlsx</t>
  </si>
  <si>
    <t>containsunsubscribedchildren,copyable,displ,display,displaynam,displayname,domain,emailaddress,emailaddress�,explicitlytrashed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able,shared,sharedwith,sharedwithmedate,subscribed,thumbnailversion,title,userperm,userpermission(role),x8fytb1=====</t>
  </si>
  <si>
    <t>\\acsfs\DEPTOS\Operacao\PCP\3 - Corporativo\MIS\GERADOR DE BIO\CLIENTES\Whirlpool\ATIVIDADES_MIS\03 - COMPRA CERTA\Histórico\</t>
  </si>
  <si>
    <t>Indicadores Contratuais - 201911.xlsx</t>
  </si>
  <si>
    <t>DIMENS_SERV N1 SPEAKING_DEZ (RFP) - Análise Perda 05-12-19.xlsm</t>
  </si>
  <si>
    <t>mail.google.com/_/upload?authuser=0&amp;dcp=asu-n&amp;upload_id=AEnB2Ur9Y1amoXQXzwSfHbkykLEvxcDRoDAao4ApBydbourI2JOzUbHBeiqhQpvZN9ca1a_Hn7H_Uc24PDTJAg6eMhilCAsTSg&amp;upload_protocol=resumable</t>
  </si>
  <si>
    <t>C:\Users\lucasfbr\Grupo Algar\MARCOS VINICIUS ARAUJO SILVA - Gestão de Ativos de Software Microsoft\Win Srv\</t>
  </si>
  <si>
    <t>01. Win Srv - Balanço.xlsx</t>
  </si>
  <si>
    <t>Matriz de Risco - ID24_COMPRAS.xls</t>
  </si>
  <si>
    <t>mail.google.com/_/upload?authuser=0&amp;dcp=asu-n&amp;upload_id=AEnB2Ur3pDVFRlS86yOM3Z1Dmt4LTpaK7Lu7L6hhMU4QujBcGRWu4pFbz8qlA_HfNfVy4nJ3dmz1awt8EdJH1XIBbv9mUOAYmCk0LT4btbJN9kXKTIu7Hys&amp;upload_protocol=resumable</t>
  </si>
  <si>
    <t>Matriz de Risco - ID24_JUR 03-12-19.xls</t>
  </si>
  <si>
    <t>CRs Tech.xlsx</t>
  </si>
  <si>
    <t>10.250.254.99</t>
  </si>
  <si>
    <t>adrianaafss@algartech.com;alessandrar@algartech.com;cintia.nunes@algartech.com;diegobg@algartech.com;grazielabo@algartech.com;irisen@algartech.com;marcotulio@algartech.com;priscilacy@algartech.com;renataalves@algartecnologia.com.br;senildapdo@algartecnologia.com.br;tayss@algartech.com;vanessasca@algartech.com;</t>
  </si>
  <si>
    <t>SLA GRC Atual.xlsx</t>
  </si>
  <si>
    <t>adrianaafss@algartech.com,alessandrar@algartech.com,cintia.nunes@algartech.com,diegobg@algartech.com,grazielabo@algartech.com,irisen@algartech.com,marcotulio@algartech.com,priscilacy@algartech.com,renataalves@algartecnologia.com.br,senildapdo@algartecnologia.com.br,tayss@algartech.com,vanessasca@algartech.com</t>
  </si>
  <si>
    <t>Análise de Produtos NOV 2019.xlsb</t>
  </si>
  <si>
    <t>10.200.36.39</t>
  </si>
  <si>
    <t>\\acsfs\deptos\DME\CME - Coordenacao de Marketing e Estrategia\Gestão da Área\Reuniões de Governança\Outros fóruns\2019\Receita 2020 - Desdobramentos\Receita 2020 e desdobramentos v3.pptx\</t>
  </si>
  <si>
    <t>mail.google.com/_/upload?authuser=2&amp;dcp=asu-n&amp;upload_id=AEnB2UohwkqJoEU-bW7MoAxS1h47q9xc969atubkEwDmCcXGRaAw20qSZkwqKEgwklzpa12dLKkO24EaQY5deDDvtDB5j1Z0VKDFfBdPcvBoHNSXuM3gyVA&amp;upload_protocol=resumable</t>
  </si>
  <si>
    <t>mail.google.com/_/upload?authuser=0&amp;dcp=asu-n&amp;upload_id=AEnB2UpClQIDhN7iWEjRbbAT_KbaQrvUKcqnxy5r0wnUPnrz0aIbK6dJZ9vHis3noNAXn-7aZfoaqxmLplL0_xkVaS59E7APEPYSGAOQuSOP6Kmc4GCFGNM&amp;upload_protocol=resumable</t>
  </si>
  <si>
    <t>C:\Marcopaulo\09 STAFF DIGITAL\</t>
  </si>
  <si>
    <t>Staff Digital Real Novembro.xlsx</t>
  </si>
  <si>
    <t>Racional.Alinhamento.Telecom.14.11.2019 (1).xlsx</t>
  </si>
  <si>
    <t>Metas Incremental e Recorrente 2020 - Raul v2.xlsx</t>
  </si>
  <si>
    <t>\\acsfs\deptos\CAS - Coordenação de Arquitetura de Soluções\Projetos\2019\NetFlix\207414 - NETFLIX - SAC\Preço\</t>
  </si>
  <si>
    <t>207414 - NETFLIX SAC 24 Plan Precificacao C018 B018.xlsb</t>
  </si>
  <si>
    <t>\\acsfs\deptos\CAS - Coordenação de Arquitetura de Soluções\Projetos\2019\NetFlix\207414 - NETFLIX - SAC\Preço\207414 - NETFLIX SAC 24 Plan Precificacao C018 B018.xlsb\</t>
  </si>
  <si>
    <t>\\acsfs\ACS\Suporte à Operações\02 - Faturamento\2019\12 - Dezembro\BRADESCO\Termos de aceite\</t>
  </si>
  <si>
    <t>TA - Solange Contriciani.xlsx</t>
  </si>
  <si>
    <t>10.200.61.153</t>
  </si>
  <si>
    <t>FC-01-7C-B3-89-13</t>
  </si>
  <si>
    <t>C:\Segatto\temp\</t>
  </si>
  <si>
    <t>GruposAcessoUsuariosAD.xlsx</t>
  </si>
  <si>
    <t>fabricianocs@algartech.com</t>
  </si>
  <si>
    <t>guilhermeaso@algartech.com;luizfsm@algartech.com;luizmda@algartech.com;suporteso@algartech.com;</t>
  </si>
  <si>
    <t>C:\Users\fabricianocs\Documents\</t>
  </si>
  <si>
    <t>Antiviuros Comfrio.xlsx</t>
  </si>
  <si>
    <t>guilhermeaso@algartech.com,luizfsm@algartech.com,luizmda@algartech.com,suporteso@algartech.com</t>
  </si>
  <si>
    <t>Controle_Compras_Goodyear.xlsx</t>
  </si>
  <si>
    <t>Aprovação 1 ACAO.xlsx</t>
  </si>
  <si>
    <t>BPO - Equipamentos Redes.xlsm</t>
  </si>
  <si>
    <t>Archive.csv</t>
  </si>
  <si>
    <t>matheusmpm@algartech.com</t>
  </si>
  <si>
    <t>celmars@algartech.com;helieldfs@algartech.com;janecsa@algartech.com;</t>
  </si>
  <si>
    <t>\\acsfs\DEPTOS\Controladoria\Planejamento\Reuniao Gerencial\2019\4ª Reuger\REUGER\</t>
  </si>
  <si>
    <t>4ª Reuger 2019 - IFRS16_Holding.xlsx</t>
  </si>
  <si>
    <t>celmars@algartech.com,helieldfs@algartech.com,janecsa@algartech.com</t>
  </si>
  <si>
    <t>mail.google.com/_/upload?authuser=0&amp;dcp=asu-n&amp;upload_id=AEnB2UqsTyRIuslIzzvRpZH3ympjd2TJVwCN_vp7WnlUg4gQtsEodF0hZy65YvXEpa7Q3wOMmtYXIu2-ymmCT3iepRk2kXWOxuFUg-eMx0HybkCTlv0eJbQ&amp;upload_protocol=resumable</t>
  </si>
  <si>
    <t>Atividades-ANF31 - BH_06_12_19_EDUARDA.xlsx</t>
  </si>
  <si>
    <t>mail.google.com/_/upload?authuser=1&amp;dcp=asu-n&amp;upload_id=AEnB2UrTReaGt2e0KlyvsMdm3bQlLiPloprJlGiH9J866EXPC53GvTz7zDJpS_DpBaAdZcFgDRsbWnN9a2dtITC5g4RIBG00mMTcuXTqmmEWPXJCxNbSQsg&amp;upload_protocol=resumable</t>
  </si>
  <si>
    <t>C:\Users\renataalves\Desktop\Plano tático Analista.pptx\</t>
  </si>
  <si>
    <t>\\acsfs\DEPTOS\Restrito\07. REDIR (ATAS)\</t>
  </si>
  <si>
    <t>Atas Redir 3.xlsm</t>
  </si>
  <si>
    <t>mail.google.com/_/upload?authuser=0&amp;dcp=asu-n&amp;upload_id=AEnB2Uq23_BeZx5oLvqaRfUNwKDlHzMJsX42kJh1L6MdeTsfrJblyHSXNiLDIoKYGn1nB68X1e_VF4bSwYhfMlOBGxjQpcJdmQ&amp;upload_protocol=resumable</t>
  </si>
  <si>
    <t>C:\INFORMAÇÕES CLIENTES SOLLERO\COMFRIO SOLUÇÕES LOGISTICAS SA\ENTREGAS\2019\</t>
  </si>
  <si>
    <t>Levantamento COMFRIO.xlsx</t>
  </si>
  <si>
    <t>FORMALIZAÇÃO VISA_AMEX_ Dezembro.xlsm</t>
  </si>
  <si>
    <t>alexandra.goncalves@bradesco.com.br;carmem.peres@bradesco.com.br;claudiac.machado@bradesco.com.br;cristiano.j.cortez@bradesco.com.br;daniele.carvalho@bradesco.com.br;emerson.r.correia@bradesco.com.br;fernanda.l.pereira@bradesco.com.br;gisele.nascimento@bradesco.com.br;leandrolds@algartech.com;marina.yokogawa@bradesco.com.br;sarah.henrique@bradesco.com.br;</t>
  </si>
  <si>
    <t>Daily Unificado Correntista_201911 (22).xlsx</t>
  </si>
  <si>
    <t>alexandra.goncalves@bradesco.com.br,carmem.peres@bradesco.com.br,claudiac.machado@bradesco.com.br,cristiano.j.cortez@bradesco.com.br,daniele.carvalho@bradesco.com.br,emerson.r.correia@bradesco.com.br,fernanda.l.pereira@bradesco.com.br,gisele.nascimento@bradesco.com.br,leandrolds@algartech.com,marina.yokogawa@bradesco.com.br,sarah.henrique@bradesco.com.br</t>
  </si>
  <si>
    <t>207414 - NETFLIX SAC 24 Plan Precificacao C018 B018 rev1.xlsb</t>
  </si>
  <si>
    <t>C:\Users\lucianocle\Desktop\207414 - NETFLIX SAC 24 Plan Precificacao C018 B018 rev1.xlsb\</t>
  </si>
  <si>
    <t>adalbertoms@algartech.com;alessandroam@algartech.com;edilsonrb@algartech.com;fabiorb@algartech.com;helbertbb@algartech.com;ibrahimet@algartech.com;lucasm@algartecnologia.com.br;taysdss@algartech.com;tayss@algartech.com;thiagordu@algartech.com;</t>
  </si>
  <si>
    <t>adalbertoms@algartech.com,alessandroam@algartech.com,edilsonrb@algartech.com,fabiorb@algartech.com,helbertbb@algartech.com,ibrahimet@algartech.com,lucasm@algartecnologia.com.br,taysdss@algartech.com,tayss@algartech.com,thiagordu@algartech.com</t>
  </si>
  <si>
    <t>mail.google.com/mail/u/0/#inbox/FMfcgxwGCGsZjmnDRjnVBDlsDTtLCLkC</t>
  </si>
  <si>
    <t>Lista de venda.xlsx</t>
  </si>
  <si>
    <t>mail.google.com/_/upload?authuser=0&amp;dcp=asu-n&amp;upload_id=AEnB2UoKjq9fd-xG6sqBjnYgY-0ldfkWBo067cr7yvaXFiUEdbOksSmIDARxpN8tViSfjUFDavscgyB2N4TCAFgzezqkZhiXR88N2lcOSxEEjYcZapOS1TA&amp;upload_protocol=resumable</t>
  </si>
  <si>
    <t>alessandroam@algartech.com;analise.propostasgrc@algartech.com;brunocss@algartech.com;daniloms@algartech.com;diegoiao@algartech.com;diegorso@algartech.com;janainalm@algartech.com;kellycb@algartech.com;lilianeadb@algartech.com;marcoab@algartech.com;patriciaars@algartech.com;</t>
  </si>
  <si>
    <t>D:\AlgarTech\Planejamento_Engenharia\BPO\RFP - Netflix Opt 207414 - NETFLIX - SAC DATA DE ENTREGA\</t>
  </si>
  <si>
    <t>Custos.xlsx</t>
  </si>
  <si>
    <t>alessandroam@algartech.com,analise.propostasgrc@algartech.com,brunocss@algartech.com,daniloms@algartech.com,diegoiao@algartech.com,diegorso@algartech.com,janainalm@algartech.com,kellycb@algartech.com,lilianeadb@algartech.com,marcoab@algartech.com,patriciaars@algartech.com</t>
  </si>
  <si>
    <t>romariog@algartech.com;</t>
  </si>
  <si>
    <t>ENC: Relatórios next</t>
  </si>
  <si>
    <t>romariog@algartech.com</t>
  </si>
  <si>
    <t>/o=exchangelabs/ou=exchange administrative group (fydibohf23spdlt)/cn=recipients/cn=752b238be4024ba780ebb8f233981c71-dayara guzz;dayarag@algartech.com.br;</t>
  </si>
  <si>
    <t>Avaliações Dayara next</t>
  </si>
  <si>
    <t>Avaliações Dayara_next.xls</t>
  </si>
  <si>
    <t>/o=exchangelabs/ou=exchange administrative group (fydibohf23spdlt)/cn=recipients/cn=752b238be4024ba780ebb8f233981c71-dayara guzz,dayarag@algartech.com.br</t>
  </si>
  <si>
    <t>jullian@algartech.com;</t>
  </si>
  <si>
    <t>Metas Incrementais 2020 Latam 06-12.xlsx</t>
  </si>
  <si>
    <t>Resumo Gerencial Bacen Procedente Amex até 05/12</t>
  </si>
  <si>
    <t>10.201.28.70</t>
  </si>
  <si>
    <t>Novo Modelo de Prévia.xlsx</t>
  </si>
  <si>
    <t>10001465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ure,quotabytesused,share,shareable,shared,sharedwithmedate,subscribed,thumbnailversion,title,userpermission(role),workspaceids</t>
  </si>
  <si>
    <t>digitial_asset_control_log.csv</t>
  </si>
  <si>
    <t>0]werc��_x0010_re,1,1172849818,1575648204116,[],[]]],containsunsubscribedchildren,copyable,displayname,domain,emailaddress,explicitlytrashed,false,false]",filesize,hasthumbnail,hasvisitorpermissions,id,id),items(kind,ken,lastmodifyinguser(kind,lastviewedbymedate,mimetype,modifiedbymedate,modifieddate,null,ontainsunsubscribedchildren,owners(kind,permissionid,picture,quotabytesused,share,shareable,shared,sharedwithmedate,sjorabwwjhpjftsq\",subscribed,thumbnailversion,title,userpermission(role),workspaceids</t>
  </si>
  <si>
    <t>BANCO VOTORANTIM</t>
  </si>
  <si>
    <t>10.200.66.162</t>
  </si>
  <si>
    <t>64-1C-67-9D-1E-2F</t>
  </si>
  <si>
    <t>VOTORANT-LB040</t>
  </si>
  <si>
    <t>alexandrapp</t>
  </si>
  <si>
    <t>\\acsfs\profiles$\alexandrapp\Downloads\</t>
  </si>
  <si>
    <t>0d2fa356-5c6f-4a64-969e-7bc8f0451e1e.tmp</t>
  </si>
  <si>
    <t>DLP_BV</t>
  </si>
  <si>
    <t>CPF BRASIL</t>
  </si>
  <si>
    <t>SMB</t>
  </si>
  <si>
    <t>\\acsfs\profiles$\alexandrapp\Downloads\0d2fa356-5c6f-4a64-969e-7bc8f0451e1e.tmp</t>
  </si>
  <si>
    <t>Clipboard</t>
  </si>
  <si>
    <t>10.200.66.168</t>
  </si>
  <si>
    <t>64-1C-67-9C-84-A3</t>
  </si>
  <si>
    <t>VOTORANT-JB015</t>
  </si>
  <si>
    <t>anakdss</t>
  </si>
  <si>
    <t>10.200.66.24</t>
  </si>
  <si>
    <t>64-1C-67-9D-1E-C3</t>
  </si>
  <si>
    <t>VOTORANT-JB019</t>
  </si>
  <si>
    <t>izabellaco</t>
  </si>
  <si>
    <t>10.200.66.180</t>
  </si>
  <si>
    <t>D0-67-E5-FF-14-4B</t>
  </si>
  <si>
    <t>VOTORANT-ACB004</t>
  </si>
  <si>
    <t>victoravdo</t>
  </si>
  <si>
    <t>10.200.66.140</t>
  </si>
  <si>
    <t>74-86-7A-FB-16-EA</t>
  </si>
  <si>
    <t>VOTORANT-YB011</t>
  </si>
  <si>
    <t>DanielTA</t>
  </si>
  <si>
    <t>10.200.67.150</t>
  </si>
  <si>
    <t>74-86-7A-FC-CE-99</t>
  </si>
  <si>
    <t>VOTORANT-PB008</t>
  </si>
  <si>
    <t>sarahbal</t>
  </si>
  <si>
    <t>\\acsfs\profiles$\sarahbal\Downloads\</t>
  </si>
  <si>
    <t>2b12d9e6-625d-400c-9a40-69c22684476b.tmp</t>
  </si>
  <si>
    <t>\\acsfs\profiles$\sarahbal\Downloads\2b12d9e6-625d-400c-9a40-69c22684476b.tmp</t>
  </si>
  <si>
    <t>10.200.66.129</t>
  </si>
  <si>
    <t>74-86-7A-FB-16-FB</t>
  </si>
  <si>
    <t>VOTORANT-IB019</t>
  </si>
  <si>
    <t>matheushds</t>
  </si>
  <si>
    <t>10.200.66.127</t>
  </si>
  <si>
    <t>74-86-7A-FB-1B-28</t>
  </si>
  <si>
    <t>VOTORANT-YB004</t>
  </si>
  <si>
    <t>alessandrawp</t>
  </si>
  <si>
    <t>10.200.67.66</t>
  </si>
  <si>
    <t>74-86-7A-FB-17-24</t>
  </si>
  <si>
    <t>VOTORANT-IB010</t>
  </si>
  <si>
    <t>leydianeamd</t>
  </si>
  <si>
    <t>Brazil: CPF - Cadastro de Pessoas Físicas (Natural Persons Register)</t>
  </si>
  <si>
    <t>\\acsfs\DEPTOS\DME\CME - Coordenacao de Marketing e Estrategia\Gestão da Área\Reuniões de Governança\REDIR Vendas\2019\10 - Dezembro\REDIR_VENDAS_DMV _2019.pptx\</t>
  </si>
  <si>
    <t>mail.google.com/_/upload?authuser=0&amp;dcp=asu-n&amp;upload_id=AEnB2Urh8Kj1L7RX6Wm8bdSiQsiL-eOVNzem3PIPS77Fd-ARzvP8jxMiCFDA2ojkFXZSUgGaV2vDAjE_hXr1H33EIMdY8E6Smg8hIsnyCmmVAxXWOYFNWPA&amp;upload_protocol=resumable</t>
  </si>
  <si>
    <t>C:\Users\lucianabo\Desktop\2019\CONTROLES DE PONTO\</t>
  </si>
  <si>
    <t>Correções Luciana Bernardes Nov.19.xlsx</t>
  </si>
  <si>
    <t>mail.google.com/_/upload?authuser=0&amp;dcp=asu-n&amp;upload_id=AEnB2Uq8vb8t-QYOlearm7fJMzBmuZqUUqm3XUZ8lFIydJUDCmRAF7wUUA8Uk-xparHVBH9nRAz9T-KpRnhydcNdaM36e9MsLQ&amp;upload_protocol=resumable</t>
  </si>
  <si>
    <t>henriquerfr@algartech.com;iaraadss@algartech.com;leandrom@algartech.com;lucasm@algartech.com;luizfsm@algartech.com;marcelo.fernandes@ipnet.cloud;</t>
  </si>
  <si>
    <t>1 - [TEMPLATE - MIGRAÇÃO] Relação de Usuários_GST_06-12-2019.xlsx</t>
  </si>
  <si>
    <t>henriquerfr@algartech.com,iaraadss@algartech.com,leandrom@algartech.com,lucasm@algartech.com,luizfsm@algartech.com,marcelo.fernandes@ipnet.cloud</t>
  </si>
  <si>
    <t>10.200.66.22</t>
  </si>
  <si>
    <t>74-86-7A-FB-17-B1</t>
  </si>
  <si>
    <t>VOTORANT-YB005</t>
  </si>
  <si>
    <t>vitoriaams</t>
  </si>
  <si>
    <t>/o=exchangelabs/ou=exchange administrative group (fydibohf23spdlt)/cn=recipients/cn=9bb376e8b4c74d45963b1165e99fb0ea-fernando ro;luanaed@algartech.com.br;</t>
  </si>
  <si>
    <t>ENC: Distribuição _1º Ciclo de dezembro</t>
  </si>
  <si>
    <t>1ª Ciclo_ Planejameno next.xls</t>
  </si>
  <si>
    <t>/o=exchangelabs/ou=exchange administrative group (fydibohf23spdlt)/cn=recipients/cn=9bb376e8b4c74d45963b1165e99fb0ea-fernando ro,luanaed@algartech.com.br</t>
  </si>
  <si>
    <t>gsuite.issues@fwd.cscalgar.com.br;rafael.cardoso@ipnet.cloud;</t>
  </si>
  <si>
    <t>ArchiveOline-Tech.csv</t>
  </si>
  <si>
    <t>gsuite.issues@fwd.cscalgar.com.br,rafael.cardoso@ipnet.cloud</t>
  </si>
  <si>
    <t>C:\Users\iramildass\Desktop\CESAG\</t>
  </si>
  <si>
    <t>Cartinhas de Natal - CESAG.xlsx</t>
  </si>
  <si>
    <t>10.200.67.154</t>
  </si>
  <si>
    <t>78-2B-CB-C1-07-1B</t>
  </si>
  <si>
    <t>VOTORANT-RB009</t>
  </si>
  <si>
    <t>deborahsi</t>
  </si>
  <si>
    <t>\\acsfs\profiles$\deborahsi\Downloads\</t>
  </si>
  <si>
    <t>b3b89636-a702-4b6d-81b7-031cc1ba4bf6.tmp</t>
  </si>
  <si>
    <t>\\acsfs\profiles$\deborahsi\Downloads\b3b89636-a702-4b6d-81b7-031cc1ba4bf6.tmp</t>
  </si>
  <si>
    <t>6d619879-7ce4-467b-b7bf-de1d6155a5af.tmp</t>
  </si>
  <si>
    <t>\\acsfs\profiles$\deborahsi\Downloads\6d619879-7ce4-467b-b7bf-de1d6155a5af.tmp</t>
  </si>
  <si>
    <t>dffcf32c-752b-4030-a338-9bcb403c1ff6.tmp</t>
  </si>
  <si>
    <t>\\acsfs\profiles$\deborahsi\Downloads\dffcf32c-752b-4030-a338-9bcb403c1ff6.tmp</t>
  </si>
  <si>
    <t>4bdee58a-af69-4a40-bfd4-a9b092fa8c93.tmp</t>
  </si>
  <si>
    <t>\\acsfs\profiles$\sarahbal\Downloads\4bdee58a-af69-4a40-bfd4-a9b092fa8c93.tmp</t>
  </si>
  <si>
    <t>10.200.67.38</t>
  </si>
  <si>
    <t>74-86-7A-FB-1B-51</t>
  </si>
  <si>
    <t>VOTORANT-PB010</t>
  </si>
  <si>
    <t>joaopnbg</t>
  </si>
  <si>
    <t>RES: UBC e Vale</t>
  </si>
  <si>
    <t>Cópia de Dezembro_ UCB e VALE_06.12.xlsm</t>
  </si>
  <si>
    <t>\\ACSFS\Engeset\FINANCEIRO_ULA\CONTROLA\SG\00 - Aplicações\05- Forecast\Justificativa Financeiro\</t>
  </si>
  <si>
    <t>Conciliação de Receita Outubro - 19.xlsx</t>
  </si>
  <si>
    <t>ACS SAUDE POOL</t>
  </si>
  <si>
    <t>10.200.66.141</t>
  </si>
  <si>
    <t>D0-67-E5-FF-1A-BC</t>
  </si>
  <si>
    <t>BV-GB077</t>
  </si>
  <si>
    <t>paulacris</t>
  </si>
  <si>
    <t>https://outlook.office365.com/mapi/emsmdb/?mailboxid=62fbec23-6abc-4188-9ff8-31c473fb057b@algartech.com</t>
  </si>
  <si>
    <t>body</t>
  </si>
  <si>
    <t>/o=exchangelabs/ou=exchange administrative group (fydibohf23spdlt)/cn=recipients/cn=f927337e9e32468d91da72c6c6ec4935-eliamar de;eliamardo@algartech.com.br;pamelakdsc@algartech.com.br;thaisbrs@algartech.com.br;</t>
  </si>
  <si>
    <t>RES: Pontuações - Ativo</t>
  </si>
  <si>
    <t>Itens pontuados do Ativo..xls</t>
  </si>
  <si>
    <t>/o=exchangelabs/ou=exchange administrative group (fydibohf23spdlt)/cn=recipients/cn=f927337e9e32468d91da72c6c6ec4935-eliamar de,eliamardo@algartech.com.br,pamelakdsc@algartech.com.br,thaisbrs@algartech.com.br</t>
  </si>
  <si>
    <t>BRADESCO LEGADO CIELO</t>
  </si>
  <si>
    <t>10.200.66.212</t>
  </si>
  <si>
    <t>D0-94-66-B5-70-B8</t>
  </si>
  <si>
    <t>VOTORANT-ABB018</t>
  </si>
  <si>
    <t>fabianafv</t>
  </si>
  <si>
    <t>\\acsfs\profiles$\fabianafv\Downloads\</t>
  </si>
  <si>
    <t>e3962259-fea1-49ff-b23e-0c662c19d1ca.tmp</t>
  </si>
  <si>
    <t>\\acsfs\profiles$\fabianafv\Downloads\e3962259-fea1-49ff-b23e-0c662c19d1ca.tmp</t>
  </si>
  <si>
    <t>10.200.67.167</t>
  </si>
  <si>
    <t>74-86-7A-FB-17-AC</t>
  </si>
  <si>
    <t>VOTORANT-PB009</t>
  </si>
  <si>
    <t>geovannasm</t>
  </si>
  <si>
    <t>\\acsfs\profiles$\geovannasm\Downloads\</t>
  </si>
  <si>
    <t>19a73025-3d86-4f28-bed7-f3ac86262f41.tmp</t>
  </si>
  <si>
    <t>\\acsfs\profiles$\geovannasm\Downloads\19a73025-3d86-4f28-bed7-f3ac86262f41.tmp</t>
  </si>
  <si>
    <t>10.200.32.172</t>
  </si>
  <si>
    <t>\\acsfs\dsti\CITIM - Coordenação de Infra TI Implantação\Projetos\EM IMPLANTAÇÃO\SAGE\NOVO FATURAMENTO\12 - Dezembro\</t>
  </si>
  <si>
    <t>Faturamento.Sage.Dezembro.xlsx</t>
  </si>
  <si>
    <t>elencassiapo@algartech.com;elencassiapo@algartech.com.br;micheless@algartech.com;priscilalb@algartech.com;priscilalb@algartech.com.br;</t>
  </si>
  <si>
    <t>MIS Ilha Especialistas - Visão Supervisão</t>
  </si>
  <si>
    <t>MIS ILHA ESPECIALISTA - Atualização.xlsm</t>
  </si>
  <si>
    <t>elencassiapo@algartech.com,elencassiapo@algartech.com.br,micheless@algartech.com,priscilalb@algartech.com,priscilalb@algartech.com.br</t>
  </si>
  <si>
    <t>anapscl@algartech.com;fabiolacc@algartecnologia.com.br;fredericobs@algartecnologia.com.br;micheless@algartech.com;rafaelaas@algartech.com;</t>
  </si>
  <si>
    <t>MIS Ilha Especialistas</t>
  </si>
  <si>
    <t>anapscl@algartech.com,fabiolacc@algartecnologia.com.br,fredericobs@algartecnologia.com.br,micheless@algartech.com,rafaelaas@algartech.com</t>
  </si>
  <si>
    <t>ce1212e8-977d-4ba8-94fd-b5448ffb0e3e.tmp</t>
  </si>
  <si>
    <t>\\acsfs\profiles$\fabianafv\Downloads\ce1212e8-977d-4ba8-94fd-b5448ffb0e3e.tmp</t>
  </si>
  <si>
    <t>6175e609-90c1-4806-a9ec-0ed5871af053.tmp</t>
  </si>
  <si>
    <t>\\acsfs\profiles$\fabianafv\Downloads\6175e609-90c1-4806-a9ec-0ed5871af053.tmp</t>
  </si>
  <si>
    <t>mail.google.com/_/upload?authuser=0&amp;dcp=asu-n&amp;upload_id=AEnB2UoLeNaInp5HGHPSCrXWkYtQXExocy-6VYw6vRLI3SFOR8qO_j3XhozHqXVrmmDseTtVKabYTEg9otKb33hDbBQ9Iyez9KdHtAPWf1GLjAWv6zvBSy0&amp;upload_protocol=resumable</t>
  </si>
  <si>
    <t>pmo@algartech.com;</t>
  </si>
  <si>
    <t>ENC: Cenário operação Resoluções Especiais</t>
  </si>
  <si>
    <t>PAINEL RESOLUÇÕES ESPECIAIS Nov19.xlsb</t>
  </si>
  <si>
    <t>10.200.66.59</t>
  </si>
  <si>
    <t>74-86-7A-FB-17-BA</t>
  </si>
  <si>
    <t>VOTORANT-YB003</t>
  </si>
  <si>
    <t>josejds</t>
  </si>
  <si>
    <t>11 ESTRUTURA NOVEMBRO.xlsx</t>
  </si>
  <si>
    <t>10.200.67.176</t>
  </si>
  <si>
    <t>78-2B-CB-C1-05-43</t>
  </si>
  <si>
    <t>VOTORANT-RB010</t>
  </si>
  <si>
    <t>leticiala</t>
  </si>
  <si>
    <t>\\acsfs\profiles$\leticiala\Downloads\</t>
  </si>
  <si>
    <t>4a3d961e-4256-4576-85dc-aba6c068ef11.tmp</t>
  </si>
  <si>
    <t>\\acsfs\profiles$\leticiala\Downloads\4a3d961e-4256-4576-85dc-aba6c068ef11.tmp</t>
  </si>
  <si>
    <t>gisellenm@algartech.com;lucianarba@algartecnologia.com.br;nancy_gabrielle_gonzalez_castro@carrefour.com;</t>
  </si>
  <si>
    <t>C:\Users\lucianarba\Downloads\</t>
  </si>
  <si>
    <t>Black Friday - Carrefour.xlsx</t>
  </si>
  <si>
    <t>gisellenm@algartech.com,lucianarba@algartecnologia.com.br,nancy_gabrielle_gonzalez_castro@carrefour.com</t>
  </si>
  <si>
    <t>b601fa9d-9735-4fc8-99a0-2cc8d6b579ae.tmp</t>
  </si>
  <si>
    <t>\\acsfs\profiles$\deborahsi\Downloads\b601fa9d-9735-4fc8-99a0-2cc8d6b579ae.tmp</t>
  </si>
  <si>
    <t>PAINEL RESOLUÇÕES ESPECIAIS Out19.xlsb</t>
  </si>
  <si>
    <t>10.250.254.95</t>
  </si>
  <si>
    <t>D:\OneDrive\AlgarTech\Pré-Vendas\Cliente\2019\Marista\199252 - NOC + WIT\1. Precificação\</t>
  </si>
  <si>
    <t>Marista Dimensionamento do Serviço GIAT_v6 - PILOTO COMAND CENTER LDC_v5 com WIT.xlsm</t>
  </si>
  <si>
    <t>Marista Dimensionamento do Serviço GIAT_v6 - PILOTO COMAND CENTER LDC_v5 com WIT POC.xlsm</t>
  </si>
  <si>
    <t>Computers - MacAddresses.xlsx</t>
  </si>
  <si>
    <t>D:\OneDrive\AlgarTech\Pré-Vendas\Cliente\2019\Marista\199252 - NOC + WIT\1. Precificação\199252 Marista Plan Precificacao C017 B017_v1.xlsb\</t>
  </si>
  <si>
    <t>D:\OneDrive\AlgarTech\Pré-Vendas\Cliente\2019\Marista\199252 - NOC + WIT\1. Precificação\199252 Marista Plan Precificacao C017 B017_v1 POC.xlsb\</t>
  </si>
  <si>
    <t>D:\OneDrive\AlgarTech\Pré-Vendas\Cliente\2019\Marista\199252 - NOC + WIT\4. Documentos\6. Outros\</t>
  </si>
  <si>
    <t>Bloco 5 - Salasxls.xlsx</t>
  </si>
  <si>
    <t>Bloco 5 - Salas.xlsx</t>
  </si>
  <si>
    <t>Bloco 5 - Salas.csv</t>
  </si>
  <si>
    <t>Bloco 4xls.csv.xlsx</t>
  </si>
  <si>
    <t>Bloco 4xls.csv</t>
  </si>
  <si>
    <t>Bloco 4.csv</t>
  </si>
  <si>
    <t>10.200.67.174</t>
  </si>
  <si>
    <t>78-2B-CB-C1-07-45</t>
  </si>
  <si>
    <t>VOTORANT-PB007</t>
  </si>
  <si>
    <t>vitoriars</t>
  </si>
  <si>
    <t>10.200.66.66</t>
  </si>
  <si>
    <t>74-86-7A-FC-D0-16</t>
  </si>
  <si>
    <t>VOTORANT-YB008</t>
  </si>
  <si>
    <t>jovanadss</t>
  </si>
  <si>
    <t>06-12.xlsx</t>
  </si>
  <si>
    <t>Template_Registro_FTE_Realizado_Novembro - Copia.xlsb</t>
  </si>
  <si>
    <t>\\acsfs\deptos\regionais\spo\talentos_humanos_spo\sesmt_spo\2015_organizaÇÃo dos diretÓrios\controles\controle geral\controle pci\</t>
  </si>
  <si>
    <t>controle de extintores.xls</t>
  </si>
  <si>
    <t>mail.google.com/_/upload?authuser=0&amp;dcp=asu-n&amp;upload_id=AEnB2UrHCLN7ZZEt-MgPb68XsH964Hssn5IYCi44nwkBQDuQbJkCZzxI8BXZdT4Y9Ndk6DBLpefHGX0UnCrhEjv-7Jq6RYIPtw&amp;upload_protocol=resumable</t>
  </si>
  <si>
    <t>10.200.67.79</t>
  </si>
  <si>
    <t>78-2B-CB-C1-07-6B</t>
  </si>
  <si>
    <t>VOTORANT-JB009</t>
  </si>
  <si>
    <t>marcelacdss</t>
  </si>
  <si>
    <t>marceloaalc</t>
  </si>
  <si>
    <t>C:\Users\paulacris\Downloads\</t>
  </si>
  <si>
    <t>BANCO DE DADOS - OPERAÇÃO (1).xlsx</t>
  </si>
  <si>
    <t>\\acsfs\DEPTOS\Operacao\PCP\5 - Comum\PLANEJAMENTO BV\22 - BANCO DE DADOS BV\CARTÕES\BANCO DE DADOS - OPERAÇÃO (1).xlsx</t>
  </si>
  <si>
    <t>Whirlpool_Plano_Testes__Roteamento_Voz_v01_1 (1) (1).xlsx</t>
  </si>
  <si>
    <t>samuelvcp@algartech.com;</t>
  </si>
  <si>
    <t>ENDEREÇOS</t>
  </si>
  <si>
    <t>Minuta Eletrônica TAM CARGO Atualizada.xls</t>
  </si>
  <si>
    <t>samuelvcp@algartech.com</t>
  </si>
  <si>
    <t>mail.google.com/_/upload?authuser=1&amp;dcp=asu-n&amp;upload_id=AEnB2UoGIUcXKHS76EDGTrWwywsdSHOSpLJ1swBN6hvlx9QkAXdemhZoDt7EqAeGz6-9sOP9jDTebPPQym5Jes9rtlwaiDecPQ&amp;upload_protocol=resumable</t>
  </si>
  <si>
    <t>C:\Users\marcotb\Desktop\12 - XPERIENCE - 05 12 2019.pptx\</t>
  </si>
  <si>
    <t>8a9c7a2e-ef9d-47f0-8c51-da9f5f93c68e.tmp</t>
  </si>
  <si>
    <t>\\acsfs\profiles$\geovannasm\Downloads\8a9c7a2e-ef9d-47f0-8c51-da9f5f93c68e.tmp</t>
  </si>
  <si>
    <t>claudia.siqueira@temposervicos.com.br;coordenadorespf@algartech.com;demetrio.joaquim@bradesco.com.br;fabiolacc@algartecnologia.com.br;fernanda.sperandio@bradesco.com.br;fernanda.sperandio@fisglobal.com;fredericobs@algartecnologia.com.br;jacqueline.mariano@temposervicos.com.br;juliana.azevedo@fisglobal.com.;michelecdc@algartech.com;micheless@algartech.com;rodrigo.cunha@temposervicos.com.br;viviane.virgilio@temposervicos.com.br;</t>
  </si>
  <si>
    <t>Mis Pesquisa de Satisfação - URA - FECHAMENTO NOVEMBRO</t>
  </si>
  <si>
    <t>claudia.siqueira@temposervicos.com.br,coordenadorespf@algartech.com,demetrio.joaquim@bradesco.com.br,fabiolacc@algartecnologia.com.br,fernanda.sperandio@bradesco.com.br,fernanda.sperandio@fisglobal.com,fredericobs@algartecnologia.com.br,jacqueline.mariano@temposervicos.com.br,juliana.azevedo@fisglobal.com.,michelecdc@algartech.com,micheless@algartech.com,rodrigo.cunha@temposervicos.com.br,viviane.virgilio@temposervicos.com.br</t>
  </si>
  <si>
    <t>mail.google.com/_/upload?authuser=0&amp;dcp=asu-n&amp;upload_id=AEnB2UrO1vrj7M6-3XG7nm86K1z8iwqbBLLxtWR7V_TXxFmWGyuMtpyofEfvyclXn3kNSxRiogn-b1bxm1FmM3R5N2nTpkkGew&amp;upload_protocol=resumable</t>
  </si>
  <si>
    <t>\\acsfs\dsti\CES - Coordenacao de Entrega de Serviços\02 - Comum\01 - Gestao da Area\SUPERFRIO\2019\11. Novembro\</t>
  </si>
  <si>
    <t>Fat_SuperFrio_Novt_19.xlsx</t>
  </si>
  <si>
    <t>Escala TRN - Genesys.xlsx</t>
  </si>
  <si>
    <t>C:\Users\adrielefc\Downloads\</t>
  </si>
  <si>
    <t>BP - NESPRESSO_2 (1).xlsx</t>
  </si>
  <si>
    <t>mg;</t>
  </si>
  <si>
    <t>Preço - Açao Black Friday 2019 - v7.xlsx</t>
  </si>
  <si>
    <t>mg</t>
  </si>
  <si>
    <t>suciellerr@algartech.com.br;</t>
  </si>
  <si>
    <t>Indicações a vaga de educador</t>
  </si>
  <si>
    <t>Candidatos PF.xlsx</t>
  </si>
  <si>
    <t>suciellerr@algartech.com.br</t>
  </si>
  <si>
    <t>\\acsfs\profiles$\sarahbal\My Documents\</t>
  </si>
  <si>
    <t>Rascunho.txt</t>
  </si>
  <si>
    <t>\\acsfs\profiles$\sarahbal\My Documents\Rascunho.txt</t>
  </si>
  <si>
    <t>\\acsfs\deptos\Regionais\SPO\TALENTOS_HUMANOS_SPO\SESMT_SPO\2015_ORGANIZAÇÃO DOS DIRETÓRIOS\Indicadores\Acidentes de Trabalho\Acidentes\CAT\INVESTIGAÇÃO DE ACIDENTES 2019\</t>
  </si>
  <si>
    <t>Planilha de Análise de Acidentes - ANA PAULA DE AMORIN DE SOUZA.xls</t>
  </si>
  <si>
    <t>a9040be5-7240-4cba-8750-d7010104652a.tmp</t>
  </si>
  <si>
    <t>\\acsfs\profiles$\alexandrapp\Downloads\a9040be5-7240-4cba-8750-d7010104652a.tmp</t>
  </si>
  <si>
    <t>10.200.67.180</t>
  </si>
  <si>
    <t>74-86-7A-FC-CF-5C</t>
  </si>
  <si>
    <t>VOTORANT-RB008</t>
  </si>
  <si>
    <t>leonardobb</t>
  </si>
  <si>
    <t>21dac8fe-5668-4e5e-9deb-311c5e964233.tmp</t>
  </si>
  <si>
    <t>\\acsfs\profiles$\leticiala\Downloads\21dac8fe-5668-4e5e-9deb-311c5e964233.tmp</t>
  </si>
  <si>
    <t>mail.google.com/_/upload?authuser=0&amp;dcp=asu-n&amp;upload_id=AEnB2UrzIwd9-iQrANsGIvNpXqt8t0L2EJ0BaEs7EEL8Lomy64lcb0WX7GYhxnujI6HSEAtFjaB-DAD6ZO2UVbMDInVRl7GwAg&amp;upload_protocol=resumable</t>
  </si>
  <si>
    <t>adalbertoms@algartech.com;alessandroam@algartech.com;andrelps@algartech.com;edilsonrb@algartech.com;fabiorb@algartech.com;helbertbb@algartech.com;ibrahimet@algartech.com;lucasm@algartecnologia.com.br;marcosvas@algartech.com;taysdss@algartech.com;tayss@algartech.com;</t>
  </si>
  <si>
    <t>Relatório - Banco Votorantim.xlsx</t>
  </si>
  <si>
    <t>adalbertoms@algartech.com,alessandroam@algartech.com,andrelps@algartech.com,edilsonrb@algartech.com,fabiorb@algartech.com,helbertbb@algartech.com,ibrahimet@algartech.com,lucasm@algartecnologia.com.br,marcosvas@algartech.com,taysdss@algartech.com,tayss@algartech.com</t>
  </si>
  <si>
    <t>mail.google.com/_/upload?authuser=2&amp;dcp=asu-n&amp;upload_id=AEnB2UqGkFk5ULdFPis6AXDE-LZrOANDYEyvXOYXXfj3AWXUElfOU3sVeTlQ-s5IGaMAqi1dj8Z86pW8gqvC5ci_EREhOcmw6GJy0NOOIAxcySfT-ko92nk&amp;upload_protocol=resumable</t>
  </si>
  <si>
    <t>Acompanhamento Produtividade Oficial - DEZ.xlsx</t>
  </si>
  <si>
    <t>mail.google.com/_/upload?authuser=1&amp;dcp=asu-n&amp;upload_id=AEnB2UoWUUPsd61lQigwmZyUyCBVIC0l3yMJSgO6E4sFwUxt8AEJNTEkO8d9fFEQqFoxu8-W1GQVDd93BhCjuWSUMY7VLMqJrrHaSyYhXVf10bu0uc7O0nw&amp;upload_protocol=resumable</t>
  </si>
  <si>
    <t>C:\Users\marcotb\Downloads\</t>
  </si>
  <si>
    <t>Campanhas 2020.xlsx</t>
  </si>
  <si>
    <t>4baa1bc1-2e02-425a-99b1-2ab9186e0c85.tmp</t>
  </si>
  <si>
    <t>\\acsfs\profiles$\leticiala\Downloads\4baa1bc1-2e02-425a-99b1-2ab9186e0c85.tmp</t>
  </si>
  <si>
    <t>paulohaf</t>
  </si>
  <si>
    <t>\\acsfs\profiles$\paulohaf\Downloads\</t>
  </si>
  <si>
    <t>88179e92-6add-440c-9632-9ff8528036dd.tmp</t>
  </si>
  <si>
    <t>\\acsfs\profiles$\paulohaf\Downloads\88179e92-6add-440c-9632-9ff8528036dd.tmp</t>
  </si>
  <si>
    <t>51c1f2b9-55a7-4141-8874-ef1d0ae6a85d.tmp</t>
  </si>
  <si>
    <t>\\acsfs\profiles$\fabianafv\Downloads\51c1f2b9-55a7-4141-8874-ef1d0ae6a85d.tmp</t>
  </si>
  <si>
    <t>974714fe-e66b-4023-be5a-e1d2ea86887a.tmp</t>
  </si>
  <si>
    <t>\\acsfs\profiles$\fabianafv\Downloads\974714fe-e66b-4023-be5a-e1d2ea86887a.tmp</t>
  </si>
  <si>
    <t>mail.google.com/_/upload?authuser=0&amp;dcp=asu-n&amp;upload_id=AEnB2Uo-tDsqHlpCwdCynPIKrpNgP-UqwbGHWzaewdayh58I6PLVw3DdlFwyJ73el_EJS0Ux4Ez3FU6a5clRvJ_W5ntonfwoigAgyTYoFvRHQKxkvMZDl0o&amp;upload_protocol=resumable</t>
  </si>
  <si>
    <t>OneDrive Uso.xlsx</t>
  </si>
  <si>
    <t>"sip:andreldc@algartech.com" displayname="andre luis da cruz" firstmessage="true" type="text/rtf"&gt; &lt;messageinfo type="text/rtf" msgid="" sequenceid="1"&gt;{\rtf1\fbidis\ansi\ansicpg1252\deff0\nouicompat\deflang1046{\fonttbl{\f0\fnil\fcharset0 segoe ui;}{\f1\f</t>
  </si>
  <si>
    <t>https://www.googleapis.comupload/drive/v2internal/files/150xs48f47k0cenxjtwou4urv-eeugcui?uploadtype=multipart&amp;supportsteamdrives=true&amp;fields=kind,parents/id,title,mimetype,labels/starred,labels/trashed,createddate,modifieddate,lastviewedbymedate,filesize,id,shared,sharedwithmedate,explicitlytrashed,subscribed,capabilities/candownload,fileextension,md5checksum,folderfeatures,etag,ownedbyme,capabilities/canedit,capabilities/cancomment,hasthumbnail,servercreateddate,version,headrevisionid,capabilities/canaddchildren,capabilities/candelete,capabilities/canremovechildren,capabilities/cantrash,capabilities/canmanagemembers,teamdriveid,capabilities/canrename,passivelysubscribed,hasvisitorpermissions,contentrestrictions/readonly,capabilities/canmodifycontent,capabilities/candeletechildren,capabilities/cantrashchildren,shortcutdetails/targetid,shortcutdetails/targetmimetype,shortcutdetails/targetlookupstatus,shortcutdetails/targetfile</t>
  </si>
  <si>
    <t>chunked.bin</t>
  </si>
  <si>
    <t>mail.google.com/_/upload?authuser=0&amp;dcp=asu-n&amp;upload_id=AEnB2UohFkFHDdVnp4_5cxbO35dwKnHoQuamkV0SO1qYbrn96H8cYGtOZdrZA1yrO5IuxVW748TFgavNRiS9yyhXuZWMog8iKA&amp;upload_protocol=resumable</t>
  </si>
  <si>
    <t>C:\Users\lucianabo\Downloads\Escala de Treinamento ID UNICO - cenários de escalas .msg\s135\</t>
  </si>
  <si>
    <t>\\acsfs\profiles$\geovannasm\My Documents\</t>
  </si>
  <si>
    <t>transferencia06.txt</t>
  </si>
  <si>
    <t>\\acsfs\profiles$\geovannasm\My Documents\transferencia06.txt</t>
  </si>
  <si>
    <t>mail.google.com/_/upload?authuser=0&amp;dcp=asu-n&amp;upload_id=AEnB2UpEpEWmqP1ourkt7LILcQgNLTd6022GN0v9RbntaXTakYygYfykhVO1mXxkicNAlhkwltR-Oi67jzjarPfZyjYVQkUWzA&amp;upload_protocol=resumable</t>
  </si>
  <si>
    <t>\\acsfs\deptos\Operacao\PCP\5 - Comum\JOSÉ AFONSO NETO\AVON\Escalas\</t>
  </si>
  <si>
    <t>TRN NR-17_2.xlsx</t>
  </si>
  <si>
    <t>carlos facioli neto &lt;carlosfn@algartech.com&gt;&lt;br&gt;&lt;/di�;dioniziorn@algartech.com;ken=aa2cq0exa2uknbbm_uabqnevptpb:1575661293542&amp;buildlabel=drive.web-frontend_20191127.00_p1&gt;\n&lt;p class=\"msonormal\" style=\"text-autospace:none\"&gt;&lt;span lang=\"es\" style=\"font-size:10.0pt;line-height:115�olor:black\"&gt;&lt;u&gt;&lt;/u&gt; &lt;u&gt;&lt;/u&gt;&lt;/span&gt;&lt;/p&gt;\n&lt;p class=\"msonormal\" style=\"text-autospace:none\"&gt;&lt;span lang=\"es\" style=\"font-size:10.0pt;line-height:115�olor:black\"&gt;prezado fornecedor algar tecnologia e consultoria sa br21.246.699/0001-44&lt;u&gt;&lt;/u&gt;&lt;u&gt;&lt;/u&gt;&lt;/span&gt;&lt;/p&gt;\n&lt;p class=\"msonormal\" style=\"text-autospace:none\"&gt;&lt;span lang=\"es\" style=\"font-size:10.0pt;line-height:115�olor:black\"&gt;o motivo de nosso contato é para notificar que devido a falta de pagamento da(s) fatura(s) vencida(s) que sua empresa têm com a telefônica\n data s/a procedemos com o bloqueio do perfil de sua empresa na plataforma de comércio eletrônica do grupo da telefônica.&lt;u&gt;&lt;/u&gt;&lt;u&gt;&lt;/u&gt;&lt;/span&gt;&lt;/p&gt;\n&lt;p class=\"msonormal\" style=\"text-autospace:none\"&gt;&lt;span l</t>
  </si>
  <si>
    <t>\\acsfs\engeset\CPV_ULA\ADMINISTRATIVO\CONTROLE ADMINISTRATIVO\DOCUMENTAÇÃO PARA HABILITAÇÃO\Algar Tecnologia\2019\207414 - NETFLIX - SAC - 12.12.2019\</t>
  </si>
  <si>
    <t>carlos facioli neto &lt;carlosfn@algartech.com&gt;&lt;br&gt;&lt;/di�,dioniziorn@algartech.com,ken=aa2cq0exa2uknbbm_uabqnevptpb:1575661293542&amp;buildlabel=drive.web-frontend_20191127.00_p1&gt;\n&lt;p class=\"msonormal\" style=\"text-autospace:none\"&gt;&lt;span lang=\"es\" style=\"font-size:10.0pt;line-height:115�olor:black\"&gt;&lt;u&gt;&lt;/u&gt; &lt;u&gt;&lt;/u&gt;&lt;/span&gt;&lt;/p&gt;\n&lt;p class=\"msonormal\" style=\"text-autospace:none\"&gt;&lt;span lang=\"es\" style=\"font-size:10.0pt;line-height:115�olor:black\"&gt;prezado fornecedor algar tecnologia e consultoria sa br21.246.699/0001-44&lt;u&gt;&lt;/u&gt;&lt;u&gt;&lt;/u&gt;&lt;/span&gt;&lt;/p&gt;\n&lt;p class=\"msonormal\" style=\"text-autospace:none\"&gt;&lt;span lang=\"es\" style=\"font-size:10.0pt;line-height:115�olor:black\"&gt;o motivo de nosso contato é para notificar que devido a falta de pagamento da(s) fatura(s) vencida(s) que sua empresa têm com a telefônica\n data s/a procedemos com o bloqueio do perfil de sua empresa na plataforma de comércio eletrônica do grupo da telefônica.&lt;u&gt;&lt;/u&gt;&lt;u&gt;&lt;/u&gt;&lt;/span&gt;&lt;/p&gt;\n&lt;p class=\"msonormal\" style=\"text-autospace:none\"&gt;&lt;span l</t>
  </si>
  <si>
    <t>c:\users\walissonrs\desktop\controle de demandas\atividades\ssd\</t>
  </si>
  <si>
    <t>C:\Users\edsonbc\Desktop\</t>
  </si>
  <si>
    <t>Planilha de Análise de Acidentes - EDER CAVALCANTE.xls</t>
  </si>
  <si>
    <t>C:\Users\elainemdlp\OD\_Projetos\Em andamento\Relacionamento Cartoes BV\03 - Execucao\MIS\Vendas D-1\</t>
  </si>
  <si>
    <t>Planejamento Vendas D-1 .xlsx</t>
  </si>
  <si>
    <t>C:\Users\elainemdlp\OD\_Projetos\Em andamento\Relacionamento Cartoes BV\03 - Execucao\MIS\Vendas D-1\EscopoVendaD-1.doc\</t>
  </si>
  <si>
    <t>10.200.66.181</t>
  </si>
  <si>
    <t>64-1C-67-9D-1E-33</t>
  </si>
  <si>
    <t>VOTORANT-LB015</t>
  </si>
  <si>
    <t>davimvs</t>
  </si>
  <si>
    <t>davimvs@bv.algartech.com</t>
  </si>
  <si>
    <t>https://udpmailboxap01/h/search;jsessionid=1koebqi5oxy25ri0nilixgfip?si=0&amp;so=0&amp;sc=35868&amp;st=conversation&amp;action=compose</t>
  </si>
  <si>
    <t>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b712c36eebee42428d3790abe2696417-romario gom;/o=exchangelabs/ou=exchange administrative group (fydibohf23spdlt)/cn=recipients/cn=e4dbda4121b54299b4a719c6aa694894-algar tech;/o=exchangelabs/ou=exchange administrative group (fydibohf23spdlt)/cn=recipients/cn=fcd29556c9bb456ab7f0a9f84fcf90d5-hyonara fer;/o=exchangelabs/ou=exchange administrative group (fydibohf23spdlt)/cn=recipients/cn=groupf56ef55a;dayanegm@algartech.com.br;hyonarafs@algartech.com.br;pedrohms@algartech.com.br;samanthadmr@algartech.com.br;</t>
  </si>
  <si>
    <t>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b712c36eebee42428d3790abe2696417-romario gom,/o=exchangelabs/ou=exchange administrative group (fydibohf23spdlt)/cn=recipients/cn=e4dbda4121b54299b4a719c6aa694894-algar tech,/o=exchangelabs/ou=exchange administrative group (fydibohf23spdlt)/cn=recipients/cn=fcd29556c9bb456ab7f0a9f84fcf90d5-hyonara fer,/o=exchangelabs/ou=exchange administrative group (fydibohf23spdlt)/cn=recipients/cn=groupf56ef55a,dayanegm@algartech.com.br,hyonarafs@algartech.com.br,pedrohms@algartech.com.br,samanthadmr@algartech.com.br</t>
  </si>
  <si>
    <t>C:\Users\renataalves\Desktop\Report Semanal Customer Success_06-12_Bradescov2.pptx\</t>
  </si>
  <si>
    <t>mail.google.com/_/upload?authuser=0&amp;dcp=asu-n&amp;upload_id=AEnB2UqoKZGUAPV3EmivkPtFGp3ioR8pIlmESgKdNharmblwhWvC05-N5bCxlnUhc4mpdr7v2vIL_VjvjiANZdtpEKrsVlpuuA&amp;upload_protocol=resumable</t>
  </si>
  <si>
    <t>\\acsfs\profiles$\marcelacdss\My Documents\ATENDIMENTOS\DEZEMBRO\</t>
  </si>
  <si>
    <t>06.txt</t>
  </si>
  <si>
    <t>\\acsfs\profiles$\marcelacdss\My Documents\ATENDIMENTOS\DEZEMBRO\06.txt</t>
  </si>
  <si>
    <t>ATESTE CONTRATO 26_2019 - Outubro.xlsx</t>
  </si>
  <si>
    <t>mail.google.com/_/upload?authuser=1&amp;dcp=asu-n&amp;upload_id=AEnB2UowhMVMgoIcTp4jH4iwaXcd28dyjBCtJvnLmCYH4Z4J5sl256jQ33A2WENo-TIUY3kZIcNIDkk-85tCjJGlvylttx-E8g&amp;upload_protocol=resumable</t>
  </si>
  <si>
    <t>Farol NR-17 - 37ª Parcial 2019...xlsb</t>
  </si>
  <si>
    <t>10.201.30.69</t>
  </si>
  <si>
    <t>\\cppfs\cpdeptos\CPC\3 - Acompanhamento\CORRENTISTA\Boletim Semanal\Boletim Semanal_06 12- Comercial Algar.pptx\</t>
  </si>
  <si>
    <t>mail.google.com/_/upload?authuser=2&amp;dcp=asu-n&amp;upload_id=AEnB2UoXbsJwKxxyAKK6I3DvhIo5VTUpEA9bw_mnDT2BdxrN83bm-dvq6MGxHHH1SwlODZWo-oGeMisCW1Hu7UfJe6Xz9U92kA&amp;upload_protocol=resumable</t>
  </si>
  <si>
    <t>mail.google.com/_/upload?authuser=1&amp;dcp=asu-n&amp;upload_id=AEnB2UpBI3uGxP1VRh-ZwOhfPL4va9OfO2CQ0qBwZRtptp0TVKEa59RiWOLwt5llD6R4loFZzOuWHeBaKPrAWYxJ4ta7vPFZHBmt3c5-NPDP3u3PY8GADAw&amp;upload_protocol=resumable</t>
  </si>
  <si>
    <t>C:\Users\renataalves\Desktop\Marketing\Customer Success\Planejamento 2020\CustomerSuccess_AlgarTech_Plano2020.pptx\</t>
  </si>
  <si>
    <t>mail.google.com/_/upload?authuser=2&amp;dcp=asu-n&amp;upload_id=AEnB2UpcJgwvy9zlOXM5KSOzJT78vdkX81_OqiVZNHeM_eg2oaOMn46IhP-Dq5YLwG9RB9KnA-NcR-sCWzuoMfpts2MEpew89NAchTF3PyGT8QwiIKQ10ek&amp;upload_protocol=resumable</t>
  </si>
  <si>
    <t>Distribuição - 2ª Semana.xls</t>
  </si>
  <si>
    <t>\\acsfs\Deptos\Controladoria\2 - Business Performance\2019\1 - Precificacao\6 - Revisao da Metodologia\Consultoria Teros\05 - Fase Resolutiva\02 - Informacoes Solicitadas\</t>
  </si>
  <si>
    <t>DE-PARA Produtos.xlsx</t>
  </si>
  <si>
    <t>Projetos_2019.xlsb</t>
  </si>
  <si>
    <t>Fornecedores TI_CAPEX.xlsx</t>
  </si>
  <si>
    <t>mariliafsc@algartech.com;</t>
  </si>
  <si>
    <t>C:\Users\rodrigormc\Desktop\Parcial\Boletim Semanal_06 12- Comercial.pptx\</t>
  </si>
  <si>
    <t>10.200.66.123</t>
  </si>
  <si>
    <t>78-2B-CB-C1-05-44</t>
  </si>
  <si>
    <t>VOTORANT-IB017</t>
  </si>
  <si>
    <t>milenaas</t>
  </si>
  <si>
    <t>\\acsfs\profiles$\milenaas\Downloads\</t>
  </si>
  <si>
    <t>51230d97-8343-46c7-9843-abdeb439859e.tmp</t>
  </si>
  <si>
    <t>\\acsfs\profiles$\milenaas\Downloads\51230d97-8343-46c7-9843-abdeb439859e.tmp</t>
  </si>
  <si>
    <t>alicecpbc</t>
  </si>
  <si>
    <t>\\acsfs\profiles$\ALICECPBC\Favorites\</t>
  </si>
  <si>
    <t>citrex.url</t>
  </si>
  <si>
    <t>\\acsfs\profiles$\ALICECPBC\Favorites\citrex.url</t>
  </si>
  <si>
    <t>749842df-b6ab-4d15-b2af-a6c7fd84d170.tmp</t>
  </si>
  <si>
    <t>\\acsfs\profiles$\milenaas\Downloads\749842df-b6ab-4d15-b2af-a6c7fd84d170.tmp</t>
  </si>
  <si>
    <t>10.200.67.214</t>
  </si>
  <si>
    <t>D0-94-66-B5-5F-36</t>
  </si>
  <si>
    <t>VOTORANT-ABB016</t>
  </si>
  <si>
    <t>luanarda</t>
  </si>
  <si>
    <t>\\acsfs\profiles$\luanarda\Downloads\</t>
  </si>
  <si>
    <t>c6c06a5c-aafa-40da-a5b6-50a35bca5e45.tmp</t>
  </si>
  <si>
    <t>\\acsfs\profiles$\luanarda\Downloads\c6c06a5c-aafa-40da-a5b6-50a35bca5e45.tmp</t>
  </si>
  <si>
    <t>10.200.66.219</t>
  </si>
  <si>
    <t>D0-94-66-B5-70-B9</t>
  </si>
  <si>
    <t>VOTORANT-ABB017</t>
  </si>
  <si>
    <t>paulovadc</t>
  </si>
  <si>
    <t>\\acsfs\profiles$\paulovadc\Downloads\</t>
  </si>
  <si>
    <t>3ef817f8-9540-40c8-a528-99821690357b.tmp</t>
  </si>
  <si>
    <t>\\acsfs\profiles$\paulovadc\Downloads\3ef817f8-9540-40c8-a528-99821690357b.tmp</t>
  </si>
  <si>
    <t>10.200.66.101</t>
  </si>
  <si>
    <t>D0-94-66-B5-7F-8F</t>
  </si>
  <si>
    <t>VOTORANT-AFB019</t>
  </si>
  <si>
    <t>isabellegtds</t>
  </si>
  <si>
    <t>\\acsfs\profiles$\isabellegtds\Downloads\</t>
  </si>
  <si>
    <t>e0d617dc-c941-4653-8171-339e4ee8f606.tmp</t>
  </si>
  <si>
    <t>\\acsfs\profiles$\isabellegtds\Downloads\e0d617dc-c941-4653-8171-339e4ee8f606.tmp</t>
  </si>
  <si>
    <t>3997bfec-f1af-4448-acdc-7e999acbcacf.tmp</t>
  </si>
  <si>
    <t>\\acsfs\profiles$\isabellegtds\Downloads\3997bfec-f1af-4448-acdc-7e999acbcacf.tmp</t>
  </si>
  <si>
    <t>10.200.66.200</t>
  </si>
  <si>
    <t>D0-94-66-B5-4C-A0</t>
  </si>
  <si>
    <t>VOTORANT-AFB020</t>
  </si>
  <si>
    <t>alexandremm</t>
  </si>
  <si>
    <t>\\acsfs\profiles$\alexandremm\Searches\</t>
  </si>
  <si>
    <t>winrt--{S-1-5-21-602162358-764733703-839522115-352958}-.searchconnector-ms</t>
  </si>
  <si>
    <t>\\acsfs\profiles$\alexandremm\Searches\winrt--{S-1-5-21-602162358-764733703-839522115-352958}-.searchconnector-ms</t>
  </si>
  <si>
    <t>604c5d76-0336-44de-a503-60995e1e63b3.tmp</t>
  </si>
  <si>
    <t>\\acsfs\profiles$\isabellegtds\Downloads\604c5d76-0336-44de-a503-60995e1e63b3.tmp</t>
  </si>
  <si>
    <t>579771a8-f168-4602-8363-3102fd006515.tmp</t>
  </si>
  <si>
    <t>\\acsfs\profiles$\paulovadc\Downloads\579771a8-f168-4602-8363-3102fd006515.tmp</t>
  </si>
  <si>
    <t>10.200.32.142</t>
  </si>
  <si>
    <t>mail.google.com/_/upload?authuser=0&amp;dcp=asu-n&amp;upload_id=AEnB2UqDlo0KgaHCLDtYq_TBtUwhXbCEdh6XuN7Jko0h9T5B8WAafalLkJGdntNxw5NSHcVKdfPYy9Z1gPbf1Zh9Ya8ae8Tafg&amp;upload_protocol=resumable</t>
  </si>
  <si>
    <t>\\acsfs\QLD\Gestão por Processos\Oficiais\Sistema de Gestão Integrada\Auditorias Internas\SGI\9º Ciclo SGI\06 - Comunicação e Conscientização\</t>
  </si>
  <si>
    <t>Mapa de Processos - Algar Tech 2019 - Final.xls</t>
  </si>
  <si>
    <t>10.200.67.11</t>
  </si>
  <si>
    <t>74-86-7A-FB-17-CC</t>
  </si>
  <si>
    <t>VOTORANT-FB016</t>
  </si>
  <si>
    <t>talitassc</t>
  </si>
  <si>
    <t>\\acsfs\profiles$\talitassc\Contacts\</t>
  </si>
  <si>
    <t>TALITA SANTOS SILVA CASTRO (28060).contact</t>
  </si>
  <si>
    <t>\\acsfs\profiles$\talitassc\Contacts\TALITA SANTOS SILVA CASTRO (28060).contact</t>
  </si>
  <si>
    <t>\\acsfs\profiles$\talitassc\Favorites\Links for Brasil\</t>
  </si>
  <si>
    <t>Microsoft Brasil.url</t>
  </si>
  <si>
    <t>\\acsfs\profiles$\talitassc\Favorites\Links for Brasil\Microsoft Brasil.url</t>
  </si>
  <si>
    <t>Windows Brasil.url</t>
  </si>
  <si>
    <t>\\acsfs\profiles$\talitassc\Favorites\Links for Brasil\Windows Brasil.url</t>
  </si>
  <si>
    <t>MSN Brasil.url</t>
  </si>
  <si>
    <t>\\acsfs\profiles$\talitassc\Favorites\Links for Brasil\MSN Brasil.url</t>
  </si>
  <si>
    <t>10.200.67.171</t>
  </si>
  <si>
    <t>64-1C-67-9D-1B-F4</t>
  </si>
  <si>
    <t>VOTORANT-FB011</t>
  </si>
  <si>
    <t>SISTEMA</t>
  </si>
  <si>
    <t>https://collectit.softwatch.com/collectit/windows/uninstall_reg.php</t>
  </si>
  <si>
    <t>C:\temp\CollectIT\uninstall.zip\</t>
  </si>
  <si>
    <t>uninstall-utf8.reg</t>
  </si>
  <si>
    <t>a4e2776b-3394-43a1-8a29-098325215038.tmp</t>
  </si>
  <si>
    <t>\\acsfs\profiles$\paulovadc\Downloads\a4e2776b-3394-43a1-8a29-098325215038.tmp</t>
  </si>
  <si>
    <t>395129ba-ddab-47c9-8d0d-a5e7c83339aa.tmp</t>
  </si>
  <si>
    <t>\\acsfs\profiles$\paulovadc\Downloads\395129ba-ddab-47c9-8d0d-a5e7c83339aa.tmp</t>
  </si>
  <si>
    <t>f8ab391f-1cb8-420e-a539-33f9d0e6554a.tmp</t>
  </si>
  <si>
    <t>\\acsfs\profiles$\isabellegtds\Downloads\f8ab391f-1cb8-420e-a539-33f9d0e6554a.tmp</t>
  </si>
  <si>
    <t>\\acsfs\profiles$\alicecpbc\My Documents\</t>
  </si>
  <si>
    <t>anotações.txt</t>
  </si>
  <si>
    <t>\\acsfs\profiles$\alicecpbc\My Documents\anotações.txt</t>
  </si>
  <si>
    <t>10.200.66.221</t>
  </si>
  <si>
    <t>D0-94-66-B5-48-21</t>
  </si>
  <si>
    <t>VOTORANT-ABB020</t>
  </si>
  <si>
    <t>fabianobmf</t>
  </si>
  <si>
    <t>\\acsfs\profiles$\fabianobmf\Downloads\</t>
  </si>
  <si>
    <t>516dc7ea-0dab-45c7-b3d9-c3ee641cb8b5.tmp</t>
  </si>
  <si>
    <t>\\acsfs\profiles$\fabianobmf\Downloads\516dc7ea-0dab-45c7-b3d9-c3ee641cb8b5.tmp</t>
  </si>
  <si>
    <t>5e4946c8-6128-4aab-87ed-2bcab7a68893.tmp</t>
  </si>
  <si>
    <t>\\acsfs\profiles$\fabianobmf\Downloads\5e4946c8-6128-4aab-87ed-2bcab7a68893.tmp</t>
  </si>
  <si>
    <t>3422814f-cdaf-4133-b862-9472d10c95a7.tmp</t>
  </si>
  <si>
    <t>\\acsfs\profiles$\fabianobmf\Downloads\3422814f-cdaf-4133-b862-9472d10c95a7.tmp</t>
  </si>
  <si>
    <t>10.200.66.201</t>
  </si>
  <si>
    <t>D0-94-66-B5-5C-AF</t>
  </si>
  <si>
    <t>VOTORANT-ACB017</t>
  </si>
  <si>
    <t>rosileiam</t>
  </si>
  <si>
    <t>\\acsfs\profiles$\rosileiam\Downloads\</t>
  </si>
  <si>
    <t>026db165-145b-4bc5-9285-1a3a629b4a73.tmp</t>
  </si>
  <si>
    <t>\\acsfs\profiles$\rosileiam\Downloads\026db165-145b-4bc5-9285-1a3a629b4a73.tmp</t>
  </si>
  <si>
    <t>10.200.66.215</t>
  </si>
  <si>
    <t>D0-94-66-B5-70-18</t>
  </si>
  <si>
    <t>VOTORANT-AFB017</t>
  </si>
  <si>
    <t>juceliaoda</t>
  </si>
  <si>
    <t>\\acsfs\profiles$\juceliaoda\Searches\</t>
  </si>
  <si>
    <t>winrt--{S-1-5-21-602162358-764733703-839522115-358585}-.searchconnector-ms</t>
  </si>
  <si>
    <t>\\acsfs\profiles$\juceliaoda\Searches\winrt--{S-1-5-21-602162358-764733703-839522115-358585}-.searchconnector-ms</t>
  </si>
  <si>
    <t>10.200.66.95</t>
  </si>
  <si>
    <t>D0-94-66-B5-4D-B2</t>
  </si>
  <si>
    <t>VOTORANT-AFB013</t>
  </si>
  <si>
    <t>pedrohab</t>
  </si>
  <si>
    <t>\\acsfs\profiles$\PEDROHAB\Downloads\</t>
  </si>
  <si>
    <t>108e0bc6-a126-43c6-bea3-9c57d8421a06.tmp</t>
  </si>
  <si>
    <t>\\acsfs\profiles$\PEDROHAB\Downloads\108e0bc6-a126-43c6-bea3-9c57d8421a06.tmp</t>
  </si>
  <si>
    <t>laurandos</t>
  </si>
  <si>
    <t>\\acsfs\profiles$\laurandos\Downloads\</t>
  </si>
  <si>
    <t>39587aa6-95c4-4e5b-9792-7cf42b0fcad5.tmp</t>
  </si>
  <si>
    <t>\\acsfs\profiles$\laurandos\Downloads\39587aa6-95c4-4e5b-9792-7cf42b0fcad5.tmp</t>
  </si>
  <si>
    <t>10.200.66.214</t>
  </si>
  <si>
    <t>D0-94-66-B5-7F-BE</t>
  </si>
  <si>
    <t>VOTORANT-ACB018</t>
  </si>
  <si>
    <t>brunalas</t>
  </si>
  <si>
    <t>\\acsfs\profiles$\brunalas\Downloads\</t>
  </si>
  <si>
    <t>242b87b1-29b7-42f6-b6c0-2dbaf1dce06e.tmp</t>
  </si>
  <si>
    <t>\\acsfs\profiles$\brunalas\Downloads\242b87b1-29b7-42f6-b6c0-2dbaf1dce06e.tmp</t>
  </si>
  <si>
    <t>d5953756-ebc7-4713-9d1e-b56723ad3fda.tmp</t>
  </si>
  <si>
    <t>\\acsfs\profiles$\brunalas\Downloads\d5953756-ebc7-4713-9d1e-b56723ad3fda.tmp</t>
  </si>
  <si>
    <t>35b38a81-8a2c-411d-bd83-25722303692e.tmp</t>
  </si>
  <si>
    <t>\\acsfs\profiles$\brunalas\Downloads\35b38a81-8a2c-411d-bd83-25722303692e.tmp</t>
  </si>
  <si>
    <t>26e87145-af3c-479b-8391-89f2186cc852.tmp</t>
  </si>
  <si>
    <t>\\acsfs\profiles$\laurandos\Downloads\26e87145-af3c-479b-8391-89f2186cc852.tmp</t>
  </si>
  <si>
    <t>028f9740-bd13-447b-9fb6-7bbe66226df7.tmp</t>
  </si>
  <si>
    <t>\\acsfs\profiles$\laurandos\Downloads\028f9740-bd13-447b-9fb6-7bbe66226df7.tmp</t>
  </si>
  <si>
    <t>bc655711-ed3e-44f2-be5b-c09210b1b7be.tmp</t>
  </si>
  <si>
    <t>\\acsfs\profiles$\laurandos\Downloads\bc655711-ed3e-44f2-be5b-c09210b1b7be.tmp</t>
  </si>
  <si>
    <t>557e8e86-303a-4354-bbed-893dac21a54d.tmp</t>
  </si>
  <si>
    <t>\\acsfs\profiles$\laurandos\Downloads\557e8e86-303a-4354-bbed-893dac21a54d.tmp</t>
  </si>
  <si>
    <t>c0b16cfe-5c60-4129-98cf-350f09f625be.tmp</t>
  </si>
  <si>
    <t>\\acsfs\profiles$\laurandos\Downloads\c0b16cfe-5c60-4129-98cf-350f09f625be.tmp</t>
  </si>
  <si>
    <t>c9f94e98-c1f5-4e52-ae4f-d756f00ec93c.tmp</t>
  </si>
  <si>
    <t>\\acsfs\profiles$\laurandos\Downloads\c9f94e98-c1f5-4e52-ae4f-d756f00ec93c.tmp</t>
  </si>
  <si>
    <t>8e689b67-0bb7-49cc-a6e8-4fb4ab1d59f7.tmp</t>
  </si>
  <si>
    <t>\\acsfs\profiles$\fabianobmf\Downloads\8e689b67-0bb7-49cc-a6e8-4fb4ab1d59f7.tmp</t>
  </si>
  <si>
    <t>10.200.66.92</t>
  </si>
  <si>
    <t>D0-94-66-B5-5C-BF</t>
  </si>
  <si>
    <t>VOTORANT-AFB015</t>
  </si>
  <si>
    <t>kamillacr</t>
  </si>
  <si>
    <t>\\acsfs\profiles$\kamillacr\My Documents\</t>
  </si>
  <si>
    <t>atendimento.txt</t>
  </si>
  <si>
    <t>\\acsfs\profiles$\kamillacr\My Documents\atendimento.txt</t>
  </si>
  <si>
    <t>10.200.66.207</t>
  </si>
  <si>
    <t>D0-94-66-B5-4E-11</t>
  </si>
  <si>
    <t>VOTORANT-AFB018</t>
  </si>
  <si>
    <t>d73965b5-4a73-4b53-b30e-9be6070f8eda.tmp</t>
  </si>
  <si>
    <t>\\acsfs\profiles$\rosileiam\Downloads\d73965b5-4a73-4b53-b30e-9be6070f8eda.tmp</t>
  </si>
  <si>
    <t>1a47732d-771c-4006-be42-be8fa4b00bd0.tmp</t>
  </si>
  <si>
    <t>\\acsfs\profiles$\laurandos\Downloads\1a47732d-771c-4006-be42-be8fa4b00bd0.tmp</t>
  </si>
  <si>
    <t>c1036fb2-a1f4-4ece-b054-182c940376ab.tmp</t>
  </si>
  <si>
    <t>\\acsfs\profiles$\laurandos\Downloads\c1036fb2-a1f4-4ece-b054-182c940376ab.tmp</t>
  </si>
  <si>
    <t>cd65e7bc-7978-4e56-b481-e8c1ba8b9ebf.tmp</t>
  </si>
  <si>
    <t>\\acsfs\profiles$\laurandos\Downloads\cd65e7bc-7978-4e56-b481-e8c1ba8b9ebf.tmp</t>
  </si>
  <si>
    <t>8dcfe7c3-b6ef-489c-b8ab-92c3d9bea557.tmp</t>
  </si>
  <si>
    <t>\\acsfs\profiles$\laurandos\Downloads\8dcfe7c3-b6ef-489c-b8ab-92c3d9bea557.tmp</t>
  </si>
  <si>
    <t>f026ec52-d119-45f7-9ad3-5386110a99b1.tmp</t>
  </si>
  <si>
    <t>\\acsfs\profiles$\laurandos\Downloads\f026ec52-d119-45f7-9ad3-5386110a99b1.tmp</t>
  </si>
  <si>
    <t>79a76b94-79bd-4f7b-b1f7-359193e6222b.tmp</t>
  </si>
  <si>
    <t>\\acsfs\profiles$\laurandos\Downloads\79a76b94-79bd-4f7b-b1f7-359193e6222b.tmp</t>
  </si>
  <si>
    <t>97fa5dd3-2e04-4638-a5cf-ac083e45a1f1.tmp</t>
  </si>
  <si>
    <t>\\acsfs\profiles$\laurandos\Downloads\97fa5dd3-2e04-4638-a5cf-ac083e45a1f1.tmp</t>
  </si>
  <si>
    <t>vivianalds</t>
  </si>
  <si>
    <t>\\acsfs\profiles$\vivianalds\Searches\</t>
  </si>
  <si>
    <t>winrt--{S-1-5-21-602162358-764733703-839522115-330444}-.searchconnector-ms</t>
  </si>
  <si>
    <t>\\acsfs\profiles$\vivianalds\Searches\winrt--{S-1-5-21-602162358-764733703-839522115-330444}-.searchconnector-ms</t>
  </si>
  <si>
    <t>\\acsfs\profiles$\vivianalds\Downloads\</t>
  </si>
  <si>
    <t>783a5979-66d1-415e-a51d-cd915b283846.tmp</t>
  </si>
  <si>
    <t>\\acsfs\profiles$\vivianalds\Downloads\783a5979-66d1-415e-a51d-cd915b283846.tmp</t>
  </si>
  <si>
    <t>10.200.66.105</t>
  </si>
  <si>
    <t>D0-94-66-B5-70-B6</t>
  </si>
  <si>
    <t>VOTORANT-ACB015</t>
  </si>
  <si>
    <t>Flaviojmm</t>
  </si>
  <si>
    <t>\\acsfs\profiles$\Flaviojmm\Searches\</t>
  </si>
  <si>
    <t>winrt--{S-1-5-21-602162358-764733703-839522115-334917}-.searchconnector-ms</t>
  </si>
  <si>
    <t>\\acsfs\profiles$\Flaviojmm\Searches\winrt--{S-1-5-21-602162358-764733703-839522115-334917}-.searchconnector-ms</t>
  </si>
  <si>
    <t>\\acsfs\profiles$\Flaviojmm\Downloads\</t>
  </si>
  <si>
    <t>586fff4a-5fff-4925-84ff-f0d495c90003.tmp</t>
  </si>
  <si>
    <t>\\acsfs\profiles$\Flaviojmm\Downloads\586fff4a-5fff-4925-84ff-f0d495c90003.tmp</t>
  </si>
  <si>
    <t>yasminsc</t>
  </si>
  <si>
    <t>\\acsfs\profiles$\YASMINSC\Searches\</t>
  </si>
  <si>
    <t>winrt--{S-1-5-21-602162358-764733703-839522115-345805}-.searchconnector-ms</t>
  </si>
  <si>
    <t>\\acsfs\profiles$\YASMINSC\Searches\winrt--{S-1-5-21-602162358-764733703-839522115-345805}-.searchconnector-ms</t>
  </si>
  <si>
    <t>\\acsfs\profiles$\YASMINSC\Downloads\</t>
  </si>
  <si>
    <t>cdf945b9-d29b-4a1a-b9a4-4982d5d83118.tmp</t>
  </si>
  <si>
    <t>\\acsfs\profiles$\YASMINSC\Downloads\cdf945b9-d29b-4a1a-b9a4-4982d5d83118.tmp</t>
  </si>
  <si>
    <t>ericalsr</t>
  </si>
  <si>
    <t>\\acsfs\profiles$\ERICALSR\Searches\</t>
  </si>
  <si>
    <t>winrt--{S-1-5-21-602162358-764733703-839522115-330518}-.searchconnector-ms</t>
  </si>
  <si>
    <t>\\acsfs\profiles$\ERICALSR\Searches\winrt--{S-1-5-21-602162358-764733703-839522115-330518}-.searchconnector-ms</t>
  </si>
  <si>
    <t>3ee5ceab-94c0-4f4c-a53c-05ea7921166b.tmp</t>
  </si>
  <si>
    <t>\\acsfs\profiles$\YASMINSC\Downloads\3ee5ceab-94c0-4f4c-a53c-05ea7921166b.tmp</t>
  </si>
  <si>
    <t>uninstall.zip\</t>
  </si>
  <si>
    <t>Consolidado Chamados N3.xlsx</t>
  </si>
  <si>
    <t>74-86-7A-FB-17-A5</t>
  </si>
  <si>
    <t>VOTORANT-IB014</t>
  </si>
  <si>
    <t>vivianibfs</t>
  </si>
  <si>
    <t>\\acsfs\profiles$\vivianibfs\Downloads\</t>
  </si>
  <si>
    <t>dd751461-90b9-4e2b-816d-c3c1aaf52958.tmp</t>
  </si>
  <si>
    <t>\\acsfs\profiles$\vivianibfs\Downloads\dd751461-90b9-4e2b-816d-c3c1aaf52958.tmp</t>
  </si>
  <si>
    <t>kellzylenneasr</t>
  </si>
  <si>
    <t>\\acsfs\profiles$\kellzylenneasr\Downloads\</t>
  </si>
  <si>
    <t>442ba9fe-8b36-4283-96f4-0168fa2350c9.tmp</t>
  </si>
  <si>
    <t>\\acsfs\profiles$\kellzylenneasr\Downloads\442ba9fe-8b36-4283-96f4-0168fa2350c9.tmp</t>
  </si>
  <si>
    <t>65ce4bc2-b7b9-4c12-928c-f2f6013a2e27.tmp</t>
  </si>
  <si>
    <t>\\acsfs\profiles$\kellzylenneasr\Downloads\65ce4bc2-b7b9-4c12-928c-f2f6013a2e27.tmp</t>
  </si>
  <si>
    <t>Laudas_Melhorias URA Genesys Atual.xlsx</t>
  </si>
  <si>
    <t>12eb119d-f7d0-493f-92e6-a71c84cdf466.tmp</t>
  </si>
  <si>
    <t>\\acsfs\profiles$\YASMINSC\Downloads\12eb119d-f7d0-493f-92e6-a71c84cdf466.tmp</t>
  </si>
  <si>
    <t>CR 341004161 - Criação TI - Ociosidade TI.xlsx</t>
  </si>
  <si>
    <t>CR 340800022 - Criação CR UNIALGAR CUSTO FIXO.xlsx</t>
  </si>
  <si>
    <t>CR 340000063 - Criação CR NESPRESSO INCREMENTAL.xlsx</t>
  </si>
  <si>
    <t>CR 340000064 - Criação CR NESTLÉ INCREMENTAL.xlsx</t>
  </si>
  <si>
    <t>solicito reativação do chamado. os campos novos que estavam faltando foram devidamente preenchidos no template anexo a este chamado.;</t>
  </si>
  <si>
    <t>CR 340000065 - Criação CR NESPRESSO INCREMENTAL BKO.xlsx</t>
  </si>
  <si>
    <t>https://solicito reativação do chamado. os campos novos que estavam faltando foram devidamente preenchidos no template anexo a este chamado.</t>
  </si>
  <si>
    <t>Árvore Categorização Whirlpool Ecohouse CAC_Corporativo_ 07_12 (version final).xls</t>
  </si>
  <si>
    <t>PROPOSTA - UDI - WHIRLPOOL - AUDITORIA DE VENDAS - 07_12 (version final).xlsx</t>
  </si>
  <si>
    <t>gabrielrosa.apoio@gmail.com</t>
  </si>
  <si>
    <t>ModeloEscalasParseadas.xlsx</t>
  </si>
  <si>
    <t>mail.google.com/_/upload?authuser=0&amp;dcp=asu-n&amp;upload_id=AEnB2UplgxOH0JjY09YfTB5Sl7s1IxJqeuVi6uYda-lAH7jExooK0iEnA5x6Hkqoo2lu2TaZs7IQMEUXXKyqvXG13pehATFLoQ&amp;upload_protocol=resumable</t>
  </si>
  <si>
    <t>10.12.242.45</t>
  </si>
  <si>
    <t>Escala 07-12-19 .xlsx</t>
  </si>
  <si>
    <t>C:\Users\rodrigombu\OneDrive - Grupo Algar\Whirlpool\2019\12 - Dezembro\Arquivos\</t>
  </si>
  <si>
    <t>Dados Operações Whirlpool N1.xls</t>
  </si>
  <si>
    <t>\\acsfs\profiles$\matheushds\Downloads\</t>
  </si>
  <si>
    <t>3c7e6f57-2d30-42f9-aafa-2944554c2e31.tmp</t>
  </si>
  <si>
    <t>\\acsfs\profiles$\matheushds\Downloads\3c7e6f57-2d30-42f9-aafa-2944554c2e31.tmp</t>
  </si>
  <si>
    <t>\\acsfs\profiles$\kellzylenneasr\Searches\</t>
  </si>
  <si>
    <t>winrt--{S-1-5-21-602162358-764733703-839522115-342472}-.searchconnector-ms</t>
  </si>
  <si>
    <t>\\acsfs\profiles$\kellzylenneasr\Searches\winrt--{S-1-5-21-602162358-764733703-839522115-342472}-.searchconnector-ms</t>
  </si>
  <si>
    <t>48eef900-6c1f-4e7b-b6a4-118c65061223.tmp</t>
  </si>
  <si>
    <t>\\acsfs\profiles$\sarahbal\Downloads\48eef900-6c1f-4e7b-b6a4-118c65061223.tmp</t>
  </si>
  <si>
    <t>mail.google.com/_/upload?authuser=1&amp;dcp=asu-n&amp;upload_id=AEnB2UpM4rUfigarUlndnI-OMWD65QApgzeuAhVX171saQz6MDdkJBoaU1fzMLpk9nrYQLD2lokBgmUlfAPD1Nwugfa2ZtTaXQ&amp;upload_protocol=resumable</t>
  </si>
  <si>
    <t>2.2_CONTROLE DE CLIENTES_PAGSEGURO_com bkt.xlsx</t>
  </si>
  <si>
    <t>0d349686-da05-477a-b2f2-d1a38a9ed128.tmp</t>
  </si>
  <si>
    <t>\\acsfs\profiles$\sarahbal\Downloads\0d349686-da05-477a-b2f2-d1a38a9ed128.tmp</t>
  </si>
  <si>
    <t>cd8a3c44-6985-49de-a9d3-bac6996cc1a8.tmp</t>
  </si>
  <si>
    <t>\\acsfs\profiles$\luanarda\Downloads\cd8a3c44-6985-49de-a9d3-bac6996cc1a8.tmp</t>
  </si>
  <si>
    <t>10.200.66.139</t>
  </si>
  <si>
    <t>25bdfab6-7278-468a-8f23-419074a8304b.tmp</t>
  </si>
  <si>
    <t>\\acsfs\profiles$\milenaas\Downloads\25bdfab6-7278-468a-8f23-419074a8304b.tmp</t>
  </si>
  <si>
    <t>e8ce6fc6-3c6b-4ae4-86f6-ba104025393d.tmp</t>
  </si>
  <si>
    <t>\\acsfs\profiles$\milenaas\Downloads\e8ce6fc6-3c6b-4ae4-86f6-ba104025393d.tmp</t>
  </si>
  <si>
    <t>10.200.67.47</t>
  </si>
  <si>
    <t>74-86-7A-FB-17-4F</t>
  </si>
  <si>
    <t>VOTORANT-OB004</t>
  </si>
  <si>
    <t>gabrielarb</t>
  </si>
  <si>
    <t>\\acsfs\profiles$\gabrielarb\Downloads\</t>
  </si>
  <si>
    <t>41581749-50d2-47d7-bc1a-3474d8c27ab1.tmp</t>
  </si>
  <si>
    <t>\\acsfs\profiles$\gabrielarb\Downloads\41581749-50d2-47d7-bc1a-3474d8c27ab1.tmp</t>
  </si>
  <si>
    <t>6d75b19e-0690-464c-b506-ece4233a6900.tmp</t>
  </si>
  <si>
    <t>\\acsfs\profiles$\gabrielarb\Downloads\6d75b19e-0690-464c-b506-ece4233a6900.tmp</t>
  </si>
  <si>
    <t>6f9731db-7892-48d6-83e7-d9f99357b10e.tmp</t>
  </si>
  <si>
    <t>\\acsfs\profiles$\gabrielarb\Downloads\6f9731db-7892-48d6-83e7-d9f99357b10e.tmp</t>
  </si>
  <si>
    <t>c78ded94-54da-41db-9777-0738c67f1597.tmp</t>
  </si>
  <si>
    <t>\\acsfs\profiles$\deborahsi\Downloads\c78ded94-54da-41db-9777-0738c67f1597.tmp</t>
  </si>
  <si>
    <t>wenderbnm</t>
  </si>
  <si>
    <t>\\acsfs\profiles$\wenderbnm\Downloads\</t>
  </si>
  <si>
    <t>05d6c407-8970-4dfa-b149-30c6b7094285.tmp</t>
  </si>
  <si>
    <t>\\acsfs\profiles$\wenderbnm\Downloads\05d6c407-8970-4dfa-b149-30c6b7094285.tmp</t>
  </si>
  <si>
    <t>5a41224c-820e-4c08-8041-9a463563884b.tmp</t>
  </si>
  <si>
    <t>\\acsfs\profiles$\sarahbal\Downloads\5a41224c-820e-4c08-8041-9a463563884b.tmp</t>
  </si>
  <si>
    <t>mariliafplb</t>
  </si>
  <si>
    <t>\\acsfs\profiles$\mariliafplb\Downloads\</t>
  </si>
  <si>
    <t>f9e3c0a1-fe29-47d6-a1fd-beab993c3dc5.tmp</t>
  </si>
  <si>
    <t>\\acsfs\profiles$\mariliafplb\Downloads\f9e3c0a1-fe29-47d6-a1fd-beab993c3dc5.tmp</t>
  </si>
  <si>
    <t>felipetds</t>
  </si>
  <si>
    <t>\\acsfs\profiles$\felipetds\Searches\</t>
  </si>
  <si>
    <t>winrt--{S-1-5-21-602162358-764733703-839522115-352980}-.searchconnector-ms</t>
  </si>
  <si>
    <t>\\acsfs\profiles$\felipetds\Searches\winrt--{S-1-5-21-602162358-764733703-839522115-352980}-.searchconnector-ms</t>
  </si>
  <si>
    <t>\\acsfs\profiles$\felipetds\Downloads\</t>
  </si>
  <si>
    <t>141f2d83-d7b5-4758-b907-6ff1d7e1b5ab.tmp</t>
  </si>
  <si>
    <t>\\acsfs\profiles$\felipetds\Downloads\141f2d83-d7b5-4758-b907-6ff1d7e1b5ab.tmp</t>
  </si>
  <si>
    <t>Forecast 11.2019 GST (2).xlsb</t>
  </si>
  <si>
    <t>10.200.66.206</t>
  </si>
  <si>
    <t>D0-94-66-B5-7F-B9</t>
  </si>
  <si>
    <t>VOTORANT-ACB014</t>
  </si>
  <si>
    <t>lucasns</t>
  </si>
  <si>
    <t>\\acsfs\profiles$\LUCASNS\Searches\</t>
  </si>
  <si>
    <t>winrt--{S-1-5-21-602162358-764733703-839522115-340716}-.searchconnector-ms</t>
  </si>
  <si>
    <t>\\acsfs\profiles$\LUCASNS\Searches\winrt--{S-1-5-21-602162358-764733703-839522115-340716}-.searchconnector-ms</t>
  </si>
  <si>
    <t>8b52cc2d-a84c-4365-9a29-4b2c63d8a89e.tmp</t>
  </si>
  <si>
    <t>\\acsfs\profiles$\isabellegtds\Downloads\8b52cc2d-a84c-4365-9a29-4b2c63d8a89e.tmp</t>
  </si>
  <si>
    <t>\\acsfs\profiles$\ERICALSR\Downloads\</t>
  </si>
  <si>
    <t>8ef61305-8cd5-405f-9ad2-09bd3120434b.tmp</t>
  </si>
  <si>
    <t>\\acsfs\profiles$\ERICALSR\Downloads\8ef61305-8cd5-405f-9ad2-09bd3120434b.tmp</t>
  </si>
  <si>
    <t>10.200.66.209</t>
  </si>
  <si>
    <t>D0-94-66-B5-71-07</t>
  </si>
  <si>
    <t>VOTORANT-ACB016</t>
  </si>
  <si>
    <t>e20bd465-1bd5-49a2-84d0-e7a2932dacae.tmp</t>
  </si>
  <si>
    <t>\\acsfs\profiles$\isabellegtds\Downloads\e20bd465-1bd5-49a2-84d0-e7a2932dacae.tmp</t>
  </si>
  <si>
    <t>b5b86d7f-97a0-4174-b781-f302f235c66a.tmp</t>
  </si>
  <si>
    <t>\\acsfs\profiles$\isabellegtds\Downloads\b5b86d7f-97a0-4174-b781-f302f235c66a.tmp</t>
  </si>
  <si>
    <t>6fb079e5-f2e1-40c2-9a6e-176b3b2b09f8.tmp</t>
  </si>
  <si>
    <t>\\acsfs\profiles$\deborahsi\Downloads\6fb079e5-f2e1-40c2-9a6e-176b3b2b09f8.tmp</t>
  </si>
  <si>
    <t>geovanaasa</t>
  </si>
  <si>
    <t>\\acsfs\profiles$\geovanaasa\Searches\</t>
  </si>
  <si>
    <t>winrt--{S-1-5-21-602162358-764733703-839522115-321445}-.searchconnector-ms</t>
  </si>
  <si>
    <t>\\acsfs\profiles$\geovanaasa\Searches\winrt--{S-1-5-21-602162358-764733703-839522115-321445}-.searchconnector-ms</t>
  </si>
  <si>
    <t>\\acsfs\profiles$\LUCASNS\Downloads\</t>
  </si>
  <si>
    <t>1bf746a5-e2c2-4279-84aa-a0d0886efe18.tmp</t>
  </si>
  <si>
    <t>\\acsfs\profiles$\LUCASNS\Downloads\1bf746a5-e2c2-4279-84aa-a0d0886efe18.tmp</t>
  </si>
  <si>
    <t>2804e786-a3be-4101-89c5-3c52ab5964bd.tmp</t>
  </si>
  <si>
    <t>\\acsfs\profiles$\LUCASNS\Downloads\2804e786-a3be-4101-89c5-3c52ab5964bd.tmp</t>
  </si>
  <si>
    <t>47eff3f1-4d10-479c-b773-c0a889c7e526.tmp</t>
  </si>
  <si>
    <t>\\acsfs\profiles$\deborahsi\Downloads\47eff3f1-4d10-479c-b773-c0a889c7e526.tmp</t>
  </si>
  <si>
    <t>DP.xlsx</t>
  </si>
  <si>
    <t>\\acsfs\profiles$\geovanaasa\Downloads\</t>
  </si>
  <si>
    <t>8e2e0cc9-168f-4096-ba9b-e2b5b2f0e3b3.tmp</t>
  </si>
  <si>
    <t>\\acsfs\profiles$\geovanaasa\Downloads\8e2e0cc9-168f-4096-ba9b-e2b5b2f0e3b3.tmp</t>
  </si>
  <si>
    <t>4653578e-8d68-4344-8daf-740bbb87fd45.tmp</t>
  </si>
  <si>
    <t>\\acsfs\profiles$\PEDROHAB\Downloads\4653578e-8d68-4344-8daf-740bbb87fd45.tmp</t>
  </si>
  <si>
    <t>452bc6bd-daff-49d3-b135-736655c310f8.tmp</t>
  </si>
  <si>
    <t>\\acsfs\profiles$\deborahsi\Downloads\452bc6bd-daff-49d3-b135-736655c310f8.tmp</t>
  </si>
  <si>
    <t>C:\Users\rondinelesa\Desktop\Árvores Ecohouse\Ativo\</t>
  </si>
  <si>
    <t>PROPOSTA - UDI - WHIRLPOOL - AUDITORIA DE VENDAS - 09_12 (version final).xls</t>
  </si>
  <si>
    <t>PROPOSTA - UDI - WHIRLPOOL - REAGENDAMENTO ECOHOUSE - VENDAS - 09_12 (version final).xls</t>
  </si>
  <si>
    <t>PROPOSTA - UDI - WHIRLPOOL - RETENÇÃO A FRIO - 09_12 (version final).xls</t>
  </si>
  <si>
    <t>UDI - WHIRLPOOL - ÁRVORE DR TEC - 09_12 (version final).xls</t>
  </si>
  <si>
    <t>10.200.200.72</t>
  </si>
  <si>
    <t>mail.google.com/_/upload?authuser=0&amp;dcp=asu-n&amp;upload_id=AEnB2UqwIBefXqmdyxVFoO-BvXupcdCVNt_Lqt5XzJlTOIE5NBL-d3j0G9-Ca1bLBYDejHsRbqz5f_jkyLvXRLSGHWiC1Y0xjA&amp;upload_protocol=resumable</t>
  </si>
  <si>
    <t>10.200.67.137</t>
  </si>
  <si>
    <t>74-86-7A-FC-CF-23</t>
  </si>
  <si>
    <t>VOTORANT-OB010</t>
  </si>
  <si>
    <t>priscilaedss</t>
  </si>
  <si>
    <t>\\acsfs\profiles$\priscilaedss\Favorites\Links for Brasil\</t>
  </si>
  <si>
    <t>\\acsfs\profiles$\priscilaedss\Favorites\Links for Brasil\Microsoft Brasil.url</t>
  </si>
  <si>
    <t>\\acsfs\profiles$\priscilaedss\Favorites\Links for Brasil\Windows Brasil.url</t>
  </si>
  <si>
    <t>\\acsfs\profiles$\priscilaedss\Favorites\Links for Brasil\MSN Brasil.url</t>
  </si>
  <si>
    <t>C:\Users\rondinelesa\Desktop\Árvores Ecohouse\Receptivo\</t>
  </si>
  <si>
    <t>Árvore Categorização Whirlpool Ecohouse CAC_Corporativo_ 09_12 (version final).xls</t>
  </si>
  <si>
    <t>mediÇÃo escolta algar.xlsm</t>
  </si>
  <si>
    <t>10.200.67.39</t>
  </si>
  <si>
    <t>74-86-7A-FC-CD-FD</t>
  </si>
  <si>
    <t>VOTORANT-RB004</t>
  </si>
  <si>
    <t>ayalabfi</t>
  </si>
  <si>
    <t>\\acsfs\profiles$\ayalabfi\Downloads\</t>
  </si>
  <si>
    <t>5df0a5ae-eba7-4b9b-b03a-5a715ca308ba.tmp</t>
  </si>
  <si>
    <t>\\acsfs\profiles$\ayalabfi\Downloads\5df0a5ae-eba7-4b9b-b03a-5a715ca308ba.tmp</t>
  </si>
  <si>
    <t>kelencgt@algartech.com;sabrinagc@algartech.com;</t>
  </si>
  <si>
    <t>\\acsfs\ACS\Suporte à Operações\02 - Faturamento\2019\11 - Novembro\NEXT\</t>
  </si>
  <si>
    <t>Memória de Cálculo Faturamento outubro_2019_ativo.xlsx</t>
  </si>
  <si>
    <t>kelencgt@algartech.com,sabrinagc@algartech.com</t>
  </si>
  <si>
    <t>Compartilhamento 2019 - 1 Revisão.xlsx</t>
  </si>
  <si>
    <t>10.200.66.35</t>
  </si>
  <si>
    <t>64-1C-67-9D-1E-B9</t>
  </si>
  <si>
    <t>VOTORANT-LB016</t>
  </si>
  <si>
    <t>gabrielhca</t>
  </si>
  <si>
    <t>\\acsfs\profiles$\GABRIELHCA\Favorites\Links for Brasil\</t>
  </si>
  <si>
    <t>\\acsfs\profiles$\GABRIELHCA\Favorites\Links for Brasil\Microsoft Brasil.url</t>
  </si>
  <si>
    <t>\\acsfs\profiles$\GABRIELHCA\Favorites\Links for Brasil\Windows Brasil.url</t>
  </si>
  <si>
    <t>\\acsfs\profiles$\GABRIELHCA\Favorites\Links for Brasil\MSN Brasil.url</t>
  </si>
  <si>
    <t>10.200.66.78</t>
  </si>
  <si>
    <t>64-1C-67-9C-83-A0</t>
  </si>
  <si>
    <t>VOTORANT-LB014</t>
  </si>
  <si>
    <t>karendsr</t>
  </si>
  <si>
    <t>\\acsfs\profiles$\KARENDSR\Favorites\Links for Brasil\</t>
  </si>
  <si>
    <t>\\acsfs\profiles$\KARENDSR\Favorites\Links for Brasil\Microsoft Brasil.url</t>
  </si>
  <si>
    <t>\\acsfs\profiles$\KARENDSR\Favorites\Links for Brasil\Windows Brasil.url</t>
  </si>
  <si>
    <t>\\acsfs\profiles$\KARENDSR\Favorites\Links for Brasil\MSN Brasil.url</t>
  </si>
  <si>
    <t>C:\Users\walissonrs\Desktop\</t>
  </si>
  <si>
    <t>Maquinas Windows 10 - 09.12.2019.xlsx</t>
  </si>
  <si>
    <t>10.200.67.166</t>
  </si>
  <si>
    <t>74-86-7A-FB-16-85</t>
  </si>
  <si>
    <t>VOTORANT-IB008</t>
  </si>
  <si>
    <t>YuriCS</t>
  </si>
  <si>
    <t>\\acsfs\profiles$\yurics\Downloads\</t>
  </si>
  <si>
    <t>ca45c43c-64ab-4ec1-ae28-7785fd555d73.tmp</t>
  </si>
  <si>
    <t>\\acsfs\profiles$\yurics\Downloads\ca45c43c-64ab-4ec1-ae28-7785fd555d73.tmp</t>
  </si>
  <si>
    <t>70af091d-c5bc-47a7-a4a8-e514f2d3807c.tmp</t>
  </si>
  <si>
    <t>\\acsfs\profiles$\ERICALSR\Downloads\70af091d-c5bc-47a7-a4a8-e514f2d3807c.tmp</t>
  </si>
  <si>
    <t>716ef9f8-172a-4b9a-80ba-db45192f6014.tmp</t>
  </si>
  <si>
    <t>\\acsfs\profiles$\sarahbal\Downloads\716ef9f8-172a-4b9a-80ba-db45192f6014.tmp</t>
  </si>
  <si>
    <t>thiagomoli@algartech.com;</t>
  </si>
  <si>
    <t>ENC: Reporte diário Formalização PJ VISA 09/12/2019</t>
  </si>
  <si>
    <t>thiagomoli@algartech.com</t>
  </si>
  <si>
    <t>ENC: Volume Gerenciadas Amex e Visa - 06/12</t>
  </si>
  <si>
    <t>ENC: Acompanhamento CRC Amex e CRC VMC - Parcial Novembro</t>
  </si>
  <si>
    <t>11-2019-Acompanhamento Rotinas.xlsx</t>
  </si>
  <si>
    <t>78-2B-CB-C1-06-C7</t>
  </si>
  <si>
    <t>VOTORANT-ACB076</t>
  </si>
  <si>
    <t>d512cfad-3fe4-4083-947e-6655153958a4.tmp</t>
  </si>
  <si>
    <t>\\acsfs\profiles$\yurics\Downloads\d512cfad-3fe4-4083-947e-6655153958a4.tmp</t>
  </si>
  <si>
    <t>fredericobs@algartech.com;</t>
  </si>
  <si>
    <t>Relação UHV.xlsx</t>
  </si>
  <si>
    <t>fredericobs@algartech.com</t>
  </si>
  <si>
    <t>HE - Equipe do Joelson.xlsx</t>
  </si>
  <si>
    <t>eder.oliveira@terceiro-sky.com.br;luiz.m.carvalho@algartech.com;</t>
  </si>
  <si>
    <t>C:\Users\leonardo.caetano\Desktop\Repasse Renata x Leonardo\Banco Pan\</t>
  </si>
  <si>
    <t>CR - BANCO_PAN_GAT.xlsx</t>
  </si>
  <si>
    <t>eder.oliveira@terceiro-sky.com.br,luiz.m.carvalho@algartech.com</t>
  </si>
  <si>
    <t>HUGO_ORÇAMENTO_2020.xlsm</t>
  </si>
  <si>
    <t>EXTRATO CARTÃO 12.xlsx</t>
  </si>
  <si>
    <t>C:\Users\hugooc\OneDrive\Documentos\FINANCEIRO\2019\11 - NOVEMBRO\</t>
  </si>
  <si>
    <t>EXTRATO CARTÃO 11.xlsx</t>
  </si>
  <si>
    <t>ffd14425-385c-4ac0-9da1-0cb22caa8df4.tmp</t>
  </si>
  <si>
    <t>\\acsfs\profiles$\sarahbal\Downloads\ffd14425-385c-4ac0-9da1-0cb22caa8df4.tmp</t>
  </si>
  <si>
    <t>3d6a9447-8624-40f6-bd05-919a7098872c.tmp</t>
  </si>
  <si>
    <t>\\acsfs\profiles$\ayalabfi\Downloads\3d6a9447-8624-40f6-bd05-919a7098872c.tmp</t>
  </si>
  <si>
    <t>MAILING DIVERSOS COMPRA CERTA.xlsx</t>
  </si>
  <si>
    <t>marciellasn@algartech.com.br;</t>
  </si>
  <si>
    <t>FUP VALE</t>
  </si>
  <si>
    <t>marciellasn@algartech.com.br</t>
  </si>
  <si>
    <t>20208722-dd3a-45a9-b69d-ae56c3089f37.tmp</t>
  </si>
  <si>
    <t>\\acsfs\profiles$\leticiala\Downloads\20208722-dd3a-45a9-b69d-ae56c3089f37.tmp</t>
  </si>
  <si>
    <t>58348883-d337-457c-a69d-728a1b02754b.tmp</t>
  </si>
  <si>
    <t>\\acsfs\profiles$\leticiala\Downloads\58348883-d337-457c-a69d-728a1b02754b.tmp</t>
  </si>
  <si>
    <t>marianeps</t>
  </si>
  <si>
    <t>\\acsfs\DEPTOS\Operacao\Banco_Votorantim\Qualidade\Mariane\MONITORIAS\</t>
  </si>
  <si>
    <t>MONITORIAS BV - 2019.docx</t>
  </si>
  <si>
    <t>\\acsfs\DEPTOS\Operacao\Banco_Votorantim\Qualidade\Mariane\MONITORIAS\MONITORIAS BV - 2019.docx</t>
  </si>
  <si>
    <t>C:\Users\alessandroam\OneDrive\OneDrive - Grupo Algar\40 - Person\A2 Outlet\00 - Bup Desktop\</t>
  </si>
  <si>
    <t>C:\Users\alessandroam\OneDrive\OneDrive - Grupo Algar\40 - Person\A2 Outlet\00 - Bup Desktop\Controle Geral Troca de Rede Consolidado Lotes.zip\</t>
  </si>
  <si>
    <t>C:\Users\alessandroam\OneDrive\OneDrive - Grupo Algar\40 - Person\A2 Outlet\02 - Reembolso\</t>
  </si>
  <si>
    <t>Reembolso Alimentação RJ Dez 2016.xlsx</t>
  </si>
  <si>
    <t>Protocolo Relatório de Despesas Capgemini - TEL Setembro-16.xls</t>
  </si>
  <si>
    <t>Protocolo Relatório de Despesas Capgemini - TEL Set-15.xls</t>
  </si>
  <si>
    <t>Protocolo Relatório de Despesas Capgemini - TEL Outubro-16.xls</t>
  </si>
  <si>
    <t>Protocolo Relatório de Despesas Capgemini - TEL Out-15.xls</t>
  </si>
  <si>
    <t>Protocolo Relatório de Despesas Capgemini - TEL Novembro-16.xls</t>
  </si>
  <si>
    <t>Protocolo Relatório de Despesas Capgemini - TEL Nov-15.xls</t>
  </si>
  <si>
    <t>Protocolo Relatório de Despesas Capgemini - TEL Mar-16.xls</t>
  </si>
  <si>
    <t>Protocolo Relatório de Despesas Capgemini - TEL Junh-16.xls</t>
  </si>
  <si>
    <t>Protocolo Relatório de Despesas Capgemini - TEL Julho-16.xls</t>
  </si>
  <si>
    <t>Protocolo Relatório de Despesas Capgemini - TEL Janeiro-17.xls</t>
  </si>
  <si>
    <t>Protocolo Relatório de Despesas Capgemini - TEL Jan-16.xls</t>
  </si>
  <si>
    <t>Protocolo Relatório de Despesas Capgemini - TEL Fev-16.xls</t>
  </si>
  <si>
    <t>Protocolo Relatório de Despesas Capgemini - TEL Dezembro-16.xls</t>
  </si>
  <si>
    <t>Protocolo Relatório de Despesas Capgemini - TEL Dez-15.xls</t>
  </si>
  <si>
    <t>Protocolo Relatório de Despesas Capgemini - TEL Dez-15 Taxi.xls</t>
  </si>
  <si>
    <t>Protocolo Relatório de Despesas Capgemini - TEL Agosto-16.xls</t>
  </si>
  <si>
    <t>Protocolo Relatório de Despesas Capgemini - TEL Ago-15.xls</t>
  </si>
  <si>
    <t>Protocolo Relatório de Despesas Capgemini - TEL Abril-16.xls</t>
  </si>
  <si>
    <t>Protocolo Relatório de Despesas Capgemini - Taxi Janeiro-17.xls</t>
  </si>
  <si>
    <t>Protocolo Relatório de Despesas Capgemini - Ref Reginaldo Março-17.xls</t>
  </si>
  <si>
    <t>Protocolo Relatório de Despesas Capgemini - Ref Janeiro-17.xls</t>
  </si>
  <si>
    <t>Protocolo Relatório de Despesas Capgemini - Ref Dezembro-16.xls</t>
  </si>
  <si>
    <t>C:\Users\alessandroam\OneDrive\OneDrive - Grupo Algar\40 - Person\A2 Outlet\04 - Cartão Ponto - Controle Horas\</t>
  </si>
  <si>
    <t>Cartão de Ponto.xlsx</t>
  </si>
  <si>
    <t>C:\Users\alessandroam\OneDrive\OneDrive - Grupo Algar\40 - Person\A2 Outlet\00 - Bup Desktop\Jan_2018\</t>
  </si>
  <si>
    <t>be485d6b-326e-4dd0-bb96-8363c09e4545.tmp</t>
  </si>
  <si>
    <t>\\acsfs\profiles$\deborahsi\Downloads\be485d6b-326e-4dd0-bb96-8363c09e4545.tmp</t>
  </si>
  <si>
    <t>\\acsfs\profiles$\alexandrapp\</t>
  </si>
  <si>
    <t>CPF's.txt</t>
  </si>
  <si>
    <t>\\acsfs\profiles$\alexandrapp\CPF's.txt</t>
  </si>
  <si>
    <t>Hes equipe do Acacio.xlsx</t>
  </si>
  <si>
    <t>karolinasr@algartech.com;rodrigormc@algartech.com;vivianeppe@algartech.com;</t>
  </si>
  <si>
    <t>Relatório Sinergy 09.12.19.xlsx</t>
  </si>
  <si>
    <t>karolinasr@algartech.com,rodrigormc@algartech.com,vivianeppe@algartech.com</t>
  </si>
  <si>
    <t>Retidos Compra Certa - Dezembro.xlsm</t>
  </si>
  <si>
    <t>MIS ILHA ESPECIALISTA</t>
  </si>
  <si>
    <t>Transferências_Bloqueios V5.xlsx</t>
  </si>
  <si>
    <t>08 Agosto - Faturamento Toyota.xlsx</t>
  </si>
  <si>
    <t>https://udpmailboxap01/h/search;jsessionid=ote0jo1bhncf13yoybcy7axtw?si=0&amp;so=0&amp;sc=36318&amp;st=conversation&amp;action=compose</t>
  </si>
  <si>
    <t>virginiamb@algartech.com</t>
  </si>
  <si>
    <t>C:\Users\virginiamb\Downloads\Conexão Diretoria.pptx\</t>
  </si>
  <si>
    <t>C:\Users\robertacmf\Desktop\Auditoria Notas\Validacao cliente email\Validacao NFF 145.msg\s1\</t>
  </si>
  <si>
    <t>ALGAR TA P2_201906.xlsx</t>
  </si>
  <si>
    <t>207414 - NETFLIX SAC 24 Plan Precificacao C018 B018 rev2.xlsb</t>
  </si>
  <si>
    <t>C:\Users\lucianocle\Desktop\207414 - NETFLIX SAC 24 Plan Precificacao C018 B018 rev2.xlsb\</t>
  </si>
  <si>
    <t>mail.google.com/_/upload?authuser=1&amp;dcp=asu-n&amp;upload_id=AEnB2UqiSuwuRVudpSxjTGQ5p9FWaRwbWvZok6kXKCJ5mVa1C2pfPzRK74HYVrehjE8ZAaevkz8TPrV9m5WtMj4B3OzMxeQWuL_M_9BJLfDc3CMSunQx5sY&amp;upload_protocol=resumable</t>
  </si>
  <si>
    <t>207414 - NETFLIX SAC 36 Plan Precificacao C018 B018 rev2.xlsb</t>
  </si>
  <si>
    <t>C:\Users\lucianocle\Desktop\207414 - NETFLIX SAC 36 Plan Precificacao C018 B018 rev2.xlsb\</t>
  </si>
  <si>
    <t>Procedimentos Padrões - Máquina U.xlsx</t>
  </si>
  <si>
    <t>3ad82b55-0437-4cc4-8218-7309794c86cd.tmp</t>
  </si>
  <si>
    <t>\\acsfs\profiles$\leticiala\Downloads\3ad82b55-0437-4cc4-8218-7309794c86cd.tmp</t>
  </si>
  <si>
    <t>9ee222dd-0e16-4048-b110-3187db5a5ff7.tmp</t>
  </si>
  <si>
    <t>\\acsfs\profiles$\leticiala\Downloads\9ee222dd-0e16-4048-b110-3187db5a5ff7.tmp</t>
  </si>
  <si>
    <t>14ab4976-c237-405d-bfb3-338d1ec014c3.tmp</t>
  </si>
  <si>
    <t>\\acsfs\profiles$\paulovadc\Downloads\14ab4976-c237-405d-bfb3-338d1ec014c3.tmp</t>
  </si>
  <si>
    <t>/o=exchangelabs/ou=exchange administrative group (fydibohf23spdlt)/cn=recipients/cn=8e42a709f7ac410c8a7a14bc4f51ffcd-raquel orda;raquelos@algartech.com.br;</t>
  </si>
  <si>
    <t>féria</t>
  </si>
  <si>
    <t>Controle de Férias Fina1 - UDI - AMEX CERRADO - MONITORAMENTO DE CONTAS PF - ATENDIMENTO.xls</t>
  </si>
  <si>
    <t>/o=exchangelabs/ou=exchange administrative group (fydibohf23spdlt)/cn=recipients/cn=8e42a709f7ac410c8a7a14bc4f51ffcd-raquel orda,raquelos@algartech.com.br</t>
  </si>
  <si>
    <t>60f53583-1225-4362-9899-33f66d0f3d62.tmp</t>
  </si>
  <si>
    <t>\\acsfs\profiles$\isabellegtds\Downloads\60f53583-1225-4362-9899-33f66d0f3d62.tmp</t>
  </si>
  <si>
    <t>Base Categorização Detalhada - Chat D2C.xlsx</t>
  </si>
  <si>
    <t>0ddc32f2-ecce-46ac-baac-05824bbaa722.tmp</t>
  </si>
  <si>
    <t>\\acsfs\profiles$\ERICALSR\Downloads\0ddc32f2-ecce-46ac-baac-05824bbaa722.tmp</t>
  </si>
  <si>
    <t>carlosfn@algartech.com;jairdpof@algartech.com;jairojsa@algartech.com;josycoa@algartech.com;robertacmf@algartech.com;silvio@algartech.com;</t>
  </si>
  <si>
    <t>C:\Comercial\2019\RFP - LOTE FIS\Ultimo Last Call - ESCOPO B\Custos de desmobilização\Cenarios CAGR.pptx\</t>
  </si>
  <si>
    <t>carlosfn@algartech.com,jairdpof@algartech.com,jairojsa@algartech.com,josycoa@algartech.com,robertacmf@algartech.com,silvio@algartech.com</t>
  </si>
  <si>
    <t>BV-Z020</t>
  </si>
  <si>
    <t>josiascdsj</t>
  </si>
  <si>
    <t>\\acsfs\DEPTOS\Operacao\Banco_Votorantim\Qualidade\</t>
  </si>
  <si>
    <t>proxy.reg</t>
  </si>
  <si>
    <t>\\acsfs\DEPTOS\Operacao\PCP\5 - Comum\JUKA\proxy.reg</t>
  </si>
  <si>
    <t>C:\Users\almirsn\Desktop\</t>
  </si>
  <si>
    <t>Start Beedoo.xlsx</t>
  </si>
  <si>
    <t>mail.google.com/_/upload?authuser=3&amp;dcp=asu-n&amp;upload_id=AEnB2UojebDaD1j4WdsbzCTZCI3tnERXTL8cszSE76STSfESB3_G6zcSSOSIZHWKhl6PbVWE2Xddj5LoQcLf7tK4FobUANNtZg&amp;upload_protocol=resumable</t>
  </si>
  <si>
    <t>10.200.67.144</t>
  </si>
  <si>
    <t>74-86-7A-FB-19-41</t>
  </si>
  <si>
    <t>VOTORANT-JB003</t>
  </si>
  <si>
    <t>f612c6b0-2fa7-487a-96d4-09df8afacffa.tmp</t>
  </si>
  <si>
    <t>\\acsfs\profiles$\milenaas\Downloads\f612c6b0-2fa7-487a-96d4-09df8afacffa.tmp</t>
  </si>
  <si>
    <t>ESCALA TRN - FEIRA DO CONHECIMENTO MODULO - 09 a 12-12-19 .xlsx</t>
  </si>
  <si>
    <t>ALERTA DE ATENDIMENTO (1).xlsx</t>
  </si>
  <si>
    <t>\\acsfs\DEPTOS\Operacao\Banco_Votorantim\Qualidade\Mariane\MONITORIAS\ALERTA DE ATENDIMENTO (1).xlsx</t>
  </si>
  <si>
    <t>7022a9e3-7d1c-4742-a785-3cd9dfbc855c.tmp</t>
  </si>
  <si>
    <t>\\acsfs\profiles$\geovannasm\Downloads\7022a9e3-7d1c-4742-a785-3cd9dfbc855c.tmp</t>
  </si>
  <si>
    <t>Microgestão Whirlpool - Dezembro.xlsx</t>
  </si>
  <si>
    <t>10.200.67.58</t>
  </si>
  <si>
    <t>74-86-7A-FB-1B-0E</t>
  </si>
  <si>
    <t>VOTORANT-RB011</t>
  </si>
  <si>
    <t>luanaldsi</t>
  </si>
  <si>
    <t>\\acsfs\profiles$\luanaldsi\Downloads\</t>
  </si>
  <si>
    <t>7d42beee-1b67-405b-888f-bd75afd9490a.tmp</t>
  </si>
  <si>
    <t>\\acsfs\profiles$\luanaldsi\Downloads\7d42beee-1b67-405b-888f-bd75afd9490a.tmp</t>
  </si>
  <si>
    <t>f7eccce0-5b4e-4e23-a5a2-fd6a4bb10999.tmp</t>
  </si>
  <si>
    <t>\\acsfs\profiles$\luanaldsi\Downloads\f7eccce0-5b4e-4e23-a5a2-fd6a4bb10999.tmp</t>
  </si>
  <si>
    <t>56628b77-c600-43fc-be62-458dc21f0e83.tmp</t>
  </si>
  <si>
    <t>\\acsfs\profiles$\luanaldsi\Downloads\56628b77-c600-43fc-be62-458dc21f0e83.tmp</t>
  </si>
  <si>
    <t>mail.google.com/_/upload?authuser=0&amp;dcp=asu-n&amp;upload_id=AEnB2Uo5poEA8UlFYlcVVH8i0K4J8iklPthfckpqkobCce9xo6jkxBC1wsYGVkcgI2HCgbVR87Sl4dkuMCrtR2RpdVFej61YEQ&amp;upload_protocol=resumable</t>
  </si>
  <si>
    <t>validacao 12-09.xlsx</t>
  </si>
  <si>
    <t>ENC: Relatório de Vendas NOV.2019 - Financeira - Fechamento Oficial</t>
  </si>
  <si>
    <t>aa7ac199-91a6-4412-8503-99b114c3be52.tmp</t>
  </si>
  <si>
    <t>\\acsfs\profiles$\luanaldsi\Downloads\aa7ac199-91a6-4412-8503-99b114c3be52.tmp</t>
  </si>
  <si>
    <t>transferencia 09.txt</t>
  </si>
  <si>
    <t>\\acsfs\profiles$\geovannasm\My Documents\transferencia 09.txt</t>
  </si>
  <si>
    <t>2a0a5409-b26c-4623-967b-f4fa37994c20.tmp</t>
  </si>
  <si>
    <t>\\acsfs\profiles$\deborahsi\Downloads\2a0a5409-b26c-4623-967b-f4fa37994c20.tmp</t>
  </si>
  <si>
    <t>9abe1bf5-90e1-44d1-aa17-4a31648d14f9.tmp</t>
  </si>
  <si>
    <t>\\acsfs\profiles$\luanaldsi\Downloads\9abe1bf5-90e1-44d1-aa17-4a31648d14f9.tmp</t>
  </si>
  <si>
    <t>/o=exchangelabs/ou=exchange administrative group (fydibohf23spdlt)/cn=recipients/cn=086b170a09044ccdba122e7be04d9f61-flavia viei;/o=exchangelabs/ou=exchange administrative group (fydibohf23spdlt)/cn=recipients/cn=1f618d54a68b4458b5b1746c7fbe41a2-ana paula d;/o=exchangelabs/ou=exchange administrative group (fydibohf23spdlt)/cn=recipients/cn=3d20ea472e534310bc312597c595bfdf-fernanda al;/o=exchangelabs/ou=exchange administrative group (fydibohf23spdlt)/cn=recipients/cn=5c0e0b883c0f4ccbb2cf13db05a00b36-luciene ivo;/o=exchangelabs/ou=exchange administrative group (fydibohf23spdlt)/cn=recipients/cn=87cbd0e4808a4943b7079946189af536-graciele da;/o=exchangelabs/ou=exchange administrative group (fydibohf23spdlt)/cn=recipients/cn=8e42a709f7ac410c8a7a14bc4f51ffcd-raquel orda;anapm@algartech.com.br;fernandaabs@algartech.com.br;flaviavm@algartech.com.br;gracieleses@algartech.com.br;raquelos@algartech.com.br;rogerio.gc@bradesco.com.br;rogerio.silva@cscalgar.com.br;</t>
  </si>
  <si>
    <t>Férias - Novo Fluxo - (UDI - AMEX CERRADO - APOIO OPERACIONAL)</t>
  </si>
  <si>
    <t>Controle de Férias Fina1 - UDI - AMEX CERRADO - APOIO OPERACIONAL.xls</t>
  </si>
  <si>
    <t>/o=exchangelabs/ou=exchange administrative group (fydibohf23spdlt)/cn=recipients/cn=086b170a09044ccdba122e7be04d9f61-flavia viei,/o=exchangelabs/ou=exchange administrative group (fydibohf23spdlt)/cn=recipients/cn=1f618d54a68b4458b5b1746c7fbe41a2-ana paula d,/o=exchangelabs/ou=exchange administrative group (fydibohf23spdlt)/cn=recipients/cn=3d20ea472e534310bc312597c595bfdf-fernanda al,/o=exchangelabs/ou=exchange administrative group (fydibohf23spdlt)/cn=recipients/cn=5c0e0b883c0f4ccbb2cf13db05a00b36-luciene ivo,/o=exchangelabs/ou=exchange administrative group (fydibohf23spdlt)/cn=recipients/cn=87cbd0e4808a4943b7079946189af536-graciele da,/o=exchangelabs/ou=exchange administrative group (fydibohf23spdlt)/cn=recipients/cn=8e42a709f7ac410c8a7a14bc4f51ffcd-raquel orda,anapm@algartech.com.br,fernandaabs@algartech.com.br,flaviavm@algartech.com.br,gracieleses@algartech.com.br,raquelos@algartech.com.br,rogerio.gc@bradesco.com.br,rogerio.silva@cscalgar.com.br</t>
  </si>
  <si>
    <t>C:\Datacenter\PRUDENTIAL\</t>
  </si>
  <si>
    <t>7df3ec12-b820-458b-993b-425d32402e49.tmp</t>
  </si>
  <si>
    <t>\\acsfs\profiles$\mariliafplb\Downloads\7df3ec12-b820-458b-993b-425d32402e49.tmp</t>
  </si>
  <si>
    <t>/o=exchangelabs/ou=exchange administrative group (fydibohf23spdlt)/cn=recipients/cn=5c0e0b883c0f4ccbb2cf13db05a00b36-luciene ivo;/o=exchangelabs/ou=exchange administrative group (fydibohf23spdlt)/cn=recipients/cn=87cbd0e4808a4943b7079946189af536-graciele da;gracieleses@algartech.com.br;</t>
  </si>
  <si>
    <t>Férias - Novo Fluxo - (UDI - AMEX CERRADO - BO COBRANÇA)</t>
  </si>
  <si>
    <t>Controle de Férias Fina1 - UDI - AMEX CERRADO - BO COBRANÇA.xls</t>
  </si>
  <si>
    <t>/o=exchangelabs/ou=exchange administrative group (fydibohf23spdlt)/cn=recipients/cn=5c0e0b883c0f4ccbb2cf13db05a00b36-luciene ivo,/o=exchangelabs/ou=exchange administrative group (fydibohf23spdlt)/cn=recipients/cn=87cbd0e4808a4943b7079946189af536-graciele da,gracieleses@algartech.com.br</t>
  </si>
  <si>
    <t>/o=exchangelabs/ou=exchange administrative group (fydibohf23spdlt)/cn=recipients/cn=1f618d54a68b4458b5b1746c7fbe41a2-ana paula d;/o=exchangelabs/ou=exchange administrative group (fydibohf23spdlt)/cn=recipients/cn=5c0e0b883c0f4ccbb2cf13db05a00b36-luciene ivo;ana.paula.medeiros@bradesco.com.br;</t>
  </si>
  <si>
    <t>Férias - Novo Fluxo - (UDI - AMEX CERRADO - CARTEIRA CEDIDA)</t>
  </si>
  <si>
    <t>Controle de Férias Fina1 - UDI - AMEX CERRADO - CARTEIRA CEDIDA.xls</t>
  </si>
  <si>
    <t>/o=exchangelabs/ou=exchange administrative group (fydibohf23spdlt)/cn=recipients/cn=1f618d54a68b4458b5b1746c7fbe41a2-ana paula d,/o=exchangelabs/ou=exchange administrative group (fydibohf23spdlt)/cn=recipients/cn=5c0e0b883c0f4ccbb2cf13db05a00b36-luciene ivo,ana.paula.medeiros@bradesco.com.br</t>
  </si>
  <si>
    <t>b9ae8949-0e76-4ec2-b85d-05bc415aa4da.tmp</t>
  </si>
  <si>
    <t>\\acsfs\profiles$\geovannasm\Downloads\b9ae8949-0e76-4ec2-b85d-05bc415aa4da.tmp</t>
  </si>
  <si>
    <t>02fbda85-bedc-44b2-924b-5c83a85fb420.tmp</t>
  </si>
  <si>
    <t>\\acsfs\profiles$\geovannasm\Downloads\02fbda85-bedc-44b2-924b-5c83a85fb420.tmp</t>
  </si>
  <si>
    <t>mail.google.com/_/upload?authuser=0&amp;dcp=asu-n&amp;upload_id=AEnB2Up2WDu8XZIf-3VfzCG4BDWmS0lewmf6nwTly14Zsb-WgUYsKnkbFCD5fkE-NTZzjwXmdzSmndvJu5JcaLQkUSmHtvMqKg&amp;upload_protocol=resumable</t>
  </si>
  <si>
    <t>\\acsfs\DEPTOS\Transformação\Controle Projetos\</t>
  </si>
  <si>
    <t>Controle Projetos V2.17.xlsb</t>
  </si>
  <si>
    <t>C:\Comercial\2019\RFP - LOTE FIS\Ultimo Last Call - ESCOPO B\Custos de desmobilização\Cenarios CAGR v2.pptx\</t>
  </si>
  <si>
    <t>mail.google.com/_/upload?authuser=2&amp;dcp=asu-n&amp;upload_id=AEnB2UrvyI28sQuqz1Tmsn5yo1cIvihc1YEnlL24kD8Hz5UVSPK9gIGeN5lVxzn-3H4BHH6LYZMqcdr8JSXX4_MheVwyd8S4TQ&amp;upload_protocol=resumable</t>
  </si>
  <si>
    <t>\\acsfs\ACS\Consultoria de Qualidade\Uberlândia\1. Analistas\Fernando Rodrigues\4. Distribuição de Meta\2019\3. next\1. Dezembro\</t>
  </si>
  <si>
    <t>3º Ciclo_ Planejamento next.xls</t>
  </si>
  <si>
    <t>6fde928c-00bf-43b9-9c16-afce602d1e84.tmp</t>
  </si>
  <si>
    <t>\\acsfs\profiles$\paulovadc\Downloads\6fde928c-00bf-43b9-9c16-afce602d1e84.tmp</t>
  </si>
  <si>
    <t>/o=exchangelabs/ou=exchange administrative group (fydibohf23spdlt)/cn=recipients/cn=1f618d54a68b4458b5b1746c7fbe41a2-ana paula d;/o=exchangelabs/ou=exchange administrative group (fydibohf23spdlt)/cn=recipients/cn=5c0e0b883c0f4ccbb2cf13db05a00b36-luciene ivo;/o=exchangelabs/ou=exchange administrative group (fydibohf23spdlt)/cn=recipients/cn=8e42a709f7ac410c8a7a14bc4f51ffcd-raquel orda;ana.paula.medeiros@bradesco.com.br;raquelos@algartech.com.br;</t>
  </si>
  <si>
    <t>Férias - Novo Fluxo - (UDI - AMEX CERRADO - MONITORAMENTO DE CONTAS PF - ATENDIMENTO)</t>
  </si>
  <si>
    <t>Controle de Férias Fina1 - UDI - AMEX CERRADO - MONITORAMENTO DE CONTAS PF - ATENDIMENT1.xls</t>
  </si>
  <si>
    <t>/o=exchangelabs/ou=exchange administrative group (fydibohf23spdlt)/cn=recipients/cn=1f618d54a68b4458b5b1746c7fbe41a2-ana paula d,/o=exchangelabs/ou=exchange administrative group (fydibohf23spdlt)/cn=recipients/cn=5c0e0b883c0f4ccbb2cf13db05a00b36-luciene ivo,/o=exchangelabs/ou=exchange administrative group (fydibohf23spdlt)/cn=recipients/cn=8e42a709f7ac410c8a7a14bc4f51ffcd-raquel orda,ana.paula.medeiros@bradesco.com.br,raquelos@algartech.com.br</t>
  </si>
  <si>
    <t>TMA e TME por Operador de Chat - CPC - Detalhe.xlsx</t>
  </si>
  <si>
    <t>mail.google.com/_/upload?authuser=1&amp;dcp=asu-n&amp;upload_id=AEnB2UozQI0p5CbEL_Q1ZGFGmxKxuyjLzFwKZuaySakOmQ-Zr2k2WDGxhuQ0tfn9ODLFQzDdLF-2j1W837-GLgU-df6IQcaw8A&amp;upload_protocol=resumable</t>
  </si>
  <si>
    <t>/o=exchangelabs/ou=exchange administrative group (fydibohf23spdlt)/cn=recipients/cn=1f618d54a68b4458b5b1746c7fbe41a2-ana paula d;/o=exchangelabs/ou=exchange administrative group (fydibohf23spdlt)/cn=recipients/cn=5c0e0b883c0f4ccbb2cf13db05a00b36-luciene ivo;/o=exchangelabs/ou=exchange administrative group (fydibohf23spdlt)/cn=recipients/cn=7a73e871c15c4cc78bed339f0fd15a55-paula dargi;ana.paula.medeiros@bradesco.com.br;paulag@algartech.com.br;</t>
  </si>
  <si>
    <t>Férias - Novo Fluxo - (UDI - AMEX CERRADO - MONITORAMENTO DE CONTAS PF - BO PREMIUM)</t>
  </si>
  <si>
    <t>Controle de Férias Fina1 - UDI - AMEX CERRADO - MONITORAMENTO DE CONTAS PF - BO PREMIUM.xls</t>
  </si>
  <si>
    <t>/o=exchangelabs/ou=exchange administrative group (fydibohf23spdlt)/cn=recipients/cn=1f618d54a68b4458b5b1746c7fbe41a2-ana paula d,/o=exchangelabs/ou=exchange administrative group (fydibohf23spdlt)/cn=recipients/cn=5c0e0b883c0f4ccbb2cf13db05a00b36-luciene ivo,/o=exchangelabs/ou=exchange administrative group (fydibohf23spdlt)/cn=recipients/cn=7a73e871c15c4cc78bed339f0fd15a55-paula dargi,ana.paula.medeiros@bradesco.com.br,paulag@algartech.com.br</t>
  </si>
  <si>
    <t>Demandas - Cópia.xlsx</t>
  </si>
  <si>
    <t>\\acsfs\DEPTOS\Operacao\PCP\5 - Comum\PLANEJAMENTO BV\14 - ACOMPANHAMENTO\1 - REPORT ACOMPANHAMENTO\12 - Dezembro\FINANCEIRA\</t>
  </si>
  <si>
    <t>REPORT ACOMPANHAMENTO - BV - DEZEMBRO.xlsb</t>
  </si>
  <si>
    <t>\\acsfs\DEPTOS\Operacao\PCP\5 - Comum\PLANEJAMENTO BV\14 - ACOMPANHAMENTO\1 - REPORT ACOMPANHAMENTO\12 - Dezembro\FINANCEIRA\REPORT ACOMPANHAMENTO - BV - DEZEMBRO.xlsb</t>
  </si>
  <si>
    <t>4ac9598e-d03d-431e-be3a-37ab777843f0.tmp</t>
  </si>
  <si>
    <t>\\acsfs\profiles$\leticiala\Downloads\4ac9598e-d03d-431e-be3a-37ab777843f0.tmp</t>
  </si>
  <si>
    <t>D:\OneDrive\AlgarTech\Pré-Vendas\Cliente\2019\A100\215436 - A100 - SPOF - Option 1\reprojetospofa100.zip\</t>
  </si>
  <si>
    <t>EL-LM-DE-001_R01.xls</t>
  </si>
  <si>
    <t>D:\OneDrive\AlgarTech\Pré-Vendas\Cliente\2019\A100\215436 - A100 - SPOF - Option 1\reprojetospofa100\</t>
  </si>
  <si>
    <t>mail.google.com/_/upload?authuser=1&amp;dcp=asu-n&amp;upload_id=AEnB2Uo0jGnVHzCW5iB3NQ_INqEnLubDyCd68B2PlC1l0CRVXf2_ssjnZvfiAquwHn7EuJQOWixW695ZYSi5hBdSPxkQVR534Q&amp;upload_protocol=resumable</t>
  </si>
  <si>
    <t>E:\0.A100\SLAs\</t>
  </si>
  <si>
    <t>relatorio_storti_categoria_rev4.xlsx</t>
  </si>
  <si>
    <t>ENC: Férias - Novo Fluxo - (UDI - AMEX CERRADO - APOIO OPERACIONAL)</t>
  </si>
  <si>
    <t>ENC: Férias - Novo Fluxo - (UDI - AMEX CERRADO - BO COBRANÇA)</t>
  </si>
  <si>
    <t>ENC: Férias - Novo Fluxo - (UDI - AMEX CERRADO - CARTEIRA CEDIDA)</t>
  </si>
  <si>
    <t>ENC: Férias - Novo Fluxo - (UDI - AMEX CERRADO - MONITORAMENTO DE CONTAS PF - ATENDIMENTO)</t>
  </si>
  <si>
    <t>ENC: Férias - Novo Fluxo - (UDI - AMEX CERRADO - MONITORAMENTO DE CONTAS PF - BO PREMIUM)</t>
  </si>
  <si>
    <t>mail.google.com/_/upload?authuser=0&amp;dcp=asu-n&amp;upload_id=AEnB2UrnqrfdZaE-a0x2g2_m8JNhzeORxV270LpTjaMqaizXdHogQT_Dru57QSibR39mHexsidHEiH_yu6wR1q536lCQ7Dg3JHAU3JYyZY4YI2kdXoKkQYQ&amp;upload_protocol=resumable</t>
  </si>
  <si>
    <t>\\acsfs\ACS\Suporte à Operações\02 - Faturamento\2019\11 - Novembro\FACEBOOK\</t>
  </si>
  <si>
    <t>RELATÓRIO ALGAR19 2 VENDORS SALARY PO NUMBER 4010007736.xlsx</t>
  </si>
  <si>
    <t>/o=exchangelabs/ou=exchange administrative group (fydibohf23spdlt)/cn=recipients/cn=8b5b63d67af648d081a40c45cc800804-fabiana per;robertacmf@algartech.com;thaismo@algartech.com.br;</t>
  </si>
  <si>
    <t>Fechamento Financeiro_Novembro e Prévia Dez.</t>
  </si>
  <si>
    <t>Fechamento Financeiro_Novembro.xlsx</t>
  </si>
  <si>
    <t>/o=exchangelabs/ou=exchange administrative group (fydibohf23spdlt)/cn=recipients/cn=8b5b63d67af648d081a40c45cc800804-fabiana per,robertacmf@algartech.com,thaismo@algartech.com.br</t>
  </si>
  <si>
    <t>/o=exchangelabs/ou=exchange administrative group (fydibohf23spdlt)/cn=recipients/cn=5c0e0b883c0f4ccbb2cf13db05a00b36-luciene ivo;/o=exchangelabs/ou=exchange administrative group (fydibohf23spdlt)/cn=recipients/cn=90878932db2a45bb924c0e3aac6d5da2-jonatas lem;/o=exchangelabs/ou=exchange administrative group (fydibohf23spdlt)/cn=recipients/cn=c8896292664e4b92a7b1e1982ec8e05e-rogerio gon;jonataslv@algartech.com.br;rogerio.gc@bradesco.com.br;</t>
  </si>
  <si>
    <t>Férias - Novo Fluxo - (UDI - AMEX CERRADO - MONITORAMENTO DE CONTAS PJ - ATENDIMENTO)</t>
  </si>
  <si>
    <t>Controle de Férias Fina1 - UDI - AMEX CERRADO - MONITORAMENTO DE CONTAS PJ - ATENDIMENTO.xls</t>
  </si>
  <si>
    <t>/o=exchangelabs/ou=exchange administrative group (fydibohf23spdlt)/cn=recipients/cn=5c0e0b883c0f4ccbb2cf13db05a00b36-luciene ivo,/o=exchangelabs/ou=exchange administrative group (fydibohf23spdlt)/cn=recipients/cn=90878932db2a45bb924c0e3aac6d5da2-jonatas lem,/o=exchangelabs/ou=exchange administrative group (fydibohf23spdlt)/cn=recipients/cn=c8896292664e4b92a7b1e1982ec8e05e-rogerio gon,jonataslv@algartech.com.br,rogerio.gc@bradesco.com.br</t>
  </si>
  <si>
    <t>mail.google.com/mail/u/0/?hl=pt-BR#advanced-search/from=tatiane.oliveira%40algartech.com&amp;subset=all&amp;within=1d&amp;sizeoperator=s_sl&amp;sizeunit=s_smb&amp;query=from%3A(tatiane.oliveira%40algartech.com)/FMfcgxwGBwQNfqwKGmgNRtJqhxZscFld</t>
  </si>
  <si>
    <t>Lista Sinistros SP 2019.xlsx</t>
  </si>
  <si>
    <t>C:\Users\victorvgar\Desktop\AVON\Financeiro incentivo\</t>
  </si>
  <si>
    <t>Incentivo - NOV 19.xlsb</t>
  </si>
  <si>
    <t>/o=exchangelabs/ou=exchange administrative group (fydibohf23spdlt)/cn=recipients/cn=5c0e0b883c0f4ccbb2cf13db05a00b36-luciene ivo;/o=exchangelabs/ou=exchange administrative group (fydibohf23spdlt)/cn=recipients/cn=87cbd0e4808a4943b7079946189af536-graciele da;/o=exchangelabs/ou=exchange administrative group (fydibohf23spdlt)/cn=recipients/cn=90878932db2a45bb924c0e3aac6d5da2-jonatas lem;gracieleses@algartech.com.br;jonataslv@algartech.com.br;</t>
  </si>
  <si>
    <t>Férias - Novo Fluxo - (UDI - AMEX CERRADO - MONITORAMENTO DE CONTAS PJ - BO)</t>
  </si>
  <si>
    <t>Controle de Férias Fina1 - UDI - AMEX CERRADO - MONITORAMENTO DE CONTAS PJ - BO.xls</t>
  </si>
  <si>
    <t>/o=exchangelabs/ou=exchange administrative group (fydibohf23spdlt)/cn=recipients/cn=5c0e0b883c0f4ccbb2cf13db05a00b36-luciene ivo,/o=exchangelabs/ou=exchange administrative group (fydibohf23spdlt)/cn=recipients/cn=87cbd0e4808a4943b7079946189af536-graciele da,/o=exchangelabs/ou=exchange administrative group (fydibohf23spdlt)/cn=recipients/cn=90878932db2a45bb924c0e3aac6d5da2-jonatas lem,gracieleses@algartech.com.br,jonataslv@algartech.com.br</t>
  </si>
  <si>
    <t>Férias - Novo Fluxo - (UDI - AMEX CERRADO - RECUPERAÇÃO JUDICIAL)</t>
  </si>
  <si>
    <t>Controle de Férias Fina1 - UDI - AMEX CERRADO - RECUPERAÇÃO JUDICIAL.xls</t>
  </si>
  <si>
    <t>199252 Marista Plan Precificacao C017 B017_v2_EmConstrucao.xlsb</t>
  </si>
  <si>
    <t>D:\OneDrive\AlgarTech\Pré-Vendas\Cliente\2019\Marista\199252 - NOC + WIT\1. Precificação\199252 Marista Plan Precificacao C017 B017_v2_EmConstrucao.xlsb\</t>
  </si>
  <si>
    <t>533e2fa9-df7b-46b5-a58e-f74b9f0709af.tmp</t>
  </si>
  <si>
    <t>\\acsfs\profiles$\geovannasm\Downloads\533e2fa9-df7b-46b5-a58e-f74b9f0709af.tmp</t>
  </si>
  <si>
    <t>3cabf17d-fe71-4338-adb3-04390b6779fb.tmp</t>
  </si>
  <si>
    <t>\\acsfs\profiles$\geovannasm\Downloads\3cabf17d-fe71-4338-adb3-04390b6779fb.tmp</t>
  </si>
  <si>
    <t>dc3caf79-22fb-438e-98f7-39e05840cbb9.tmp</t>
  </si>
  <si>
    <t>\\acsfs\profiles$\geovannasm\Downloads\dc3caf79-22fb-438e-98f7-39e05840cbb9.tmp</t>
  </si>
  <si>
    <t>amandafdcs@algartech.com.br;</t>
  </si>
  <si>
    <t>ENC: Fechamento Outubro - VALE E UCB</t>
  </si>
  <si>
    <t>amandafdcs@algartech.com.br</t>
  </si>
  <si>
    <t>Notas Turma_09.12.xlsx</t>
  </si>
  <si>
    <t>\\acsfs\DEPTOS\Controladoria\32.Tesouraria\4 - Endividamento\8 - Mútuos_AFAC\</t>
  </si>
  <si>
    <t>C:\Users\rodrigombu\OneDrive - Grupo Algar\Whirlpool\2019\11 - Novembro\Arquivo\N1 DIGITAL\</t>
  </si>
  <si>
    <t>Produtividade Pa Digital - NOV-2109.xlsx</t>
  </si>
  <si>
    <t>Produtividade N1 Digital - NOV-2109.xlsx</t>
  </si>
  <si>
    <t>c:\users\gustavohdsa\downloads\</t>
  </si>
  <si>
    <t>robsonams</t>
  </si>
  <si>
    <t>\\acsfs\deptos\Operacao\Banco_Votorantim\Supervisao\</t>
  </si>
  <si>
    <t>planilha cartões.xlsx</t>
  </si>
  <si>
    <t>\\acsfs\deptos\Operacao\Banco_Votorantim\Supervisao\planilha cartões.xlsx</t>
  </si>
  <si>
    <t>/o=exchangelabs/ou=exchange administrative group (fydibohf23spdlt)/cn=recipients/cn=5c0e0b883c0f4ccbb2cf13db05a00b36-luciene ivo;/o=exchangelabs/ou=exchange administrative group (fydibohf23spdlt)/cn=recipients/cn=7a73e871c15c4cc78bed339f0fd15a55-paula dargi;/o=exchangelabs/ou=exchange administrative group (fydibohf23spdlt)/cn=recipients/cn=90878932db2a45bb924c0e3aac6d5da2-jonatas lem;jonataslv@algartech.com.br;paulag@algartech.com.br;</t>
  </si>
  <si>
    <t>Férias - Novo Fluxo - (UDI - AMEX CERRADO - SUPORTE MONITORAMENTO)</t>
  </si>
  <si>
    <t>Controle de Férias Fina1 - UDI - AMEX CERRADO - SUPORTE MONITORAMENTO.xls</t>
  </si>
  <si>
    <t>/o=exchangelabs/ou=exchange administrative group (fydibohf23spdlt)/cn=recipients/cn=5c0e0b883c0f4ccbb2cf13db05a00b36-luciene ivo,/o=exchangelabs/ou=exchange administrative group (fydibohf23spdlt)/cn=recipients/cn=7a73e871c15c4cc78bed339f0fd15a55-paula dargi,/o=exchangelabs/ou=exchange administrative group (fydibohf23spdlt)/cn=recipients/cn=90878932db2a45bb924c0e3aac6d5da2-jonatas lem,jonataslv@algartech.com.br,paulag@algartech.com.br</t>
  </si>
  <si>
    <t>10.200.66.25</t>
  </si>
  <si>
    <t>78-2B-CB-C1-07-70</t>
  </si>
  <si>
    <t>VOTORANT-SB004</t>
  </si>
  <si>
    <t>alessandraan</t>
  </si>
  <si>
    <t>\\acsfs\profiles$\alessandraan\Downloads\</t>
  </si>
  <si>
    <t>e5ff890f-70c3-4da8-bdb2-ca8a6c47e33b.tmp</t>
  </si>
  <si>
    <t>\\acsfs\profiles$\alessandraan\Downloads\e5ff890f-70c3-4da8-bdb2-ca8a6c47e33b.tmp</t>
  </si>
  <si>
    <t>b7dc6b47-b245-4937-9e0c-e2ab2435b494.tmp</t>
  </si>
  <si>
    <t>\\acsfs\profiles$\alessandraan\Downloads\b7dc6b47-b245-4937-9e0c-e2ab2435b494.tmp</t>
  </si>
  <si>
    <t>bd7574d8-2370-4483-a50e-b2f1fad37760.tmp</t>
  </si>
  <si>
    <t>\\acsfs\profiles$\alessandraan\Downloads\bd7574d8-2370-4483-a50e-b2f1fad37760.tmp</t>
  </si>
  <si>
    <t>D:\OneDrive\AlgarTech\Pré-Vendas\Cliente\2018\A100\151001 - SPOF\</t>
  </si>
  <si>
    <t>A100 - BP Val_ProjetoExecutivoSPOFSimulacao.xlsm</t>
  </si>
  <si>
    <t>TRIGGERS-TREMPLATES_V2.xlsx</t>
  </si>
  <si>
    <t>1877b1f0-a027-4b2c-ab24-b1192b484e04.tmp</t>
  </si>
  <si>
    <t>\\acsfs\profiles$\leticiala\Downloads\1877b1f0-a027-4b2c-ab24-b1192b484e04.tmp</t>
  </si>
  <si>
    <t>\\acsfs\profiles$\alessandraan\My Documents\</t>
  </si>
  <si>
    <t>HOJE SEGUNDA.txt</t>
  </si>
  <si>
    <t>\\acsfs\profiles$\alessandraan\My Documents\HOJE SEGUNDA.txt</t>
  </si>
  <si>
    <t>DADOS.txt</t>
  </si>
  <si>
    <t>\\acsfs\profiles$\alessandraan\My Documents\DADOS.txt</t>
  </si>
  <si>
    <t>199252 Marista Plan Precificacao C017 B017_v2_SETUP_EmConstrucao.xlsb</t>
  </si>
  <si>
    <t>D:\OneDrive\AlgarTech\Pré-Vendas\Cliente\2019\Marista\199252 - NOC + WIT\1. Precificação\199252 Marista Plan Precificacao C017 B017_v2_SETUP_EmConstrucao.xlsb\</t>
  </si>
  <si>
    <t>mail.google.com/_/upload?authuser=1&amp;dcp=asu-n&amp;upload_id=AEnB2UqBLQubcajgDsy-ZY6Hod0xkhD1NM_tqdS6HkDpPqr1eS-SulIDRrNsXV3ngejmBBZ_A9u-Gt0zbuLFdycYWwdq1rxqeA&amp;upload_protocol=resumable</t>
  </si>
  <si>
    <t>10.200.32.22</t>
  </si>
  <si>
    <t>78-2B-CB-C1-07-68</t>
  </si>
  <si>
    <t>VOTORANT-CA071</t>
  </si>
  <si>
    <t>elianegr</t>
  </si>
  <si>
    <t>\\acsfs\DEPTOS\Operacao\Banco_Votorantim\Qualidade\Eliane\Tréplica NOVEMBRO\</t>
  </si>
  <si>
    <t>Tréplica 3° ciclo NOVEMBRO.txt</t>
  </si>
  <si>
    <t>\\acsfs\DEPTOS\Operacao\Banco_Votorantim\Qualidade\Eliane\Tréplica NOVEMBRO\Tréplica 3° ciclo NOVEMBRO.txt</t>
  </si>
  <si>
    <t>Fechamento Novembro - VALE E UCB</t>
  </si>
  <si>
    <t>fabianacscg@algartech.com;karinars@algartecnologia.com.br;senildapdo@algartech.com;</t>
  </si>
  <si>
    <t>Dash Anual 2019 Atualizad3.xlsb</t>
  </si>
  <si>
    <t>fabianacscg@algartech.com,karinars@algartecnologia.com.br,senildapdo@algartech.com</t>
  </si>
  <si>
    <t>d39bd3c4-e459-4043-91dc-d03d3079aa7a.tmp</t>
  </si>
  <si>
    <t>\\acsfs\profiles$\LUCASNS\Downloads\d39bd3c4-e459-4043-91dc-d03d3079aa7a.tmp</t>
  </si>
  <si>
    <t>marcellewdl</t>
  </si>
  <si>
    <t>\\acsfs\profiles$\marcellewdl\Downloads\</t>
  </si>
  <si>
    <t>4772f749-2bd3-477b-91b6-e34cacbaf7e9.tmp</t>
  </si>
  <si>
    <t>\\acsfs\profiles$\marcellewdl\Downloads\4772f749-2bd3-477b-91b6-e34cacbaf7e9.tmp</t>
  </si>
  <si>
    <t>10.200.67.215</t>
  </si>
  <si>
    <t>D0-94-66-B5-5D-F2</t>
  </si>
  <si>
    <t>VOTORANT-ABB015</t>
  </si>
  <si>
    <t>dhiulliananads</t>
  </si>
  <si>
    <t>\\acsfs\profiles$\dhiulliananads\Downloads\</t>
  </si>
  <si>
    <t>75d5fbe9-a29e-4ffc-ae02-0e684d59c0bd.tmp</t>
  </si>
  <si>
    <t>\\acsfs\profiles$\dhiulliananads\Downloads\75d5fbe9-a29e-4ffc-ae02-0e684d59c0bd.tmp</t>
  </si>
  <si>
    <t>Consolidado_Treplica_Novembro 1° ao 3° ciclo.txt</t>
  </si>
  <si>
    <t>\\acsfs\DEPTOS\Operacao\Banco_Votorantim\Qualidade\Eliane\Tréplica NOVEMBRO\Consolidado_Treplica_Novembro 1° ao 3° ciclo.txt</t>
  </si>
  <si>
    <t>\\acsfs\Deptos\Operacao\Banco_Votorantim\Comum\00 - COMUM - BV CARTÕES\EQUIPE VITOR\ATIVO\</t>
  </si>
  <si>
    <t>Dhiulliana.xlsx</t>
  </si>
  <si>
    <t>\\acsfs\profiles$\dhiulliananads\My Documents\Dhiulliana.xlsx</t>
  </si>
  <si>
    <t>C:\Users\simoneesm\OneDrive - Grupo Algar\Controle\CLIENTES\DPRF\Concepçãp\Desenho\Plan Precificacao C017 B017_v12082018 v6.xlsb\</t>
  </si>
  <si>
    <t>cbc03295-542f-4089-9aba-62b4a88f3b6d.tmp</t>
  </si>
  <si>
    <t>\\acsfs\profiles$\ayalabfi\Downloads\cbc03295-542f-4089-9aba-62b4a88f3b6d.tmp</t>
  </si>
  <si>
    <t>/o=exchangelabs/ou=exchange administrative group (fydibohf23spdlt)/cn=recipients/cn=7d8ac9bc7bbc4c14a4465df244f19041-lauane cris;/o=exchangelabs/ou=exchange administrative group (fydibohf23spdlt)/cn=recipients/cn=8b5b63d67af648d081a40c45cc800804-fabiana per;thaismo@algartech.com.br;</t>
  </si>
  <si>
    <t>Indicador SLA Contratado - Novembro/2019</t>
  </si>
  <si>
    <t>11. SLA GRC Novembro.xlsx</t>
  </si>
  <si>
    <t>/o=exchangelabs/ou=exchange administrative group (fydibohf23spdlt)/cn=recipients/cn=7d8ac9bc7bbc4c14a4465df244f19041-lauane cris,/o=exchangelabs/ou=exchange administrative group (fydibohf23spdlt)/cn=recipients/cn=8b5b63d67af648d081a40c45cc800804-fabiana per,thaismo@algartech.com.br</t>
  </si>
  <si>
    <t>10.200.32.12</t>
  </si>
  <si>
    <t>5C-F9-DD-EB-0C-3F</t>
  </si>
  <si>
    <t>VOTORANT-AB013</t>
  </si>
  <si>
    <t>C:\Temp\CollectIT\uninstall.zip\</t>
  </si>
  <si>
    <t>ce047cc8-60eb-4280-89d6-08b3035a038f.tmp</t>
  </si>
  <si>
    <t>\\acsfs\profiles$\dhiulliananads\Downloads\ce047cc8-60eb-4280-89d6-08b3035a038f.tmp</t>
  </si>
  <si>
    <t>a87f6ff9-9a51-4c82-ba3d-8ce406c1458f.tmp</t>
  </si>
  <si>
    <t>\\acsfs\profiles$\gabrielarb\Downloads\a87f6ff9-9a51-4c82-ba3d-8ce406c1458f.tmp</t>
  </si>
  <si>
    <t>10.200.67.183</t>
  </si>
  <si>
    <t>74-86-7A-FB-1B-3B</t>
  </si>
  <si>
    <t>VOTORANT-FB017</t>
  </si>
  <si>
    <t>laranmg</t>
  </si>
  <si>
    <t>\\acsfs\profiles$\laranmg\Contacts\</t>
  </si>
  <si>
    <t>LARA NUBIA MARQUES GOMES (29).contact</t>
  </si>
  <si>
    <t>\\acsfs\profiles$\laranmg\Contacts\LARA NUBIA MARQUES GOMES (29).contact</t>
  </si>
  <si>
    <t>74-86-7A-FB-17-88</t>
  </si>
  <si>
    <t>VOTORANT-FB015</t>
  </si>
  <si>
    <t>katiahmdj</t>
  </si>
  <si>
    <t>\\acsfs\profiles$\katiahmdj\My Documents\</t>
  </si>
  <si>
    <t>bloco sac.txt</t>
  </si>
  <si>
    <t>\\acsfs\profiles$\katiahmdj\My Documents\bloco sac.txt</t>
  </si>
  <si>
    <t>\\acsfs\profiles$\laranmg\Favorites\Links for Brasil\</t>
  </si>
  <si>
    <t>\\acsfs\profiles$\laranmg\Favorites\Links for Brasil\Microsoft Brasil.url</t>
  </si>
  <si>
    <t>\\acsfs\profiles$\laranmg\Favorites\Links for Brasil\Windows Brasil.url</t>
  </si>
  <si>
    <t>\\acsfs\profiles$\laranmg\Favorites\Links for Brasil\MSN Brasil.url</t>
  </si>
  <si>
    <t>c9de0107-15f0-4f5d-9471-36171d1a8c59.tmp</t>
  </si>
  <si>
    <t>\\acsfs\profiles$\sarahbal\Downloads\c9de0107-15f0-4f5d-9471-36171d1a8c59.tmp</t>
  </si>
  <si>
    <t>micheless@algartech.com;micheless@algartech.com.br;</t>
  </si>
  <si>
    <t>API</t>
  </si>
  <si>
    <t>Base e Calculo API.xlsx</t>
  </si>
  <si>
    <t>micheless@algartech.com,micheless@algartech.com.br</t>
  </si>
  <si>
    <t>Droga Raia Rollout.xlsx</t>
  </si>
  <si>
    <t>Marista Dimensionamento do Serviço GIAT_v6 - PILOTO COMAND CENTER LDC_v5 com WIT - Copia.xlsm</t>
  </si>
  <si>
    <t>981253a7-5f9e-467f-bc25-b686787da141.tmp</t>
  </si>
  <si>
    <t>\\acsfs\profiles$\geovannasm\Downloads\981253a7-5f9e-467f-bc25-b686787da141.tmp</t>
  </si>
  <si>
    <t>mail.google.com/_/upload?authuser=2&amp;dcp=asu-n&amp;upload_id=AEnB2UrimG1yGMIVrJWY4dHZs3JkaIUBhnS23J70mjkkoIQHcLBRq24r4BKW1T-K7oBrRWccJy-KPUyj1gR0iZmGna7sZmdmjw&amp;upload_protocol=resumable</t>
  </si>
  <si>
    <t>Produtividade N1 Digital - NOV-2109 - V2.xlsx</t>
  </si>
  <si>
    <t>mail.google.com/_/upload?authuser=1&amp;dcp=asu-n&amp;upload_id=AEnB2UqwaAOCi5XLLscaKyn_tqupGhixju_ykVdoDbtsz4eH0nPj-k576FtAgm0hXPuyR2Q-muKbnnehtvHiStJ01wyf4m-DVQcpWn0qlwXM4dNMwMBjHow&amp;upload_protocol=resumable</t>
  </si>
  <si>
    <t>C:\Users\ericacdosc\Desktop\LATAM\Revisão_LP_LATAM.pptx\</t>
  </si>
  <si>
    <t>\\acsfs\profiles$\dhiulliananads\My Documents\lu122041xb3f.tmp\</t>
  </si>
  <si>
    <t>content.xml</t>
  </si>
  <si>
    <t>\\acsfs\profiles$\dhiulliananads\My Documents\lu122041xb3f.tmp</t>
  </si>
  <si>
    <t>\\acsfs\profiles$\dhiulliananads\My Documents\lu122041xb3k.tmp\</t>
  </si>
  <si>
    <t>\\acsfs\profiles$\dhiulliananads\My Documents\lu122041xb3k.tmp</t>
  </si>
  <si>
    <t>2d32d141-7d28-49bc-bb38-43a362942949.tmp</t>
  </si>
  <si>
    <t>\\acsfs\profiles$\paulovadc\Downloads\2d32d141-7d28-49bc-bb38-43a362942949.tmp</t>
  </si>
  <si>
    <t>232f105a-8c10-4c4b-a4cb-10e5e243e36b.tmp</t>
  </si>
  <si>
    <t>\\acsfs\profiles$\paulovadc\Downloads\232f105a-8c10-4c4b-a4cb-10e5e243e36b.tmp</t>
  </si>
  <si>
    <t>C:\Users\elainemdlp\OD\_Projetos\Em andamento\Lei do Bem\</t>
  </si>
  <si>
    <t>Levantamento horas V2.xlsx</t>
  </si>
  <si>
    <t>mail.google.com/_/upload?authuser=1&amp;dcp=asu-n&amp;upload_id=AEnB2Uqe3jTjgGmc4g1B6IFTUA99a_u95knriBacv6AplYGNro0oCcyhuU_PH70SlbW0Y9jgaqrSzjAt5Ya1EHFvFNJrW_rXIOskxnakVDD-x7SyOHJJDTc&amp;upload_protocol=resumable</t>
  </si>
  <si>
    <t>Template horas.xlsx</t>
  </si>
  <si>
    <t>/o=exchangelabs/ou=exchange administrative group (fydibohf23spdlt)/cn=recipients/cn=f8c35298ef0b48aa998ff938051b62c8-ana carolin;ana.palazzo@bradesco.com.br;anapscl@algartech.com.br;felipe.silva@temposervicos.com.br;jaquelineaferr@algartech.com;katiargf@algartech.com;kenia.oliveira@temposervicos.com.br;lilian.alves@temposervicos.com.br;lorena.r.silva@bradesco.com.br;micheless@algartech.com;reginaldo.cardozo@bradesco.com.br;solange.contriciani@bradesco.com.br;</t>
  </si>
  <si>
    <t>/o=exchangelabs/ou=exchange administrative group (fydibohf23spdlt)/cn=recipients/cn=f8c35298ef0b48aa998ff938051b62c8-ana carolin,ana.palazzo@bradesco.com.br,anapscl@algartech.com.br,felipe.silva@temposervicos.com.br,jaquelineaferr@algartech.com,katiargf@algartech.com,kenia.oliveira@temposervicos.com.br,lilian.alves@temposervicos.com.br,lorena.r.silva@bradesco.com.br,micheless@algartech.com,reginaldo.cardozo@bradesco.com.br,solange.contriciani@bradesco.com.br</t>
  </si>
  <si>
    <t>Insurance Meeting.xlsx</t>
  </si>
  <si>
    <t>hospitalar.xlsx</t>
  </si>
  <si>
    <t>mail.google.com/_/upload?authuser=0&amp;dcp=asu-n&amp;upload_id=AEnB2UpW2yGocnsAEAEvyXqWuY3UUNQEKXN5cn1QJRIcb_EgtFlwSlpXNtyarmlLuRvEJW6FDLCUhyGu4w-A8_sRs4ORjqAR0liTK2AUt4yUotrQo2J_j7o&amp;upload_protocol=resumable</t>
  </si>
  <si>
    <t>60 - Análise RD HABITACIONAL (3)desafio 100.xlsx</t>
  </si>
  <si>
    <t>C:\Users\vanessasara\OneDrive - Grupo Algar\Pessoal\PÓS\</t>
  </si>
  <si>
    <t>Lista de Riscos - Proj. Personal Organizer.xlsx</t>
  </si>
  <si>
    <t>Plano de Respostas - Proj Personal Organizer.xlsx</t>
  </si>
  <si>
    <t>C:\Users\alefl\OneDrive - Grupo Algar\Bra\Antivirus\</t>
  </si>
  <si>
    <t>199252 Marista Plan Precificacao C017 B017_v2_RECORRENTE_EmConstrucao.xlsb</t>
  </si>
  <si>
    <t>D:\OneDrive\AlgarTech\Pré-Vendas\Cliente\2019\Marista\199252 - NOC + WIT\1. Precificação\199252 Marista Plan Precificacao C017 B017_v2_RECORRENTE_EmConstrucao.xlsb\</t>
  </si>
  <si>
    <t>ENC: Cenário operação SAU AMEX PF - Outubro/19 - Fechamento</t>
  </si>
  <si>
    <t>10 - Acompanhamento de Volumes - SAU Amex - Outubro - 2019.xlsb</t>
  </si>
  <si>
    <t>TRANSFERÊNCIAS ENTRE EMPRESAS INFRA.Nov.xlsx</t>
  </si>
  <si>
    <t>\\acsfs\profiles$\dhiulliananads\My Documents\lu122041xb3s.tmp\</t>
  </si>
  <si>
    <t>\\acsfs\profiles$\dhiulliananads\My Documents\lu122041xb3s.tmp</t>
  </si>
  <si>
    <t>\\acsfs\profiles$\dhiulliananads\My Documents\lu122041xb3x.tmp\</t>
  </si>
  <si>
    <t>\\acsfs\profiles$\dhiulliananads\My Documents\lu122041xb3x.tmp</t>
  </si>
  <si>
    <t>988ba983-2c2a-410d-964d-7b509913b639.tmp</t>
  </si>
  <si>
    <t>\\acsfs\profiles$\deborahsi\Downloads\988ba983-2c2a-410d-964d-7b509913b639.tmp</t>
  </si>
  <si>
    <t>e64260ca-0d14-4057-bba7-af40c058092d.tmp</t>
  </si>
  <si>
    <t>\\acsfs\profiles$\luanaldsi\Downloads\e64260ca-0d14-4057-bba7-af40c058092d.tmp</t>
  </si>
  <si>
    <t>\\acsfs\profiles$\gabrielarb\</t>
  </si>
  <si>
    <t>GRB.txt</t>
  </si>
  <si>
    <t>\\acsfs\profiles$\gabrielarb\GRB.txt</t>
  </si>
  <si>
    <t>eduardo.s.amaral@gmail.com</t>
  </si>
  <si>
    <t>Skil's e VDN's OPERAÇÕES SERVIÇOS.xlsx</t>
  </si>
  <si>
    <t>38184c24-6c69-42d7-a5d8-be4a05d32836.tmp</t>
  </si>
  <si>
    <t>\\acsfs\profiles$\geovanaasa\Downloads\38184c24-6c69-42d7-a5d8-be4a05d32836.tmp</t>
  </si>
  <si>
    <t>FORECAST 11-2019 GRC - OPPs SEM INFORMAÇÕES.xlsb</t>
  </si>
  <si>
    <t>mail.google.com/_/upload?authuser=0&amp;dcp=asu-n&amp;upload_id=AEnB2UqC2HUsUxzqm4pycb3wfApHefC4syehdqO91Q8IZd8vhueNwB3GRR8mQ2YWfz71_pgkKcx4Jj17ftF4SbxwOu_2onKKOA&amp;upload_protocol=resumable</t>
  </si>
  <si>
    <t>mail.google.com/_/upload?authuser=0&amp;dcp=asu-n&amp;upload_id=AEnB2Ur7OLjKN1Vd0Vc1BOwbsdcqhR62niWX_0yx57wXT7kf1feJsje4EN2YJzAxMtKCKPWMdtB5HM3P5yO1SfBlj_8-1oP8st-UGRiyejN0XG8s4RvdCdY&amp;upload_protocol=resumable</t>
  </si>
  <si>
    <t>20190612-CheckList detalhado.xlsx</t>
  </si>
  <si>
    <t>pesquisa supers.xlsx</t>
  </si>
  <si>
    <t>\\acsfs\profiles$\dhiulliananads\My Documents\lu122041xb46.tmp\</t>
  </si>
  <si>
    <t>\\acsfs\profiles$\dhiulliananads\My Documents\lu122041xb46.tmp</t>
  </si>
  <si>
    <t>\\acsfs\profiles$\dhiulliananads\My Documents\lu122041xb4b.tmp\</t>
  </si>
  <si>
    <t>\\acsfs\profiles$\dhiulliananads\My Documents\lu122041xb4b.tmp</t>
  </si>
  <si>
    <t>\\acsfs\profiles$\dhiulliananads\My Documents\lu122041xb4g.tmp\</t>
  </si>
  <si>
    <t>\\acsfs\profiles$\dhiulliananads\My Documents\lu122041xb4g.tmp</t>
  </si>
  <si>
    <t>56bfb3b9-ffbf-405b-bf7d-9bdda86ca722.tmp</t>
  </si>
  <si>
    <t>\\acsfs\profiles$\geovanaasa\Downloads\56bfb3b9-ffbf-405b-bf7d-9bdda86ca722.tmp</t>
  </si>
  <si>
    <t>Acompanhamento Inclusão..xlsx</t>
  </si>
  <si>
    <t>10.200.66.52</t>
  </si>
  <si>
    <t>74-86-7A-FB-17-35</t>
  </si>
  <si>
    <t>VOTORANT-GB018</t>
  </si>
  <si>
    <t>vanessavn</t>
  </si>
  <si>
    <t>\\acsfs\profiles$\vanessavn\Documents\</t>
  </si>
  <si>
    <t>nota 2.txt</t>
  </si>
  <si>
    <t>\\acsfs\profiles$\vanessavn\Documents\nota 2.txt</t>
  </si>
  <si>
    <t>d8d3e3a4-9c0d-4c30-9ea1-887742b5bdd6.tmp</t>
  </si>
  <si>
    <t>\\acsfs\profiles$\gabrielarb\Downloads\d8d3e3a4-9c0d-4c30-9ea1-887742b5bdd6.tmp</t>
  </si>
  <si>
    <t>Dept.xlsx</t>
  </si>
  <si>
    <t>09.txt</t>
  </si>
  <si>
    <t>\\acsfs\profiles$\marcelacdss\My Documents\ATENDIMENTOS\DEZEMBRO\09.txt</t>
  </si>
  <si>
    <t>/o=exchangelabs/ou=exchange administrative group (fydibohf23spdlt)/cn=recipients/cn=c8896292664e4b92a7b1e1982ec8e05e-rogerio gon;rogerio.gc@bradesco.com.br;</t>
  </si>
  <si>
    <t>/o=exchangelabs/ou=exchange administrative group (fydibohf23spdlt)/cn=recipients/cn=c8896292664e4b92a7b1e1982ec8e05e-rogerio gon,rogerio.gc@bradesco.com.br</t>
  </si>
  <si>
    <t>/o=exchangelabs/ou=exchange administrative group (fydibohf23spdlt)/cn=recipients/cn=5c0e0b883c0f4ccbb2cf13db05a00b36-luciene ivo;/o=exchangelabs/ou=exchange administrative group (fydibohf23spdlt)/cn=recipients/cn=7a73e871c15c4cc78bed339f0fd15a55-paula dargi;paulag@algartech.com.br;</t>
  </si>
  <si>
    <t>Férias - Novo Fluxo - (UDI - AMEX CERRADO - SUPORTE RECLAMAÇÕES)</t>
  </si>
  <si>
    <t>Controle de Férias Fina1 - UDI - AMEX CERRADO - SUPORTE RECLAMAÇÕES.xls</t>
  </si>
  <si>
    <t>/o=exchangelabs/ou=exchange administrative group (fydibohf23spdlt)/cn=recipients/cn=5c0e0b883c0f4ccbb2cf13db05a00b36-luciene ivo,/o=exchangelabs/ou=exchange administrative group (fydibohf23spdlt)/cn=recipients/cn=7a73e871c15c4cc78bed339f0fd15a55-paula dargi,paulag@algartech.com.br</t>
  </si>
  <si>
    <t>82553b34-9cd4-4860-82d6-5d1cfaf5268b.tmp</t>
  </si>
  <si>
    <t>\\acsfs\profiles$\isabellegtds\Downloads\82553b34-9cd4-4860-82d6-5d1cfaf5268b.tmp</t>
  </si>
  <si>
    <t>ENC: Produtividade CRCe até 08/12</t>
  </si>
  <si>
    <t>Produtividade CRC Amex e CRC VMC - Dezembro.xlsb</t>
  </si>
  <si>
    <t>646d35c3-c1e2-443a-9a22-eadfe07e9ea1.tmp</t>
  </si>
  <si>
    <t>\\acsfs\profiles$\luanaldsi\Downloads\646d35c3-c1e2-443a-9a22-eadfe07e9ea1.tmp</t>
  </si>
  <si>
    <t>acfc47d5-b2de-4d3c-b358-aa1b327769b9.tmp</t>
  </si>
  <si>
    <t>\\acsfs\profiles$\luanaldsi\Downloads\acfc47d5-b2de-4d3c-b358-aa1b327769b9.tmp</t>
  </si>
  <si>
    <t>1eba00ea-2e03-46fd-96d4-32fd85bafdd2.tmp</t>
  </si>
  <si>
    <t>\\acsfs\profiles$\luanaldsi\Downloads\1eba00ea-2e03-46fd-96d4-32fd85bafdd2.tmp</t>
  </si>
  <si>
    <t>/o=exchangelabs/ou=exchange administrative group (fydibohf23spdlt)/cn=recipients/cn=3d20ea472e534310bc312597c595bfdf-fernanda al;/o=exchangelabs/ou=exchange administrative group (fydibohf23spdlt)/cn=recipients/cn=5c0e0b883c0f4ccbb2cf13db05a00b36-luciene ivo;fernandaabs@algartech.com.br;</t>
  </si>
  <si>
    <t>Férias - Novo Fluxo - (UDI - AMEX COBRANCA - IBI CRED)</t>
  </si>
  <si>
    <t>Controle de Férias Fina1 - UDI - AMEX COBRANCA - IBI CRED.xls</t>
  </si>
  <si>
    <t>/o=exchangelabs/ou=exchange administrative group (fydibohf23spdlt)/cn=recipients/cn=3d20ea472e534310bc312597c595bfdf-fernanda al,/o=exchangelabs/ou=exchange administrative group (fydibohf23spdlt)/cn=recipients/cn=5c0e0b883c0f4ccbb2cf13db05a00b36-luciene ivo,fernandaabs@algartech.com.br</t>
  </si>
  <si>
    <t>/o=exchangelabs/ou=exchange administrative group (fydibohf23spdlt)/cn=recipients/cn=3d20ea472e534310bc312597c595bfdf-fernanda al;/o=exchangelabs/ou=exchange administrative group (fydibohf23spdlt)/cn=recipients/cn=5c0e0b883c0f4ccbb2cf13db05a00b36-luciene ivo;/o=exchangelabs/ou=exchange administrative group (fydibohf23spdlt)/cn=recipients/cn=8e42a709f7ac410c8a7a14bc4f51ffcd-raquel orda;raquelos@algartech.com.br;</t>
  </si>
  <si>
    <t>Férias - Novo Fluxo - (UDI - AMEX CREDITO)</t>
  </si>
  <si>
    <t>Controle de Férias Fina1 - UDI - AMEX CREDITO.xls</t>
  </si>
  <si>
    <t>/o=exchangelabs/ou=exchange administrative group (fydibohf23spdlt)/cn=recipients/cn=3d20ea472e534310bc312597c595bfdf-fernanda al,/o=exchangelabs/ou=exchange administrative group (fydibohf23spdlt)/cn=recipients/cn=5c0e0b883c0f4ccbb2cf13db05a00b36-luciene ivo,/o=exchangelabs/ou=exchange administrative group (fydibohf23spdlt)/cn=recipients/cn=8e42a709f7ac410c8a7a14bc4f51ffcd-raquel orda,raquelos@algartech.com.br</t>
  </si>
  <si>
    <t>ca0d86a3-5b96-45f1-8c6c-ee532814dc84.tmp</t>
  </si>
  <si>
    <t>\\acsfs\profiles$\gabrielarb\Downloads\ca0d86a3-5b96-45f1-8c6c-ee532814dc84.tmp</t>
  </si>
  <si>
    <t>\\acsfs\DEPTOS\Operacao\PCP\5 - Comum\LUIZ ALFREDO\00 - WHIRLPOOL\01 - TLV COMPRA CERTA\2019\12 - DEZEMBRO\</t>
  </si>
  <si>
    <t>Hora-Hora - TLV D2C DEZ 19.xlsx</t>
  </si>
  <si>
    <t>henriqueco</t>
  </si>
  <si>
    <t>\\acsfs\profiles$\henriqueco\Downloads\</t>
  </si>
  <si>
    <t>9fcaf86e-5305-48cf-b867-aa3b4225131e.tmp</t>
  </si>
  <si>
    <t>\\acsfs\profiles$\henriqueco\Downloads\9fcaf86e-5305-48cf-b867-aa3b4225131e.tmp</t>
  </si>
  <si>
    <t>ea09571d-9d7b-4581-a119-de46337c644b.tmp</t>
  </si>
  <si>
    <t>\\acsfs\profiles$\luanaldsi\Downloads\ea09571d-9d7b-4581-a119-de46337c644b.tmp</t>
  </si>
  <si>
    <t>wilsianemf@algartech.com;</t>
  </si>
  <si>
    <t>Analise caixa.xlsx</t>
  </si>
  <si>
    <t>wilsianemf@algartech.com</t>
  </si>
  <si>
    <t>Marista Dimensionamento do Serviço GIAT_v6 - PILOTO COMAND CENTER LDC_v5 com WIT_V2.xlsm</t>
  </si>
  <si>
    <t>10.200.67.45</t>
  </si>
  <si>
    <t>74-86-7A-FB-17-99</t>
  </si>
  <si>
    <t>VOTORANT-LB009</t>
  </si>
  <si>
    <t>gabrielamdp</t>
  </si>
  <si>
    <t>\\acsfs\profiles$\gabrielamdp\Downloads\</t>
  </si>
  <si>
    <t>bfe4bb62-3be1-401c-8847-2d4859de2b8e.tmp</t>
  </si>
  <si>
    <t>\\acsfs\profiles$\gabrielamdp\Downloads\bfe4bb62-3be1-401c-8847-2d4859de2b8e.tmp</t>
  </si>
  <si>
    <t>781ebea4-0992-4d7a-b3c7-db44d7d4aa71.tmp</t>
  </si>
  <si>
    <t>\\acsfs\profiles$\gabrielamdp\Downloads\781ebea4-0992-4d7a-b3c7-db44d7d4aa71.tmp</t>
  </si>
  <si>
    <t>64099143-b13f-499b-8d14-a17b5484f970.tmp</t>
  </si>
  <si>
    <t>\\acsfs\profiles$\gabrielamdp\Downloads\64099143-b13f-499b-8d14-a17b5484f970.tmp</t>
  </si>
  <si>
    <t>11 - Painel Regulamentado PJ - Prazo SACL Nov19.xlsx</t>
  </si>
  <si>
    <t>2b32152b-ee43-4c0d-8c4e-a450ebe2077d.tmp</t>
  </si>
  <si>
    <t>\\acsfs\profiles$\sarahbal\Downloads\2b32152b-ee43-4c0d-8c4e-a450ebe2077d.tmp</t>
  </si>
  <si>
    <t>fernandaab</t>
  </si>
  <si>
    <t>\\acsfs\Deptos\Operacao\Banco_Votorantim\Qualidade\Fernanda\RECLAMAÇÃO E OUVIDORIA\</t>
  </si>
  <si>
    <t>CPF 320.699.918-90 Noemia da Conceição freitas.docx</t>
  </si>
  <si>
    <t>\\acsfs\Deptos\Operacao\Banco_Votorantim\Qualidade\Fernanda\RECLAMAÇÃO E OUVIDORIA\CPF 320.699.918-90 Noemia da Conceição freitas.docx</t>
  </si>
  <si>
    <t>10.203.30.56</t>
  </si>
  <si>
    <t>mail.google.com/_/upload?authuser=0&amp;dcp=asu-n&amp;upload_id=AEnB2Uo4QSV2tyqMf14c-2DhaekpiL2p5BaP1LkQnk79__PRKywzSHLH36RFuGAc_uneGeyv-NiuOoGsAHBj-fAl1Zl0SlX-pQ&amp;upload_protocol=resumable</t>
  </si>
  <si>
    <t>2019_12_Projeto_Evolução_SOSTENES.xlsx</t>
  </si>
  <si>
    <t>CPF 320.699.918-90 Noemia da Conceição freitas.pdf</t>
  </si>
  <si>
    <t>\\acsfs\Deptos\Operacao\Banco_Votorantim\Qualidade\Fernanda\RECLAMAÇÃO E OUVIDORIA\CPF 320.699.918-90 Noemia da Conceição freitas.pdf</t>
  </si>
  <si>
    <t>mail.google.com/_/upload?authuser=0&amp;dcp=asu-n&amp;upload_id=AEnB2UqV8_aaCJo9RO1aAAO8lbtMn-Oh31Da-Ir6PnXWCWFWbpv9Sj2MKO5fd57cm5ZI_1emKWGbOygwPpvhaykSAvDDsVH5Xw&amp;upload_protocol=resumable</t>
  </si>
  <si>
    <t>\\acsfs\profiles$\gabrielhca\Downloads\</t>
  </si>
  <si>
    <t>9765db1d-56d7-465c-969a-65dd90e55bfc.tmp</t>
  </si>
  <si>
    <t>\\acsfs\profiles$\gabrielhca\Downloads\9765db1d-56d7-465c-969a-65dd90e55bfc.tmp</t>
  </si>
  <si>
    <t>analtc@algartech.com;nayanepmt@algartech.com;ricardodfm@algartech.com;sandra.borges@temposervicos.com.br;sandrabb@algartech.com;sarahro@algartech.com;thaisom@algartech.com;vanessa.freitag@bradesco.com.br;</t>
  </si>
  <si>
    <t>Quantidade UHV Novembro.xlsx</t>
  </si>
  <si>
    <t>analtc@algartech.com,nayanepmt@algartech.com,ricardodfm@algartech.com,sandra.borges@temposervicos.com.br,sandrabb@algartech.com,sarahro@algartech.com,thaisom@algartech.com,vanessa.freitag@bradesco.com.br</t>
  </si>
  <si>
    <t>C:\Users\polati\OneDrive - Grupo Algar\algar\projeto fidelidade\INTER\fase 4 the finals\Cenarios CAGR conselho.pptx\</t>
  </si>
  <si>
    <t>64a381ab-1a08-4d08-bb1e-740111997a74.tmp</t>
  </si>
  <si>
    <t>\\acsfs\profiles$\fabianafv\Downloads\64a381ab-1a08-4d08-bb1e-740111997a74.tmp</t>
  </si>
  <si>
    <t>mail.google.com/_/upload?authuser=0&amp;dcp=asu-n&amp;upload_id=AEnB2UoSE3-oFH7hEh16o_JhbZ8D8SnTI8VBeoIwTCfMNxryO9M9h_v4KB33X8z74b6rjB26SlVAKT4ybP72Llu4901VTNM8eIJxEYqdOPFgy0kxIf_uCls&amp;upload_protocol=resumable</t>
  </si>
  <si>
    <t>Pesquisa AVON Supers DEZ.xlsx</t>
  </si>
  <si>
    <t>bernardopcm</t>
  </si>
  <si>
    <t>\\acsfs\profiles$\BERNARDOPCM\Favorites\Links for Brasil\</t>
  </si>
  <si>
    <t>\\acsfs\profiles$\BERNARDOPCM\Favorites\Links for Brasil\Microsoft Brasil.url</t>
  </si>
  <si>
    <t>\\acsfs\profiles$\BERNARDOPCM\Favorites\Links for Brasil\Windows Brasil.url</t>
  </si>
  <si>
    <t>\\acsfs\profiles$\BERNARDOPCM\Favorites\Links for Brasil\MSN Brasil.url</t>
  </si>
  <si>
    <t>\\acsfs\profiles$\bernardopcm\Downloads\</t>
  </si>
  <si>
    <t>704d2259-a0fb-4591-8dd7-39cc37a7b809.tmp</t>
  </si>
  <si>
    <t>\\acsfs\profiles$\bernardopcm\Downloads\704d2259-a0fb-4591-8dd7-39cc37a7b809.tmp</t>
  </si>
  <si>
    <t>62f4350f-a32d-4239-a47d-89c5b744aabc.tmp</t>
  </si>
  <si>
    <t>\\acsfs\profiles$\bernardopcm\Downloads\62f4350f-a32d-4239-a47d-89c5b744aabc.tmp</t>
  </si>
  <si>
    <t>88973af4-c143-41c8-8ee9-fe94e6edc7ea.tmp</t>
  </si>
  <si>
    <t>\\acsfs\profiles$\bernardopcm\Downloads\88973af4-c143-41c8-8ee9-fe94e6edc7ea.tmp</t>
  </si>
  <si>
    <t>Controle de horas extras ação Subsidios - Novembro2 (1).xls</t>
  </si>
  <si>
    <t>db22e45b-280a-42bb-99bf-32d666afc159.tmp</t>
  </si>
  <si>
    <t>\\acsfs\profiles$\gabrielamdp\Downloads\db22e45b-280a-42bb-99bf-32d666afc159.tmp</t>
  </si>
  <si>
    <t>\\acsfs\profiles$\joaopnbg\Desktop\</t>
  </si>
  <si>
    <t>dados e script.txt</t>
  </si>
  <si>
    <t>\\acsfs\profiles$\joaopnbg\Desktop\dados e script.txt</t>
  </si>
  <si>
    <t>7168dff4-ad5e-4420-8e84-b2253fbec84c.tmp</t>
  </si>
  <si>
    <t>\\acsfs\profiles$\kellzylenneasr\Downloads\7168dff4-ad5e-4420-8e84-b2253fbec84c.tmp</t>
  </si>
  <si>
    <t>\\acsfs\profiles$\KARENDSR\Downloads\</t>
  </si>
  <si>
    <t>7c69e9ab-fc87-47c6-846a-0937224709c1.tmp</t>
  </si>
  <si>
    <t>\\acsfs\profiles$\KARENDSR\Downloads\7c69e9ab-fc87-47c6-846a-0937224709c1.tmp</t>
  </si>
  <si>
    <t>diegocp@algartech.com;lazarosc@algartech.com;nikellydcs@algartech.com;renatobrl@algartech.com;sustentacao_bradesco@algartech.com.br;</t>
  </si>
  <si>
    <t>09-12.xlsx</t>
  </si>
  <si>
    <t>diegocp@algartech.com,lazarosc@algartech.com,nikellydcs@algartech.com,renatobrl@algartech.com,sustentacao_bradesco@algartech.com.br</t>
  </si>
  <si>
    <t>/o=exchangelabs/ou=exchange administrative group (fydibohf23spdlt)/cn=recipients/cn=5c0e0b883c0f4ccbb2cf13db05a00b36-luciene ivo;suelen.a.oliveira@bradesco.com.br;</t>
  </si>
  <si>
    <t>Férias carteira cedida</t>
  </si>
  <si>
    <t>/o=exchangelabs/ou=exchange administrative group (fydibohf23spdlt)/cn=recipients/cn=5c0e0b883c0f4ccbb2cf13db05a00b36-luciene ivo,suelen.a.oliveira@bradesco.com.br</t>
  </si>
  <si>
    <t>e4b671dd-7c8a-4039-a9a4-b5138eedb3de.tmp</t>
  </si>
  <si>
    <t>\\acsfs\profiles$\laurandos\Downloads\e4b671dd-7c8a-4039-a9a4-b5138eedb3de.tmp</t>
  </si>
  <si>
    <t>8b384247-1995-4461-a766-eac63ef96ee8.tmp</t>
  </si>
  <si>
    <t>\\acsfs\profiles$\laurandos\Downloads\8b384247-1995-4461-a766-eac63ef96ee8.tmp</t>
  </si>
  <si>
    <t>reclamação 09-12-19.docx</t>
  </si>
  <si>
    <t>\\acsfs\Deptos\Operacao\Banco_Votorantim\Qualidade\Fernanda\RECLAMAÇÃO E OUVIDORIA\reclamação 09-12-19.docx</t>
  </si>
  <si>
    <t>dalvadfb</t>
  </si>
  <si>
    <t>\\acsfs\profiles$\DALVADFB\Downloads\</t>
  </si>
  <si>
    <t>fd97c8bb-90f1-4f1f-ab23-c5d95a3e3dcb.tmp</t>
  </si>
  <si>
    <t>\\acsfs\profiles$\DALVADFB\Downloads\fd97c8bb-90f1-4f1f-ab23-c5d95a3e3dcb.tmp</t>
  </si>
  <si>
    <t>mail.google.com/_/upload?authuser=0&amp;dcp=asu-n&amp;upload_id=AEnB2UrjDcj8M5Ehmr2jCYre5LB5LSQEsGXkvmg7HbhJOTAMSkFfMGhySvXdFTRHXeYu-j1JovU72xK5FF33yYRs7KMdwF8WDg&amp;upload_protocol=resumable</t>
  </si>
  <si>
    <t>\\acsfs\DEPTOS\Operacao\PCP\5 - Comum\PLANEJAMENTO WHIRLPOOL\17 - PLANEJAMENTO REVISADO\ticket_526283\17 - PLANEJAMENTO REVISADO\OPERAÇÕES\UDI - WHIRLPOOL - CCO\2020\01- JANEIRO\</t>
  </si>
  <si>
    <t>CCO - Verão 2020.xlsx</t>
  </si>
  <si>
    <t>\\acsfs\DEPTOS\Operacao\Banco_Votorantim\Qualidade\Eliane\Monitorias DEZEMBRO\</t>
  </si>
  <si>
    <t>1° CICLO DEZEMBRO.txt</t>
  </si>
  <si>
    <t>\\acsfs\DEPTOS\Operacao\Banco_Votorantim\Qualidade\Eliane\Monitorias DEZEMBRO\1° CICLO DEZEMBRO.txt</t>
  </si>
  <si>
    <t>aef9ecc8-2fef-4d24-a351-22f7d84e0e6e.tmp</t>
  </si>
  <si>
    <t>\\acsfs\profiles$\laurandos\Downloads\aef9ecc8-2fef-4d24-a351-22f7d84e0e6e.tmp</t>
  </si>
  <si>
    <t>Repactuação Média Salarial v1 (sal18-19.xlsx</t>
  </si>
  <si>
    <t>23f7363f-5126-4ba5-8e41-f10460fd4a26.tmp</t>
  </si>
  <si>
    <t>\\acsfs\profiles$\laurandos\Downloads\23f7363f-5126-4ba5-8e41-f10460fd4a26.tmp</t>
  </si>
  <si>
    <t>\\acsfs\Deptos\Operacao\Banco_Votorantim\Qualidade\Fernanda\MONITORIAS DEZEMBRO\</t>
  </si>
  <si>
    <t>MONITORIA DEZEMBRO.docx</t>
  </si>
  <si>
    <t>\\acsfs\Deptos\Operacao\Banco_Votorantim\Qualidade\Fernanda\MONITORIAS DEZEMBRO\MONITORIA DEZEMBRO.docx</t>
  </si>
  <si>
    <t>mail.google.com/_/upload?authuser=0&amp;dcp=asu-n&amp;upload_id=AEnB2UqepcqQuCrQON_3YZi7QtKjlQxDgBFXpez0bp76Acn_KtDAIltbHXRCad_A381mNwpW_NAXou5zuP1LZlYjGzR3EwSddlRgboDuFG2pyDvSrHXpDFc&amp;upload_protocol=resumable</t>
  </si>
  <si>
    <t>11.2019 - Justificativas OBZ_Oficial - Cópia.xlsx</t>
  </si>
  <si>
    <t>marcotulio@algartech.com</t>
  </si>
  <si>
    <t>mail.google.com/_/upload?authuser=0&amp;dcp=asu-n&amp;upload_id=AEnB2UoBa0JGgJG5RWQVEZ0cuHjCg8YlqXFpyaznPZkY3_Hk2NIzp_rKHr1vWDJZ-UY4CwiRQ4ZJoMDAfp0uQzn--1K-5Lcy80Frm6kxhIpBqeqmQXWTmFw&amp;upload_protocol=resumable</t>
  </si>
  <si>
    <t>Nome e Email Operação.xlsx</t>
  </si>
  <si>
    <t>91be0afb-83e8-4a43-b00e-d9d37b6317c0.tmp</t>
  </si>
  <si>
    <t>\\acsfs\profiles$\leticiala\Downloads\91be0afb-83e8-4a43-b00e-d9d37b6317c0.tmp</t>
  </si>
  <si>
    <t>mail.google.com/_/upload?authuser=0&amp;dcp=asu-n&amp;upload_id=AEnB2Uq0Gt-qiMWClIklrfehqPq-e6MyDE5hKsNcKCwkx_WwHAhKOIGmcOl12bOF6o_FWzt6a8oknzLqLY01cXYzMJDCrV0DlSvhem1kah-zVwGwmC3LohQ&amp;upload_protocol=resumable</t>
  </si>
  <si>
    <t>carlosrcos@algartech.com;</t>
  </si>
  <si>
    <t>C2 YELLOW.xlsx</t>
  </si>
  <si>
    <t>carlosrcos@algartech.com</t>
  </si>
  <si>
    <t>2e5e3c60-87f3-456c-bedf-b7ea868d345f.tmp</t>
  </si>
  <si>
    <t>\\acsfs\profiles$\leticiala\Downloads\2e5e3c60-87f3-456c-bedf-b7ea868d345f.tmp</t>
  </si>
  <si>
    <t>Iramilda - Planilha_de_Lancamentos_-_Proventos_e_Descontos_Fevereiro.xlsx</t>
  </si>
  <si>
    <t>Iramilda - Planilha_de_Lancamentos_-_Proventos_e_Descontos_Janeiro.xlsx</t>
  </si>
  <si>
    <t>Iramilda - Planilha_de_Lancamentos_-_Proventos_e_Descontos_Junho.xlsx</t>
  </si>
  <si>
    <t>Iramilda - Planilha_de_Lancamentos_-_Proventos_e_Descontos_Maio.xlsx</t>
  </si>
  <si>
    <t>d66e38a6-8e04-48e2-beed-a99ec8edeb3c.tmp</t>
  </si>
  <si>
    <t>\\acsfs\profiles$\leticiala\Downloads\d66e38a6-8e04-48e2-beed-a99ec8edeb3c.tmp</t>
  </si>
  <si>
    <t>Fechamento Novembro_ UNE e Casos Especiais</t>
  </si>
  <si>
    <t>Novembro _ UNE.xlsm</t>
  </si>
  <si>
    <t>7502a0e5-8792-446d-9c6e-3e64dc3f58b3.tmp</t>
  </si>
  <si>
    <t>\\acsfs\profiles$\leticiala\Downloads\7502a0e5-8792-446d-9c6e-3e64dc3f58b3.tmp</t>
  </si>
  <si>
    <t>214269_Bradesco_SD_Cenário_01_36_JR_(C018_B018)_v4 - bp novo meta.xlsb</t>
  </si>
  <si>
    <t>C:\Users\lucianocle\Desktop\214269_Bradesco_SD_Cenário_01_36_JR_(C018_B018)_v4 - bp novo meta.xlsb\</t>
  </si>
  <si>
    <t>10.200.67.169</t>
  </si>
  <si>
    <t>78-2B-CB-C1-06-22</t>
  </si>
  <si>
    <t>VOTORANT-GB009</t>
  </si>
  <si>
    <t>marcosvnds</t>
  </si>
  <si>
    <t>\\acsfs\profiles$\marcosvnds\Downloads\</t>
  </si>
  <si>
    <t>a7ed5424-afb8-4b31-b314-2d49c3d9a77d.tmp</t>
  </si>
  <si>
    <t>\\acsfs\profiles$\marcosvnds\Downloads\a7ed5424-afb8-4b31-b314-2d49c3d9a77d.tmp</t>
  </si>
  <si>
    <t>3b1605ec-1b3a-4f75-a3e3-7cd0a427695c.tmp</t>
  </si>
  <si>
    <t>\\acsfs\profiles$\marcosvnds\Downloads\3b1605ec-1b3a-4f75-a3e3-7cd0a427695c.tmp</t>
  </si>
  <si>
    <t>julianaem@algartech.com;</t>
  </si>
  <si>
    <t>Criação de GH para os novos educadores</t>
  </si>
  <si>
    <t>julianaem@algartech.com</t>
  </si>
  <si>
    <t>RES: TRÉPLICA - JOSIELE SOARES BARBOSA</t>
  </si>
  <si>
    <t>Book next.xlsx</t>
  </si>
  <si>
    <t>Book</t>
  </si>
  <si>
    <t>1111111111.xls</t>
  </si>
  <si>
    <t>628035e0-ff74-42c2-893e-fbc69cfb0ec7.tmp</t>
  </si>
  <si>
    <t>\\acsfs\profiles$\ayalabfi\Downloads\628035e0-ff74-42c2-893e-fbc69cfb0ec7.tmp</t>
  </si>
  <si>
    <t>adc3da4f-7cec-4e63-8e35-51dddef807fb.tmp</t>
  </si>
  <si>
    <t>\\acsfs\profiles$\marcosvnds\Downloads\adc3da4f-7cec-4e63-8e35-51dddef807fb.tmp</t>
  </si>
  <si>
    <t>ENC: Painel Fechamento - FORMALIZAÇÃO AMEX E VISA</t>
  </si>
  <si>
    <t>10.200.66.8</t>
  </si>
  <si>
    <t>78-2B-CB-C1-07-3E</t>
  </si>
  <si>
    <t>VOTORANT-GB017</t>
  </si>
  <si>
    <t>\\acsfs\profiles$\laranmg\My Documents\</t>
  </si>
  <si>
    <t>TREINAMENTO LARA.txt</t>
  </si>
  <si>
    <t>\\acsfs\profiles$\laranmg\My Documents\TREINAMENTO LARA.txt</t>
  </si>
  <si>
    <t>Férias - Novo Fluxo - (UDI - DEBIT BALANCE)</t>
  </si>
  <si>
    <t>Controle de Férias Fina1 - UDI - AMEX DEBIT BALANCE.xls</t>
  </si>
  <si>
    <t>/o=exchangelabs/ou=exchange administrative group (fydibohf23spdlt)/cn=recipients/cn=5c0e0b883c0f4ccbb2cf13db05a00b36-luciene ivo;/o=exchangelabs/ou=exchange administrative group (fydibohf23spdlt)/cn=recipients/cn=f1c8caa674294f9caec7e6e3bb3fabdd-francisca m;franciscamq@algartech.com.br;rafaelabsz@algartech.com.br;</t>
  </si>
  <si>
    <t>Férias - Novo Fluxo - (UDI - AMEX RAM)</t>
  </si>
  <si>
    <t>Controle de Férias Fina1 - UDI - AMEX RAM.xls</t>
  </si>
  <si>
    <t>/o=exchangelabs/ou=exchange administrative group (fydibohf23spdlt)/cn=recipients/cn=5c0e0b883c0f4ccbb2cf13db05a00b36-luciene ivo,/o=exchangelabs/ou=exchange administrative group (fydibohf23spdlt)/cn=recipients/cn=f1c8caa674294f9caec7e6e3bb3fabdd-francisca m,franciscamq@algartech.com.br,rafaelabsz@algartech.com.br</t>
  </si>
  <si>
    <t>/o=exchangelabs/ou=exchange administrative group (fydibohf23spdlt)/cn=recipients/cn=086b170a09044ccdba122e7be04d9f61-flavia viei;/o=exchangelabs/ou=exchange administrative group (fydibohf23spdlt)/cn=recipients/cn=54b8038f1a254e56beacb19b736bf238-carlos edua;/o=exchangelabs/ou=exchange administrative group (fydibohf23spdlt)/cn=recipients/cn=5c0e0b883c0f4ccbb2cf13db05a00b36-luciene ivo;carlossr@algartech.com.br;flaviavm@algartech.com.br;</t>
  </si>
  <si>
    <t>Férias - Novo Fluxo - (UDI - ILHA DIGITAL)</t>
  </si>
  <si>
    <t>Controle de Férias Fina1 - UDI - ILHA DIGITAL BRADESCO.xls</t>
  </si>
  <si>
    <t>/o=exchangelabs/ou=exchange administrative group (fydibohf23spdlt)/cn=recipients/cn=086b170a09044ccdba122e7be04d9f61-flavia viei,/o=exchangelabs/ou=exchange administrative group (fydibohf23spdlt)/cn=recipients/cn=54b8038f1a254e56beacb19b736bf238-carlos edua,/o=exchangelabs/ou=exchange administrative group (fydibohf23spdlt)/cn=recipients/cn=5c0e0b883c0f4ccbb2cf13db05a00b36-luciene ivo,carlossr@algartech.com.br,flaviavm@algartech.com.br</t>
  </si>
  <si>
    <t>3b1e3e57-0a5e-499b-8c72-e6b3a9601439.tmp</t>
  </si>
  <si>
    <t>\\acsfs\profiles$\leticiala\Downloads\3b1e3e57-0a5e-499b-8c72-e6b3a9601439.tmp</t>
  </si>
  <si>
    <t>f16d7e5c-d9fa-493f-84ae-2975cfbdab97.tmp</t>
  </si>
  <si>
    <t>\\acsfs\profiles$\leticiala\Downloads\f16d7e5c-d9fa-493f-84ae-2975cfbdab97.tmp</t>
  </si>
  <si>
    <t>erichds</t>
  </si>
  <si>
    <t>\\acsfs\profiles$\erichds\Downloads\</t>
  </si>
  <si>
    <t>439a9774-e171-4d96-9289-638d2f9fa707.tmp</t>
  </si>
  <si>
    <t>\\acsfs\profiles$\erichds\Downloads\439a9774-e171-4d96-9289-638d2f9fa707.tmp</t>
  </si>
  <si>
    <t>C:\Users\eduardost\OneDrive - Grupo Algar\2019\BRADESCO\DRC\PRODEX - BACKOFFICE COGNITIVO.pptx\</t>
  </si>
  <si>
    <t>007ffdbf-e16e-4c03-ae44-a8fac927e848.tmp</t>
  </si>
  <si>
    <t>\\acsfs\profiles$\marcosvnds\Downloads\007ffdbf-e16e-4c03-ae44-a8fac927e848.tmp</t>
  </si>
  <si>
    <t>Categorizações N1 - Dez-2019.xls</t>
  </si>
  <si>
    <t>\\acsfs\DEPTOS\Governança da Estratégia\Governança\Calendário\2020\</t>
  </si>
  <si>
    <t>Calendário de Governança_2020.xlsx</t>
  </si>
  <si>
    <t>3f32068c-5c6b-46a0-ba2b-0f082bc5d372.tmp</t>
  </si>
  <si>
    <t>\\acsfs\profiles$\sarahbal\Downloads\3f32068c-5c6b-46a0-ba2b-0f082bc5d372.tmp</t>
  </si>
  <si>
    <t>C:\Users\alinerg\Documents\Projetos\DRC\</t>
  </si>
  <si>
    <t>Curadoria 2511.csv</t>
  </si>
  <si>
    <t>Fechamento Novembro - FORMALIZAÇÃO AMEX E VISA</t>
  </si>
  <si>
    <t>Novembro_ Formalização.xlsm</t>
  </si>
  <si>
    <t>mail.google.com/_/upload?authuser=0&amp;dcp=asu-n&amp;upload_id=AEnB2UrxjRh5hEjTFnRUqgAAyKyD8UR0DdfHFe4KScbmn4c4lCUExLNPoscDRbe2foAICHesn-ysJlTn3aqH6NRItSQSGfC8UA&amp;upload_protocol=resumable</t>
  </si>
  <si>
    <t>marceloat@algartech.com;rafaelbdt@algartech.com;</t>
  </si>
  <si>
    <t>C:\Users\leandrom\Desktop\COMFRIO.zip\</t>
  </si>
  <si>
    <t>Report-RDS-COMFRIO-09-12-2019-Disabled.csv</t>
  </si>
  <si>
    <t>marceloat@algartech.com,rafaelbdt@algartech.com</t>
  </si>
  <si>
    <t>Report-RDS-COMFRIO-09-12-2019-lastlogin.csv</t>
  </si>
  <si>
    <t>Report-RDS-COMFRIO-09-12-2019-LocalGroups.csv</t>
  </si>
  <si>
    <t>Report-RDS-COMFRIO-09-12-2019-ROLES.csv</t>
  </si>
  <si>
    <t>10.200.67.53</t>
  </si>
  <si>
    <t>74-86-7A-FC-CF-A9</t>
  </si>
  <si>
    <t>VOTORANT-RB003</t>
  </si>
  <si>
    <t>\\acsfs\profiles$\leticiala\Favorites\Links for Brasil\</t>
  </si>
  <si>
    <t>\\acsfs\profiles$\leticiala\Favorites\Links for Brasil\Microsoft Brasil.url</t>
  </si>
  <si>
    <t>\\acsfs\profiles$\leticiala\Favorites\Links for Brasil\Windows Brasil.url</t>
  </si>
  <si>
    <t>\\acsfs\profiles$\leticiala\Favorites\Links for Brasil\MSN Brasil.url</t>
  </si>
  <si>
    <t>C:\Users\lucasfbr\OneDrive - Grupo Algar\Compartilhado com Todos\</t>
  </si>
  <si>
    <t>Controle de Licenças Citrix_2.xlsx</t>
  </si>
  <si>
    <t>C:\Users\rosilenedlf\Desktop\WHP 27-05\</t>
  </si>
  <si>
    <t>PAS ECOHOUSE.xlsx</t>
  </si>
  <si>
    <t>Vendas TLV NOV19.xlsx</t>
  </si>
  <si>
    <t>10.200.66.187</t>
  </si>
  <si>
    <t>/o=exchangelabs/ou=exchange administrative group (fydibohf23spdlt)/cn=recipients/cn=8b5b63d67af648d081a40c45cc800804-fabiana per;/o=exchangelabs/ou=exchange administrative group (fydibohf23spdlt)/cn=recipients/cn=b1a72fc2d0234efca84c7771ea70c7ee-roberta cri;thaismo@algartech.com.br;</t>
  </si>
  <si>
    <t>RES: Fechamento Financeiro_Novembro e Prévia Dez.</t>
  </si>
  <si>
    <t>/o=exchangelabs/ou=exchange administrative group (fydibohf23spdlt)/cn=recipients/cn=8b5b63d67af648d081a40c45cc800804-fabiana per,/o=exchangelabs/ou=exchange administrative group (fydibohf23spdlt)/cn=recipients/cn=b1a72fc2d0234efca84c7771ea70c7ee-roberta cri,thaismo@algartech.com.br</t>
  </si>
  <si>
    <t>jessicafdq@algartech.com.br;poliane.amaral@bradesco.com.br;</t>
  </si>
  <si>
    <t>RES: Painel BO Contas Novas AEB - Fechamento Novembro/19.</t>
  </si>
  <si>
    <t>BO Contas Novas AEB - Novembro 2019.zip\</t>
  </si>
  <si>
    <t>BO Contas Novas AEB - Novembro 2019.xlsx</t>
  </si>
  <si>
    <t>jessicafdq@algartech.com.br,poliane.amaral@bradesco.com.br</t>
  </si>
  <si>
    <t>fea2ab8c-1651-40d6-99e5-be253ae40b6d.tmp</t>
  </si>
  <si>
    <t>\\acsfs\profiles$\leticiala\Downloads\fea2ab8c-1651-40d6-99e5-be253ae40b6d.tmp</t>
  </si>
  <si>
    <t>LINK VERIFICACAO LINK VERIFICACAO LINK VERIFICACAO.txt</t>
  </si>
  <si>
    <t>\\acsfs\profiles$\alessandraan\My Documents\LINK VERIFICACAO LINK VERIFICACAO LINK VERIFICACAO.txt</t>
  </si>
  <si>
    <t>C:\Users\rodrigombu\OneDrive - Grupo Algar\Whirlpool\2019\02 - Fevereiro\Arquivo\Farol Churn\</t>
  </si>
  <si>
    <t>Base BW % Conversão - Fechamento - Fev-2019.xlsx</t>
  </si>
  <si>
    <t>fec7f85d-b474-412d-a2fb-ad02aaca0af6.tmp</t>
  </si>
  <si>
    <t>\\acsfs\profiles$\gabrielhca\Downloads\fec7f85d-b474-412d-a2fb-ad02aaca0af6.tmp</t>
  </si>
  <si>
    <t>5999bcab-b2ea-47a0-99a0-9be3614629c6.tmp</t>
  </si>
  <si>
    <t>\\acsfs\profiles$\gabrielhca\Downloads\5999bcab-b2ea-47a0-99a0-9be3614629c6.tmp</t>
  </si>
  <si>
    <t>C:\Users\leandrom\Desktop\COMFRIO\COMFRIO-Completo.zip\</t>
  </si>
  <si>
    <t>Report-INTRANET-Acesso Remoto MHA (Servidor).csv</t>
  </si>
  <si>
    <t>Report-INTRANET-Acesso Servidores MHA Administradores.csv</t>
  </si>
  <si>
    <t>Report-INTRANET-Acesso Servidores Protheus Administradores.csv</t>
  </si>
  <si>
    <t>Report-INTRANET-Acesso TS.csv</t>
  </si>
  <si>
    <t>Report-INTRANET-Domain Admins.csv</t>
  </si>
  <si>
    <t>Report-INTRANET-Enterprise Admins.csv</t>
  </si>
  <si>
    <t>Report-INTRANET-Enterprise_Admins.csv</t>
  </si>
  <si>
    <t>Report-INTRANET-GP_EQP_SISTEMAS.csv</t>
  </si>
  <si>
    <t>Report-INTRANET-GP_EQP_WMS.csv</t>
  </si>
  <si>
    <t>Report-INTRANET-GP_TERCEIROS_TOTVS.csv</t>
  </si>
  <si>
    <t>Report-INTRANET-Usuarios.csv</t>
  </si>
  <si>
    <t>Report-STOCKTECH-ACESSO_TS_COMFRIO.csv</t>
  </si>
  <si>
    <t>Report-STOCKTECH-ACESSO_TS_PROTHEUS.csv</t>
  </si>
  <si>
    <t>Report-STOCKTECH-GP_EQP_SISTEMAS.csv</t>
  </si>
  <si>
    <t>Report-STOCKTECH-GP_EQP_WMS.csv</t>
  </si>
  <si>
    <t>C:\Users\leandrom\Desktop\superfrio\superfrio.zip\</t>
  </si>
  <si>
    <t>Report-RDS-SUPERFRIO-09-12-2019-Disabled.csv</t>
  </si>
  <si>
    <t>Report-RDS-SUPERFRIO-09-12-2019-lastlogin.csv</t>
  </si>
  <si>
    <t>Report-RDS-SUPERFRIO-09-12-2019-LocalGroups.csv</t>
  </si>
  <si>
    <t>Report-RDS-SUPERFRIO-09-12-2019-ROLES.csv</t>
  </si>
  <si>
    <t>Report-SUPERFRIO-Domain Admins.csv</t>
  </si>
  <si>
    <t>Report-SUPERFRIO-Enterprise admins.csv</t>
  </si>
  <si>
    <t>Report-SUPERFRIO-Enterprise adminsDomain Admins.csv</t>
  </si>
  <si>
    <t>Report-SUPERFRIO-GLOBAL_ACESSOREMOTO_USERS.csv</t>
  </si>
  <si>
    <t>Report-SUPERFRIO-GLOBAL_INFRASTRUCTURE_USERS.csv</t>
  </si>
  <si>
    <t>Report-SUPERFRIO-Usuarios.csv</t>
  </si>
  <si>
    <t>C:\Users\helieldfs\Documents\Meus Arquivos Recebidos\</t>
  </si>
  <si>
    <t>CR envio.xlsx</t>
  </si>
  <si>
    <t>C:\Users\rodrigombu\OneDrive - Grupo Algar\Whirlpool\2019\03 - Março\Arquivos\Farol Churn\</t>
  </si>
  <si>
    <t>Base BW % Conversão - Mar-2019 - Fechamento.xlsx</t>
  </si>
  <si>
    <t>C:\Users\rodrigombu\OneDrive - Grupo Algar\Whirlpool\2019\04 - Abril\Arquivos\Farol Churn\</t>
  </si>
  <si>
    <t>Base BW % Conversão - Fechamento - Abr-2019.xlsx</t>
  </si>
  <si>
    <t>C:\Users\rodrigombu\OneDrive - Grupo Algar\Whirlpool\2019\05 - Maio\Arquivo\Farol Churn\</t>
  </si>
  <si>
    <t>Base BW % Conversão - Fechamento - Mai-2019.xlsx</t>
  </si>
  <si>
    <t>c62eb8a3-1940-439c-8c6d-59944043d8b8.tmp</t>
  </si>
  <si>
    <t>\\acsfs\profiles$\marcosvnds\Downloads\c62eb8a3-1940-439c-8c6d-59944043d8b8.tmp</t>
  </si>
  <si>
    <t>mail.google.com/_/upload?authuser=0&amp;dcp=asu-n&amp;upload_id=AEnB2Uqr6wDvAMonTFRpUlLGcgKQDfy5Bu98axj-3ei1ml-8laqLlX5VuGUPeo-TcqvsaNBN8LOkdXmalR6y9_aCzLQshntIHsvq3shSWX4E4pysDWCrciY&amp;upload_protocol=resumable</t>
  </si>
  <si>
    <t>\\acsfs\engeset\FINANCEIRO_ULA\FATURAMENTO\08. Relatórios Faturamento\03. 2019\12.2019\</t>
  </si>
  <si>
    <t>RELATÓRIO FATURAMENTO 01.12.2019 A 09.12.2019.xlsx</t>
  </si>
  <si>
    <t>88944d51-a067-461d-95a6-e2015122327f.tmp</t>
  </si>
  <si>
    <t>\\acsfs\profiles$\bernardopcm\Downloads\88944d51-a067-461d-95a6-e2015122327f.tmp</t>
  </si>
  <si>
    <t>a9b718fa-872f-4a7f-a18f-45d51908d02d.tmp</t>
  </si>
  <si>
    <t>\\acsfs\profiles$\bernardopcm\Downloads\a9b718fa-872f-4a7f-a18f-45d51908d02d.tmp</t>
  </si>
  <si>
    <t>franciscoeag@algartech.com.br;vanusaos@algartech.com.br;</t>
  </si>
  <si>
    <t>ENC: Acompanhamento cartões Diretores.docx</t>
  </si>
  <si>
    <t>MODELO.xlsx</t>
  </si>
  <si>
    <t>franciscoeag@algartech.com.br,vanusaos@algartech.com.br</t>
  </si>
  <si>
    <t>5d60a015-e546-498f-9065-a0bbcfcc96e2.tmp</t>
  </si>
  <si>
    <t>\\acsfs\profiles$\bernardopcm\Downloads\5d60a015-e546-498f-9065-a0bbcfcc96e2.tmp</t>
  </si>
  <si>
    <t>14af7fda-6581-4a54-9656-c1537715a173.tmp</t>
  </si>
  <si>
    <t>\\acsfs\profiles$\bernardopcm\Downloads\14af7fda-6581-4a54-9656-c1537715a173.tmp</t>
  </si>
  <si>
    <t>lauanedjs@algartech.com;marianaals@algartech.com.br;rayannedg@algartech.com.br;</t>
  </si>
  <si>
    <t>ENC: Automatic reply Re: Lista de presença</t>
  </si>
  <si>
    <t>lauanedjs@algartech.com,marianaals@algartech.com.br,rayannedg@algartech.com.br</t>
  </si>
  <si>
    <t>919b0dd0-489a-496b-94ae-1929bbb967b6.tmp</t>
  </si>
  <si>
    <t>\\acsfs\profiles$\bernardopcm\Downloads\919b0dd0-489a-496b-94ae-1929bbb967b6.tmp</t>
  </si>
  <si>
    <t>10.200.66.122</t>
  </si>
  <si>
    <t>64-1C-67-9D-1E-2D</t>
  </si>
  <si>
    <t>VOTORANT-JB014</t>
  </si>
  <si>
    <t>NORMAS ABNT - ALGAR TECH 09122019.xlsx</t>
  </si>
  <si>
    <t>C:\Users\ericacdosc\Downloads\</t>
  </si>
  <si>
    <t>Meritocracia DAF_Dez19.xlsx</t>
  </si>
  <si>
    <t>\\acsfs\DEPTOS\TH\05. Cargos e Remuneração\09.Controles\CSC\2020\</t>
  </si>
  <si>
    <t>Diária de Viagem_Polati dez19.xlsx</t>
  </si>
  <si>
    <t>d2972c9b-b0a7-4a21-9637-6f6da30a1a6e.tmp</t>
  </si>
  <si>
    <t>\\acsfs\profiles$\bernardopcm\Downloads\d2972c9b-b0a7-4a21-9637-6f6da30a1a6e.tmp</t>
  </si>
  <si>
    <t>1c253df8-ed9e-4008-a676-0d5b253cd370.tmp</t>
  </si>
  <si>
    <t>\\acsfs\profiles$\bernardopcm\Downloads\1c253df8-ed9e-4008-a676-0d5b253cd370.tmp</t>
  </si>
  <si>
    <t>c:\users\virginiamb\downloads\</t>
  </si>
  <si>
    <t>calendário de governança_2020 (1).xlsx</t>
  </si>
  <si>
    <t>\\acsfs\profiles$\gabrielamdp\My Documents\</t>
  </si>
  <si>
    <t>IMPORTANTE.txt</t>
  </si>
  <si>
    <t>\\acsfs\profiles$\gabrielamdp\My Documents\IMPORTANTE.txt</t>
  </si>
  <si>
    <t>d9d3c61e-7c87-469e-94f2-1b874983d171.tmp</t>
  </si>
  <si>
    <t>\\acsfs\profiles$\laurandos\Downloads\d9d3c61e-7c87-469e-94f2-1b874983d171.tmp</t>
  </si>
  <si>
    <t>C:\Users\diegorg\Desktop\</t>
  </si>
  <si>
    <t>Meritocracia DAF_Dez19 PMO.xlsx</t>
  </si>
  <si>
    <t>1afdc80c-4a15-4e05-9a12-aac02ee788b0.tmp</t>
  </si>
  <si>
    <t>\\acsfs\profiles$\leticiala\Downloads\1afdc80c-4a15-4e05-9a12-aac02ee788b0.tmp</t>
  </si>
  <si>
    <t>34d7c822-70e5-4499-bd84-37a74eee0f78.tmp</t>
  </si>
  <si>
    <t>\\acsfs\profiles$\leticiala\Downloads\34d7c822-70e5-4499-bd84-37a74eee0f78.tmp</t>
  </si>
  <si>
    <t>calendário de governança_2020 (2).xlsx</t>
  </si>
  <si>
    <t>\\acsfs\Deptos\CAS - Coordenação de Arquitetura de Soluções\Projetos\2019\IBM\218402 - IBM Warehouse\1. Precificação\</t>
  </si>
  <si>
    <t>201402_IBM_Warehouse_Sem_Seguro_v1.1_(C018_B018).xlsb</t>
  </si>
  <si>
    <t>\\acsfs\Deptos\CAS - Coordenação de Arquitetura de Soluções\Projetos\2019\IBM\218402 - IBM Warehouse\1. Precificação\201402_IBM_Warehouse_Sem_Seguro_v1.1_(C018_B018).xlsb\</t>
  </si>
  <si>
    <t>Insalubridade.xlsx</t>
  </si>
  <si>
    <t>ca15f344-1552-4bd9-8de2-1eed273519c5.tmp</t>
  </si>
  <si>
    <t>\\acsfs\profiles$\marcosvnds\Downloads\ca15f344-1552-4bd9-8de2-1eed273519c5.tmp</t>
  </si>
  <si>
    <t>707cf482-7046-4fd8-bba9-7e7b52ce88a6.tmp</t>
  </si>
  <si>
    <t>\\acsfs\profiles$\bernardopcm\Downloads\707cf482-7046-4fd8-bba9-7e7b52ce88a6.tmp</t>
  </si>
  <si>
    <t>3962df4d-ccb3-4472-8ce3-67fa7bef4912.tmp</t>
  </si>
  <si>
    <t>\\acsfs\profiles$\bernardopcm\Downloads\3962df4d-ccb3-4472-8ce3-67fa7bef4912.tmp</t>
  </si>
  <si>
    <t>alessandraan@bv.algartech.com</t>
  </si>
  <si>
    <t>https://udpmailboxap01/h/search?si=0&amp;so=0&amp;sc=38392&amp;sfi=6&amp;st=message&amp;action=compose</t>
  </si>
  <si>
    <t>7028ca53-3282-43bf-a7c0-3d3d2de203cb.tmp</t>
  </si>
  <si>
    <t>\\acsfs\profiles$\alessandraan\Downloads\7028ca53-3282-43bf-a7c0-3d3d2de203cb.tmp</t>
  </si>
  <si>
    <t>C:\Users\robsonams\Desktop\</t>
  </si>
  <si>
    <t>Diario de bordo _ Algar _ Nov.19 OFICIAL.pptx</t>
  </si>
  <si>
    <t>98ec84b8-34e0-49a2-a881-e0c5ddda3c50.tmp</t>
  </si>
  <si>
    <t>\\acsfs\profiles$\rosileiam\Downloads\98ec84b8-34e0-49a2-a881-e0c5ddda3c50.tmp</t>
  </si>
  <si>
    <t>C:\Users\alefl\OneDrive - Grupo Algar\Bra\Antivirus\New\</t>
  </si>
  <si>
    <t>Listagem.csv</t>
  </si>
  <si>
    <t>/o=exchangelabs/ou=exchange administrative group (fydibohf23spdlt)/cn=recipients/cn=190a5958c4ec4cf68e1e85c8dae802b2-elisangela;/o=exchangelabs/ou=exchange administrative group (fydibohf23spdlt)/cn=recipients/cn=aa95083c791042ddaef1eb09f98440e8-camila silv;</t>
  </si>
  <si>
    <t>Calculo Desvio</t>
  </si>
  <si>
    <t>evidencias TOP 09 12.xls</t>
  </si>
  <si>
    <t>/o=exchangelabs/ou=exchange administrative group (fydibohf23spdlt)/cn=recipients/cn=190a5958c4ec4cf68e1e85c8dae802b2-elisangela,/o=exchangelabs/ou=exchange administrative group (fydibohf23spdlt)/cn=recipients/cn=aa95083c791042ddaef1eb09f98440e8-camila silv</t>
  </si>
  <si>
    <t>80e86ef5-262d-4e09-9d80-5ec6a1f08bc1.tmp</t>
  </si>
  <si>
    <t>\\acsfs\profiles$\rosileiam\Downloads\80e86ef5-262d-4e09-9d80-5ec6a1f08bc1.tmp</t>
  </si>
  <si>
    <t>bbd3089f-6cb7-4653-80b7-fb67dadc4dd3.tmp</t>
  </si>
  <si>
    <t>\\acsfs\profiles$\fabianafv\Downloads\bbd3089f-6cb7-4653-80b7-fb67dadc4dd3.tmp</t>
  </si>
  <si>
    <t>\\udpavonfs01\avon\03. Senilda\Fechamento Incentivos\Fechamento Supervisores\2019\</t>
  </si>
  <si>
    <t>11. Fechamento Incentivo - Supervisão - Novembro.xlsx</t>
  </si>
  <si>
    <t>mail.google.com/_/upload?authuser=0&amp;dcp=asu-n&amp;upload_id=AEnB2UrCpZQ5QRCVA_jGDSpfzMAzqFdrEkm6mC2d5svgfe1PDddWXef4lSPFnT0QXic7oBUpmoU2HSzdWRX0CSh-LIYR8HSoMg&amp;upload_protocol=resumable</t>
  </si>
  <si>
    <t>C:\Users\leandrom\Desktop\superfrio\CNEC.zip\</t>
  </si>
  <si>
    <t>Report-RDS-CNEC-09-12-2019-Disabled.csv</t>
  </si>
  <si>
    <t>Report-RDS-CNEC-09-12-2019-lastlogin.csv</t>
  </si>
  <si>
    <t>Report-RDS-CNEC-09-12-2019-LocalGroups.csv</t>
  </si>
  <si>
    <t>Report-RDS-CNEC-09-12-2019-ROLES.csv</t>
  </si>
  <si>
    <t>Report-SISTEMASCNEC-Admins. do Dom¡nio.csv</t>
  </si>
  <si>
    <t>Report-SISTEMASCNEC-basetestesrv147.csv</t>
  </si>
  <si>
    <t>Report-SISTEMASCNEC-Dba_AlgarTech.csv</t>
  </si>
  <si>
    <t>Report-SISTEMASCNEC-grp.rds.gordini.csv</t>
  </si>
  <si>
    <t>Report-SISTEMASCNEC-G_ADMS_COMMVAULT.csv</t>
  </si>
  <si>
    <t>Report-SISTEMASCNEC-G_ADMS_SISPRO.csv</t>
  </si>
  <si>
    <t>Report-SISTEMASCNEC-G_TOTVS ADM.csv</t>
  </si>
  <si>
    <t>Report-SISTEMASCNEC-perseus.csv</t>
  </si>
  <si>
    <t>Report-SISTEMASCNEC-Usuarios.csv</t>
  </si>
  <si>
    <t>Report-SISTEMASCNEC-Usu rios do Dom¡nio.csv</t>
  </si>
  <si>
    <t>/o=exchangelabs/ou=exchange administrative group (fydibohf23spdlt)/cn=recipients/cn=190a5958c4ec4cf68e1e85c8dae802b2-elisangela;/o=exchangelabs/ou=exchange administrative group (fydibohf23spdlt)/cn=recipients/cn=309572221fe14ce3af445b3983aaac9f-alizenete m;/o=exchangelabs/ou=exchange administrative group (fydibohf23spdlt)/cn=recipients/cn=525b3060f0654996a4c2979efbfaed04-douglas sil;/o=exchangelabs/ou=exchange administrative group (fydibohf23spdlt)/cn=recipients/cn=aa95083c791042ddaef1eb09f98440e8-camila silv;</t>
  </si>
  <si>
    <t>Caso desvio</t>
  </si>
  <si>
    <t>/o=exchangelabs/ou=exchange administrative group (fydibohf23spdlt)/cn=recipients/cn=190a5958c4ec4cf68e1e85c8dae802b2-elisangela,/o=exchangelabs/ou=exchange administrative group (fydibohf23spdlt)/cn=recipients/cn=309572221fe14ce3af445b3983aaac9f-alizenete m,/o=exchangelabs/ou=exchange administrative group (fydibohf23spdlt)/cn=recipients/cn=525b3060f0654996a4c2979efbfaed04-douglas sil,/o=exchangelabs/ou=exchange administrative group (fydibohf23spdlt)/cn=recipients/cn=aa95083c791042ddaef1eb09f98440e8-camila silv</t>
  </si>
  <si>
    <t>10.200.66.183</t>
  </si>
  <si>
    <t>64-1C-67-9C-83-9F</t>
  </si>
  <si>
    <t>VOTORANT-JB017</t>
  </si>
  <si>
    <t>e2d6e9c2-b05b-46bb-8a96-17d438516658.tmp</t>
  </si>
  <si>
    <t>\\acsfs\profiles$\bernardopcm\Downloads\e2d6e9c2-b05b-46bb-8a96-17d438516658.tmp</t>
  </si>
  <si>
    <t>2521ce53-c14f-4665-9122-f1957db45028.tmp</t>
  </si>
  <si>
    <t>\\acsfs\profiles$\bernardopcm\Downloads\2521ce53-c14f-4665-9122-f1957db45028.tmp</t>
  </si>
  <si>
    <t>mail.google.com/_/upload?authuser=0&amp;dcp=asu-n&amp;upload_id=AEnB2Up6IpNjRcMU6Wua1F0JebqUz_khIQoCBu7F5TalXVK7JIvVu-q3LsdaYA4GY_G97C-mrayK0cfY7_qnJGPnHCYddHEUwf1QaTR1yQYBBTCM0YVPLaU&amp;upload_protocol=resumable</t>
  </si>
  <si>
    <t>SIMULAÇÃO MC TLV E RET - DEZ.19.xlsx</t>
  </si>
  <si>
    <t>10.200.32.69</t>
  </si>
  <si>
    <t>WindowsVolumeLicensingAssessment-12-09-2019-18h49m53s.xlsx</t>
  </si>
  <si>
    <t>C:\Users\Flavia\OneDrive - Grupo Algar\Gisele Lopes\</t>
  </si>
  <si>
    <t>Ocorrência0111a30112019.xlsm</t>
  </si>
  <si>
    <t>anacam@algartech.com;apoiorecrutamento@cscalgar.com.br;camila.lobato@cscalgar.com.br;claudiamp@algartech.com;jakeline.lopes@cscalgar.com.br;josney.lamblem@cscalgar.com.br;jovana.estevao@cscalgar.com.br;lazara.costa@cscalgar.com.br;marcella.magalhaes@cscalgar.com.br;marilia.sousa@cscalgar.com.br;senildapdo@algartech.com;senildapdo@algartecnologia.com.br;thiara.rodrigues@cscalgar.com.br;</t>
  </si>
  <si>
    <t>anacam@algartech.com,apoiorecrutamento@cscalgar.com.br,camila.lobato@cscalgar.com.br,claudiamp@algartech.com,jakeline.lopes@cscalgar.com.br,josney.lamblem@cscalgar.com.br,jovana.estevao@cscalgar.com.br,lazara.costa@cscalgar.com.br,marcella.magalhaes@cscalgar.com.br,marilia.sousa@cscalgar.com.br,senildapdo@algartech.com,senildapdo@algartecnologia.com.br,thiara.rodrigues@cscalgar.com.br</t>
  </si>
  <si>
    <t>addf675a-6f79-419d-ad5b-bbb955e47b72.tmp</t>
  </si>
  <si>
    <t>\\acsfs\profiles$\marcosvnds\Downloads\addf675a-6f79-419d-ad5b-bbb955e47b72.tmp</t>
  </si>
  <si>
    <t>aeeab7a9-0c8c-4fcb-bfab-4aedb2a78cda.tmp</t>
  </si>
  <si>
    <t>\\acsfs\profiles$\gabrielamdp\Downloads\aeeab7a9-0c8c-4fcb-bfab-4aedb2a78cda.tmp</t>
  </si>
  <si>
    <t>10.200.67.34</t>
  </si>
  <si>
    <t>78-2B-CB-C1-07-55</t>
  </si>
  <si>
    <t>VOTORANT-JB010</t>
  </si>
  <si>
    <t>maxmillianosv</t>
  </si>
  <si>
    <t>\\acsfs\profiles$\maxmillianosv\Favorites\Links for Brasil\</t>
  </si>
  <si>
    <t>\\acsfs\profiles$\maxmillianosv\Favorites\Links for Brasil\Microsoft Brasil.url</t>
  </si>
  <si>
    <t>\\acsfs\profiles$\maxmillianosv\Favorites\Links for Brasil\Windows Brasil.url</t>
  </si>
  <si>
    <t>\\acsfs\profiles$\maxmillianosv\Favorites\Links for Brasil\MSN Brasil.url</t>
  </si>
  <si>
    <t>\\acsfs\profiles$\maxmillianosv\Favorites\</t>
  </si>
  <si>
    <t>NetScaler Gateway.url</t>
  </si>
  <si>
    <t>\\acsfs\profiles$\maxmillianosv\Favorites\NetScaler Gateway.url</t>
  </si>
  <si>
    <t>Entrar no cliente Zimbra para Web.url</t>
  </si>
  <si>
    <t>\\acsfs\profiles$\maxmillianosv\Favorites\Entrar no cliente Zimbra para Web.url</t>
  </si>
  <si>
    <t>18e9c812-7c88-47ba-98f6-c76bdcf3f35b.tmp</t>
  </si>
  <si>
    <t>\\acsfs\profiles$\erichds\Downloads\18e9c812-7c88-47ba-98f6-c76bdcf3f35b.tmp</t>
  </si>
  <si>
    <t>d5636ebd-63c0-4f19-ac28-7465b1bcd033.tmp</t>
  </si>
  <si>
    <t>\\acsfs\profiles$\erichds\Downloads\d5636ebd-63c0-4f19-ac28-7465b1bcd033.tmp</t>
  </si>
  <si>
    <t>e659a561-bae2-4225-9830-a7bf99d8d467.tmp</t>
  </si>
  <si>
    <t>\\acsfs\profiles$\laurandos\Downloads\e659a561-bae2-4225-9830-a7bf99d8d467.tmp</t>
  </si>
  <si>
    <t>10.200.66.190</t>
  </si>
  <si>
    <t>64-1C-67-9C-F8-6E</t>
  </si>
  <si>
    <t>VOTORANT-LB017</t>
  </si>
  <si>
    <t>karenjss</t>
  </si>
  <si>
    <t>\\acsfs\profiles$\KARENJSS\Favorites\Links for Brasil\</t>
  </si>
  <si>
    <t>\\acsfs\profiles$\KARENJSS\Favorites\Links for Brasil\Microsoft Brasil.url</t>
  </si>
  <si>
    <t>\\acsfs\profiles$\KARENJSS\Favorites\Links for Brasil\Windows Brasil.url</t>
  </si>
  <si>
    <t>\\acsfs\profiles$\KARENJSS\Favorites\Links for Brasil\MSN Brasil.url</t>
  </si>
  <si>
    <t>ff57c348-f2a8-4d84-bf2c-ac9bf8e66d29.tmp</t>
  </si>
  <si>
    <t>\\acsfs\profiles$\fabianafv\Downloads\ff57c348-f2a8-4d84-bf2c-ac9bf8e66d29.tmp</t>
  </si>
  <si>
    <t>\\acsfs\profiles$\KARENJSS\Downloads\</t>
  </si>
  <si>
    <t>44a7c46f-9aeb-4094-b4b3-911d1eceff49.tmp</t>
  </si>
  <si>
    <t>\\acsfs\profiles$\KARENJSS\Downloads\44a7c46f-9aeb-4094-b4b3-911d1eceff49.tmp</t>
  </si>
  <si>
    <t>Welcome - 1.url</t>
  </si>
  <si>
    <t>\\acsfs\profiles$\maxmillianosv\Favorites\Welcome - 1.url</t>
  </si>
  <si>
    <t>Lista de Profissionais (detalhada) 031219.xlsx</t>
  </si>
  <si>
    <t>f8c1fb6e-c578-4681-aa0b-3bf30d1f4be8.tmp</t>
  </si>
  <si>
    <t>\\acsfs\profiles$\gabrielamdp\Downloads\f8c1fb6e-c578-4681-aa0b-3bf30d1f4be8.tmp</t>
  </si>
  <si>
    <t>\\acsfs\profiles$\maxmillianosv\My Documents\</t>
  </si>
  <si>
    <t>scripts.txt</t>
  </si>
  <si>
    <t>\\acsfs\profiles$\maxmillianosv\My Documents\scripts.txt</t>
  </si>
  <si>
    <t>\\acsfs\profiles$\marcosvnds\My Documents\xworkcenter\logs\</t>
  </si>
  <si>
    <t>XLOG_marcosvnds_09122019_185915.log</t>
  </si>
  <si>
    <t>\\acsfs\profiles$\marcosvnds\My Documents\xworkcenter\logs\XLOG_marcosvnds_09122019_185915.log</t>
  </si>
  <si>
    <t>09-12 SEGUNDA.txt</t>
  </si>
  <si>
    <t>\\acsfs\profiles$\gabrielamdp\My Documents\09-12 SEGUNDA.txt</t>
  </si>
  <si>
    <t>7dcb0633-e245-4488-960c-840564f3831b.tmp</t>
  </si>
  <si>
    <t>\\acsfs\profiles$\gabrielamdp\Downloads\7dcb0633-e245-4488-960c-840564f3831b.tmp</t>
  </si>
  <si>
    <t>2a761ac3-2c05-4ea3-bee2-59305b6b19cd.tmp</t>
  </si>
  <si>
    <t>\\acsfs\profiles$\gabrielamdp\Downloads\2a761ac3-2c05-4ea3-bee2-59305b6b19cd.tmp</t>
  </si>
  <si>
    <t>c8917767-8648-4151-b048-1fb3f4ce0553.tmp</t>
  </si>
  <si>
    <t>\\acsfs\profiles$\gabrielamdp\Downloads\c8917767-8648-4151-b048-1fb3f4ce0553.tmp</t>
  </si>
  <si>
    <t>46eabe06-f85e-4908-b9d9-e6fad28c224f.tmp</t>
  </si>
  <si>
    <t>\\acsfs\profiles$\gabrielamdp\Downloads\46eabe06-f85e-4908-b9d9-e6fad28c224f.tmp</t>
  </si>
  <si>
    <t>1c8504f8-e047-49e5-a24c-c0993c44da8f.tmp</t>
  </si>
  <si>
    <t>\\acsfs\profiles$\gabrielamdp\Downloads\1c8504f8-e047-49e5-a24c-c0993c44da8f.tmp</t>
  </si>
  <si>
    <t>6c90466e-25ce-4f24-b2d1-5d84a9892dc8.tmp</t>
  </si>
  <si>
    <t>\\acsfs\profiles$\matheushds\Downloads\6c90466e-25ce-4f24-b2d1-5d84a9892dc8.tmp</t>
  </si>
  <si>
    <t>deboractr</t>
  </si>
  <si>
    <t>\\acsfs\profiles$\deboractr\Downloads\</t>
  </si>
  <si>
    <t>687bf02f-a34c-4b1e-99e5-9afef938ef50.tmp</t>
  </si>
  <si>
    <t>\\acsfs\profiles$\deboractr\Downloads\687bf02f-a34c-4b1e-99e5-9afef938ef50.tmp</t>
  </si>
  <si>
    <t>22c8e517-b852-4d14-b975-f9840e8973f6.tmp</t>
  </si>
  <si>
    <t>\\acsfs\profiles$\sarahbal\Downloads\22c8e517-b852-4d14-b975-f9840e8973f6.tmp</t>
  </si>
  <si>
    <t>673115a7-1071-4ca8-ba1f-702ea2d9d08c.tmp</t>
  </si>
  <si>
    <t>\\acsfs\profiles$\sarahbal\Downloads\673115a7-1071-4ca8-ba1f-702ea2d9d08c.tmp</t>
  </si>
  <si>
    <t>3a346915-333e-4e6d-b7a5-ffdc30312c4a.tmp</t>
  </si>
  <si>
    <t>\\acsfs\profiles$\sarahbal\Downloads\3a346915-333e-4e6d-b7a5-ffdc30312c4a.tmp</t>
  </si>
  <si>
    <t>10.12.241.238</t>
  </si>
  <si>
    <t>ÁRVORE N1 SPEAKING - PROPOSTA - UDI - WHIRLPOOL - 10-12-19.xlsx</t>
  </si>
  <si>
    <t>37c96e04-c4a5-4d35-8a78-2a5f21769cf7.tmp</t>
  </si>
  <si>
    <t>\\acsfs\profiles$\luanarda\Downloads\37c96e04-c4a5-4d35-8a78-2a5f21769cf7.tmp</t>
  </si>
  <si>
    <t>1bc9dc04-02d4-4867-ae2f-234220b985d0.tmp</t>
  </si>
  <si>
    <t>\\acsfs\profiles$\luanarda\Downloads\1bc9dc04-02d4-4867-ae2f-234220b985d0.tmp</t>
  </si>
  <si>
    <t>e535c79b-e07b-478f-9202-0a7371eaede2.tmp</t>
  </si>
  <si>
    <t>\\acsfs\profiles$\dhiulliananads\Downloads\e535c79b-e07b-478f-9202-0a7371eaede2.tmp</t>
  </si>
  <si>
    <t>71a7141d-7fd4-4712-89d2-55aa787f8254.tmp</t>
  </si>
  <si>
    <t>\\acsfs\profiles$\milenaas\Downloads\71a7141d-7fd4-4712-89d2-55aa787f8254.tmp</t>
  </si>
  <si>
    <t>6c96f602-254d-4ccc-b00e-887edf1f04d8.tmp</t>
  </si>
  <si>
    <t>\\acsfs\profiles$\paulovadc\Downloads\6c96f602-254d-4ccc-b00e-887edf1f04d8.tmp</t>
  </si>
  <si>
    <t>\\acsfs\profiles$\matheushds\Contacts\</t>
  </si>
  <si>
    <t>MATHEUS HENRIQUE DOS SANTOS (21823).contact</t>
  </si>
  <si>
    <t>\\acsfs\profiles$\matheushds\Contacts\MATHEUS HENRIQUE DOS SANTOS (21823).contact</t>
  </si>
  <si>
    <t>\\acsfs\profiles$\matheushds\Favorites\Links for Brasil\</t>
  </si>
  <si>
    <t>\\acsfs\profiles$\matheushds\Favorites\Links for Brasil\Microsoft Brasil.url</t>
  </si>
  <si>
    <t>\\acsfs\profiles$\matheushds\Favorites\Links for Brasil\Windows Brasil.url</t>
  </si>
  <si>
    <t>\\acsfs\profiles$\matheushds\Favorites\Links for Brasil\MSN Brasil.url</t>
  </si>
  <si>
    <t>ce5a4c13-374b-4e00-a56f-0c624c54ed53.tmp</t>
  </si>
  <si>
    <t>\\acsfs\profiles$\wenderbnm\Downloads\ce5a4c13-374b-4e00-a56f-0c624c54ed53.tmp</t>
  </si>
  <si>
    <t>fb229a86-18ae-4861-8205-327c45c6c606.tmp</t>
  </si>
  <si>
    <t>\\acsfs\profiles$\kellzylenneasr\Downloads\fb229a86-18ae-4861-8205-327c45c6c606.tmp</t>
  </si>
  <si>
    <t>ffb5a94d-0253-48be-8db3-39c057214f9f.tmp</t>
  </si>
  <si>
    <t>\\acsfs\profiles$\deborahsi\Downloads\ffb5a94d-0253-48be-8db3-39c057214f9f.tmp</t>
  </si>
  <si>
    <t>f19fc728-082d-4cf2-b380-0514aaa822bf.tmp</t>
  </si>
  <si>
    <t>\\acsfs\profiles$\kellzylenneasr\Downloads\f19fc728-082d-4cf2-b380-0514aaa822bf.tmp</t>
  </si>
  <si>
    <t>Diária de Viagem Diretores_ano 2020.xlsx</t>
  </si>
  <si>
    <t>2dcf7580-b278-4ce9-bdcc-03e8541fe426.tmp</t>
  </si>
  <si>
    <t>\\acsfs\profiles$\geovannasm\Downloads\2dcf7580-b278-4ce9-bdcc-03e8541fe426.tmp</t>
  </si>
  <si>
    <t>e7bfb258-b092-4ea0-8339-829cb4cbfa60.tmp</t>
  </si>
  <si>
    <t>\\acsfs\profiles$\geovannasm\Downloads\e7bfb258-b092-4ea0-8339-829cb4cbfa60.tmp</t>
  </si>
  <si>
    <t>d87d3439-e0e6-4139-906d-0dd6c53b1e1c.tmp</t>
  </si>
  <si>
    <t>\\acsfs\profiles$\geovannasm\Downloads\d87d3439-e0e6-4139-906d-0dd6c53b1e1c.tmp</t>
  </si>
  <si>
    <t>0884ddcb-af8c-41db-a29a-93e860ca8e41.tmp</t>
  </si>
  <si>
    <t>\\acsfs\profiles$\isabellegtds\Downloads\0884ddcb-af8c-41db-a29a-93e860ca8e41.tmp</t>
  </si>
  <si>
    <t>brunagss@algartech.com;claudia@tripag.com.br;ganunes@tripag.com.br;lucianarba@algartecnologia.com.br;paulohdoc@algartech.com;</t>
  </si>
  <si>
    <t>brunagss@algartech.com,claudia@tripag.com.br,ganunes@tripag.com.br,lucianarba@algartecnologia.com.br,paulohdoc@algartech.com</t>
  </si>
  <si>
    <t>af488259-67de-4771-992b-53e693e97e01.tmp</t>
  </si>
  <si>
    <t>\\acsfs\profiles$\geovanaasa\Downloads\af488259-67de-4771-992b-53e693e97e01.tmp</t>
  </si>
  <si>
    <t>49812c6e-98ce-4846-bdab-cfb603bb0637.tmp</t>
  </si>
  <si>
    <t>\\acsfs\profiles$\felipetds\Downloads\49812c6e-98ce-4846-bdab-cfb603bb0637.tmp</t>
  </si>
  <si>
    <t>4516ccad-7dbb-4d94-b17d-4199443436b3.tmp</t>
  </si>
  <si>
    <t>\\acsfs\profiles$\felipetds\Downloads\4516ccad-7dbb-4d94-b17d-4199443436b3.tmp</t>
  </si>
  <si>
    <t>CURVA NORMAL - 10/12/2019</t>
  </si>
  <si>
    <t>C:\Segatto\Algar2018\Datacenter\</t>
  </si>
  <si>
    <t>CrescimentoVegetativo_BMG.xlsx</t>
  </si>
  <si>
    <t>Modelos CrescimentoVegetativo_gera_grafico_comfrio.xlsx</t>
  </si>
  <si>
    <t>c5c58062-db4c-48c0-8e37-052ebc2a9517.tmp</t>
  </si>
  <si>
    <t>\\acsfs\profiles$\sarahbal\Downloads\c5c58062-db4c-48c0-8e37-052ebc2a9517.tmp</t>
  </si>
  <si>
    <t>10.200.66.143</t>
  </si>
  <si>
    <t>78-2B-CB-C1-06-EA</t>
  </si>
  <si>
    <t>VOTORANT-GB020</t>
  </si>
  <si>
    <t>5a20e035-f05e-4c23-8d1c-887179c405cb.tmp</t>
  </si>
  <si>
    <t>\\acsfs\profiles$\milenaas\Downloads\5a20e035-f05e-4c23-8d1c-887179c405cb.tmp</t>
  </si>
  <si>
    <t>ab3de411-aecd-4084-8fbe-39829ff42b39.tmp</t>
  </si>
  <si>
    <t>\\acsfs\profiles$\milenaas\Downloads\ab3de411-aecd-4084-8fbe-39829ff42b39.tmp</t>
  </si>
  <si>
    <t>e044ad36-2f94-49bf-be6f-2680ae21157f.tmp</t>
  </si>
  <si>
    <t>\\acsfs\profiles$\PEDROHAB\Downloads\e044ad36-2f94-49bf-be6f-2680ae21157f.tmp</t>
  </si>
  <si>
    <t>Ocorrência01a0512.xlsm</t>
  </si>
  <si>
    <t>mail.google.com/_/upload?authuser=0&amp;dcp=asu-n&amp;upload_id=AEnB2UpgRdTLEr19EG6Tmn7SiCH6jbwTwk8J1zroFdikxVQpNr7EJYBPyS4BfaU-Wg3KgWFGauNtuzcIZomHs4An1uldT4mhYGJCOJ_B9_BkASrsPV7a-A4&amp;upload_protocol=resumable</t>
  </si>
  <si>
    <t>C:\Users\heliorg\OneDrive - Grupo Algar\Squad\URAs\6 - Whirlpool\URA To be\Excel\</t>
  </si>
  <si>
    <t>C:\Users\thaisbrs\OneDrive - Grupo Algar\1.1 Operações\1.2 next\1.1 Next\1.1. Fórum de Qualidade\09. Novembro\</t>
  </si>
  <si>
    <t>Diagnostico next Novembro.xls</t>
  </si>
  <si>
    <t>Itens pontuados - Next novembro.xlsx</t>
  </si>
  <si>
    <t>Apresentação next novembro.xls</t>
  </si>
  <si>
    <t>E:\AÇÃO_ALGAR\</t>
  </si>
  <si>
    <t>Cópia de Escalation TIM FIBRA.xlsx</t>
  </si>
  <si>
    <t>E:\AÇÃO_ALGAR\Cópia de Escalation TIM FIBRA.xlsx</t>
  </si>
  <si>
    <t>a53f8602-6931-41b5-bf64-10e7f55913e2.tmp</t>
  </si>
  <si>
    <t>\\acsfs\profiles$\deborahsi\Downloads\a53f8602-6931-41b5-bf64-10e7f55913e2.tmp</t>
  </si>
  <si>
    <t>\\acsfs\profiles$\dhiulliananads\My Documents\lu3644gc43.tmp\</t>
  </si>
  <si>
    <t>\\acsfs\profiles$\dhiulliananads\My Documents\lu3644gc43.tmp</t>
  </si>
  <si>
    <t>mail.google.com/_/upload?authuser=0&amp;dcp=asu-n&amp;upload_id=AEnB2Uqus36QW1wDYlF6o55VzT5cnmxfn5gDAhQmsqqcat4oa0ci8snBO242PdYvDN9T8SvLzPM4PFWE9LnzPWbFGZ1AWrew2JlZW8q9u2PiWz-VFz2TMnM&amp;upload_protocol=resumable</t>
  </si>
  <si>
    <t>\\acsfs\DEPTOS\TH\05. Cargos e Remuneração\04.Tabela Salarial\</t>
  </si>
  <si>
    <t>Tabelas Salariais - Novos Cargos - Sinergy - Versão BPs.xlsx</t>
  </si>
  <si>
    <t>10.201.187.68</t>
  </si>
  <si>
    <t>mail.google.com/_/upload?authuser=0&amp;dcp=asu-n&amp;upload_id=AEnB2UpiOoG_6LiFqnxL5Y0Mu53DR4AzQ8297SDAn5y-e1wOvx2FY2MntVMp2qB_N47ml6Wwm074kHk0XBQm08udKRMq4_kHHA&amp;upload_protocol=resumable</t>
  </si>
  <si>
    <t>C:\Users\leandrolds\Documents\Bkp - Leandro Lopes\Operações\</t>
  </si>
  <si>
    <t>Contatos Bradesco_NPS_enviar.xlsx</t>
  </si>
  <si>
    <t>C:\Users\lucashdsi\Desktop\</t>
  </si>
  <si>
    <t>\\acsfs\DEPTOS\Operacao\Banco_Votorantim\Qualidade\Mariane\BACEN_RECLAMAÇÕES\</t>
  </si>
  <si>
    <t>054.900.189-17 - JONATHAN WILLIAM ALVES PEREIRA – BVAT0111 - Cópia.docx</t>
  </si>
  <si>
    <t>\\acsfs\DEPTOS\Operacao\Banco_Votorantim\Qualidade\Mariane\BACEN_RECLAMAÇÕES\054.900.189-17 - JONATHAN WILLIAM ALVES PEREIRA – BVAT0111 - Cópia.docx</t>
  </si>
  <si>
    <t>10.201.28.73</t>
  </si>
  <si>
    <t>mail.google.com/_/upload?authuser=0&amp;dcp=asu-n&amp;upload_id=AEnB2Uo-YZXF24AM1DfTxgn6yw5Wx6rg-mesjaSfJX17ZxfsT1bWT2A8JvmRt7_h0X21iyftLXpFXThrGxXpB5nGt2fk5k9tIA&amp;upload_protocol=resumable</t>
  </si>
  <si>
    <t>C:\Users\vilarinho\OneDrive - Grupo Algar\Algar Tech\Gestão Equipe\Méritos e Gratificações\Meritocracia Politica _Dez19\</t>
  </si>
  <si>
    <t>mail.google.com/_/upload?authuser=0&amp;dcp=asu-n&amp;upload_id=AEnB2Ur4K3TSQ_zZgI6xg9PzbKfRXz2Dxy3uCMaO5E4yOKQI-4bLFnIzPaDP2hXcU0YPxXslgcx1rzWq3ABzDlD9AAK1IIQUkpOtLdkeTcPBBjoGNE84yc4&amp;upload_protocol=resumable</t>
  </si>
  <si>
    <t>C:\Users\vilarinho\OneDrive - Grupo Algar\Algar Tech\Orçamento\Orçamento2019\</t>
  </si>
  <si>
    <t>FEchamento2019.xlsx</t>
  </si>
  <si>
    <t>egidio@algartelecom.com.br;juliocedo@algartech.com;marcelorf@algartech.com;marcoabm@algartech.com;mauricio@algartech.com;</t>
  </si>
  <si>
    <t>C:\Users\vilarinho\Downloads\</t>
  </si>
  <si>
    <t>egidio@algartelecom.com.br,juliocedo@algartech.com,marcelorf@algartech.com,marcoabm@algartech.com,mauricio@algartech.com</t>
  </si>
  <si>
    <t>mail.google.com/_/upload?authuser=0&amp;dcp=asu-n&amp;upload_id=AEnB2UpZ3roQ06md-UNzVlU4wAzM4inoKW9az85IMo_JdTuje5PyV4QBFTlB079eJIieR-kfUMSY40SUWPYvybwq538KfWmDYOVybtORRAhSPl37fnVM58c&amp;upload_protocol=resumable</t>
  </si>
  <si>
    <t>C:\Users\vilarinho\OneDrive - Grupo Algar\Algar Tech\Gestão Equipe\Objetivos Especificos\Objetivos1Semestre2020\</t>
  </si>
  <si>
    <t>PropostaVila1S20.xlsx</t>
  </si>
  <si>
    <t>017.469.546-20 - IZABELLA CAROLINA CARVALHO ROCHA - BVAT0120.docx</t>
  </si>
  <si>
    <t>\\acsfs\DEPTOS\Operacao\Banco_Votorantim\Qualidade\Mariane\BACEN_RECLAMAÇÕES\017.469.546-20 - IZABELLA CAROLINA CARVALHO ROCHA - BVAT0120.docx</t>
  </si>
  <si>
    <t>\\acsfs\profiles$\LUCASNS\</t>
  </si>
  <si>
    <t>VENDAS.txt</t>
  </si>
  <si>
    <t>\\acsfs\profiles$\LUCASNS\VENDAS.txt</t>
  </si>
  <si>
    <t>2d272fbf-74bf-4ac2-a283-c79b2c99d5e4.tmp</t>
  </si>
  <si>
    <t>\\acsfs\profiles$\deborahsi\Downloads\2d272fbf-74bf-4ac2-a283-c79b2c99d5e4.tmp</t>
  </si>
  <si>
    <t>f2d0c023-72af-4f99-b5e1-f7f6e8a25faa.tmp</t>
  </si>
  <si>
    <t>\\acsfs\profiles$\KARENDSR\Downloads\f2d0c023-72af-4f99-b5e1-f7f6e8a25faa.tmp</t>
  </si>
  <si>
    <t>660cd980-f2b5-401c-b933-7c2f7feccac8.tmp</t>
  </si>
  <si>
    <t>\\acsfs\profiles$\KARENDSR\Downloads\660cd980-f2b5-401c-b933-7c2f7feccac8.tmp</t>
  </si>
  <si>
    <t>600032c8-b6e4-4543-9066-31d1067975ea.tmp</t>
  </si>
  <si>
    <t>\\acsfs\profiles$\KARENDSR\Downloads\600032c8-b6e4-4543-9066-31d1067975ea.tmp</t>
  </si>
  <si>
    <t>Lista_Associados_TI.xlsx</t>
  </si>
  <si>
    <t>EQUIPAMENTOS RECEBIDOS.xlsx</t>
  </si>
  <si>
    <t>C:\Users\lucashdsi\Documents\</t>
  </si>
  <si>
    <t>EQUIPAMENTOS ENVIADOS.xlsx</t>
  </si>
  <si>
    <t>1e954a77-93f0-42f9-bc9b-848eff1d5fc2.tmp</t>
  </si>
  <si>
    <t>\\acsfs\profiles$\gabrielarb\Downloads\1e954a77-93f0-42f9-bc9b-848eff1d5fc2.tmp</t>
  </si>
  <si>
    <t>64eab0e3-0c8e-4ec7-9d2e-661e1db758a5.tmp</t>
  </si>
  <si>
    <t>\\acsfs\profiles$\marcellewdl\Downloads\64eab0e3-0c8e-4ec7-9d2e-661e1db758a5.tmp</t>
  </si>
  <si>
    <t>10.200.66.47</t>
  </si>
  <si>
    <t>74-86-7A-FB-1A-73</t>
  </si>
  <si>
    <t>VOTORANT-IB021</t>
  </si>
  <si>
    <t>joaoval</t>
  </si>
  <si>
    <t>\\acsfs\profiles$\JOAOVAL\Favorites\Links for Brasil\</t>
  </si>
  <si>
    <t>\\acsfs\profiles$\JOAOVAL\Favorites\Links for Brasil\Microsoft Brasil.url</t>
  </si>
  <si>
    <t>\\acsfs\profiles$\JOAOVAL\Favorites\Links for Brasil\Windows Brasil.url</t>
  </si>
  <si>
    <t>\\acsfs\profiles$\JOAOVAL\Favorites\Links for Brasil\MSN Brasil.url</t>
  </si>
  <si>
    <t>UDI - WHIRLPOOL - ÁRVORE DR TEC - 10_12 (version final).xlsx</t>
  </si>
  <si>
    <t>UDI - WHIRLPOOL - AUDITORIA DE VENDAS - 09_12 v2 (version final).xls</t>
  </si>
  <si>
    <t>UDI - WHIRLPOOL - REAGENDAMENTO ECOHOUSE - VENDAS - 09_12v2 (version final).xls</t>
  </si>
  <si>
    <t>\\acsfs\profiles$\JOAOVAL\Downloads\</t>
  </si>
  <si>
    <t>1962ca24-4caa-4de9-85eb-0345a442d852.tmp</t>
  </si>
  <si>
    <t>\\acsfs\profiles$\JOAOVAL\Downloads\1962ca24-4caa-4de9-85eb-0345a442d852.tmp</t>
  </si>
  <si>
    <t>fdfc673e-f675-4514-9ba3-3e731d34c906.tmp</t>
  </si>
  <si>
    <t>\\acsfs\profiles$\JOAOVAL\Downloads\fdfc673e-f675-4514-9ba3-3e731d34c906.tmp</t>
  </si>
  <si>
    <t>https://udpmailboxap01.acs.com.br:8443/h/search?si=0&amp;so=0&amp;sc=38727&amp;st=conversation&amp;action=compose</t>
  </si>
  <si>
    <t>\\acsfs\profiles$\dhiulliananads\My Documents\lu3644gc4g.tmp\</t>
  </si>
  <si>
    <t>\\acsfs\profiles$\dhiulliananads\My Documents\lu3644gc4g.tmp</t>
  </si>
  <si>
    <t>99107ed9-80e3-44c5-904b-b0d45991a2b6.tmp</t>
  </si>
  <si>
    <t>\\acsfs\profiles$\sarahbal\Downloads\99107ed9-80e3-44c5-904b-b0d45991a2b6.tmp</t>
  </si>
  <si>
    <t>fb895d98-384b-464a-9dfb-791bc8ee5c91.tmp</t>
  </si>
  <si>
    <t>\\acsfs\profiles$\sarahbal\Downloads\fb895d98-384b-464a-9dfb-791bc8ee5c91.tmp</t>
  </si>
  <si>
    <t>10.200.57.27</t>
  </si>
  <si>
    <t>D:\PROJETOS\NET\Big File\Impactos\Wks Impactos_v07.pptx\</t>
  </si>
  <si>
    <t>10.200.67.18</t>
  </si>
  <si>
    <t>74-86-7A-FB-17-21</t>
  </si>
  <si>
    <t>VOTORANT-PB006</t>
  </si>
  <si>
    <t>raicabog</t>
  </si>
  <si>
    <t>\\acsfs\profiles$\raicabog\Downloads\</t>
  </si>
  <si>
    <t>37e1a77c-00f6-40fa-9d4a-986096cadd0d.tmp</t>
  </si>
  <si>
    <t>\\acsfs\profiles$\raicabog\Downloads\37e1a77c-00f6-40fa-9d4a-986096cadd0d.tmp</t>
  </si>
  <si>
    <t>RetornaCaminhosCategorizacaoMailing_Consul - 10-12-19.xlsm</t>
  </si>
  <si>
    <t>RetornaCaminhosCategorizacaoMailing_Brastemp - 10-12-19.xlsm</t>
  </si>
  <si>
    <t>\\acsfs\profiles$\dhiulliananads\My Documents\lu3644gc4l.tmp\</t>
  </si>
  <si>
    <t>\\acsfs\profiles$\dhiulliananads\My Documents\lu3644gc4l.tmp</t>
  </si>
  <si>
    <t>\\acsfs\profiles$\dhiulliananads\My Documents\lu3644gc4q.tmp\</t>
  </si>
  <si>
    <t>\\acsfs\profiles$\dhiulliananads\My Documents\lu3644gc4q.tmp</t>
  </si>
  <si>
    <t>6fdb4074-61ee-47fd-b24d-b0f9262a7ffd.tmp</t>
  </si>
  <si>
    <t>\\acsfs\profiles$\alessandraan\Downloads\6fdb4074-61ee-47fd-b24d-b0f9262a7ffd.tmp</t>
  </si>
  <si>
    <t>0b93378f-1882-4a9b-be6e-8635531f8602.tmp</t>
  </si>
  <si>
    <t>\\acsfs\profiles$\alessandraan\Downloads\0b93378f-1882-4a9b-be6e-8635531f8602.tmp</t>
  </si>
  <si>
    <t>Qualidade-2019 NOV.xlsx</t>
  </si>
  <si>
    <t>7a3aed9a-81f9-4335-93f1-90b500096617.tmp</t>
  </si>
  <si>
    <t>\\acsfs\profiles$\alexandrapp\Downloads\7a3aed9a-81f9-4335-93f1-90b500096617.tmp</t>
  </si>
  <si>
    <t>a84dd1d1-680c-452c-8a34-50612392e6d5.tmp</t>
  </si>
  <si>
    <t>\\acsfs\profiles$\alexandrapp\Downloads\a84dd1d1-680c-452c-8a34-50612392e6d5.tmp</t>
  </si>
  <si>
    <t>7b0688b3-c1f4-452e-a16e-db53664e0dab.tmp</t>
  </si>
  <si>
    <t>\\acsfs\profiles$\isabellegtds\Downloads\7b0688b3-c1f4-452e-a16e-db53664e0dab.tmp</t>
  </si>
  <si>
    <t>mail.google.com/_/upload?authuser=0&amp;dcp=asu-n&amp;upload_id=AEnB2UoEioyfZwIFuWRDhL37eL4l6nu4s-KUvrQNq9x9shDzi8MD3k15NxVCyjBqioVAiuNK92L_uDXPJPjvFyr3yFkeZGs8pQ&amp;upload_protocol=resumable</t>
  </si>
  <si>
    <t>\\acsfs\DEPTOS\TH\05. Cargos e Remuneração\05.Pesquisas Salariais\2019\</t>
  </si>
  <si>
    <t>Organization-Weighted Results.xlsx</t>
  </si>
  <si>
    <t>C:\A2\PAULAO\TIM\ORÇAMENTOS\REUNIÃO\DEZEMBRO\DEZEMBRO\</t>
  </si>
  <si>
    <t>Mobilizações_Orçamentos executados 10-09_30-11-19 Algar.xlsx</t>
  </si>
  <si>
    <t>mail.google.com/_/upload?authuser=0&amp;dcp=asu-n&amp;upload_id=AEnB2UpBk0JnD7nkufJ4oUqhuDPqCbV3ODVjCVhu4YOLrz5MhW-Qzs4JElT2LMMYSq2Lh41JHuoMa6XB9r_iH4Jj0wkQkalBRg&amp;upload_protocol=resumable</t>
  </si>
  <si>
    <t>ramal;</t>
  </si>
  <si>
    <t>ramal</t>
  </si>
  <si>
    <t>0eb77b2a-b4ec-4e71-8626-a92c5c247105.tmp</t>
  </si>
  <si>
    <t>\\acsfs\profiles$\alexandrapp\Downloads\0eb77b2a-b4ec-4e71-8626-a92c5c247105.tmp</t>
  </si>
  <si>
    <t>C:\Users\priscilaflo\Downloads\</t>
  </si>
  <si>
    <t>Hay_Market_Formulae_May_2018_Above_300_HP_PT_EN (1).XLSX</t>
  </si>
  <si>
    <t>\\acsfs\profiles$\dhiulliananads\My Documents\lu3644gc4v.tmp\</t>
  </si>
  <si>
    <t>\\acsfs\profiles$\dhiulliananads\My Documents\lu3644gc4v.tmp</t>
  </si>
  <si>
    <t>10.200.67.9</t>
  </si>
  <si>
    <t>5819e937-779c-44ba-a0e2-4c0540879560.tmp</t>
  </si>
  <si>
    <t>\\acsfs\profiles$\felipetds\Downloads\5819e937-779c-44ba-a0e2-4c0540879560.tmp</t>
  </si>
  <si>
    <t>74-86-7A-FB-17-9E</t>
  </si>
  <si>
    <t>VOTORANT-SB008</t>
  </si>
  <si>
    <t>anafaes</t>
  </si>
  <si>
    <t>\\acsfs\profiles$\anafaes\Downloads\</t>
  </si>
  <si>
    <t>38e76c07-15f4-48a8-86fb-4e339a925219.tmp</t>
  </si>
  <si>
    <t>\\acsfs\profiles$\anafaes\Downloads\38e76c07-15f4-48a8-86fb-4e339a925219.tmp</t>
  </si>
  <si>
    <t>eae8186e-f5e7-450a-8c31-c45d1c69a0fe.tmp</t>
  </si>
  <si>
    <t>\\acsfs\profiles$\anafaes\Downloads\eae8186e-f5e7-450a-8c31-c45d1c69a0fe.tmp</t>
  </si>
  <si>
    <t>\\acsfs\DEPTOS\Operacao\Banco_Votorantim\Qualidade\Mariane\BACEN_RECLAMAÇÕES\LAUDOS FINALIZADOS\</t>
  </si>
  <si>
    <t>017.469.546-20 - IZABELLA CAROLINA CARVALHO ROCHA - BVAT0120.pdf</t>
  </si>
  <si>
    <t>\\acsfs\DEPTOS\Operacao\Banco_Votorantim\Qualidade\Mariane\BACEN_RECLAMAÇÕES\LAUDOS FINALIZADOS\017.469.546-20 - IZABELLA CAROLINA CARVALHO ROCHA - BVAT0120.pdf</t>
  </si>
  <si>
    <t>C:\Users\vilarinho\OneDrive - Grupo Algar\Algar Tech\Orçamento\Orçamento2019\4Reuger_Preclosing e LP\Reunião LATAM 09.12.19 - Gustavo\Revisão_LP_LATAM_09.12.19.pptx\</t>
  </si>
  <si>
    <t>mail.google.com/_/upload?authuser=1&amp;dcp=asu-n&amp;upload_id=AEnB2UpTzaJGervqbW-hTnNvRbYCrGJgVU4oa1jvma2cO8cnpB1O1FF8yPFMBZJvQPr7NbA56Ozdb5zPhFxgSnaZgWpf3XtHQ2hrfDuAZODSbLERaRbOY5g&amp;upload_protocol=resumable</t>
  </si>
  <si>
    <t>fdbf09b2-a066-4e69-b98c-ca5028a99a42.tmp</t>
  </si>
  <si>
    <t>\\acsfs\profiles$\PEDROHAB\Downloads\fdbf09b2-a066-4e69-b98c-ca5028a99a42.tmp</t>
  </si>
  <si>
    <t>anacarolinesn@algartech.com;anapscl@algartech.com;andressacpd@algartech.com;elton.costa@quilleconsultoria.com.br;fabio.ribeiro@algarnet.onmicrosoft.com;fredericobs@algartecnologia.com.br;katiargf@algartech.com;luanaaoli@algartech.com;micheless@algartech.com.br;rafaelaas@algartech.com;</t>
  </si>
  <si>
    <t>Painel Consumidor.Gov</t>
  </si>
  <si>
    <t>Avaliações Consumidor.Gov oficial - 2019.xlsb</t>
  </si>
  <si>
    <t>anacarolinesn@algartech.com,anapscl@algartech.com,andressacpd@algartech.com,elton.costa@quilleconsultoria.com.br,fabio.ribeiro@algarnet.onmicrosoft.com,fredericobs@algartecnologia.com.br,katiargf@algartech.com,luanaaoli@algartech.com,micheless@algartech.com.br,rafaelaas@algartech.com</t>
  </si>
  <si>
    <t>aldene.araujo@temposervicos.com.br;ana.palazzo@bradesco.com.br;anacarolinesn@algartech.com;anapscl@algartech.com;andrea.g.antao@bradesco.com.br;andressacpd@algartech.com;elisangela.carvalho@temposervicos.com.br;felipe.silva@temposervicos.com.br;juliana.rocha@temposervicos.com.br;katiucy.nascimento@temposervicos.com.br;kenia.oliveira@bradesco.com.br;luanaaoli@algartech.com;micheless@algartech.com.br;reginaldo.cardozo@bradesco.com.br;renata.gouveia@temposervicos.com.br;solange.contriciani@bradesco.com.br;</t>
  </si>
  <si>
    <t>Consumidor.gov</t>
  </si>
  <si>
    <t>Avaliações Consumidor.Gov 2019 - Governança.xlsb</t>
  </si>
  <si>
    <t>aldene.araujo@temposervicos.com.br,ana.palazzo@bradesco.com.br,anacarolinesn@algartech.com,anapscl@algartech.com,andrea.g.antao@bradesco.com.br,andressacpd@algartech.com,elisangela.carvalho@temposervicos.com.br,felipe.silva@temposervicos.com.br,juliana.rocha@temposervicos.com.br,katiucy.nascimento@temposervicos.com.br,kenia.oliveira@bradesco.com.br,luanaaoli@algartech.com,micheless@algartech.com.br,reginaldo.cardozo@bradesco.com.br,renata.gouveia@temposervicos.com.br,solange.contriciani@bradesco.com.br</t>
  </si>
  <si>
    <t>BACEN_RECLAMAÇÕES - MARIANE.xlsx</t>
  </si>
  <si>
    <t>\\acsfs\DEPTOS\Operacao\Banco_Votorantim\Qualidade\Mariane\BACEN_RECLAMAÇÕES\BACEN_RECLAMAÇÕES - MARIANE.xlsx</t>
  </si>
  <si>
    <t>f9b8d13a-3342-43d8-aa03-e9bd0c2f46c4.tmp</t>
  </si>
  <si>
    <t>\\acsfs\profiles$\sarahbal\Downloads\f9b8d13a-3342-43d8-aa03-e9bd0c2f46c4.tmp</t>
  </si>
  <si>
    <t>\\acsfs\profiles$\KARENDSR\My Documents\</t>
  </si>
  <si>
    <t>kAREN S TREINAMENTO.txt</t>
  </si>
  <si>
    <t>\\acsfs\profiles$\KARENDSR\My Documents\kAREN S TREINAMENTO.txt</t>
  </si>
  <si>
    <t>fda49867-315e-498b-9851-c41d00321f00.tmp</t>
  </si>
  <si>
    <t>\\acsfs\profiles$\paulovadc\Downloads\fda49867-315e-498b-9851-c41d00321f00.tmp</t>
  </si>
  <si>
    <t>C:\Users\alinerg\Documents\Projetos\Projeto Jú\Relatórios\2019\11 - Novembro\</t>
  </si>
  <si>
    <t>Relatório de variáveis.xlsx</t>
  </si>
  <si>
    <t>36050;7;</t>
  </si>
  <si>
    <t>\\acsfs\dsti\CIT- Coordenação de Inteligência de Tecnologia\05 - Gerenciamento Orçamento e Contabilização\5. Contabilidade 2019\12. Dezembro\Despesas Antecipadas\Mazer_OC 44723\</t>
  </si>
  <si>
    <t>Formulário Despesa Antecipada_Mazer.xls</t>
  </si>
  <si>
    <t>https://36050,7</t>
  </si>
  <si>
    <t>4ad77bdb-3254-4ce3-a705-ccad025c2d1d.tmp</t>
  </si>
  <si>
    <t>\\acsfs\profiles$\anafaes\Downloads\4ad77bdb-3254-4ce3-a705-ccad025c2d1d.tmp</t>
  </si>
  <si>
    <t>0882e80e-07b8-4df9-9220-2b02d4ca5efd.tmp</t>
  </si>
  <si>
    <t>\\acsfs\profiles$\geovanaasa\Downloads\0882e80e-07b8-4df9-9220-2b02d4ca5efd.tmp</t>
  </si>
  <si>
    <t>017.469.546-20 - IZABELLA CAROLINA CARVALHO ROCHA - BVAT0120 - Cópia.docx</t>
  </si>
  <si>
    <t>\\acsfs\DEPTOS\Operacao\Banco_Votorantim\Qualidade\Mariane\BACEN_RECLAMAÇÕES\017.469.546-20 - IZABELLA CAROLINA CARVALHO ROCHA - BVAT0120 - Cópia.docx</t>
  </si>
  <si>
    <t>C:\Users\miriantof\Downloads\Plano Tático - MKT v3.pptx\</t>
  </si>
  <si>
    <t>099.365.548-33 - MARIA GABRIELA SILVA GOMES - BVAT0034.docx</t>
  </si>
  <si>
    <t>\\acsfs\DEPTOS\Operacao\Banco_Votorantim\Qualidade\Mariane\BACEN_RECLAMAÇÕES\099.365.548-33 - MARIA GABRIELA SILVA GOMES - BVAT0034.docx</t>
  </si>
  <si>
    <t>Relatório de variáveis Novembro.xlsx</t>
  </si>
  <si>
    <t>celmars@algartech.com;gildaepma@algartech.com;</t>
  </si>
  <si>
    <t>C:\Users\helieldfs\Desktop\Revisão CSC.zip\de 01 a 06 2020\</t>
  </si>
  <si>
    <t>1- CSC Compras 2020.xlsx</t>
  </si>
  <si>
    <t>celmars@algartech.com,gildaepma@algartech.com</t>
  </si>
  <si>
    <t>2- CSC Juridico 2020.xlsx</t>
  </si>
  <si>
    <t>3- CSC TH 2020.xlsx</t>
  </si>
  <si>
    <t>4- CSC Atendimento 01 a 06 2020.xlsx</t>
  </si>
  <si>
    <t>5- CSC TI 01 a 06 2020.xlsx</t>
  </si>
  <si>
    <t>6- CSC Ouvidoria e Rel Sind 01 a 06 2020.xlsx</t>
  </si>
  <si>
    <t>7- CSC FICO 01 a 06 2020.xlsx</t>
  </si>
  <si>
    <t>C:\Users\helieldfs\Desktop\Revisão CSC.zip\de 07 a 12 2020\</t>
  </si>
  <si>
    <t>1- CSC Compras 2020 07 a 12 2020.xlsx</t>
  </si>
  <si>
    <t>2- CSC Juridico 07 a 12 2020.xlsx</t>
  </si>
  <si>
    <t>3- CSC TH 2020 07 a 12 2020.xlsx</t>
  </si>
  <si>
    <t>4- CSC Atendimento 07 a 12 2020.xlsx</t>
  </si>
  <si>
    <t>5- CSC TI 07 a 12.2020.xlsx</t>
  </si>
  <si>
    <t>6- CSC Ouvidoria e Rel Sind 07 a 12 2020.xlsx</t>
  </si>
  <si>
    <t>7- CSC FICO 2020 - de 07 a 12.2020.xlsx</t>
  </si>
  <si>
    <t>\\acsfs\ACS\Consultoria de Qualidade\Uberlândia\3. Monitores\07 - Avon\1. Comum\2019\</t>
  </si>
  <si>
    <t>tiagorpf@algartech.com</t>
  </si>
  <si>
    <t>mail.google.com/_/upload?authuser=0&amp;dcp=asu-n&amp;upload_id=AEnB2UrXADGw4cEHA2ws06mzmNsavylMjPv2_9GFxGWxAeIXNybO_NGf23BkgX7luKOJmW700AF3MvieUhOEjp8fCo_he-kdUd6Qi0i2LqE-44wo3B0foUE&amp;upload_protocol=resumable</t>
  </si>
  <si>
    <t>antoniocoj@algartech.com;diogenespl@algartech.com.br;</t>
  </si>
  <si>
    <t>\\acsfs\DEPTOS\Operacao\PCP\5 - Comum\ACOMPANHAMENTO AMEX\43 - ACOMPANHAMENTO PJ\3 - FINANCEIRO\2019\12 - Dezembro\</t>
  </si>
  <si>
    <t>Previsão Financeira_Dezembro_19.xlsb</t>
  </si>
  <si>
    <t>antoniocoj@algartech.com,diogenespl@algartech.com.br</t>
  </si>
  <si>
    <t>/o=exchangelabs/ou=exchange administrative group (fydibohf23spdlt)/cn=recipients/cn=8b5b63d67af648d081a40c45cc800804-fabiana per;/o=exchangelabs/ou=exchange administrative group (fydibohf23spdlt)/cn=recipients/cn=b284454839e94314a90d49e7ec00864f-antonio car;/o=exchangelabs/ou=exchange administrative group (fydibohf23spdlt)/cn=recipients/cn=f45617401bdf436baf70c45766699413-frederico b;brunosr@algartech.com.br;claudiofm@algartech.com.br;evertonpdsr@algartech.com.br;franciscoeag@algartech.com.br;isabelaaf@algartech.com.br;janaina.arantes@bradesco.com.br;jhonatan.ventino@bradesco.com.br;marciellasn@algartech.com.br;marciohpr@algartech.com.br;pauliniaacs@algartech.com.br;poliane.amaral@bradesco.com.br;renatass@algartech.com.br;suzane.b.rodrigues@bradesco.com.br;thaismo@algartech.com.br;vanusaos@algartech.com.br;</t>
  </si>
  <si>
    <t>/o=exchangelabs/ou=exchange administrative group (fydibohf23spdlt)/cn=recipients/cn=8b5b63d67af648d081a40c45cc800804-fabiana per,/o=exchangelabs/ou=exchange administrative group (fydibohf23spdlt)/cn=recipients/cn=b284454839e94314a90d49e7ec00864f-antonio car,/o=exchangelabs/ou=exchange administrative group (fydibohf23spdlt)/cn=recipients/cn=f45617401bdf436baf70c45766699413-frederico b,brunosr@algartech.com.br,claudiofm@algartech.com.br,evertonpdsr@algartech.com.br,franciscoeag@algartech.com.br,isabelaaf@algartech.com.br,janaina.arantes@bradesco.com.br,jhonatan.ventino@bradesco.com.br,marciellasn@algartech.com.br,marciohpr@algartech.com.br,pauliniaacs@algartech.com.br,poliane.amaral@bradesco.com.br,renatass@algartech.com.br,suzane.b.rodrigues@bradesco.com.br,thaismo@algartech.com.br,vanusaos@algartech.com.br</t>
  </si>
  <si>
    <t>/o=exchangelabs/ou=exchange administrative group (fydibohf23spdlt)/cn=recipients/cn=8b5b63d67af648d081a40c45cc800804-fabiana per;/o=exchangelabs/ou=exchange administrative group (fydibohf23spdlt)/cn=recipients/cn=b284454839e94314a90d49e7ec00864f-antonio car;/o=exchangelabs/ou=exchange administrative group (fydibohf23spdlt)/cn=recipients/cn=f45617401bdf436baf70c45766699413-frederico b;adrianofo@algartech.com.br;brunosr@algartech.com.br;claudiofm@algartech.com.br;evertonpdsr@algartech.com.br;isabelaaf@algartech.com.br;janaina.arantes@bradesco.com.br;jhonatan.ventino@bradesco.com.br;leonardoamf@algartech.com.br;marciohpr@algartech.com.br;pauliniaacs@algartech.com.br;poliane.amaral@bradesco.com.br;renatass@algartech.com.br;selmaasr@algartech.com.br;suzane.b.rodrigues@bradesco.com.br;thaismo@algartech.com.br;ueniargl@algartech.com.br;</t>
  </si>
  <si>
    <t>/o=exchangelabs/ou=exchange administrative group (fydibohf23spdlt)/cn=recipients/cn=8b5b63d67af648d081a40c45cc800804-fabiana per,/o=exchangelabs/ou=exchange administrative group (fydibohf23spdlt)/cn=recipients/cn=b284454839e94314a90d49e7ec00864f-antonio car,/o=exchangelabs/ou=exchange administrative group (fydibohf23spdlt)/cn=recipients/cn=f45617401bdf436baf70c45766699413-frederico b,adrianofo@algartech.com.br,brunosr@algartech.com.br,claudiofm@algartech.com.br,evertonpdsr@algartech.com.br,isabelaaf@algartech.com.br,janaina.arantes@bradesco.com.br,jhonatan.ventino@bradesco.com.br,leonardoamf@algartech.com.br,marciohpr@algartech.com.br,pauliniaacs@algartech.com.br,poliane.amaral@bradesco.com.br,renatass@algartech.com.br,selmaasr@algartech.com.br,suzane.b.rodrigues@bradesco.com.br,thaismo@algartech.com.br,ueniargl@algartech.com.br</t>
  </si>
  <si>
    <t>/o=exchangelabs/ou=exchange administrative group (fydibohf23spdlt)/cn=recipients/cn=8b5b63d67af648d081a40c45cc800804-fabiana per;/o=exchangelabs/ou=exchange administrative group (fydibohf23spdlt)/cn=recipients/cn=b284454839e94314a90d49e7ec00864f-antonio car;/o=exchangelabs/ou=exchange administrative group (fydibohf23spdlt)/cn=recipients/cn=f45617401bdf436baf70c45766699413-frederico b;brunosr@algartech.com.br;claudiofm@algartech.com.br;evertonpdsr@algartech.com.br;isabelaaf@algartech.com.br;janaina.arantes@bradesco.com.br;jhonatan.ventino@bradesco.com.br;ligiagb@algartech.com.br;marciohpr@algartech.com.br;pauliniaacs@algartech.com.br;poliane.amaral@bradesco.com.br;renatass@algartech.com.br;sheilacdf@algartech.com.br;suzanasb@algartech.com.br;suzane.b.rodrigues@bradesco.com.br;thaismo@algartech.com.br;vivianega@algartech.com.br;</t>
  </si>
  <si>
    <t>/o=exchangelabs/ou=exchange administrative group (fydibohf23spdlt)/cn=recipients/cn=8b5b63d67af648d081a40c45cc800804-fabiana per,/o=exchangelabs/ou=exchange administrative group (fydibohf23spdlt)/cn=recipients/cn=b284454839e94314a90d49e7ec00864f-antonio car,/o=exchangelabs/ou=exchange administrative group (fydibohf23spdlt)/cn=recipients/cn=f45617401bdf436baf70c45766699413-frederico b,brunosr@algartech.com.br,claudiofm@algartech.com.br,evertonpdsr@algartech.com.br,isabelaaf@algartech.com.br,janaina.arantes@bradesco.com.br,jhonatan.ventino@bradesco.com.br,ligiagb@algartech.com.br,marciohpr@algartech.com.br,pauliniaacs@algartech.com.br,poliane.amaral@bradesco.com.br,renatass@algartech.com.br,sheilacdf@algartech.com.br,suzanasb@algartech.com.br,suzane.b.rodrigues@bradesco.com.br,thaismo@algartech.com.br,vivianega@algartech.com.br</t>
  </si>
  <si>
    <t>\\acsfs\profiles$\dhiulliananads\My Documents\lu3644gc54.tmp\</t>
  </si>
  <si>
    <t>\\acsfs\profiles$\dhiulliananads\My Documents\lu3644gc54.tmp</t>
  </si>
  <si>
    <t>ae59545c-4237-415f-9791-763631159d9d.tmp</t>
  </si>
  <si>
    <t>\\acsfs\profiles$\milenaas\Downloads\ae59545c-4237-415f-9791-763631159d9d.tmp</t>
  </si>
  <si>
    <t>b7fcaa71-4bc2-42ee-bacc-dd17b15a933b.tmp</t>
  </si>
  <si>
    <t>\\acsfs\profiles$\milenaas\Downloads\b7fcaa71-4bc2-42ee-bacc-dd17b15a933b.tmp</t>
  </si>
  <si>
    <t>fernandaab@algartech.com</t>
  </si>
  <si>
    <t>mail.google.com/sync/u/0/i/s?hl=pt-BR&amp;c=542</t>
  </si>
  <si>
    <t>mail.google.com/sync/u/0/i/s?hl=pt-BR&amp;c=544</t>
  </si>
  <si>
    <t>mail.google.com/sync/u/0/i/s?hl=pt-BR&amp;c=546</t>
  </si>
  <si>
    <t>mail.google.com/sync/u/0/i/s?hl=pt-BR&amp;c=548</t>
  </si>
  <si>
    <t>mail.google.com/sync/u/0/i/s?hl=pt-BR&amp;c=550</t>
  </si>
  <si>
    <t>https://udpmailboxap01/h/search?si=0&amp;so=0&amp;sc=39010&amp;sfi=6&amp;st=message&amp;action=compose</t>
  </si>
  <si>
    <t>Marista Dimensionamento do Serviço GIAT_v6 - PILOTO COMAND CENTER LDC_v6 com WIT_Pacote256Ativos.xlsm</t>
  </si>
  <si>
    <t>199252 Marista Plan Precificacao C017 B017_v3_Pacote256Ativos.xlsb</t>
  </si>
  <si>
    <t>D:\OneDrive\AlgarTech\Pré-Vendas\Cliente\2019\Marista\199252 - NOC + WIT\1. Precificação\199252 Marista Plan Precificacao C017 B017_v3_Pacote256Ativos.xlsb\</t>
  </si>
  <si>
    <t>mail.google.com/sync/u/0/i/s?hl=pt-BR&amp;c=552</t>
  </si>
  <si>
    <t>mail.google.com/sync/u/0/i/s?hl=pt-BR&amp;c=554</t>
  </si>
  <si>
    <t>mail.google.com/sync/u/0/i/s?hl=pt-BR&amp;c=557</t>
  </si>
  <si>
    <t>mail.google.com/sync/u/0/i/s?hl=pt-BR&amp;c=560</t>
  </si>
  <si>
    <t>mail.google.com/sync/u/0/i/s?hl=pt-BR&amp;c=562</t>
  </si>
  <si>
    <t>mail.google.com/sync/u/0/i/s?hl=pt-BR&amp;c=565</t>
  </si>
  <si>
    <t>mail.google.com/sync/u/0/i/s?hl=pt-BR&amp;c=567</t>
  </si>
  <si>
    <t>mail.google.com/sync/u/0/i/s?hl=pt-BR&amp;c=569</t>
  </si>
  <si>
    <t>mail.google.com/sync/u/0/i/s?hl=pt-BR&amp;c=571</t>
  </si>
  <si>
    <t>mail.google.com/sync/u/0/i/s?hl=pt-BR&amp;c=573</t>
  </si>
  <si>
    <t>mail.google.com/sync/u/0/i/s?hl=pt-BR&amp;c=575</t>
  </si>
  <si>
    <t>mail.google.com/sync/u/0/i/s?hl=pt-BR&amp;c=578</t>
  </si>
  <si>
    <t>mail.google.com/sync/u/0/i/s?hl=pt-BR&amp;c=580</t>
  </si>
  <si>
    <t>mail.google.com/sync/u/0/i/s?hl=pt-BR&amp;c=582</t>
  </si>
  <si>
    <t>mail.google.com/sync/u/0/i/s?hl=pt-BR&amp;c=584</t>
  </si>
  <si>
    <t>mail.google.com/sync/u/0/i/s?hl=pt-BR&amp;c=586</t>
  </si>
  <si>
    <t>mail.google.com/sync/u/0/i/s?hl=pt-BR&amp;c=588</t>
  </si>
  <si>
    <t>2397e242-6ff2-47ba-a550-a6dc08aafb60.tmp</t>
  </si>
  <si>
    <t>\\acsfs\profiles$\alessandraan\Downloads\2397e242-6ff2-47ba-a550-a6dc08aafb60.tmp</t>
  </si>
  <si>
    <t>3b476b09-7191-44d3-836d-8bed97803c1e.tmp</t>
  </si>
  <si>
    <t>\\acsfs\profiles$\alessandraan\Downloads\3b476b09-7191-44d3-836d-8bed97803c1e.tmp</t>
  </si>
  <si>
    <t>C:\Users\marcoab\Desktop\</t>
  </si>
  <si>
    <t>188270_v3 - PAN FINAL - 09_12_2019.xlsb</t>
  </si>
  <si>
    <t>C:\Users\marcoab\Desktop\188270_v3 - PAN FINAL - 09_12_2019.xlsb\</t>
  </si>
  <si>
    <t>Banco de Horas - Cronograma Compensação_2019 Equipe Paulo Cruz foto 24_11_2019.xlsx</t>
  </si>
  <si>
    <t>E:\INVESTIMENTOS\AÇÕES\</t>
  </si>
  <si>
    <t>INVESTIMENTOS.xlsx</t>
  </si>
  <si>
    <t>E:\INVESTIMENTOS\AÇÕES\INVESTIMENTOS.xlsx</t>
  </si>
  <si>
    <t>Pend Analise CGs.xlsx</t>
  </si>
  <si>
    <t>wasleylc@algartech.com;</t>
  </si>
  <si>
    <t>PA IMPRODUTIVA</t>
  </si>
  <si>
    <t>PA-QUEBRADO_INTERVALO-NOVEMBRO.xlsx</t>
  </si>
  <si>
    <t>wasleylc@algartech.com</t>
  </si>
  <si>
    <t>InfoCEI - SETEMBRO.xls</t>
  </si>
  <si>
    <t>E:\INVESTIMENTOS\AÇÕES\InfoCEI - SETEMBRO.xls</t>
  </si>
  <si>
    <t>InfoCEI - OUTUBRO.xls</t>
  </si>
  <si>
    <t>E:\INVESTIMENTOS\AÇÕES\InfoCEI - OUTUBRO.xls</t>
  </si>
  <si>
    <t>InfoCEI - NOVEMBRO.xls</t>
  </si>
  <si>
    <t>E:\INVESTIMENTOS\AÇÕES\InfoCEI - NOVEMBRO.xls</t>
  </si>
  <si>
    <t>\\acsfs\DEPTOS\Controladoria\32.Tesouraria\1 - Fluxo de Caixa\Caixa 2019\1 - Fluxo de Caixa\9 - Fluxo Contábil\11 - Novembro\</t>
  </si>
  <si>
    <t>Modelo - SAldos BAncos e CAixas Latam (1).xlsx</t>
  </si>
  <si>
    <t>mail.google.com/mail/u/0/?hl=pt-BR#inbox?compose=DmwnWsLLjWmBMhtTVvPRWZKVNsJcVnmJNNBlKKhXmQgbHsSzhktTDlkbgmGkCRjrlHVhrHcLKzZv</t>
  </si>
  <si>
    <t>Inventario Algar Tech 30-11.xlsx</t>
  </si>
  <si>
    <t>mail.google.com/upload/drive/resumable?authuser=0</t>
  </si>
  <si>
    <t>https://udpmailboxap01/h/search?si=0&amp;so=0&amp;sc=39044&amp;sfi=2&amp;st=message&amp;action=compose</t>
  </si>
  <si>
    <t>gustavodsil@algartech.com;</t>
  </si>
  <si>
    <t>https://gustavodsil@algartech.com</t>
  </si>
  <si>
    <t>\\acsfs\profiles$\dhiulliananads\My Documents\lu3644gc5l.tmp\</t>
  </si>
  <si>
    <t>\\acsfs\profiles$\dhiulliananads\My Documents\lu3644gc5l.tmp</t>
  </si>
  <si>
    <t>\\acsfs\profiles$\dhiulliananads\My Documents\lu3644gc5q.tmp\</t>
  </si>
  <si>
    <t>\\acsfs\profiles$\dhiulliananads\My Documents\lu3644gc5q.tmp</t>
  </si>
  <si>
    <t>mail.google.com/_/upload?authuser=0&amp;dcp=asu-n&amp;upload_id=AEnB2UpXNEJ93ggB4iP7JGcOXEKLUwZ7KPkxNZYecCL0L7Q6Gc74r3WvDv2d28ZFCwPJf9z8LfKGh69_j_6J2hoPuCZ0MPOvGg&amp;upload_protocol=resumable</t>
  </si>
  <si>
    <t>carlosasr@algartech.com;felipemdan@algartech.com;matheusof@algartech.com;valmiriandfadsf@algartech.com;</t>
  </si>
  <si>
    <t>C:\Users\luanasdsa\Downloads\Penetration IBI P2.eml\</t>
  </si>
  <si>
    <t>carlosasr@algartech.com,felipemdan@algartech.com,matheusof@algartech.com,valmiriandfadsf@algartech.com</t>
  </si>
  <si>
    <t>10.200.67.162</t>
  </si>
  <si>
    <t>78-2B-CB-C1-06-18</t>
  </si>
  <si>
    <t>VOTORANT-FB018</t>
  </si>
  <si>
    <t>gisellyador</t>
  </si>
  <si>
    <t>\\acsfs\profiles$\gisellyador\Downloads\</t>
  </si>
  <si>
    <t>00e05780-d773-42e5-91df-9c46dc189a11.tmp</t>
  </si>
  <si>
    <t>\\acsfs\profiles$\gisellyador\Downloads\00e05780-d773-42e5-91df-9c46dc189a11.tmp</t>
  </si>
  <si>
    <t>bd5582ad-348f-46ce-9d8f-2fd93de385a6.tmp</t>
  </si>
  <si>
    <t>\\acsfs\profiles$\gisellyador\Downloads\bd5582ad-348f-46ce-9d8f-2fd93de385a6.tmp</t>
  </si>
  <si>
    <t>eab858f3-27a2-4a31-9cc4-beca2437254c.tmp</t>
  </si>
  <si>
    <t>\\acsfs\profiles$\gisellyador\Downloads\eab858f3-27a2-4a31-9cc4-beca2437254c.tmp</t>
  </si>
  <si>
    <t>DIVIDENDOS.xlsx</t>
  </si>
  <si>
    <t>E:\INVESTIMENTOS\AÇÕES\DIVIDENDOS.xlsx</t>
  </si>
  <si>
    <t>72258a1c-d774-4cd6-bd7e-4d55e8e1aebc.tmp</t>
  </si>
  <si>
    <t>\\acsfs\profiles$\geovannasm\Downloads\72258a1c-d774-4cd6-bd7e-4d55e8e1aebc.tmp</t>
  </si>
  <si>
    <t>\\acsfs\profiles$\dhiulliananads\My Documents\lu3644gc5v.tmp\</t>
  </si>
  <si>
    <t>\\acsfs\profiles$\dhiulliananads\My Documents\lu3644gc5v.tmp</t>
  </si>
  <si>
    <t>mail.google.com/_/upload?authuser=0&amp;dcp=asu-n&amp;upload_id=AEnB2UrovQjATeQhSPuEQbc_jwlirUD2APko_yT9s7nx_GQ_FjTW9S9yGGOeHkHbvjXXYN4JBvotdOOf1EY0mWpeHMY1BRug6A&amp;upload_protocol=resumable</t>
  </si>
  <si>
    <t>C:\temp\escala\</t>
  </si>
  <si>
    <t>Escala espelho - nova.xlsx</t>
  </si>
  <si>
    <t>4aabcb64-ab57-4a4f-8809-ad56c19c8bff.tmp</t>
  </si>
  <si>
    <t>\\acsfs\profiles$\gisellyador\Downloads\4aabcb64-ab57-4a4f-8809-ad56c19c8bff.tmp</t>
  </si>
  <si>
    <t>'premiumsupervisores@algartech.com.br';'raquelcl@algartech.com';alessandracm@algartech.com;alinemds@algartech.com;anapscl@algartech.com;andressacpd@algartech.com;b2ksupervisoresrafaela@algartech.com;carolinaasil@algartech.com;contestacao_supervisores@algartech.com.br;dayarag@algartech.com;elencassiapo@algartech.com;fabianapm@algartech.com;fabiolacc@algartecnologia.com.br;fernandaccn@algartech.com;fredericobs@algartecnologia.com.br;heloisaal@algartech.com;igorars@algartech.com;jussaragp@algartech.com;katiargf@algartech.com;kelencgt@algartech.com;luanaaoli@algartech.com;mariajcb@algartech.com;michelecdc@algartech.com;micheless@algartech.com;premiumatendimento@algartech.com;primeatendimento@algartech.com;priscilalb@algartech.com;rafaelaas@algartech.com;rafaeldsa@algartech.com;sabrinagc@algartech.com;supervisorespj@algartech.com.br;tassianecv@algartech.com;tatianamac@algartech.com;thaisalves.oliveira@temposervicos.com.br;</t>
  </si>
  <si>
    <t>Microanálise 20191209.xlsm</t>
  </si>
  <si>
    <t>'premiumsupervisores@algartech.com.br','raquelcl@algartech.com',alessandracm@algartech.com,alinemds@algartech.com,anapscl@algartech.com,andressacpd@algartech.com,b2ksupervisoresrafaela@algartech.com,carolinaasil@algartech.com,contestacao_supervisores@algartech.com.br,dayarag@algartech.com,elencassiapo@algartech.com,fabianapm@algartech.com,fabiolacc@algartecnologia.com.br,fernandaccn@algartech.com,fredericobs@algartecnologia.com.br,heloisaal@algartech.com,igorars@algartech.com,jussaragp@algartech.com,katiargf@algartech.com,kelencgt@algartech.com,luanaaoli@algartech.com,mariajcb@algartech.com,michelecdc@algartech.com,micheless@algartech.com,premiumatendimento@algartech.com,primeatendimento@algartech.com,priscilalb@algartech.com,rafaelaas@algartech.com,rafaeldsa@algartech.com,sabrinagc@algartech.com,supervisorespj@algartech.com.br,tassianecv@algartech.com,tatianamac@algartech.com,thaisalves.oliveira@temposervicos.com.br</t>
  </si>
  <si>
    <t>\\acsfs\profiles$\dhiulliananads\My Documents\lu3644gc60.tmp\</t>
  </si>
  <si>
    <t>\\acsfs\profiles$\dhiulliananads\My Documents\lu3644gc60.tmp</t>
  </si>
  <si>
    <t>2383771a-0aca-43f6-91a1-5f2e9e3a217e.tmp</t>
  </si>
  <si>
    <t>\\acsfs\profiles$\deborahsi\Downloads\2383771a-0aca-43f6-91a1-5f2e9e3a217e.tmp</t>
  </si>
  <si>
    <t>MOVIMENTAÇÃO - 2019.xlsx</t>
  </si>
  <si>
    <t>E:\INVESTIMENTOS\AÇÕES\MOVIMENTAÇÃO - 2019.xlsx</t>
  </si>
  <si>
    <t>7f1885b7-1545-47e9-9804-ba0abcd32c6f.tmp</t>
  </si>
  <si>
    <t>\\acsfs\profiles$\wenderbnm\Downloads\7f1885b7-1545-47e9-9804-ba0abcd32c6f.tmp</t>
  </si>
  <si>
    <t>Marista Dimensionamento do Serviço GIAT_v6 - PILOTO COMAND CENTER LDC_v5 com WIT_Pacote15Ativos_NAOVIABILIZADO.xlsm</t>
  </si>
  <si>
    <t>199252 Marista Plan Precificacao C017 B017_v2_RECORRENTE_Pacote15Ativos_NAOVIABILIZADO.xlsb</t>
  </si>
  <si>
    <t>D:\OneDrive\AlgarTech\Pré-Vendas\Cliente\2019\Marista\199252 - NOC + WIT\1. Precificação\199252 Marista Plan Precificacao C017 B017_v2_RECORRENTE_Pacote15Ativos_NAOVIABILIZADO.xlsb\</t>
  </si>
  <si>
    <t>\\acsfs\profiles$\dhiulliananads\My Documents\lu3644gc65.tmp\</t>
  </si>
  <si>
    <t>\\acsfs\profiles$\dhiulliananads\My Documents\lu3644gc65.tmp</t>
  </si>
  <si>
    <t>Ajuste Painel Casos Especiais</t>
  </si>
  <si>
    <t>Dezembro_ Casos Especiais.xlsm</t>
  </si>
  <si>
    <t>10.200.66.132</t>
  </si>
  <si>
    <t>78-2B-CB-C1-07-10</t>
  </si>
  <si>
    <t>VOTORANT-FB041</t>
  </si>
  <si>
    <t>ENC: Painel BO Contas Novas AEB - Fechamento Novembro/19.</t>
  </si>
  <si>
    <t>Brazil RFP PORTUGUES - MAB Considerações.xlsx</t>
  </si>
  <si>
    <t>Árvore Categorização Whirlpool Ecohouse CAC_Corporativo_ 09_12_v2 (version final).xls</t>
  </si>
  <si>
    <t>Projeto LGPD - Levantamento Dados Estruturados.xls</t>
  </si>
  <si>
    <t>mail.google.com/_/upload?authuser=0&amp;dcp=asu-n&amp;upload_id=AEnB2UpOI8BjXh4kTGrkzG3o0jjIsd6_XN7j2rYv5nHyA6SDKA63_6quVbLwPljfW6s9kMRcWOG9nCL7YoVrDrPJMJo6hnl4Xg&amp;upload_protocol=resumable</t>
  </si>
  <si>
    <t>anapca@algartech.com;henriquerfr@algartech.com;igorpc@algartech.com;lucasm@algartecnologia.com.br;</t>
  </si>
  <si>
    <t>\\acsfs\DSTI\CIT- Coordenação de Inteligência de Tecnologia\17 - Gerenciamento da Configuração\02 - DO (EXECUTAR)\01 - CONTROLE DE LIC\00 - FORNECEDORES\01 - MICROSOFT\04 - OFFICE\SAM 2019\</t>
  </si>
  <si>
    <t>MAP_Office_10-12_BRA.xlsx</t>
  </si>
  <si>
    <t>anapca@algartech.com,henriquerfr@algartech.com,igorpc@algartech.com,lucasm@algartecnologia.com.br</t>
  </si>
  <si>
    <t>\\acsfs\profiles$\dhiulliananads\My Documents\lu3644gc6a.tmp\</t>
  </si>
  <si>
    <t>\\acsfs\profiles$\dhiulliananads\My Documents\lu3644gc6a.tmp</t>
  </si>
  <si>
    <t>C:\Users\rodrigombu\OneDrive - Grupo Algar\Whirlpool\2019\12 - Dezembro\Arquivos\NPS\5 Star\</t>
  </si>
  <si>
    <t>mail.google.com/_/upload?authuser=1&amp;dcp=asu-n&amp;upload_id=AEnB2UpJ7Yu6n5HJO7YOlDT2FdE4DNVmqPBPZTBC6bhCYg7nC3OxxwyCt2ky77mIAT12IqkslnYuxd6jrGuf7ywD5S16dAWab0O1x9czpH_kFJRxrNcVKiA&amp;upload_protocol=resumable</t>
  </si>
  <si>
    <t>\\acsfs\profiles$\dhiulliananads\My Documents\lu3644gc6j.tmp\</t>
  </si>
  <si>
    <t>\\acsfs\profiles$\dhiulliananads\My Documents\lu3644gc6j.tmp</t>
  </si>
  <si>
    <t>\\acsfs\profiles$\dhiulliananads\My Documents\lu3644gc6o.tmp\</t>
  </si>
  <si>
    <t>\\acsfs\profiles$\dhiulliananads\My Documents\lu3644gc6o.tmp</t>
  </si>
  <si>
    <t>mail.google.com/_/upload?authuser=0&amp;dcp=asu-n&amp;upload_id=AEnB2UqX2pi2i_J0Nb4cO1W310PmP8lurE-xnrVA6QLxQePDvkPTw4rXsJw01_i3I09y9VxCp1qRo4LS-ZmBhTxRf3eoSNoU-Q&amp;upload_protocol=resumable</t>
  </si>
  <si>
    <t>Cadastro PF 2019.xls</t>
  </si>
  <si>
    <t>\\acsfs\profiles$\dhiulliananads\My Documents\lu3644gc6t.tmp\</t>
  </si>
  <si>
    <t>\\acsfs\profiles$\dhiulliananads\My Documents\lu3644gc6t.tmp</t>
  </si>
  <si>
    <t>d2d9a1e0-17a4-47a8-8827-ea6cc58c8e29.tmp</t>
  </si>
  <si>
    <t>\\acsfs\profiles$\marcellewdl\Downloads\d2d9a1e0-17a4-47a8-8827-ea6cc58c8e29.tmp</t>
  </si>
  <si>
    <t>\\acsfs\Deptos\DME\CME - Coordenacao de Marketing e Estrategia\Gestão de Clientes\Projeto Customer Success\Clientes\NPS Dezembro 2019\</t>
  </si>
  <si>
    <t>Mailing NPS Associados_Algar Telecom.csv</t>
  </si>
  <si>
    <t>94218ed3-59d6-406c-a831-c339bc0ee907.tmp</t>
  </si>
  <si>
    <t>\\acsfs\profiles$\paulovadc\Downloads\94218ed3-59d6-406c-a831-c339bc0ee907.tmp</t>
  </si>
  <si>
    <t>\\acsfs\profiles$\dhiulliananads\My Documents\lu3644gc7c.tmp\</t>
  </si>
  <si>
    <t>\\acsfs\profiles$\dhiulliananads\My Documents\lu3644gc7c.tmp</t>
  </si>
  <si>
    <t>\\acsfs\profiles$\dhiulliananads\My Documents\lu3644gc7h.tmp\</t>
  </si>
  <si>
    <t>\\acsfs\profiles$\dhiulliananads\My Documents\lu3644gc7h.tmp</t>
  </si>
  <si>
    <t>eb3cb496-55dd-4c24-a423-80b7803771fa.tmp</t>
  </si>
  <si>
    <t>\\acsfs\profiles$\sarahbal\Downloads\eb3cb496-55dd-4c24-a423-80b7803771fa.tmp</t>
  </si>
  <si>
    <t>19ba872b-f9e3-4377-b972-de85de6ea2f7.tmp</t>
  </si>
  <si>
    <t>\\acsfs\profiles$\marcellewdl\Downloads\19ba872b-f9e3-4377-b972-de85de6ea2f7.tmp</t>
  </si>
  <si>
    <t>b4b68331-657a-4080-9a7c-6c03837ee4f0.tmp</t>
  </si>
  <si>
    <t>\\acsfs\profiles$\sarahbal\Downloads\b4b68331-657a-4080-9a7c-6c03837ee4f0.tmp</t>
  </si>
  <si>
    <t>b3ac76b1-5319-4d1d-b68d-d6e15c41a33c.tmp</t>
  </si>
  <si>
    <t>\\acsfs\profiles$\sarahbal\Downloads\b3ac76b1-5319-4d1d-b68d-d6e15c41a33c.tmp</t>
  </si>
  <si>
    <t>4ec1298d-9691-42c4-aa57-5144eba97125.tmp</t>
  </si>
  <si>
    <t>\\acsfs\profiles$\sarahbal\Downloads\4ec1298d-9691-42c4-aa57-5144eba97125.tmp</t>
  </si>
  <si>
    <t>\\Acsfs\dsti\GAT\CIT - Coordenacao Inteligencia de TI\RELATORIOS FPW\Controle\NFs\HE SETEMBRO\OFICIAL\</t>
  </si>
  <si>
    <t>BASE_HE_028_029_033_SETEMBRO_01A3009_ atual.xlsm</t>
  </si>
  <si>
    <t>\\Acsfs\dsti\GAT\CIT - Coordenacao Inteligencia de TI\RELATORIOS FPW\Controle\NFs\HE OUTUBRO\OFICIAL\</t>
  </si>
  <si>
    <t>BASE_HE_028_029_033_OUTUBRO_01A31.10.2019_OFICIAL_101219.xlsm</t>
  </si>
  <si>
    <t>19_12_10_Pipeline Comentado_Raul.xlsx</t>
  </si>
  <si>
    <t>anapscl@algartech.com;annalfg@algartech.com;celianasdn@algartech.com.br;elencassiapo@algartech.com;fabiolacc@algartecnologia.com.br;fredericobs@algartecnologia.com.br;micheless@algartech.com;priscilalb@algartech.com;rafaelaas@algartech.com;</t>
  </si>
  <si>
    <t>Painel de Auditoria - Ligações Transferidas Ilha de Especialistas</t>
  </si>
  <si>
    <t>anapscl@algartech.com,annalfg@algartech.com,celianasdn@algartech.com.br,elencassiapo@algartech.com,fabiolacc@algartecnologia.com.br,fredericobs@algartecnologia.com.br,micheless@algartech.com,priscilalb@algartech.com,rafaelaas@algartech.com</t>
  </si>
  <si>
    <t>mail.google.com/_/upload?authuser=0&amp;dcp=asu-n&amp;upload_id=AEnB2UpveDpSL4-ozEU7ywywivARlc1pzyncw29sUc6Z1wTKRHWoM5NAfCrjr-bSAWewl21dQWvDljgYeAN1KHnLe-HqKl70ug&amp;upload_protocol=resumable</t>
  </si>
  <si>
    <t>mail.google.com/_/upload?authuser=0&amp;dcp=asu-n&amp;upload_id=AEnB2UrjqJw8lnIB8NAhDeOTOI0wyVa3AaaZ_U0DUKEymue89hKztTiQpto-b0E2LI-DE_DZi_2_2iojDPEq7cHNpHnVkyV25Q&amp;upload_protocol=resumable</t>
  </si>
  <si>
    <t>Quartil Kenia.xls</t>
  </si>
  <si>
    <t>C:\Users\alessandroam\OneDrive\OneDrive - Grupo Algar\01 - Historico\02 - Seg Informação\06 - CIPHER\20190822_CIPHER_ALGARTECH_ApresentacaoEncerramento.pptx\</t>
  </si>
  <si>
    <t>Planilha_do_Microsoft_Excel.xlsx</t>
  </si>
  <si>
    <t>\\acsfs\profiles$\dhiulliananads\My Documents\lu3644gc7p.tmp\</t>
  </si>
  <si>
    <t>\\acsfs\profiles$\dhiulliananads\My Documents\lu3644gc7p.tmp</t>
  </si>
  <si>
    <t>\\acsfs\profiles$\dhiulliananads\My Documents\lu3644gc7u.tmp\</t>
  </si>
  <si>
    <t>\\acsfs\profiles$\dhiulliananads\My Documents\lu3644gc7u.tmp</t>
  </si>
  <si>
    <t>albertofn</t>
  </si>
  <si>
    <t>\\acsfs\profiles$\albertofn\Favorites\Links\</t>
  </si>
  <si>
    <t>Citrix Receiver.url</t>
  </si>
  <si>
    <t>\\acsfs\profiles$\albertofn\Favorites\Links\Citrix Receiver.url</t>
  </si>
  <si>
    <t>10.200.67.7</t>
  </si>
  <si>
    <t>a020d851-00cf-4333-83d8-ba6b9bd4d073.tmp</t>
  </si>
  <si>
    <t>\\acsfs\profiles$\alexandrapp\Downloads\a020d851-00cf-4333-83d8-ba6b9bd4d073.tmp</t>
  </si>
  <si>
    <t>10.200.66.36</t>
  </si>
  <si>
    <t>78-2B-CB-C1-05-A0</t>
  </si>
  <si>
    <t>VOTORANT-IB016</t>
  </si>
  <si>
    <t>10.200.67.29</t>
  </si>
  <si>
    <t>74-86-7A-FC-CF-37</t>
  </si>
  <si>
    <t>VOTORANT-IB005</t>
  </si>
  <si>
    <t>veronicalsr</t>
  </si>
  <si>
    <t>\\acsfs\profiles$\veronicalsr\My Documents\</t>
  </si>
  <si>
    <t>Colinha.txt</t>
  </si>
  <si>
    <t>\\acsfs\profiles$\veronicalsr\My Documents\Colinha.txt</t>
  </si>
  <si>
    <t>1cced8e0-69ca-498f-803f-5af34fce0aff.tmp</t>
  </si>
  <si>
    <t>\\acsfs\profiles$\bernardopcm\Downloads\1cced8e0-69ca-498f-803f-5af34fce0aff.tmp</t>
  </si>
  <si>
    <t>857ee2fc-adb3-4636-a70c-9ae830a25ca0.tmp</t>
  </si>
  <si>
    <t>\\acsfs\profiles$\gabrielamdp\Downloads\857ee2fc-adb3-4636-a70c-9ae830a25ca0.tmp</t>
  </si>
  <si>
    <t>ad477ff6-c4d1-4781-a412-13e894650390.tmp</t>
  </si>
  <si>
    <t>\\acsfs\profiles$\KARENJSS\Downloads\ad477ff6-c4d1-4781-a412-13e894650390.tmp</t>
  </si>
  <si>
    <t>45b303b5-b58f-4f4d-9f30-ead81a535999.tmp</t>
  </si>
  <si>
    <t>\\acsfs\profiles$\KARENJSS\Downloads\45b303b5-b58f-4f4d-9f30-ead81a535999.tmp</t>
  </si>
  <si>
    <t>victorgl</t>
  </si>
  <si>
    <t>\\acsfs\profiles$\victorgl\Downloads\</t>
  </si>
  <si>
    <t>27c5e057-5107-4aad-a271-c2fe724566bf.tmp</t>
  </si>
  <si>
    <t>\\acsfs\profiles$\victorgl\Downloads\27c5e057-5107-4aad-a271-c2fe724566bf.tmp</t>
  </si>
  <si>
    <t>94134daa-2a9f-42a7-929e-e293970e41f0.tmp</t>
  </si>
  <si>
    <t>\\acsfs\profiles$\gabrielamdp\Downloads\94134daa-2a9f-42a7-929e-e293970e41f0.tmp</t>
  </si>
  <si>
    <t>349de1c3-17dd-469a-9471-c039c15b7c98.tmp</t>
  </si>
  <si>
    <t>\\acsfs\profiles$\gabrielamdp\Downloads\349de1c3-17dd-469a-9471-c039c15b7c98.tmp</t>
  </si>
  <si>
    <t>12.TI TEC Faturamento Dezembro 19 Consolidado .xls</t>
  </si>
  <si>
    <t>bbb71b3a-eb1a-4946-b554-99840675eadd.tmp</t>
  </si>
  <si>
    <t>\\acsfs\profiles$\victorgl\Downloads\bbb71b3a-eb1a-4946-b554-99840675eadd.tmp</t>
  </si>
  <si>
    <t>67703dae-d43c-4265-96ec-7784d316a2dd.tmp</t>
  </si>
  <si>
    <t>\\acsfs\profiles$\victorgl\Downloads\67703dae-d43c-4265-96ec-7784d316a2dd.tmp</t>
  </si>
  <si>
    <t>e80a7acd-a60c-424c-9b4d-925d023566b4.tmp</t>
  </si>
  <si>
    <t>\\acsfs\profiles$\bernardopcm\Downloads\e80a7acd-a60c-424c-9b4d-925d023566b4.tmp</t>
  </si>
  <si>
    <t>mail.google.com/_/upload?authuser=1&amp;dcp=asu-n&amp;upload_id=AEnB2UqypZXsBfsNFa7HwVlHZNUrs7YBBRMbDjirECCOcsl1s9-4SK2ai86Nh0HXnRT9L0fv3l-tlU2bVI3_DRIg878rIX7HYQ&amp;upload_protocol=resumable</t>
  </si>
  <si>
    <t>06-12 SEXTA.txt</t>
  </si>
  <si>
    <t>\\acsfs\profiles$\gabrielamdp\My Documents\06-12 SEXTA.txt</t>
  </si>
  <si>
    <t>D:\Users\josemfs\OneDrive - Grupo Algar\2019\Projetos\PDSI\Entrega_Final\20190822_CIPHER_ALGARTECH_ApresentacaoEncerramento.pptx\</t>
  </si>
  <si>
    <t>Árvore Categorização Whirlpool Ecohouse SAC 09_12v2(version final).xls</t>
  </si>
  <si>
    <t>099.365.548-33 - MARIA GABRIELA SILVA GOMES - BVAT0034.pdf</t>
  </si>
  <si>
    <t>\\acsfs\DEPTOS\Operacao\Banco_Votorantim\Qualidade\Mariane\BACEN_RECLAMAÇÕES\LAUDOS FINALIZADOS\099.365.548-33 - MARIA GABRIELA SILVA GOMES - BVAT0034.pdf</t>
  </si>
  <si>
    <t>mail.google.com/sync/u/0/i/s?hl=pt-BR&amp;c=700</t>
  </si>
  <si>
    <t>mail.google.com/sync/u/0/i/s?hl=pt-BR&amp;c=703</t>
  </si>
  <si>
    <t>mail.google.com/sync/u/0/i/s?hl=pt-BR&amp;c=707</t>
  </si>
  <si>
    <t>mail.google.com/sync/u/0/i/s?hl=pt-BR&amp;c=709</t>
  </si>
  <si>
    <t>mail.google.com/sync/u/0/i/s?hl=pt-BR&amp;c=711</t>
  </si>
  <si>
    <t>cartinhas natal.xlsx</t>
  </si>
  <si>
    <t>32090a89-7f7f-4077-a110-27229780547f.tmp</t>
  </si>
  <si>
    <t>\\acsfs\profiles$\gabrielamdp\Downloads\32090a89-7f7f-4077-a110-27229780547f.tmp</t>
  </si>
  <si>
    <t>19_12_10_Pipeline Comentado_Argentina.xlsx</t>
  </si>
  <si>
    <t>10.201.30.80</t>
  </si>
  <si>
    <t>\\cppfs\cpdeptos\CPC\4 - Relatorios\BRADESCO EAVM\09 - Daily Next\Dailys\2019\12 - Dezembro\Daily Unificado Next - Dez_envio.zip\</t>
  </si>
  <si>
    <t>Daily Unificado Next - Dez_envio.xlsm</t>
  </si>
  <si>
    <t>\\acsfs\profiles$\marcellewdl\My Documents\</t>
  </si>
  <si>
    <t>vendas.txt</t>
  </si>
  <si>
    <t>\\acsfs\profiles$\marcellewdl\My Documents\vendas.txt</t>
  </si>
  <si>
    <t>74-86-7A-FB-1B-31</t>
  </si>
  <si>
    <t>VOTORANT-VB011</t>
  </si>
  <si>
    <t>layonmof</t>
  </si>
  <si>
    <t>\\acsfs\profiles$\layonmof\Downloads\</t>
  </si>
  <si>
    <t>bfb03f46-d53c-4d0c-ab3c-26bd1554a08a.tmp</t>
  </si>
  <si>
    <t>\\acsfs\profiles$\layonmof\Downloads\bfb03f46-d53c-4d0c-ab3c-26bd1554a08a.tmp</t>
  </si>
  <si>
    <t>mail.google.com/_/upload?authuser=1&amp;dcp=asu-n&amp;upload_id=AEnB2UorvpCemelIKlktl-gUWGzPxW9TtRHJJ5ddju30QFbPTmisSiKkuLdMUdMsbfudBQbXyPeQtHztq-lNDvY45Jai_immmw&amp;upload_protocol=resumable</t>
  </si>
  <si>
    <t>Árvore Categorização Whirlpool Ecohouse SAC 10_12 (version final).xls</t>
  </si>
  <si>
    <t>000b32d3-50db-4036-936f-f954041e885f.tmp</t>
  </si>
  <si>
    <t>\\acsfs\profiles$\geovannasm\Downloads\000b32d3-50db-4036-936f-f954041e885f.tmp</t>
  </si>
  <si>
    <t>\\ACSFS\Engeset\FINANCEIRO_ULA\CONTROLA\SG\00 - Aplicações\08- Contratos\</t>
  </si>
  <si>
    <t>Levantamento competência de faturamento_GAT.xlsx</t>
  </si>
  <si>
    <t>10.200.67.15</t>
  </si>
  <si>
    <t>64-1C-67-9D-1E-3A</t>
  </si>
  <si>
    <t>VOTORANT-FB010</t>
  </si>
  <si>
    <t>mail.google.com/sync/u/0/i/s?hl=pt-BR&amp;c=168</t>
  </si>
  <si>
    <t>mail.google.com/sync/u/0/i/s?hl=pt-BR&amp;c=171</t>
  </si>
  <si>
    <t>mail.google.com/_/upload?authuser=2&amp;dcp=asu-n&amp;upload_id=AEnB2UrCbx-dAFZ4yDHkPG62K1JxnaaLVKUogr_G5XEoks1bw5h-vig5nXeTH8c6tK9fwNpwZz1NuFXomOBM5Ji90rL3fGeicA&amp;upload_protocol=resumable</t>
  </si>
  <si>
    <t>C:\Users\fernandorsju\Documents\</t>
  </si>
  <si>
    <t>Base Não Venda - Dezembro.xlsx</t>
  </si>
  <si>
    <t>19_12_10_Pipeline Comentado_Colombia.xlsx</t>
  </si>
  <si>
    <t>aa8a141d-a04b-42ef-9d71-fec4dc127080.tmp</t>
  </si>
  <si>
    <t>\\acsfs\profiles$\bernardopcm\Downloads\aa8a141d-a04b-42ef-9d71-fec4dc127080.tmp</t>
  </si>
  <si>
    <t>mail.google.com/_/upload?authuser=1&amp;dcp=asu-n&amp;upload_id=AEnB2UoInsjrSdfayCmWR4P7-QkBPk9hx4-C5GQ5aJy6cdAbqm-Qe9RtDzW--LkS3ADgOWsOPWtddt0mf9CKNue_J1qKsNMcZQ&amp;upload_protocol=resumable</t>
  </si>
  <si>
    <t>d205e712-3f2e-4707-a7f3-6cf433d6cf64.tmp</t>
  </si>
  <si>
    <t>\\acsfs\profiles$\sarahbal\Downloads\d205e712-3f2e-4707-a7f3-6cf433d6cf64.tmp</t>
  </si>
  <si>
    <t>mail.google.com/_/upload?authuser=0&amp;dcp=asu-n&amp;upload_id=AEnB2Uqe5bCO8zZ9LntZbtyirUvvL-DDxB3XNBBjcLmKcekap6LJwOPfZRgQVpwQjixPX8f30h4rwMEBpaFpifEPUMhre3w8Qg&amp;upload_protocol=resumable</t>
  </si>
  <si>
    <t>12 - SPEAK DEZ.19.xlsx</t>
  </si>
  <si>
    <t>data (24).xlsx</t>
  </si>
  <si>
    <t>C:\Users\diegorg\Desktop\Vilarinho\Expansão Caixa (SET OU NOV) - Aspect.pptx\</t>
  </si>
  <si>
    <t>341_CN Explicações Saldos Bancarios Grupo Tech Financeiro x Contábil Nov 19.xlsx</t>
  </si>
  <si>
    <t>daniel@algartech.com;danieldom@algartech.com;juridicocontratosdeclientesalgartech@algartech.com;karendfs@algartech.com;lucianomf@algartech.com;luizcso@algartech.com;suelenmm@algartech.com;</t>
  </si>
  <si>
    <t>C:\Comercial\2019\RFP - LOTE FIS\Ultimo Last Call - ESCOPO B\Custos de desmobilização\Algar Tech - Conselho Dezembro - Bradesco v2.pptx\</t>
  </si>
  <si>
    <t>daniel@algartech.com,danieldom@algartech.com,juridicocontratosdeclientesalgartech@algartech.com,karendfs@algartech.com,lucianomf@algartech.com,luizcso@algartech.com,suelenmm@algartech.com</t>
  </si>
  <si>
    <t>10.200.66.18</t>
  </si>
  <si>
    <t>74-86-7A-FB-18-D0</t>
  </si>
  <si>
    <t>VOTORANT-GB013</t>
  </si>
  <si>
    <t>cristianodab</t>
  </si>
  <si>
    <t>\\acsfs\profiles$\cristianodab\Desktop\</t>
  </si>
  <si>
    <t>BLOCO DE NOTAS.txt</t>
  </si>
  <si>
    <t>\\acsfs\profiles$\cristianodab\Desktop\BLOCO DE NOTAS.txt</t>
  </si>
  <si>
    <t>pedrohsx</t>
  </si>
  <si>
    <t>https://outlook.office365.com/mapi/emsmdb/?mailboxid=b90d7cca-9028-489e-a3e4-db9a15970578@algartech.com</t>
  </si>
  <si>
    <t>c34f5e86-e5cf-4b9e-b0b7-e316575d7311.tmp</t>
  </si>
  <si>
    <t>\\acsfs\profiles$\laurandos\Downloads\c34f5e86-e5cf-4b9e-b0b7-e316575d7311.tmp</t>
  </si>
  <si>
    <t>mail.google.com/_/upload?authuser=1&amp;dcp=asu-n&amp;upload_id=AEnB2UoETVqFcHCLi5virrtfgIqt_hYmEqlJG0Rd65q7SQ7MiL9ZfQTN6zyxLMb0pUDkkz4h-dFJVY_bpcEyHprMa9kUc-0_5A&amp;upload_protocol=resumable</t>
  </si>
  <si>
    <t>mail.google.com/_/upload?authuser=0&amp;dcp=asu-n&amp;upload_id=AEnB2UqFOoE4L1Q6CE5p-yNPzR07lhfR639tJG0oqjRvH3rGF3rhwv5XeyKFXmFVPRi_emgnTLRwvC6ZG8vZn4h01j84Py0Wfg&amp;upload_protocol=resumable</t>
  </si>
  <si>
    <t>felipemda@algartech.com;iaraadss@algartech.com;leandrom@algartech.com;lucasm@algartech.com;thiago.batista@cscalgar.com.br;</t>
  </si>
  <si>
    <t>Associados_Bradesco_Não_Migrados_GSuite.xlsx</t>
  </si>
  <si>
    <t>felipemda@algartech.com,iaraadss@algartech.com,leandrom@algartech.com,lucasm@algartech.com,thiago.batista@cscalgar.com.br</t>
  </si>
  <si>
    <t>df00a526-3687-4bd1-b3bf-b0dbcce63409.tmp</t>
  </si>
  <si>
    <t>\\acsfs\profiles$\gabrielamdp\Downloads\df00a526-3687-4bd1-b3bf-b0dbcce63409.tmp</t>
  </si>
  <si>
    <t>39c501a9-d759-43eb-a717-bf94d33cf2e6.tmp</t>
  </si>
  <si>
    <t>\\acsfs\profiles$\alexandrapp\Downloads\39c501a9-d759-43eb-a717-bf94d33cf2e6.tmp</t>
  </si>
  <si>
    <t>mail.google.com/_/upload?authuser=0&amp;dcp=asu-n&amp;upload_id=AEnB2UqBZzNRMd_Mq1w0TjgiJUPToYY61kvSizWQ1dzMNjyfarAFov2uHK8T3HAVYh0F-ZvqVvHGSFA7qeeiDO0HQ88_Q92YBA&amp;upload_protocol=resumable</t>
  </si>
  <si>
    <t>\\acsfs\deptos\PMO Governança\01 - COMITÊ DE NEGÓCIOS\APROVAÇÕES\PENDENTE\1. Deliberações Dez19\</t>
  </si>
  <si>
    <t>Classificacao_de_Ativos_-_Aquisicao_de_UPS_191210.xlsx</t>
  </si>
  <si>
    <t>/o=exchangelabs/ou=exchange administrative group (fydibohf23spdlt)/cn=recipients/cn=68e6aa2e3fef4ccaba997d98294c9ed5-cristina he;/o=exchangelabs/ou=exchange administrative group (fydibohf23spdlt)/cn=recipients/cn=b284454839e94314a90d49e7ec00864f-antonio car;</t>
  </si>
  <si>
    <t>ENC: Estudo do aumento de volume - Troca de Device</t>
  </si>
  <si>
    <t>/o=exchangelabs/ou=exchange administrative group (fydibohf23spdlt)/cn=recipients/cn=68e6aa2e3fef4ccaba997d98294c9ed5-cristina he,/o=exchangelabs/ou=exchange administrative group (fydibohf23spdlt)/cn=recipients/cn=b284454839e94314a90d49e7ec00864f-antonio car</t>
  </si>
  <si>
    <t>\\Acsfs\dsti\GAT\CIT - Coordenacao Inteligencia de TI\RELATORIOS FPW\Controle\OCORRENCIAS\OCORRÊNCIAS_NOVEMBRO2019\OCORRENCIAS 01 A 3011_EMISSAO 1012_MANHA\</t>
  </si>
  <si>
    <t>OCORRÊNCIAS 01 A 3011_028_029_033 EMISSÃO 1012.xlsm</t>
  </si>
  <si>
    <t>10.200.66.138</t>
  </si>
  <si>
    <t>74-86-7A-FB-1B-8E</t>
  </si>
  <si>
    <t>VOTORANT-YB009</t>
  </si>
  <si>
    <t>regisadsa</t>
  </si>
  <si>
    <t>\\acsfs\profiles$\regisadsa\Downloads\</t>
  </si>
  <si>
    <t>34f9fe83-3085-4461-99aa-0a2b0de6786a.tmp</t>
  </si>
  <si>
    <t>\\acsfs\profiles$\regisadsa\Downloads\34f9fe83-3085-4461-99aa-0a2b0de6786a.tmp</t>
  </si>
  <si>
    <t>9e95e9ec-443c-4d55-8144-09862ee797b9.tmp</t>
  </si>
  <si>
    <t>\\acsfs\profiles$\regisadsa\Downloads\9e95e9ec-443c-4d55-8144-09862ee797b9.tmp</t>
  </si>
  <si>
    <t>0ee049b6-df87-45a5-8483-2e63111d0b06.tmp</t>
  </si>
  <si>
    <t>\\acsfs\profiles$\regisadsa\Downloads\0ee049b6-df87-45a5-8483-2e63111d0b06.tmp</t>
  </si>
  <si>
    <t>mail.google.com/_/upload?authuser=1&amp;dcp=asu-n&amp;upload_id=AEnB2UrCULHsonYRMf4ZMWgnlhCRgjrD9QLalcRajo3P8d7AM2yeDYYNrPhBFdGNO8ah2u2_VY8CA6QeFz7pQy7RRurvPpzZzg&amp;upload_protocol=resumable</t>
  </si>
  <si>
    <t>C:\Users\miriantof\Downloads\Plano Tático - MKT v4.pptx\</t>
  </si>
  <si>
    <t>Qualidade - Out 2019.xlsx</t>
  </si>
  <si>
    <t>mail.google.com/_/upload?authuser=1&amp;dcp=asu-n&amp;upload_id=AEnB2UpLOFqwM2bPbiOaaW59pUxKsDr9Pf87Wu59Qf_7hj83bKZyGFgtEhSre_1zRK1EsAvS_j7HRXd3OGc4FzOTxADmguBJlw&amp;upload_protocol=resumable</t>
  </si>
  <si>
    <t>C:\A2\PAULAO\TIM\CONTRATOTIM\NOVAS ROTAS\</t>
  </si>
  <si>
    <t>mail.google.com/_/upload?authuser=0&amp;dcp=asu-n&amp;upload_id=AEnB2UpjNUFWpzKkGpr9g_5D0nKAijXklvQFuCEhVTwrwnX_jsfv1zXc1Nod8jmwWFXgqWC3z0wPEPr5tpiCUYXvM7DXaDQ1yA&amp;upload_protocol=resumable</t>
  </si>
  <si>
    <t>D8-9C-67-01-52-EB</t>
  </si>
  <si>
    <t>NB-JOSERAS</t>
  </si>
  <si>
    <t>C:\Users\gustavoas\Documents\Algar Tech Local\Confraternização 2019\</t>
  </si>
  <si>
    <t>Controle_Confraternização_GAT_2019.xlsx</t>
  </si>
  <si>
    <t>/o=exchangelabs/ou=exchange administrative group (fydibohf23spdlt)/cn=recipients/cn=59ffa571e3c842b881b4d7e4bf4982dc-marcelo de;</t>
  </si>
  <si>
    <t>Modelo Pendencias.xlsx</t>
  </si>
  <si>
    <t>/o=exchangelabs/ou=exchange administrative group (fydibohf23spdlt)/cn=recipients/cn=59ffa571e3c842b881b4d7e4bf4982dc-marcelo de</t>
  </si>
  <si>
    <t>Stakeholdres-Projeto-Novo-ITSM.xlsx</t>
  </si>
  <si>
    <t>003bffee-b15c-4916-af98-d264460bc8d1.tmp</t>
  </si>
  <si>
    <t>\\acsfs\profiles$\KARENJSS\Downloads\003bffee-b15c-4916-af98-d264460bc8d1.tmp</t>
  </si>
  <si>
    <t>10.200.67.138</t>
  </si>
  <si>
    <t>mail.google.com/_/upload?authuser=0&amp;dcp=asu-n&amp;upload_id=AEnB2Uplu6gknsjAGGL1x0FJNVbDhsadBIzGZ8n4mYic_IX5TAWoBE5o4XayyycRYrz6tOUbX8mu4F--Vovx-aL2UBpe1SslbiEh-2_DrfZiy-Uue2MLZzM&amp;upload_protocol=resumable</t>
  </si>
  <si>
    <t>gabrielsma@algartech.com;supervisaobancovotorantim@algartech.com;</t>
  </si>
  <si>
    <t>Incentivo BV _ CHAT _ Nov.19.xlsx</t>
  </si>
  <si>
    <t>gabrielsma@algartech.com,supervisaobancovotorantim@algartech.com</t>
  </si>
  <si>
    <t>mail.google.com/_/upload?authuser=1&amp;dcp=asu-n&amp;upload_id=AEnB2UpqwjC3oWOFN1Nfk0ZmZA5kvLa7WkzNMQUHVI0-PLcHpl0WD9lGV2amk93vUOZyHbCbQfTc9IEQEmYs2dhktfvUQZBL8qC8orfkzHE4V2ZcySI1qUA&amp;upload_protocol=resumable</t>
  </si>
  <si>
    <t>https://bancovotorantim.fluig.com/ecm/upload</t>
  </si>
  <si>
    <t>\\acsfs\engeset\CPV_ULA\ADMINISTRATIVO\CONTROLE ADMINISTRATIVO\CADASTROS\ALGAR TECNOLOGIA\2019\BANCO VOTORANTIM\</t>
  </si>
  <si>
    <t>BV - Avaliação de fornecedor SI v7_consolidado.xlsm</t>
  </si>
  <si>
    <t>NESPRESSO UDI</t>
  </si>
  <si>
    <t>10.200.65.73</t>
  </si>
  <si>
    <t>78-2B-CB-C1-06-7D</t>
  </si>
  <si>
    <t>NESPRESSO-AU05</t>
  </si>
  <si>
    <t>suannysdc</t>
  </si>
  <si>
    <t>181100882472564794086615906@livechat.contact.nespresso.com/livechat(1576004249018-155)</t>
  </si>
  <si>
    <t>https://vpnams.nespresso.com/en/request/attachement/create/layout/,danainfo=.abpbfsszhk2jyq536u9-7tx-9,ssl ajax</t>
  </si>
  <si>
    <t>137306115141442885335647683@livechat.contact.nespresso.com;30_br@conference.livechat.contact.nespresso.com;64350227176492016915648483@livechat.contact.nespresso.com;66555809805673222223832869@livechat.contact.nespresso.com;88829523369400585905654275@livechat.contact.nespresso.com;</t>
  </si>
  <si>
    <t>C:\DURAES2\</t>
  </si>
  <si>
    <t>35191260409075047035550050020167741467989623.pdf</t>
  </si>
  <si>
    <t>DLP_Nespresso</t>
  </si>
  <si>
    <t>All: Credit Card Number</t>
  </si>
  <si>
    <t>https://137306115141442885335647683@livechat.contact.nespresso.com,30_br@conference.livechat.contact.nespresso.com,64350227176492016915648483@livechat.contact.nespresso.com,66555809805673222223832869@livechat.contact.nespresso.com,88829523369400585905654275@livechat.contact.nespresso.com</t>
  </si>
  <si>
    <t>mail.google.com/sync/u/0/i/s?hl=pt-BR&amp;c=759</t>
  </si>
  <si>
    <t>bvs-centralcartoes@bv.com.br;cintia.souza-domingues@dxc.com;eduardo.santana@bv.com.br;fernandorsju@algartech.com;marianeps@algartech.com;talmaiardo@algartech.com;thiagordu@algartech.com;</t>
  </si>
  <si>
    <t>subject content</t>
  </si>
  <si>
    <t>bvs-centralcartoes@bv.com.br,cintia.souza-domingues@dxc.com,eduardo.santana@bv.com.br,fernandorsju@algartech.com,marianeps@algartech.com,talmaiardo@algartech.com,thiagordu@algartech.com</t>
  </si>
  <si>
    <t>10.200.66.26</t>
  </si>
  <si>
    <t>74-86-7A-FB-17-53</t>
  </si>
  <si>
    <t>VOTORANTS-JB031</t>
  </si>
  <si>
    <t>claudiac.machado@bradesco.com.br;</t>
  </si>
  <si>
    <t>Contatos Algar.xlsx</t>
  </si>
  <si>
    <t>claudiac.machado@bradesco.com.br</t>
  </si>
  <si>
    <t>CPF 03159456056 Luiza Santos.pdf</t>
  </si>
  <si>
    <t>\\acsfs\Deptos\Operacao\Banco_Votorantim\Qualidade\Fernanda\RECLAMAÇÃO E OUVIDORIA\CPF 03159456056 Luiza Santos.pdf</t>
  </si>
  <si>
    <t>alessandroam@algartech.com;renatobrl@algartech.com;reynaldopm@algartech.com;</t>
  </si>
  <si>
    <t>alessandroam@algartech.com,renatobrl@algartech.com,reynaldopm@algartech.com</t>
  </si>
  <si>
    <t>\\cppfs\cpdeptos\CPC\3 - Acompanhamento\CORRENTISTA\Comisão\</t>
  </si>
  <si>
    <t>Comissão Fechamento Nov_2019_base.xlsx</t>
  </si>
  <si>
    <t>\\cppfs\cpdeptos\CPC\3 - Acompanhamento\CORRENTISTA\Comisão\Comissão Fechamento Nov_2019_base.zip\</t>
  </si>
  <si>
    <t>ComissÆo Fechamento Nov_2019_base.xlsx</t>
  </si>
  <si>
    <t>C:\Users\lucianabo\AppData\Local\Temp\BP.msg\s135\</t>
  </si>
  <si>
    <t>C:\Users\lucianabo\AppData\Local\Temp\BP.msg\s135\Preco sem Multas - Capex FTE Implantacao_ajustadoOPEX_desafio.xlsb\</t>
  </si>
  <si>
    <t>62b32c89-ca09-4752-8fed-1245d009e6bb.tmp</t>
  </si>
  <si>
    <t>\\acsfs\profiles$\henriqueco\Downloads\62b32c89-ca09-4752-8fed-1245d009e6bb.tmp</t>
  </si>
  <si>
    <t>Análise Curva e Curva Operador - DIMENS_SERV N1 SPEAKING_DEZ (RFP) - Até 09-12-19.xlsm</t>
  </si>
  <si>
    <t>6b199117-9a4d-442c-b525-1205e85c3c39.tmp</t>
  </si>
  <si>
    <t>\\acsfs\profiles$\sarahbal\Downloads\6b199117-9a4d-442c-b525-1205e85c3c39.tmp</t>
  </si>
  <si>
    <t>mail.google.com/_/upload?authuser=1&amp;dcp=asu-n&amp;upload_id=AEnB2UqdYSiWFOCNUSk6K8kSWd-gv7IKSLQuPJ5eLMW7Yyb42XhRrLo-tbo-oN1SXSDX1cZVj2JKauYUqpxRdPgy8vUOioIfnA&amp;upload_protocol=resumable</t>
  </si>
  <si>
    <t>CPF 031.594.560-56 Luiza Santos .pdf</t>
  </si>
  <si>
    <t>\\acsfs\Deptos\Operacao\Banco_Votorantim\Qualidade\Fernanda\RECLAMAÇÃO E OUVIDORIA\CPF 031.594.560-56 Luiza Santos .pdf</t>
  </si>
  <si>
    <t>mail.google.com/sync/u/0/i/s?hl=pt-BR&amp;c=768</t>
  </si>
  <si>
    <t>raicdf</t>
  </si>
  <si>
    <t>raicdf@algartech.com</t>
  </si>
  <si>
    <t>mail.google.com/sync/u/0/i/s?hl=pt-BR&amp;c=45</t>
  </si>
  <si>
    <t>mail.google.com/sync/u/0/i/s?hl=pt-BR&amp;c=47</t>
  </si>
  <si>
    <t>mail.google.com/sync/u/0/i/s?hl=pt-BR&amp;c=49</t>
  </si>
  <si>
    <t>mail.google.com/sync/u/0/i/s?hl=pt-BR&amp;c=52</t>
  </si>
  <si>
    <t>mail.google.com/sync/u/0/i/s?hl=pt-BR&amp;c=54</t>
  </si>
  <si>
    <t>mail.google.com/sync/u/0/i/s?hl=pt-BR&amp;c=57</t>
  </si>
  <si>
    <t>mail.google.com/sync/u/0/i/s?hl=pt-BR&amp;c=59</t>
  </si>
  <si>
    <t>mail.google.com/sync/u/0/i/s?hl=pt-BR&amp;c=62</t>
  </si>
  <si>
    <t>mail.google.com/sync/u/0/i/s?hl=pt-BR&amp;c=64</t>
  </si>
  <si>
    <t>mail.google.com/_/upload?authuser=2&amp;dcp=asu-n&amp;upload_id=AEnB2UqOUrrcfjE9J2GmBnr1u4DKm96HwHwFDxWQSz1rluRBW3gDIFK_Ow13bh4Cgegp4MCkjMz3Z_pX5uZiYVGMWQrlW3H05ca0jATBJqmXFlK9aMpO46s&amp;upload_protocol=resumable</t>
  </si>
  <si>
    <t>b10d2c5a-eda4-4601-97dc-a4941be55c68.tmp</t>
  </si>
  <si>
    <t>\\acsfs\profiles$\alexandrapp\Downloads\b10d2c5a-eda4-4601-97dc-a4941be55c68.tmp</t>
  </si>
  <si>
    <t>/o=exchangelabs/ou=exchange administrative group (fydibohf23spdlt)/cn=recipients/cn=5fc1879e1f014f199391214849626ab4-ana paula c;/o=exchangelabs/ou=exchange administrative group (fydibohf23spdlt)/cn=recipients/cn=6123ad995eff4f77aafea5ab16f18aa3-renata beze;/o=exchangelabs/ou=exchange administrative group (fydibohf23spdlt)/cn=recipients/cn=edc736cbd2a041a6acd73cfd7a4435bd-leticia sou;/o=exchangelabs/ou=exchange administrative group (fydibohf23spdlt)/cn=recipients/cn=edson santos de oliveira;wasleylc@algartech.com;</t>
  </si>
  <si>
    <t>Férias - 2020</t>
  </si>
  <si>
    <t>Controle de Férias Fina1.xls</t>
  </si>
  <si>
    <t>/o=exchangelabs/ou=exchange administrative group (fydibohf23spdlt)/cn=recipients/cn=5fc1879e1f014f199391214849626ab4-ana paula c,/o=exchangelabs/ou=exchange administrative group (fydibohf23spdlt)/cn=recipients/cn=6123ad995eff4f77aafea5ab16f18aa3-renata beze,/o=exchangelabs/ou=exchange administrative group (fydibohf23spdlt)/cn=recipients/cn=edc736cbd2a041a6acd73cfd7a4435bd-leticia sou,/o=exchangelabs/ou=exchange administrative group (fydibohf23spdlt)/cn=recipients/cn=edson santos de oliveira,wasleylc@algartech.com</t>
  </si>
  <si>
    <t>C:\Comercial\2019\Apresentação\APRESENTAÇÃO MELHADO\Apresentação Bradesco.pptx\</t>
  </si>
  <si>
    <t>mail.google.com/_/upload?authuser=0&amp;dcp=asu-n&amp;upload_id=AEnB2UoB_EKMZh56MRmc1gDagFwebVCzuzn_k79UOMlclc-o10Qwddcrx2rt6jfodYDjDpLaIYn95OONGAeaiPbDvz_M9UP6JXPBuAmQ1rj8yxPA9FU9H4c&amp;upload_protocol=resumable</t>
  </si>
  <si>
    <t>amandacdr@algartech.com;priscilaflo@algartech.com;wesleydal@algartech.com;</t>
  </si>
  <si>
    <t>amandacdr@algartech.com,priscilaflo@algartech.com,wesleydal@algartech.com</t>
  </si>
  <si>
    <t>\\acsfs\profiles$\danielta\Downloads\</t>
  </si>
  <si>
    <t>e0a1f4d8-b876-43da-b187-b0783a32a1be.tmp</t>
  </si>
  <si>
    <t>\\acsfs\profiles$\danielta\Downloads\e0a1f4d8-b876-43da-b187-b0783a32a1be.tmp</t>
  </si>
  <si>
    <t>10-12.xlsx</t>
  </si>
  <si>
    <t>f785e20a-3754-4f43-8b14-424cbdb93b25.tmp</t>
  </si>
  <si>
    <t>\\acsfs\profiles$\JOAOVAL\Downloads\f785e20a-3754-4f43-8b14-424cbdb93b25.tmp</t>
  </si>
  <si>
    <t>mail.google.com/sync/u/0/i/s?hl=pt-BR&amp;c=819</t>
  </si>
  <si>
    <t>CPF 03159456056Luiza Santos .pdf</t>
  </si>
  <si>
    <t>\\acsfs\Deptos\Operacao\Banco_Votorantim\Qualidade\Fernanda\RECLAMAÇÃO E OUVIDORIA\CPF 03159456056Luiza Santos .pdf</t>
  </si>
  <si>
    <t>10-12 TERÇA.txt</t>
  </si>
  <si>
    <t>\\acsfs\profiles$\gabrielamdp\My Documents\10-12 TERÇA.txt</t>
  </si>
  <si>
    <t>mail.google.com/sync/u/0/i/s?hl=pt-BR&amp;c=21</t>
  </si>
  <si>
    <t>mail.google.com/sync/u/0/i/s?hl=pt-BR&amp;c=28</t>
  </si>
  <si>
    <t>10.211.2.77</t>
  </si>
  <si>
    <t>https://outlook.office365.com/mapi/emsmdb/?mailboxid=c0ee8db0-fe79-4571-8f76-cc2840da1aaf@algartech.com</t>
  </si>
  <si>
    <t>Algar_any</t>
  </si>
  <si>
    <t>https://outlook.office365.com/mapi/emsmdb/?mailboxid=72ff94cc-38be-4102-b180-a6ad5c6232a9@algartech.com</t>
  </si>
  <si>
    <t>mail.google.com/_/upload?authuser=0&amp;dcp=asu-n&amp;upload_id=AEnB2Ur_k9X5UY_W9ZfC2DdKCFJ9T3vEpT3vXct5eINLlLzGVD0yftvmH9JBrWU9M8mr72DhMX65fXqrBK4bGx-CPjUxNSBh_KwK33TXCbS5md3eXxkKi0o&amp;upload_protocol=resumable</t>
  </si>
  <si>
    <t>C:\Windows\System32\config\</t>
  </si>
  <si>
    <t>DRIVERS{fd9a35cb-49fe-11e9-aa2c-248a07783950}.TM.blf</t>
  </si>
  <si>
    <t>mail.google.com/sync/u/0/i/s?hl=pt-BR&amp;c=30</t>
  </si>
  <si>
    <t>mail.google.com/_/upload?authuser=0&amp;dcp=asu-n&amp;upload_id=AEnB2UoIPabr1C-pH4b07cIFxRvpiTinMIRSXUwUimlqNcRBKFcu2Z8nCM0xAhSQPa5VHBiQoVXZ1db3MIAkIBHKQLwYCY-lCQ&amp;upload_protocol=resumable</t>
  </si>
  <si>
    <t>mail.google.com/sync/u/0/i/s?hl=pt-BR&amp;c=33</t>
  </si>
  <si>
    <t>mail.google.com/_/upload?authuser=1&amp;dcp=asu-n&amp;upload_id=AEnB2Up7bQayN--rtFowpmdT7O4ovvNZy6qWIeYasgffH43ZxljHnaFDU53PJUmn918MnLHLFvRFF1mV0e7Y088obGX8GmJpI768wWfiDf6rI75Eg1bJzIY&amp;upload_protocol=resumable</t>
  </si>
  <si>
    <t>Levantamento horas V2_Elaine.xlsx</t>
  </si>
  <si>
    <t>54852204-33ef-4e1c-be09-aed03645f714.tmp</t>
  </si>
  <si>
    <t>\\acsfs\profiles$\layonmof\Downloads\54852204-33ef-4e1c-be09-aed03645f714.tmp</t>
  </si>
  <si>
    <t>mail.google.com/sync/u/0/i/s?hl=pt-BR&amp;c=38</t>
  </si>
  <si>
    <t>D0-94-66-B5-5D-08</t>
  </si>
  <si>
    <t>VOTORANT-ABB013</t>
  </si>
  <si>
    <t>6a0f0aec-7cea-4c30-8b22-c752bb834587.tmp</t>
  </si>
  <si>
    <t>\\acsfs\profiles$\fabianafv\Downloads\6a0f0aec-7cea-4c30-8b22-c752bb834587.tmp</t>
  </si>
  <si>
    <t>mail.google.com/sync/u/0/i/s?hl=pt-BR&amp;c=41</t>
  </si>
  <si>
    <t>mail.google.com/sync/u/0/i/s?hl=pt-BR&amp;c=44</t>
  </si>
  <si>
    <t>177c38dd-4abf-4ab6-a922-faa700f1cd3a.tmp</t>
  </si>
  <si>
    <t>\\acsfs\profiles$\laurandos\Downloads\177c38dd-4abf-4ab6-a922-faa700f1cd3a.tmp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</t>
  </si>
  <si>
    <t>6385;</t>
  </si>
  <si>
    <t>\\acsfs\deptos\Operacao\Unica\1. Gestão da Área\1.5 Supervisão\VDE\</t>
  </si>
  <si>
    <t>VDE - UDI - UNICA - ATENDIMENTO - Novembro 2019 v2.xlsx</t>
  </si>
  <si>
    <t>http://6385</t>
  </si>
  <si>
    <t>Ativo Fabiana ...txt</t>
  </si>
  <si>
    <t>\\acsfs\profiles$\fabianafv\Downloads\Ativo Fabiana ...txt</t>
  </si>
  <si>
    <t>\\acsfs\profiles$\fabianafv\My Documents\</t>
  </si>
  <si>
    <t>Ativo Fabiana.txt</t>
  </si>
  <si>
    <t>\\acsfs\profiles$\fabianafv\My Documents\Ativo Fabiana.txt</t>
  </si>
  <si>
    <t>3734a724-aaec-4ff6-9583-c0411de464b0.tmp</t>
  </si>
  <si>
    <t>\\acsfs\profiles$\henriqueco\Downloads\3734a724-aaec-4ff6-9583-c0411de464b0.tmp</t>
  </si>
  <si>
    <t>10.200.68.140</t>
  </si>
  <si>
    <t>\\acsfs\DEPTOS\EDUCACAO EMPRESARIAL\4 - Gestão de Educação\4.4 Analistas\Camila Maia\Coisas de Analistas\Plano de Desenvolvimento\</t>
  </si>
  <si>
    <t>PD Televendas para agentes retenção Sóstenes.xlsx</t>
  </si>
  <si>
    <t>registro.txt</t>
  </si>
  <si>
    <t>\\acsfs\profiles$\alexandrapp\registro.txt</t>
  </si>
  <si>
    <t>https://hn.inspectlet.com/ginit/549012128</t>
  </si>
  <si>
    <t>RATEIOS AMANDA.xlsx</t>
  </si>
  <si>
    <t>uninstall.zip</t>
  </si>
  <si>
    <t>Algar_Compressed Files</t>
  </si>
  <si>
    <t>1bf49104-6b08-422c-ab6c-2a3a2cc548d6.tmp</t>
  </si>
  <si>
    <t>\\acsfs\profiles$\layonmof\Downloads\1bf49104-6b08-422c-ab6c-2a3a2cc548d6.tmp</t>
  </si>
  <si>
    <t>mail.google.com/_/upload?authuser=0&amp;dcp=asu-n&amp;upload_id=AEnB2Ur1MvSPr22G7f9tIEN8P8Xpp81J-IVh2rYyF8kLwe-w1efZqyyh7Co8VJBMi_rF_AGTr4laQDc0-7L8gV97CvV33HvGDA&amp;upload_protocol=resumable</t>
  </si>
  <si>
    <t>ACO - ROBSON ALVARES.ppt</t>
  </si>
  <si>
    <t>C:\Users\robsonams\Desktop\ACO - ROBSON ALVARES.ppt\s2\</t>
  </si>
  <si>
    <t>PowerPoint.MetroBlob.pptx</t>
  </si>
  <si>
    <t>Algar_Presentation</t>
  </si>
  <si>
    <t>PowerPoint.MetroBlob1.pptx</t>
  </si>
  <si>
    <t>PowerPoint.MetroBlob2.pptx</t>
  </si>
  <si>
    <t>PowerPoint.MetroBlob3.pptx</t>
  </si>
  <si>
    <t>Algar_Spreadsheets</t>
  </si>
  <si>
    <t>Planilha do Microsoft Excel 97-20031.xls</t>
  </si>
  <si>
    <t>Planilha do Microsoft Excel 97-20032.xls</t>
  </si>
  <si>
    <t>Planilha do Microsoft Excel 97-20033.xls</t>
  </si>
  <si>
    <t>Planilha do Microsoft Excel 97-20034.xls</t>
  </si>
  <si>
    <t>Planilha do Microsoft Excel 97-20035.xls</t>
  </si>
  <si>
    <t>robsonams@algartech.com</t>
  </si>
  <si>
    <t>mail.google.com/sync/u/0/i/s?hl=pt-BR&amp;c=13</t>
  </si>
  <si>
    <t>mail.google.com/sync/u/0/i/s?hl=pt-BR&amp;c=15</t>
  </si>
  <si>
    <t>mail.google.com/sync/u/0/i/s?hl=pt-BR&amp;c=17</t>
  </si>
  <si>
    <t>mail.google.com/_/upload?authuser=0&amp;dcp=asu-n&amp;upload_id=AEnB2UodD2TFW_EmntpqnNn7ztr2y7lkQngqcR25XgQ-U_Z3WGhPTq8UbjEvbuzFEP7UnMB3tFqmQtcKAcWXb_pqOZVIdUkmVQ&amp;upload_protocol=resumable</t>
  </si>
  <si>
    <t>Ocorrencias Equipe Octavio.xlsx</t>
  </si>
  <si>
    <t>mail.google.com/_/upload?authuser=2&amp;dcp=asu-n&amp;upload_id=AEnB2UpFxWW33WZA75H_JglsLCQZrUzByZPxdKLXeHNruHMb9uNTFnUHxAmUMSbXDy0EfBH9lEqW4jOWti2BI88zePAPaiS8_6JmGmqQpZke9yjunfK0hnY&amp;upload_protocol=resumable</t>
  </si>
  <si>
    <t>93a2ea29-5a87-4261-9232-1c644a1b9005.tmp</t>
  </si>
  <si>
    <t>\\acsfs\profiles$\laurandos\Downloads\93a2ea29-5a87-4261-9232-1c644a1b9005.tmp</t>
  </si>
  <si>
    <t>64cf2361-7b58-4d13-a3e5-bd11b6ebd25e.tmp</t>
  </si>
  <si>
    <t>\\acsfs\profiles$\fabianafv\Downloads\64cf2361-7b58-4d13-a3e5-bd11b6ebd25e.tmp</t>
  </si>
  <si>
    <t>mail.google.com/_/upload?authuser=0&amp;dcp=asu-n&amp;upload_id=AEnB2UqGhNvB6GiejbG-6HH7IdsGxPtMAyagDizZdW2dh6UfdBBAwa5z584L8-kJYfeoHoOOvOP3mvtysjzzw-GX-nFcZTlFoYyS6-m7hRtDeDYIHxwSiiY&amp;upload_protocol=resumable</t>
  </si>
  <si>
    <t>Comissão Fechamento Nov_2019.xlsx</t>
  </si>
  <si>
    <t>alinemds@algartech.com;antoniocoj@algartech.com;diogenespl@algartech.com.br;</t>
  </si>
  <si>
    <t>alinemds@algartech.com,antoniocoj@algartech.com,diogenespl@algartech.com.br</t>
  </si>
  <si>
    <t>mail.google.com/_/upload?authuser=0&amp;dcp=asu-n&amp;upload_id=AEnB2UoK6qOXACg9y_IWpsldytxTC4Y-ZTQQRiG2Hk3kca1o2rP3JGHJGz6b9Bw6UDt9nuBe_PuGolQyY-WLvDRdxdBhQtoKyg&amp;upload_protocol=resumable</t>
  </si>
  <si>
    <t>Regras DLP.xlsx</t>
  </si>
  <si>
    <t>0be6bdd8-790a-4974-8e03-b548efcfadd8.tmp</t>
  </si>
  <si>
    <t>\\acsfs\profiles$\KARENJSS\Downloads\0be6bdd8-790a-4974-8e03-b548efcfadd8.tmp</t>
  </si>
  <si>
    <t>807f88b6-2889-407f-a744-8c4b510813e5.tmp</t>
  </si>
  <si>
    <t>\\acsfs\profiles$\victorgl\Downloads\807f88b6-2889-407f-a744-8c4b510813e5.tmp</t>
  </si>
  <si>
    <t>10.200.66.31</t>
  </si>
  <si>
    <t>78-2B-CB-C1-07-72</t>
  </si>
  <si>
    <t>VOTORANT-IB020</t>
  </si>
  <si>
    <t>cassianogc</t>
  </si>
  <si>
    <t>\\acsfs\profiles$\cassianogc\My Documents\</t>
  </si>
  <si>
    <t>historico cassiano.txt</t>
  </si>
  <si>
    <t>\\acsfs\profiles$\cassianogc\My Documents\historico cassiano.txt</t>
  </si>
  <si>
    <t>cd7eeda5-691e-4060-97e1-711622d0d1d5.tmp</t>
  </si>
  <si>
    <t>\\acsfs\profiles$\fabianafv\Downloads\cd7eeda5-691e-4060-97e1-711622d0d1d5.tmp</t>
  </si>
  <si>
    <t>mail.google.com/_/upload?authuser=0&amp;dcp=asu-n&amp;upload_id=AEnB2Upx5ZJtgZvIEAwcnMxYOVSBEbhbNlMJz4dJ1xtE3zxRANvOJiKNvN-51XmksJMxPm5U_6D9OQcBfgcUbL_2F9oKDAakOg&amp;upload_protocol=resumable</t>
  </si>
  <si>
    <t>4697321d-8851-49bc-9ced-19c95a780f0c.tmp</t>
  </si>
  <si>
    <t>\\acsfs\profiles$\gabrielamdp\Downloads\4697321d-8851-49bc-9ced-19c95a780f0c.tmp</t>
  </si>
  <si>
    <t>271e2c0a-81d4-40c6-8373-83ef63658d25.tmp</t>
  </si>
  <si>
    <t>\\acsfs\profiles$\gabrielamdp\Downloads\271e2c0a-81d4-40c6-8373-83ef63658d25.tmp</t>
  </si>
  <si>
    <t>917c1c48-9544-47df-ba1f-d49b073e55d3.tmp</t>
  </si>
  <si>
    <t>\\acsfs\profiles$\gabrielamdp\Downloads\917c1c48-9544-47df-ba1f-d49b073e55d3.tmp</t>
  </si>
  <si>
    <t>0f493ea4-4762-4c32-9dba-9a5b0f22fa23.tmp</t>
  </si>
  <si>
    <t>\\acsfs\profiles$\gabrielamdp\Downloads\0f493ea4-4762-4c32-9dba-9a5b0f22fa23.tmp</t>
  </si>
  <si>
    <t>6a50e0ae-2e93-4ea9-81fb-a20850da8429.tmp</t>
  </si>
  <si>
    <t>\\acsfs\profiles$\gabrielamdp\Downloads\6a50e0ae-2e93-4ea9-81fb-a20850da8429.tmp</t>
  </si>
  <si>
    <t>cd77e3af-620c-4e3b-9360-387c4da76151.tmp</t>
  </si>
  <si>
    <t>\\acsfs\profiles$\laurandos\Downloads\cd77e3af-620c-4e3b-9360-387c4da76151.tmp</t>
  </si>
  <si>
    <t>9e7809d1-4b0e-41b1-8054-c3381a6c07b8.tmp</t>
  </si>
  <si>
    <t>\\acsfs\profiles$\gabrielamdp\Downloads\9e7809d1-4b0e-41b1-8054-c3381a6c07b8.tmp</t>
  </si>
  <si>
    <t>03f7d97f-6d07-4cf8-93fd-7c079bcc6ba7.tmp</t>
  </si>
  <si>
    <t>\\acsfs\profiles$\gabrielamdp\Downloads\03f7d97f-6d07-4cf8-93fd-7c079bcc6ba7.tmp</t>
  </si>
  <si>
    <t>mail.google.com/_/upload?authuser=0&amp;dcp=asu-n&amp;upload_id=AEnB2UrrvjVeU2_-DwKYmMy30DcqP6KGujV6zonA8M4244ER8C776hDZ-v3qq_GZ6Wwqv-28BMFd8JvyosvfElUeUOcOH7OR0g&amp;upload_protocol=resumable</t>
  </si>
  <si>
    <t>CALCULADORA SUPERVISÃO SERVICES.xlsx</t>
  </si>
  <si>
    <t>higorss</t>
  </si>
  <si>
    <t>\\acsfs\profiles$\higorss\Downloads\</t>
  </si>
  <si>
    <t>388c5dd2-4a84-4d83-b915-1e327dbb5163.tmp</t>
  </si>
  <si>
    <t>\\acsfs\profiles$\higorss\Downloads\388c5dd2-4a84-4d83-b915-1e327dbb5163.tmp</t>
  </si>
  <si>
    <t>12090657-3d65-42e6-ab41-29e8974be102.tmp</t>
  </si>
  <si>
    <t>\\acsfs\profiles$\higorss\Downloads\12090657-3d65-42e6-ab41-29e8974be102.tmp</t>
  </si>
  <si>
    <t>214a37f6-c1cd-4a40-8315-a232ba062f92.tmp</t>
  </si>
  <si>
    <t>\\acsfs\profiles$\gabrielamdp\Downloads\214a37f6-c1cd-4a40-8315-a232ba062f92.tmp</t>
  </si>
  <si>
    <t>10.txt</t>
  </si>
  <si>
    <t>\\acsfs\profiles$\marcelacdss\My Documents\ATENDIMENTOS\DEZEMBRO\10.txt</t>
  </si>
  <si>
    <t>436f65ca-1f54-41b9-95c6-b66809f62f76.tmp</t>
  </si>
  <si>
    <t>\\acsfs\profiles$\victorgl\Downloads\436f65ca-1f54-41b9-95c6-b66809f62f76.tmp</t>
  </si>
  <si>
    <t>dab927fb-f3c9-48af-9b46-160a79310cac.tmp</t>
  </si>
  <si>
    <t>\\acsfs\profiles$\henriqueco\Downloads\dab927fb-f3c9-48af-9b46-160a79310cac.tmp</t>
  </si>
  <si>
    <t>bb5ab578-9ab9-4f22-add9-6d14de3a5892.tmp</t>
  </si>
  <si>
    <t>\\acsfs\profiles$\laurandos\Downloads\bb5ab578-9ab9-4f22-add9-6d14de3a5892.tmp</t>
  </si>
  <si>
    <t>4626279c-1eda-49fa-9362-7ae5acbf1587.tmp</t>
  </si>
  <si>
    <t>\\acsfs\profiles$\fabianafv\Downloads\4626279c-1eda-49fa-9362-7ae5acbf1587.tmp</t>
  </si>
  <si>
    <t>C:\Users\helieldfs\Desktop\Ajustar rateios do CR 340001441 (CAP Bradesco).msg\s135\</t>
  </si>
  <si>
    <t>026c69f7-ae6b-4556-aa39-2cdc189ce1a9.tmp</t>
  </si>
  <si>
    <t>\\acsfs\profiles$\victorgl\Downloads\026c69f7-ae6b-4556-aa39-2cdc189ce1a9.tmp</t>
  </si>
  <si>
    <t>15e36bcd-b542-4d0e-aac1-44a54272c7a0.tmp</t>
  </si>
  <si>
    <t>\\acsfs\profiles$\gabrielamdp\Downloads\15e36bcd-b542-4d0e-aac1-44a54272c7a0.tmp</t>
  </si>
  <si>
    <t>mail.google.com/_/upload?authuser=0&amp;dcp=asu-n&amp;upload_id=AEnB2UoHISgS2eVhDUsQrm7tA_uwaOM77wNWXnPkT1QJwdGJpux-CqjB-WvJhyukXD-xnlBD0793iCsW8q_H_ODQGYm-_jn43Q&amp;upload_protocol=resumable</t>
  </si>
  <si>
    <t>\\acsfs\deptos\PMO Governança\STATUS REDIR E RAO\2019\12-2019\11\REDIR 11_dezembro.pptx\</t>
  </si>
  <si>
    <t>98b2125f-f193-4cef-b1ea-693857281635;</t>
  </si>
  <si>
    <t>https://lurker.olx.com.br/track?defaultevent=true</t>
  </si>
  <si>
    <t>https://lurker.olx.com.br/track</t>
  </si>
  <si>
    <t>7a920309-93da-45f3-ac64-f6be313e905d.tmp</t>
  </si>
  <si>
    <t>\\acsfs\profiles$\laurandos\Downloads\7a920309-93da-45f3-ac64-f6be313e905d.tmp</t>
  </si>
  <si>
    <t>94ec030c-8090-4daa-8d13-b3d7e1dc2a1e.tmp</t>
  </si>
  <si>
    <t>\\acsfs\profiles$\laurandos\Downloads\94ec030c-8090-4daa-8d13-b3d7e1dc2a1e.tmp</t>
  </si>
  <si>
    <t>a079ea3a-56cd-40bf-954e-ced686ebe29a.tmp</t>
  </si>
  <si>
    <t>\\acsfs\profiles$\regisadsa\Downloads\a079ea3a-56cd-40bf-954e-ced686ebe29a.tmp</t>
  </si>
  <si>
    <t>142065fe-2a8f-4406-8aec-296689b42fa9.tmp</t>
  </si>
  <si>
    <t>\\acsfs\profiles$\regisadsa\Downloads\142065fe-2a8f-4406-8aec-296689b42fa9.tmp</t>
  </si>
  <si>
    <t>bcc0125f-d939-42ad-b7b3-36af04b199fe.tmp</t>
  </si>
  <si>
    <t>\\acsfs\profiles$\KARENJSS\Downloads\bcc0125f-d939-42ad-b7b3-36af04b199fe.tmp</t>
  </si>
  <si>
    <t>621d636f-4ca2-403c-a19b-5fad9b110a2e.tmp</t>
  </si>
  <si>
    <t>\\acsfs\profiles$\KARENJSS\Downloads\621d636f-4ca2-403c-a19b-5fad9b110a2e.tmp</t>
  </si>
  <si>
    <t>f202da43-6e36-4662-acd2-1c5900fba386.tmp</t>
  </si>
  <si>
    <t>\\acsfs\profiles$\laurandos\Downloads\f202da43-6e36-4662-acd2-1c5900fba386.tmp</t>
  </si>
  <si>
    <t>1c1e1c96-846f-4fb1-96dc-7b614080167a.tmp</t>
  </si>
  <si>
    <t>\\acsfs\profiles$\regisadsa\Downloads\1c1e1c96-846f-4fb1-96dc-7b614080167a.tmp</t>
  </si>
  <si>
    <t>\\acsfs\profiles$\regisadsa\My Documents\</t>
  </si>
  <si>
    <t>usuarios.txt</t>
  </si>
  <si>
    <t>\\acsfs\profiles$\regisadsa\My Documents\usuarios.txt</t>
  </si>
  <si>
    <t>99bb8d19-ed39-48d6-8d6e-3886969599c4.tmp</t>
  </si>
  <si>
    <t>\\acsfs\profiles$\KARENJSS\Downloads\99bb8d19-ed39-48d6-8d6e-3886969599c4.tmp</t>
  </si>
  <si>
    <t>6a5465d2-c514-44e3-9f3a-86618e1f81ac.tmp</t>
  </si>
  <si>
    <t>\\acsfs\profiles$\regisadsa\Downloads\6a5465d2-c514-44e3-9f3a-86618e1f81ac.tmp</t>
  </si>
  <si>
    <t>d97b60bb-1e8a-4d92-93b8-775a2c6153b4.tmp</t>
  </si>
  <si>
    <t>\\acsfs\profiles$\regisadsa\Downloads\d97b60bb-1e8a-4d92-93b8-775a2c6153b4.tmp</t>
  </si>
  <si>
    <t>20804006-f1dd-4a2e-aa06-27a02690e823.tmp</t>
  </si>
  <si>
    <t>\\acsfs\profiles$\regisadsa\Downloads\20804006-f1dd-4a2e-aa06-27a02690e823.tmp</t>
  </si>
  <si>
    <t>2786d8de-ae89-4b3a-9ee2-0e8771651015.tmp</t>
  </si>
  <si>
    <t>\\acsfs\profiles$\gabrielamdp\Downloads\2786d8de-ae89-4b3a-9ee2-0e8771651015.tmp</t>
  </si>
  <si>
    <t>43a5beb2-57c4-4164-be8d-192d8ff47dd9.tmp</t>
  </si>
  <si>
    <t>\\acsfs\profiles$\KARENJSS\Downloads\43a5beb2-57c4-4164-be8d-192d8ff47dd9.tmp</t>
  </si>
  <si>
    <t>c038bf1f-92d2-4104-adea-25efc997a7da.tmp</t>
  </si>
  <si>
    <t>\\acsfs\profiles$\victorgl\Downloads\c038bf1f-92d2-4104-adea-25efc997a7da.tmp</t>
  </si>
  <si>
    <t>0171898d-cce8-4b41-bd20-406aa02ff94d.tmp</t>
  </si>
  <si>
    <t>\\acsfs\profiles$\victorgl\Downloads\0171898d-cce8-4b41-bd20-406aa02ff94d.tmp</t>
  </si>
  <si>
    <t>Horas extras Set e Out_DOUGLAS.xlsx</t>
  </si>
  <si>
    <t>\\acsfs\DEPTOS\Operacao\Banco_Votorantim\Qualidade\Eliane\Contestação MUTANT\</t>
  </si>
  <si>
    <t>Contestação 4° ciclo NOVEMBRO.txt</t>
  </si>
  <si>
    <t>\\acsfs\DEPTOS\Operacao\Banco_Votorantim\Qualidade\Eliane\Contestação MUTANT\Contestação 4° ciclo NOVEMBRO.txt</t>
  </si>
  <si>
    <t>C:\Users\rodrigombu\OneDrive - Grupo Algar\Whirlpool\2019\12 - Dezembro\</t>
  </si>
  <si>
    <t>Saídas URA - Whirlpool_Lista_RoutingPoint_VDN.xlsx</t>
  </si>
  <si>
    <t>10.12.242.12</t>
  </si>
  <si>
    <t>paulotdsf</t>
  </si>
  <si>
    <t>https://browser.pipe.aria.microsoft.com/collector/3.0/?qsp=true&amp;content-type=application/bond-compact-binary&amp;client-id=no_auth&amp;sdk-version=awt-web-cjs-1.2.2&amp;x-apikey=3b1ea01450be48f29759d868931e225d-7167685b-f6ff-421c-aa64-8ae16fe92128-7283</t>
  </si>
  <si>
    <t>http://api.viglink.com/api/domains</t>
  </si>
  <si>
    <t>30c1581e-454c-4874-85e4-3988411e5e6d.tmp</t>
  </si>
  <si>
    <t>\\acsfs\profiles$\sarahbal\Downloads\30c1581e-454c-4874-85e4-3988411e5e6d.tmp</t>
  </si>
  <si>
    <t>815b4620-ebb9-4fd6-ac97-ea0326a9fecf.tmp</t>
  </si>
  <si>
    <t>\\acsfs\profiles$\sarahbal\Downloads\815b4620-ebb9-4fd6-ac97-ea0326a9fecf.tmp</t>
  </si>
  <si>
    <t>a20ed0a3-e460-4cc4-ad49-e054361c365c.tmp</t>
  </si>
  <si>
    <t>\\acsfs\profiles$\sarahbal\Downloads\a20ed0a3-e460-4cc4-ad49-e054361c365c.tmp</t>
  </si>
  <si>
    <t>69cb3bb1-67ef-43ac-a81d-463d268d6d05.tmp</t>
  </si>
  <si>
    <t>\\acsfs\profiles$\sarahbal\Downloads\69cb3bb1-67ef-43ac-a81d-463d268d6d05.tmp</t>
  </si>
  <si>
    <t>f2116cc5-01fd-45e9-b922-be6740211cbc.tmp</t>
  </si>
  <si>
    <t>\\acsfs\profiles$\sarahbal\Downloads\f2116cc5-01fd-45e9-b922-be6740211cbc.tmp</t>
  </si>
  <si>
    <t>0a839a1f-a61c-4298-9cce-7dff29b72a7f.tmp</t>
  </si>
  <si>
    <t>\\acsfs\profiles$\sarahbal\Downloads\0a839a1f-a61c-4298-9cce-7dff29b72a7f.tmp</t>
  </si>
  <si>
    <t>10.200.66.156</t>
  </si>
  <si>
    <t>sorayadsr</t>
  </si>
  <si>
    <t>\\acsfs\profiles$\sorayadsr\My Documents\</t>
  </si>
  <si>
    <t>CONSIGNADO.txt</t>
  </si>
  <si>
    <t>\\acsfs\profiles$\sorayadsr\My Documents\CONSIGNADO.txt</t>
  </si>
  <si>
    <t>d2531d7b-1134-420a-82ac-569ebf02ceac.tmp</t>
  </si>
  <si>
    <t>\\acsfs\profiles$\marcellewdl\Downloads\d2531d7b-1134-420a-82ac-569ebf02ceac.tmp</t>
  </si>
  <si>
    <t>aa179605-e322-4b3b-ae76-1b396bde5ea6.tmp</t>
  </si>
  <si>
    <t>\\acsfs\profiles$\marcellewdl\Downloads\aa179605-e322-4b3b-ae76-1b396bde5ea6.tmp</t>
  </si>
  <si>
    <t>citrex.url:favicon</t>
  </si>
  <si>
    <t>\\acsfs\profiles$\ALICECPBC\Favorites\citrex.url:favicon</t>
  </si>
  <si>
    <t>\\acsfs\profiles$\ALICECPBC\Favorites\citrex.url\</t>
  </si>
  <si>
    <t>:favicon:$DATA</t>
  </si>
  <si>
    <t>\\acsfs\profiles$\ALICECPBC\Favorites\citrex.url\:favicon:$DATA</t>
  </si>
  <si>
    <t>a84cd110-d36f-4c6a-b806-424bdc08be28.tmp</t>
  </si>
  <si>
    <t>\\acsfs\profiles$\luanarda\Downloads\a84cd110-d36f-4c6a-b806-424bdc08be28.tmp</t>
  </si>
  <si>
    <t>ce30cd50-f28b-4c94-9d38-ece6e19d7186.tmp</t>
  </si>
  <si>
    <t>\\acsfs\profiles$\gabrielarb\Downloads\ce30cd50-f28b-4c94-9d38-ece6e19d7186.tmp</t>
  </si>
  <si>
    <t>2b6fc6f5-54a3-440e-8cc6-c28a4aa163f1.tmp</t>
  </si>
  <si>
    <t>\\acsfs\profiles$\gabrielarb\Downloads\2b6fc6f5-54a3-440e-8cc6-c28a4aa163f1.tmp</t>
  </si>
  <si>
    <t>f717afcd-08c6-48a3-bbe2-b089453026a8.tmp</t>
  </si>
  <si>
    <t>\\acsfs\profiles$\gabrielarb\Downloads\f717afcd-08c6-48a3-bbe2-b089453026a8.tmp</t>
  </si>
  <si>
    <t>f49f9700-9cf6-48b8-8a8c-e467dfa3f9fd.tmp</t>
  </si>
  <si>
    <t>\\acsfs\profiles$\gabrielarb\Downloads\f49f9700-9cf6-48b8-8a8c-e467dfa3f9fd.tmp</t>
  </si>
  <si>
    <t>11/30/2019 15:16:10</t>
  </si>
  <si>
    <t>C:\Users\fellypcsj\OneDrive - Grupo Algar\Engeset\ADMINISTRATIVO FINANCEIRO\GEO GOVERNANÇA\LOGISTÍCA\ESTOQUE TERCEIRO\MOVIMENTAÇÕES PENDENTES\2019\REUNIÃO OPERACIONAL\Estoque de Serial\</t>
  </si>
  <si>
    <t>11/30/2019 15:16:35</t>
  </si>
  <si>
    <t>C:\Users\fellypcsj\OneDrive - Grupo Algar\Engeset\ADMINISTRATIVO FINANCEIRO\GEO GOVERNANÇA\LOGISTÍCA\ESTOQUE TERCEIRO\MOVIMENTAÇÕES PENDENTES\2019\08\</t>
  </si>
  <si>
    <t>082019 - INSERVIVEIS.xlsx</t>
  </si>
  <si>
    <t>11/30/2019 15:16:40</t>
  </si>
  <si>
    <t>C:\Users\fellypcsj\OneDrive - Grupo Algar\Engeset\ADMINISTRATIVO FINANCEIRO\GEO GOVERNANÇA\LOGISTÍCA\ESTOQUE TERCEIRO\MOVIMENTAÇÕES PENDENTES\2019\REUNIÃO OPERACIONAL\Transferências recebidas\</t>
  </si>
  <si>
    <t>RptTransferenciaMaterial.csv</t>
  </si>
  <si>
    <t>11/30/2019 15:16:47</t>
  </si>
  <si>
    <t>C:\Users\fellypcsj\OneDrive - Grupo Algar\Engeset\ADMINISTRATIVO FINANCEIRO\GEO GOVERNANÇA\LOGISTÍCA\ESTOQUE TERCEIRO\MOVIMENTAÇÕES PENDENTES\2019\REUNIÃO OPERACIONAL\Transferência destino\</t>
  </si>
  <si>
    <t>11/30/2019 15:16:49</t>
  </si>
  <si>
    <t>C:\Users\fellypcsj\OneDrive - Grupo Algar\Engeset\ADMINISTRATIVO FINANCEIRO\GEO GOVERNANÇA\LOGISTÍCA\ESTOQUE TERCEIRO\MOVIMENTAÇÕES PENDENTES\2019\REUNIÃO OPERACIONAL\Estoque de Tecnico\</t>
  </si>
  <si>
    <t>RptEstoqueTecnicoSerial.csv</t>
  </si>
  <si>
    <t>11/30/2019 15:16:50</t>
  </si>
  <si>
    <t>C:\Users\fellypcsj\OneDrive - Grupo Algar\Engeset\ADMINISTRATIVO FINANCEIRO\GEO GOVERNANÇA\LOGISTÍCA\ESTOQUE TERCEIRO\MOVIMENTAÇÕES PENDENTES\2019\REUNIÃO OPERACIONAL\Requisição\</t>
  </si>
  <si>
    <t>11/30/2019 15:16:55</t>
  </si>
  <si>
    <t>C:\Users\fellypcsj\OneDrive - Grupo Algar\Engeset\ADMINISTRATIVO FINANCEIRO\GEO GOVERNANÇA\LOGISTÍCA\ESTOQUE TERCEIRO\APRESENTAÇÃO\Atual\Estoque de serial\</t>
  </si>
  <si>
    <t>11/30/2019 15:16:57</t>
  </si>
  <si>
    <t>C:\Users\fellypcsj\OneDrive - Grupo Algar\Engeset\ADMINISTRATIVO FINANCEIRO\GEO GOVERNANÇA\LOGISTÍCA\ESTOQUE TERCEIRO\APRESENTAÇÃO\Atual\Requisição\</t>
  </si>
  <si>
    <t>11/30/2019 15:16:58</t>
  </si>
  <si>
    <t>C:\Users\fellypcsj\OneDrive - Grupo Algar\Engeset\ADMINISTRATIVO FINANCEIRO\GEO GOVERNANÇA\LOGISTÍCA\ESTOQUE TERCEIRO\APRESENTAÇÃO\Atual\Transferencias recebidas\</t>
  </si>
  <si>
    <t>11/30/2019 15:17:11</t>
  </si>
  <si>
    <t>C:\Users\fellypcsj\OneDrive - Grupo Algar\Engeset\ADMINISTRATIVO FINANCEIRO\GEO GOVERNANÇA\LOGISTÍCA\ESTOQUE TERCEIRO\APRESENTAÇÃO\Atual\Estoque de tecnico\</t>
  </si>
  <si>
    <t>11/30/2019 15:17:12</t>
  </si>
  <si>
    <t>C:\Users\fellypcsj\OneDrive - Grupo Algar\Engeset\ADMINISTRATIVO FINANCEIRO\GEO GOVERNANÇA\LOGISTÍCA\ESTOQUE TERCEIRO\APRESENTAÇÃO\Atual\Transferencia destino\</t>
  </si>
  <si>
    <t>11/30/2019 15:29:33</t>
  </si>
  <si>
    <t>C:\Users\fellypcsj\OneDrive - Grupo Algar\Engeset\ADMINISTRATIVO FINANCEIRO\GEO GOVERNANÇA\TALENTOS HUMANOS\2019\GH\09 - SETEMBRO\</t>
  </si>
  <si>
    <t>082019 - DEPARTAMENTAL.xlsx</t>
  </si>
  <si>
    <t>6a6d0aa8-5b0d-4e61-bdb8-69d72d37148d.tmp</t>
  </si>
  <si>
    <t>\\acsfs\profiles$\deborahsi\Downloads\6a6d0aa8-5b0d-4e61-bdb8-69d72d37148d.tmp</t>
  </si>
  <si>
    <t>4384da02-b7b1-4ce8-a1f7-d8e69d256750.tmp</t>
  </si>
  <si>
    <t>\\acsfs\profiles$\deborahsi\Downloads\4384da02-b7b1-4ce8-a1f7-d8e69d256750.tmp</t>
  </si>
  <si>
    <t>9161ea20-05a1-4770-8e97-7bc268986dbb.tmp</t>
  </si>
  <si>
    <t>\\acsfs\profiles$\paulovadc\Downloads\9161ea20-05a1-4770-8e97-7bc268986dbb.tmp</t>
  </si>
  <si>
    <t>7deb024b-f611-4341-b255-5dda17bc1dba.tmp</t>
  </si>
  <si>
    <t>\\acsfs\profiles$\paulovadc\Downloads\7deb024b-f611-4341-b255-5dda17bc1dba.tmp</t>
  </si>
  <si>
    <t>b4e272a1-c4ce-4c0b-b632-d1431d9c5321.tmp</t>
  </si>
  <si>
    <t>\\acsfs\profiles$\luanarda\Downloads\b4e272a1-c4ce-4c0b-b632-d1431d9c5321.tmp</t>
  </si>
  <si>
    <t>e7ceb9bc-02c3-4101-9c42-71c5e70df721.tmp</t>
  </si>
  <si>
    <t>\\acsfs\profiles$\luanarda\Downloads\e7ceb9bc-02c3-4101-9c42-71c5e70df721.tmp</t>
  </si>
  <si>
    <t>33661c0b-1d01-49c4-b55f-8615e38c2d29.tmp</t>
  </si>
  <si>
    <t>\\acsfs\profiles$\gabrielarb\Downloads\33661c0b-1d01-49c4-b55f-8615e38c2d29.tmp</t>
  </si>
  <si>
    <t>39870efd-58f3-43c7-8c13-be3a89d68133.tmp</t>
  </si>
  <si>
    <t>\\acsfs\profiles$\gabrielarb\Downloads\39870efd-58f3-43c7-8c13-be3a89d68133.tmp</t>
  </si>
  <si>
    <t>3e50b7fb-f3a1-477c-ac3b-429f4e156161.tmp</t>
  </si>
  <si>
    <t>\\acsfs\profiles$\gabrielarb\Downloads\3e50b7fb-f3a1-477c-ac3b-429f4e156161.tmp</t>
  </si>
  <si>
    <t>f28f71b2-6366-4045-8418-d200dee84c72.tmp</t>
  </si>
  <si>
    <t>\\acsfs\profiles$\gabrielarb\Downloads\f28f71b2-6366-4045-8418-d200dee84c72.tmp</t>
  </si>
  <si>
    <t>5b0b87c8-8f9f-46e8-9477-b0164ab26e15.tmp</t>
  </si>
  <si>
    <t>\\acsfs\profiles$\deborahsi\Downloads\5b0b87c8-8f9f-46e8-9477-b0164ab26e15.tmp</t>
  </si>
  <si>
    <t>8c13f3dd-6bb2-4714-93d0-ffc16cb769e2.tmp</t>
  </si>
  <si>
    <t>\\acsfs\profiles$\deborahsi\Downloads\8c13f3dd-6bb2-4714-93d0-ffc16cb769e2.tmp</t>
  </si>
  <si>
    <t>11/26/2019 08:18:49</t>
  </si>
  <si>
    <t>10.200.60.114</t>
  </si>
  <si>
    <t>D:\PÓS UFU\TCC\</t>
  </si>
  <si>
    <t>Tabela 1 dos autores referenciados.xlsx</t>
  </si>
  <si>
    <t>D:\PÓS UFU\TCC\Tabela 1 dos autores referenciados.xlsx</t>
  </si>
  <si>
    <t>11/26/2019 08:25:13</t>
  </si>
  <si>
    <t>11/26/2019 08:40:51</t>
  </si>
  <si>
    <t>11/26/2019 13:53:10</t>
  </si>
  <si>
    <t>11/26/2019 17:33:47</t>
  </si>
  <si>
    <t>11/30/2019 09:27:43</t>
  </si>
  <si>
    <t>11/30/2019 09:38:13</t>
  </si>
  <si>
    <t>11/30/2019 09:46:04</t>
  </si>
  <si>
    <t>11/30/2019 09:46:36</t>
  </si>
  <si>
    <t>11/30/2019 09:47:21</t>
  </si>
  <si>
    <t>11/30/2019 09:47:51</t>
  </si>
  <si>
    <t>11/30/2019 16:18:12</t>
  </si>
  <si>
    <t>11/30/2019 16:18:34</t>
  </si>
  <si>
    <t>11/30/2019 16:21:43</t>
  </si>
  <si>
    <t>11/30/2019 16:21:55</t>
  </si>
  <si>
    <t>11/30/2019 16:58:03</t>
  </si>
  <si>
    <t>D:\PÓS UFU\TCC\TCC- SERVIÇO PÚBLICO\</t>
  </si>
  <si>
    <t>Tabela de contextualização das referencias.xlsx</t>
  </si>
  <si>
    <t>D:\PÓS UFU\TCC\TCC- SERVIÇO PÚBLICO\Tabela de contextualização das referencias.xlsx</t>
  </si>
  <si>
    <t>11/30/2019 17:18:07</t>
  </si>
  <si>
    <t>11/30/2019 17:30:33</t>
  </si>
  <si>
    <t>11/30/2019 17:33:56</t>
  </si>
  <si>
    <t>11/30/2019 17:53:16</t>
  </si>
  <si>
    <t>b69b3b28-d8be-4378-afdb-0c7296cc49dc.tmp</t>
  </si>
  <si>
    <t>\\acsfs\profiles$\dhiulliananads\Downloads\b69b3b28-d8be-4378-afdb-0c7296cc49dc.tmp</t>
  </si>
  <si>
    <t>\\acsfs\profiles$\dhiulliananads\My Documents\</t>
  </si>
  <si>
    <t>.~lock.Dhiulliana.ods#</t>
  </si>
  <si>
    <t>\\acsfs\profiles$\dhiulliananads\My Documents\.~lock.Dhiulliana.ods#</t>
  </si>
  <si>
    <t>555d7e05-ae53-4c04-8473-de6c9809c6c6.tmp</t>
  </si>
  <si>
    <t>\\acsfs\profiles$\dhiulliananads\Downloads\555d7e05-ae53-4c04-8473-de6c9809c6c6.tmp</t>
  </si>
  <si>
    <t>1f300cd5-3f22-4d94-bf58-71b00154b3ad.tmp</t>
  </si>
  <si>
    <t>\\acsfs\profiles$\mariliafplb\Downloads\1f300cd5-3f22-4d94-bf58-71b00154b3ad.tmp</t>
  </si>
  <si>
    <t>https://algar.workplace.com/messaging/send/</t>
  </si>
  <si>
    <t>\\acsfs\profiles$\luanarda\</t>
  </si>
  <si>
    <t>.~lock.VENDAS 12-2019.ods#</t>
  </si>
  <si>
    <t>\\acsfs\profiles$\luanarda\.~lock.VENDAS 12-2019.ods#</t>
  </si>
  <si>
    <t>mail.google.com/_/upload?authuser=0&amp;dcp=asu-n&amp;upload_id=AEnB2Up2laOyKEij7Aovof8E3CHYMR8qnKQk8rW9VqCzD9AwsGttYOwr0I9nUKm5ZHDQzfcfZPbOmXouaxRW9NJKsNYBILkFXw&amp;upload_protocol=resumable</t>
  </si>
  <si>
    <t>25169225-d57d-4aa4-9da7-a6e3fa9c7c9c.tmp</t>
  </si>
  <si>
    <t>\\acsfs\profiles$\deborahsi\Downloads\25169225-d57d-4aa4-9da7-a6e3fa9c7c9c.tmp</t>
  </si>
  <si>
    <t>105cc326-d98d-4673-88c8-2b9e03683b75.tmp</t>
  </si>
  <si>
    <t>\\acsfs\profiles$\mariliafplb\Downloads\105cc326-d98d-4673-88c8-2b9e03683b75.tmp</t>
  </si>
  <si>
    <t>eb070b95-e534-46f3-88f0-a6a25e9f4062.tmp</t>
  </si>
  <si>
    <t>\\acsfs\profiles$\mariliafplb\Downloads\eb070b95-e534-46f3-88f0-a6a25e9f4062.tmp</t>
  </si>
  <si>
    <t>ce5938c1-3e56-4600-8210-ebbd8addc262.tmp</t>
  </si>
  <si>
    <t>\\acsfs\profiles$\wenderbnm\Downloads\ce5938c1-3e56-4600-8210-ebbd8addc262.tmp</t>
  </si>
  <si>
    <t>ba661307-3bee-4b8b-acab-e94bc089c414.tmp</t>
  </si>
  <si>
    <t>\\acsfs\profiles$\wenderbnm\Downloads\ba661307-3bee-4b8b-acab-e94bc089c414.tmp</t>
  </si>
  <si>
    <t>2° CICLO DEZEMBRO.txt</t>
  </si>
  <si>
    <t>\\acsfs\DEPTOS\Operacao\Banco_Votorantim\Qualidade\Eliane\Monitorias DEZEMBRO\2° CICLO DEZEMBRO.txt</t>
  </si>
  <si>
    <t>6de3191e-4c49-4c63-8293-91df45aa540b.tmp</t>
  </si>
  <si>
    <t>\\acsfs\profiles$\sarahbal\Downloads\6de3191e-4c49-4c63-8293-91df45aa540b.tmp</t>
  </si>
  <si>
    <t>10.200.67.49</t>
  </si>
  <si>
    <t>78-2B-CB-C1-05-F7</t>
  </si>
  <si>
    <t>VOTORANT-FB019</t>
  </si>
  <si>
    <t>\\acsfs\profiles$\milenaas\Contacts\</t>
  </si>
  <si>
    <t>MILENA ANDREIA SOARES (11784).contact</t>
  </si>
  <si>
    <t>\\acsfs\profiles$\milenaas\Contacts\MILENA ANDREIA SOARES (11784).contact</t>
  </si>
  <si>
    <t>\\acsfs\profiles$\milenaas\My Documents\My Videos\</t>
  </si>
  <si>
    <t>desktop.ini</t>
  </si>
  <si>
    <t>\\acsfs\profiles$\milenaas\My Documents\My Videos\desktop.ini</t>
  </si>
  <si>
    <t>\\acsfs\profiles$\milenaas\My Documents\My Pictures\</t>
  </si>
  <si>
    <t>\\acsfs\profiles$\milenaas\My Documents\My Pictures\desktop.ini</t>
  </si>
  <si>
    <t>\\acsfs\profiles$\milenaas\Contacts\desktop.ini</t>
  </si>
  <si>
    <t>\\acsfs\profiles$\milenaas\Favorites\</t>
  </si>
  <si>
    <t>\\acsfs\profiles$\milenaas\Favorites\desktop.ini</t>
  </si>
  <si>
    <t>\\acsfs\profiles$\milenaas\My Documents\My Music\</t>
  </si>
  <si>
    <t>\\acsfs\profiles$\milenaas\My Documents\My Music\desktop.ini</t>
  </si>
  <si>
    <t>\\acsfs\profiles$\milenaas\Searches\</t>
  </si>
  <si>
    <t>\\acsfs\profiles$\milenaas\Searches\desktop.ini</t>
  </si>
  <si>
    <t>\\acsfs\profiles$\milenaas\Downloads\desktop.ini</t>
  </si>
  <si>
    <t>\\acsfs\profiles$\milenaas\My Documents\</t>
  </si>
  <si>
    <t>\\acsfs\profiles$\milenaas\My Documents\desktop.ini</t>
  </si>
  <si>
    <t>\\acsfs\profiles$\milenaas\Saved Games\</t>
  </si>
  <si>
    <t>\\acsfs\profiles$\milenaas\Saved Games\desktop.ini</t>
  </si>
  <si>
    <t>\\acsfs\profiles$\milenaas\Favorites\Links for Brasil\</t>
  </si>
  <si>
    <t>\\acsfs\profiles$\milenaas\Favorites\Links for Brasil\desktop.ini</t>
  </si>
  <si>
    <t>\\acsfs\profiles$\milenaas\Favorites\Links for Brasil\Microsoft Brasil.url</t>
  </si>
  <si>
    <t>\\acsfs\profiles$\milenaas\Favorites\Links for Brasil\Windows Brasil.url</t>
  </si>
  <si>
    <t>\\acsfs\profiles$\milenaas\Favorites\Links for Brasil\MSN Brasil.url</t>
  </si>
  <si>
    <t>28881eca-3a86-47e3-bf2e-4bff99521da6.tmp</t>
  </si>
  <si>
    <t>\\acsfs\profiles$\milenaas\Downloads\28881eca-3a86-47e3-bf2e-4bff99521da6.tmp</t>
  </si>
  <si>
    <t>261fd5f0-4b90-4402-b2ab-ffeb97e7c23c.tmp</t>
  </si>
  <si>
    <t>\\acsfs\profiles$\milenaas\Downloads\261fd5f0-4b90-4402-b2ab-ffeb97e7c23c.tmp</t>
  </si>
  <si>
    <t>.~lock.Planilha Vendas.ods#</t>
  </si>
  <si>
    <t>\\acsfs\profiles$\dhiulliananads\My Documents\.~lock.Planilha Vendas.ods#</t>
  </si>
  <si>
    <t>lu9844120e14.tmp</t>
  </si>
  <si>
    <t>\\acsfs\profiles$\dhiulliananads\My Documents\lu9844120e14.tmp</t>
  </si>
  <si>
    <t>\\acsfs\profiles$\dhiulliananads\My Documents\lu9844120e14.tmp\</t>
  </si>
  <si>
    <t>manifest.rdf</t>
  </si>
  <si>
    <t>\\acsfs\profiles$\dhiulliananads\My Documents\lu9844120e14.tmp\META-INF\</t>
  </si>
  <si>
    <t>manifest.xml</t>
  </si>
  <si>
    <t>meta.xml</t>
  </si>
  <si>
    <t>mimetype</t>
  </si>
  <si>
    <t>settings.xml</t>
  </si>
  <si>
    <t>styles.xml</t>
  </si>
  <si>
    <t>\\acsfs\profiles$\dhiulliananads\My Documents\lu9844120e14.tmp\Thumbnails\</t>
  </si>
  <si>
    <t>thumbnail.png</t>
  </si>
  <si>
    <t>e090b765-b29f-4c63-a51b-d162e3713e7a.tmp</t>
  </si>
  <si>
    <t>\\acsfs\profiles$\mariliafplb\Downloads\e090b765-b29f-4c63-a51b-d162e3713e7a.tmp</t>
  </si>
  <si>
    <t>f5fc7615-49ce-4cc7-87e2-aad0a4e2b1d6.tmp</t>
  </si>
  <si>
    <t>\\acsfs\profiles$\kellzylenneasr\Downloads\f5fc7615-49ce-4cc7-87e2-aad0a4e2b1d6.tmp</t>
  </si>
  <si>
    <t>e97a70c6-fd41-4a71-8fc2-9a222f4c7d41.tmp</t>
  </si>
  <si>
    <t>\\acsfs\profiles$\kellzylenneasr\Downloads\e97a70c6-fd41-4a71-8fc2-9a222f4c7d41.tmp</t>
  </si>
  <si>
    <t>b1758e7e-ea04-4fd1-a214-10ddcc0b536e.tmp</t>
  </si>
  <si>
    <t>\\acsfs\profiles$\kellzylenneasr\Downloads\b1758e7e-ea04-4fd1-a214-10ddcc0b536e.tmp</t>
  </si>
  <si>
    <t>MILENA ANDREIA SOARES (32272).contact</t>
  </si>
  <si>
    <t>\\acsfs\profiles$\milenaas\Contacts\MILENA ANDREIA SOARES (32272).contact</t>
  </si>
  <si>
    <t>136e48fc-6fd7-4e50-bd82-e68fbb6e5a1b.tmp</t>
  </si>
  <si>
    <t>\\acsfs\profiles$\milenaas\Downloads\136e48fc-6fd7-4e50-bd82-e68fbb6e5a1b.tmp</t>
  </si>
  <si>
    <t>Não confirmado 72840.crdownload</t>
  </si>
  <si>
    <t>\\acsfs\profiles$\milenaas\Downloads\Não confirmado 72840.crdownload</t>
  </si>
  <si>
    <t>a0b4022a-b310-4006-b9fb-2648ee526b31.tmp</t>
  </si>
  <si>
    <t>\\acsfs\profiles$\milenaas\Downloads\a0b4022a-b310-4006-b9fb-2648ee526b31.tmp</t>
  </si>
  <si>
    <t>E:\ALGAR TECH\001 - Cloud MSP\Eventos\2019\Microsoft Ignite\cotações_microsoft.xlsx</t>
  </si>
  <si>
    <t>E:\ALGAR TECH\001 - Cloud MSP\Eventos\2019\Microsoft Ignite\Pasta1.xlsx</t>
  </si>
  <si>
    <t>D:\ALGAR TECH\001 - Cloud MSP\Parcerias\Cloud Provider\AWS\Oportunidades\</t>
  </si>
  <si>
    <t>E:\ALGAR TECH\001 - Cloud MSP\Parcerias\Cloud Provider\AWS\Oportunidades\OPPS.xlsx</t>
  </si>
  <si>
    <t>D:\ALGAR TECH\004 - Projetos Cloud\03 - CCoE\documentation\01-Projetos\AlgarTech-BIGDATA-ECS-NIFI\04 - Arquivos\</t>
  </si>
  <si>
    <t>PoC_-_Investimento-v1-Bradesco.xlsx</t>
  </si>
  <si>
    <t>E:\ALGAR TECH\004 - Projetos Cloud\03 - CCoE\documentation\01-Projetos\AlgarTech-BIGDATA-ECS-NIFI\04 - Arquivos\PoC_-_Investimento-v1-Bradesco.xlsx</t>
  </si>
  <si>
    <t>D:\ALGAR TECH\004 - Projetos Cloud\03 - CCoE\documentation\01-Projetos\AlgarTech-BradescoAntiFraude\04 - Arquivos\</t>
  </si>
  <si>
    <t>E:\ALGAR TECH\004 - Projetos Cloud\03 - CCoE\documentation\01-Projetos\AlgarTech-BradescoAntiFraude\04 - Arquivos\PoC_-_Investimento-v1-Bradesco.xlsx</t>
  </si>
  <si>
    <t>D:\ALGAR TECH\004 - Projetos Cloud\03 - CCoE\documentation\01-Projetos\AlgarTech-Gitlab\02-Arquivos\</t>
  </si>
  <si>
    <t>E:\ALGAR TECH\004 - Projetos Cloud\03 - CCoE\documentation\01-Projetos\AlgarTech-Gitlab\02-Arquivos\credentials-SMTP.csv</t>
  </si>
  <si>
    <t>E:\ALGAR TECH\004 - Projetos Cloud\03 - CCoE\documentation\01-Projetos\AlgarTech-Gitlab\02-Arquivos\dns-records.CSV</t>
  </si>
  <si>
    <t>E:\ALGAR TECH\004 - Projetos Cloud\03 - CCoE\documentation\01-Projetos\AlgarTech-Gitlab\02-Arquivos\DNS_Configuration (2).csv</t>
  </si>
  <si>
    <t>D:\ALGAR TECH\004 - Projetos Cloud\03 - CCoE\documentation\01-Projetos\AlgarTech-Landing-Zone\02 - Stacks\AlgarTech-Setup-LZ-InstanceSheduled\</t>
  </si>
  <si>
    <t>E:\ALGAR TECH\004 - Projetos Cloud\03 - CCoE\documentation\01-Projetos\AlgarTech-Landing-Zone\02 - Stacks\AlgarTech-Setup-LZ-InstanceSheduled\instancias.xlsx</t>
  </si>
  <si>
    <t>D:\ALGAR TECH\004 - Projetos Cloud\03 - CCoE\documentation\01-Projetos\AlgarTech-Landing-Zone\02 - Stacks\AlgarTech-Setup-LZ-Security\GuardDuty\</t>
  </si>
  <si>
    <t>E:\ALGAR TECH\004 - Projetos Cloud\03 - CCoE\documentation\01-Projetos\AlgarTech-Landing-Zone\02 - Stacks\AlgarTech-Setup-LZ-Security\GuardDuty\accountsaws.csv</t>
  </si>
  <si>
    <t>D:\ALGAR TECH\004 - Projetos Cloud\03 - CCoE\documentation\01-Projetos\AlgarTech-Landing-Zone\02 - Stacks\AlgarTech-Setup-LZ-Security\SecurityHub\</t>
  </si>
  <si>
    <t>E:\ALGAR TECH\004 - Projetos Cloud\03 - CCoE\documentation\01-Projetos\AlgarTech-Landing-Zone\02 - Stacks\AlgarTech-Setup-LZ-Security\SecurityHub\Security Hub-template.csv</t>
  </si>
  <si>
    <t>E:\ALGAR TECH\004 - Projetos Cloud\03 - CCoE\documentation\01-Projetos\AlgarTech-Voice-Bots\04 - Arquivos\Calculadora AWS_v.1.3-VoiceBotsDEV.xlsx</t>
  </si>
  <si>
    <t>.~lock.vendas 112019.ods#</t>
  </si>
  <si>
    <t>\\acsfs\profiles$\kamillacr\My Documents\.~lock.vendas 112019.ods#</t>
  </si>
  <si>
    <t>de6dec0f-abab-4da3-af0e-04aea96297a8.tmp</t>
  </si>
  <si>
    <t>\\acsfs\profiles$\felipetds\Downloads\de6dec0f-abab-4da3-af0e-04aea96297a8.tmp</t>
  </si>
  <si>
    <t>ffb5b594-810f-4553-b270-374a3fbd22f2.tmp</t>
  </si>
  <si>
    <t>\\acsfs\profiles$\felipetds\Downloads\ffb5b594-810f-4553-b270-374a3fbd22f2.tmp</t>
  </si>
  <si>
    <t>e10f152d-70d9-47f2-8644-11f18fbe5000.tmp</t>
  </si>
  <si>
    <t>\\acsfs\profiles$\LUCASNS\Downloads\e10f152d-70d9-47f2-8644-11f18fbe5000.tmp</t>
  </si>
  <si>
    <t>30aa0fa1-d54d-47d4-a1a8-03b4e880ca55.tmp</t>
  </si>
  <si>
    <t>\\acsfs\profiles$\LUCASNS\Downloads\30aa0fa1-d54d-47d4-a1a8-03b4e880ca55.tmp</t>
  </si>
  <si>
    <t>10.200.57.58</t>
  </si>
  <si>
    <t>COMISSÃO FORÇA VENDAS - 3º Tri - 2019_V7_SF_SUELEN (1).xlsb</t>
  </si>
  <si>
    <t>9993f95e-0bfb-4fdd-950f-a4a51819eaf7.tmp</t>
  </si>
  <si>
    <t>\\acsfs\profiles$\DALVADFB\Downloads\9993f95e-0bfb-4fdd-950f-a4a51819eaf7.tmp</t>
  </si>
  <si>
    <t>7cd162e5-15db-4eb5-a093-be18f5f183c8.tmp</t>
  </si>
  <si>
    <t>\\acsfs\profiles$\DALVADFB\Downloads\7cd162e5-15db-4eb5-a093-be18f5f183c8.tmp</t>
  </si>
  <si>
    <t>5cd172b8-fc82-47d1-a91e-4515878bf0af.tmp</t>
  </si>
  <si>
    <t>\\acsfs\profiles$\DALVADFB\Downloads\5cd172b8-fc82-47d1-a91e-4515878bf0af.tmp</t>
  </si>
  <si>
    <t>9b73e823-9e06-4230-90ae-5504463f44be.tmp</t>
  </si>
  <si>
    <t>\\acsfs\profiles$\DALVADFB\Downloads\9b73e823-9e06-4230-90ae-5504463f44be.tmp</t>
  </si>
  <si>
    <t>e9058b6d-63ec-4aa1-8d99-293b38a5dba0.tmp</t>
  </si>
  <si>
    <t>\\acsfs\profiles$\milenaas\Downloads\e9058b6d-63ec-4aa1-8d99-293b38a5dba0.tmp</t>
  </si>
  <si>
    <t>c864de2a-cd65-4239-ad80-cebe0c8174d5.tmp</t>
  </si>
  <si>
    <t>\\acsfs\profiles$\milenaas\Downloads\c864de2a-cd65-4239-ad80-cebe0c8174d5.tmp</t>
  </si>
  <si>
    <t>ab70c18f-54c0-4c44-bef2-b2b6e00c2c6c.tmp</t>
  </si>
  <si>
    <t>\\acsfs\profiles$\milenaas\Downloads\ab70c18f-54c0-4c44-bef2-b2b6e00c2c6c.tmp</t>
  </si>
  <si>
    <t>b7bcfad5-2f9f-4805-8c30-3f5a790a2fc1.tmp</t>
  </si>
  <si>
    <t>\\acsfs\profiles$\milenaas\Downloads\b7bcfad5-2f9f-4805-8c30-3f5a790a2fc1.tmp</t>
  </si>
  <si>
    <t>816c5591-4347-4b91-8b23-3190be381c59.tmp</t>
  </si>
  <si>
    <t>\\acsfs\profiles$\ERICALSR\Downloads\816c5591-4347-4b91-8b23-3190be381c59.tmp</t>
  </si>
  <si>
    <t>4b25238c-4f7c-426b-a57d-fbb8c3022ff9.tmp</t>
  </si>
  <si>
    <t>\\acsfs\profiles$\ERICALSR\Downloads\4b25238c-4f7c-426b-a57d-fbb8c3022ff9.tmp</t>
  </si>
  <si>
    <t>10.200.67.28</t>
  </si>
  <si>
    <t>74-86-7A-FB-17-C3</t>
  </si>
  <si>
    <t>VOTORANT-MB006</t>
  </si>
  <si>
    <t>milennyss</t>
  </si>
  <si>
    <t>\\acsfs\profiles$\milennyss\Favorites\</t>
  </si>
  <si>
    <t>citrix.url:favicon</t>
  </si>
  <si>
    <t>\\acsfs\profiles$\milennyss\Favorites\citrix.url:favicon</t>
  </si>
  <si>
    <t>\\acsfs\profiles$\milennyss\Favorites\citrix.url\</t>
  </si>
  <si>
    <t>\\acsfs\profiles$\milennyss\Favorites\citrix.url\:favicon:$DATA</t>
  </si>
  <si>
    <t>citrix.url</t>
  </si>
  <si>
    <t>\\acsfs\profiles$\milennyss\Favorites\citrix.url</t>
  </si>
  <si>
    <t>ecb97988-bab7-4104-b880-43c547608cac.tmp</t>
  </si>
  <si>
    <t>\\acsfs\profiles$\geovannasm\Downloads\ecb97988-bab7-4104-b880-43c547608cac.tmp</t>
  </si>
  <si>
    <t>1f270486-5c3a-401d-b48e-0a39cee97df2.tmp</t>
  </si>
  <si>
    <t>\\acsfs\profiles$\geovannasm\Downloads\1f270486-5c3a-401d-b48e-0a39cee97df2.tmp</t>
  </si>
  <si>
    <t>5bb54b84-b395-4228-a3a9-7c66a9513346.tmp</t>
  </si>
  <si>
    <t>\\acsfs\profiles$\geovannasm\Downloads\5bb54b84-b395-4228-a3a9-7c66a9513346.tmp</t>
  </si>
  <si>
    <t>cad6c169-5910-4f84-a957-27532b269e67.tmp</t>
  </si>
  <si>
    <t>\\acsfs\profiles$\geovannasm\Downloads\cad6c169-5910-4f84-a957-27532b269e67.tmp</t>
  </si>
  <si>
    <t>3ca30548-2f5d-43d9-86c6-02f414aa3c4f.tmp</t>
  </si>
  <si>
    <t>\\acsfs\profiles$\geovannasm\Downloads\3ca30548-2f5d-43d9-86c6-02f414aa3c4f.tmp</t>
  </si>
  <si>
    <t>4c094f88-d845-468c-becb-f04d2362f9bd.tmp</t>
  </si>
  <si>
    <t>\\acsfs\profiles$\geovannasm\Downloads\4c094f88-d845-468c-becb-f04d2362f9bd.tmp</t>
  </si>
  <si>
    <t>898ab17c-599c-41c2-8f54-164c0d4d7779.tmp</t>
  </si>
  <si>
    <t>\\acsfs\profiles$\geovannasm\Downloads\898ab17c-599c-41c2-8f54-164c0d4d7779.tmp</t>
  </si>
  <si>
    <t>ENC: Modelo</t>
  </si>
  <si>
    <t>35e403aa-dd17-4515-8d4e-3fc015869032.tmp</t>
  </si>
  <si>
    <t>\\acsfs\profiles$\yurics\Downloads\35e403aa-dd17-4515-8d4e-3fc015869032.tmp</t>
  </si>
  <si>
    <t>c33f868a-5ca3-4242-9eae-0367e650a27c.tmp</t>
  </si>
  <si>
    <t>\\acsfs\profiles$\yurics\Downloads\c33f868a-5ca3-4242-9eae-0367e650a27c.tmp</t>
  </si>
  <si>
    <t>b86c386c-baca-4e8a-8533-433c329a6e07.tmp</t>
  </si>
  <si>
    <t>\\acsfs\profiles$\yurics\Downloads\b86c386c-baca-4e8a-8533-433c329a6e07.tmp</t>
  </si>
  <si>
    <t>42cf5538-3c67-4c1c-a014-a19bd7b61709.tmp</t>
  </si>
  <si>
    <t>\\acsfs\profiles$\LUCASNS\Downloads\42cf5538-3c67-4c1c-a014-a19bd7b61709.tmp</t>
  </si>
  <si>
    <t>gustavodopt@algartech.com;</t>
  </si>
  <si>
    <t>\\acsfs\engeset\CPV_ULA\ADMINISTRATIVO\CONTROLE ADMINISTRATIVO\DOCUMENTAÇÃO PARA HABILITAÇÃO\Algar Tecnologia\2019\BANCO VOTORANTIM - OPERAÇÕES CONSIGNADO - 14.08.2019\</t>
  </si>
  <si>
    <t>gustavodopt@algartech.com</t>
  </si>
  <si>
    <t>b6e6c36d-d659-4b26-a8d0-89c2b66c9eb3.tmp</t>
  </si>
  <si>
    <t>\\acsfs\profiles$\DALVADFB\Downloads\b6e6c36d-d659-4b26-a8d0-89c2b66c9eb3.tmp</t>
  </si>
  <si>
    <t>.~lock.Relatorio.Recibo.Ferias_20191211082536209660.xls#</t>
  </si>
  <si>
    <t>\\acsfs\profiles$\DALVADFB\Downloads\.~lock.Relatorio.Recibo.Ferias_20191211082536209660.xls#</t>
  </si>
  <si>
    <t>df996925-d136-444c-9f09-8ff319664796.tmp</t>
  </si>
  <si>
    <t>\\acsfs\profiles$\DALVADFB\Downloads\df996925-d136-444c-9f09-8ff319664796.tmp</t>
  </si>
  <si>
    <t>706cb60e-fb1c-4120-911a-605c47e02419.tmp</t>
  </si>
  <si>
    <t>\\acsfs\profiles$\geovanaasa\Downloads\706cb60e-fb1c-4120-911a-605c47e02419.tmp</t>
  </si>
  <si>
    <t>f5cac0db-7bc0-427e-bda2-502d59b602ca.tmp</t>
  </si>
  <si>
    <t>\\acsfs\profiles$\geovanaasa\Downloads\f5cac0db-7bc0-427e-bda2-502d59b602ca.tmp</t>
  </si>
  <si>
    <t>7aaca024-159f-47c6-9e34-3e1d4af6ec08.tmp</t>
  </si>
  <si>
    <t>\\acsfs\profiles$\geovannasm\Downloads\7aaca024-159f-47c6-9e34-3e1d4af6ec08.tmp</t>
  </si>
  <si>
    <t>552dd3d1-ac10-4d0c-b2e2-659ee7970664.tmp</t>
  </si>
  <si>
    <t>\\acsfs\profiles$\geovannasm\Downloads\552dd3d1-ac10-4d0c-b2e2-659ee7970664.tmp</t>
  </si>
  <si>
    <t>tiagorpf@algartech.com.br;</t>
  </si>
  <si>
    <t>tiagorpf@algartech.com.br</t>
  </si>
  <si>
    <t>https://udpmailboxap01.acs.com.br:8443/h/search;jsessionid=ctyjxjams68618b57i2wuxi6m?si=0&amp;so=0&amp;sc=40189&amp;st=conversation&amp;action=compose</t>
  </si>
  <si>
    <t>larissarf@;</t>
  </si>
  <si>
    <t>https://larissarf@</t>
  </si>
  <si>
    <t>larissarf@;larissarf@algartech.com;</t>
  </si>
  <si>
    <t>https://larissarf@,larissarf@algartech.com</t>
  </si>
  <si>
    <t>dcd0325f-b6e2-4e65-b028-c2e996c992ba.tmp</t>
  </si>
  <si>
    <t>\\acsfs\profiles$\yurics\Downloads\dcd0325f-b6e2-4e65-b028-c2e996c992ba.tmp</t>
  </si>
  <si>
    <t>7c5ea9f2-914e-48b3-a238-fff7508a0c9a.tmp</t>
  </si>
  <si>
    <t>\\acsfs\profiles$\LUCASNS\Downloads\7c5ea9f2-914e-48b3-a238-fff7508a0c9a.tmp</t>
  </si>
  <si>
    <t>9d168b87-1aea-4a9b-9e6a-886de3025203.tmp</t>
  </si>
  <si>
    <t>\\acsfs\profiles$\gabrielarb\Downloads\9d168b87-1aea-4a9b-9e6a-886de3025203.tmp</t>
  </si>
  <si>
    <t>f66a119e-cdcd-4747-ad46-264dd35e0104.tmp</t>
  </si>
  <si>
    <t>\\acsfs\profiles$\isabellegtds\Downloads\f66a119e-cdcd-4747-ad46-264dd35e0104.tmp</t>
  </si>
  <si>
    <t>46c216e6-d96f-48c1-95e1-d74069b7b808.tmp</t>
  </si>
  <si>
    <t>\\acsfs\profiles$\isabellegtds\Downloads\46c216e6-d96f-48c1-95e1-d74069b7b808.tmp</t>
  </si>
  <si>
    <t>bcaf8ad5-f6fc-4f04-9a9b-b67ef524a259.tmp</t>
  </si>
  <si>
    <t>\\acsfs\profiles$\DALVADFB\Downloads\bcaf8ad5-f6fc-4f04-9a9b-b67ef524a259.tmp</t>
  </si>
  <si>
    <t>.~lock.Relatorio.Recibo.Ferias_20191211082940209660.xls#</t>
  </si>
  <si>
    <t>\\acsfs\profiles$\DALVADFB\Downloads\.~lock.Relatorio.Recibo.Ferias_20191211082940209660.xls#</t>
  </si>
  <si>
    <t>Monitorias Oficiais.xls</t>
  </si>
  <si>
    <t>68455411-08c7-4b86-ab04-c30dd98016ad.tmp</t>
  </si>
  <si>
    <t>\\acsfs\profiles$\milenaas\Downloads\68455411-08c7-4b86-ab04-c30dd98016ad.tmp</t>
  </si>
  <si>
    <t>mail.google.com/sync/u/0/i/s?hl=pt-BR&amp;c=55</t>
  </si>
  <si>
    <t>mail.google.com/_/upload?authuser=1&amp;dcp=asu-n&amp;upload_id=AEnB2UqSBtrVK1AVCHc2N0f8nqe0-sN61bUHmgzUTJ_CUPAfMvg91BvJH3Fli5Bt8oz5PxXd9s-FDOzBb22KMpjGTAPB_au0ig&amp;upload_protocol=resumable</t>
  </si>
  <si>
    <t>Qualidade - Nov 2019.xlsx</t>
  </si>
  <si>
    <t>lu9844120e19.tmp</t>
  </si>
  <si>
    <t>\\acsfs\profiles$\dhiulliananads\My Documents\lu9844120e19.tmp</t>
  </si>
  <si>
    <t>\\acsfs\profiles$\dhiulliananads\My Documents\lu9844120e19.tmp\</t>
  </si>
  <si>
    <t>\\acsfs\profiles$\dhiulliananads\My Documents\lu9844120e19.tmp\META-INF\</t>
  </si>
  <si>
    <t>\\acsfs\profiles$\dhiulliananads\My Documents\lu9844120e19.tmp\Thumbnails\</t>
  </si>
  <si>
    <t>aa215acc-c070-4433-8ed6-baf77201760d.tmp</t>
  </si>
  <si>
    <t>\\acsfs\profiles$\geovannasm\Downloads\aa215acc-c070-4433-8ed6-baf77201760d.tmp</t>
  </si>
  <si>
    <t>4cfd7fa6-1a7e-4258-9914-058880f36195.tmp</t>
  </si>
  <si>
    <t>\\acsfs\profiles$\PEDROHAB\Downloads\4cfd7fa6-1a7e-4258-9914-058880f36195.tmp</t>
  </si>
  <si>
    <t>dff4da6b-678a-4ba0-97d4-5d98cf56762c.tmp</t>
  </si>
  <si>
    <t>\\acsfs\profiles$\PEDROHAB\Downloads\dff4da6b-678a-4ba0-97d4-5d98cf56762c.tmp</t>
  </si>
  <si>
    <t>c37b9728-6214-42ac-b945-ee8a92bc7238.tmp</t>
  </si>
  <si>
    <t>\\acsfs\profiles$\PEDROHAB\Downloads\c37b9728-6214-42ac-b945-ee8a92bc7238.tmp</t>
  </si>
  <si>
    <t>mail.google.com/sync/u/0/i/s?hl=pt-BR&amp;c=60</t>
  </si>
  <si>
    <t>mail.google.com/sync/u/0/i/s?hl=pt-BR&amp;c=71</t>
  </si>
  <si>
    <t>mail.google.com/sync/u/0/i/s?hl=pt-BR&amp;c=73</t>
  </si>
  <si>
    <t>mail.google.com/sync/u/0/i/s?hl=pt-BR&amp;c=75</t>
  </si>
  <si>
    <t>mail.google.com/sync/u/0/i/s?hl=pt-BR&amp;c=77</t>
  </si>
  <si>
    <t>mail.google.com/sync/u/0/i/s?hl=pt-BR&amp;c=80</t>
  </si>
  <si>
    <t>mail.google.com/sync/u/0/i/s?hl=pt-BR&amp;c=82</t>
  </si>
  <si>
    <t>2c979814-aa85-4cce-8589-c419903b51b8.tmp</t>
  </si>
  <si>
    <t>\\acsfs\profiles$\matheushds\Downloads\2c979814-aa85-4cce-8589-c419903b51b8.tmp</t>
  </si>
  <si>
    <t>8d32fb2c-2cf7-4e35-bc60-b39ea0c3d642.tmp</t>
  </si>
  <si>
    <t>\\acsfs\profiles$\DALVADFB\Downloads\8d32fb2c-2cf7-4e35-bc60-b39ea0c3d642.tmp</t>
  </si>
  <si>
    <t>5df5f9fe-48d6-4182-889e-05bca38a64f0.tmp</t>
  </si>
  <si>
    <t>\\acsfs\profiles$\deborahsi\Downloads\5df5f9fe-48d6-4182-889e-05bca38a64f0.tmp</t>
  </si>
  <si>
    <t>lu9844120e1e.tmp</t>
  </si>
  <si>
    <t>\\acsfs\profiles$\dhiulliananads\My Documents\lu9844120e1e.tmp</t>
  </si>
  <si>
    <t>\\acsfs\profiles$\dhiulliananads\My Documents\lu9844120e1e.tmp\</t>
  </si>
  <si>
    <t>\\acsfs\profiles$\dhiulliananads\My Documents\lu9844120e1e.tmp\META-INF\</t>
  </si>
  <si>
    <t>\\acsfs\profiles$\dhiulliananads\My Documents\lu9844120e1e.tmp\Thumbnails\</t>
  </si>
  <si>
    <t>lu9844120e1j.tmp</t>
  </si>
  <si>
    <t>\\acsfs\profiles$\dhiulliananads\My Documents\lu9844120e1j.tmp</t>
  </si>
  <si>
    <t>\\acsfs\profiles$\dhiulliananads\My Documents\lu9844120e1j.tmp\</t>
  </si>
  <si>
    <t>\\acsfs\profiles$\dhiulliananads\My Documents\lu9844120e1j.tmp\META-INF\</t>
  </si>
  <si>
    <t>\\acsfs\profiles$\dhiulliananads\My Documents\lu9844120e1j.tmp\Thumbnails\</t>
  </si>
  <si>
    <t>ea91bfa6-b3eb-41a3-a6e4-22d4d5073906.tmp</t>
  </si>
  <si>
    <t>\\acsfs\profiles$\matheushds\Downloads\ea91bfa6-b3eb-41a3-a6e4-22d4d5073906.tmp</t>
  </si>
  <si>
    <t>lu9844120e1o.tmp</t>
  </si>
  <si>
    <t>\\acsfs\profiles$\dhiulliananads\My Documents\lu9844120e1o.tmp</t>
  </si>
  <si>
    <t>\\acsfs\profiles$\dhiulliananads\My Documents\lu9844120e1o.tmp\</t>
  </si>
  <si>
    <t>\\acsfs\profiles$\dhiulliananads\My Documents\lu9844120e1o.tmp\META-INF\</t>
  </si>
  <si>
    <t>\\acsfs\profiles$\dhiulliananads\My Documents\lu9844120e1o.tmp\Thumbnails\</t>
  </si>
  <si>
    <t>Valor Prêmio por Operador Dezembro - até 09.12.pdf.nojn6bt.partial</t>
  </si>
  <si>
    <t>\\acsfs\profiles$\kellzylenneasr\Downloads\Valor Prêmio por Operador Dezembro - até 09.12.pdf.nojn6bt.partial</t>
  </si>
  <si>
    <t>Template horas (1).xlsx</t>
  </si>
  <si>
    <t>adrielyas</t>
  </si>
  <si>
    <t>\\acsfs\profiles$\adrielyas\Downloads\</t>
  </si>
  <si>
    <t>ffc19bed-c60a-48d6-a433-be345902207b.tmp</t>
  </si>
  <si>
    <t>\\acsfs\profiles$\adrielyas\Downloads\ffc19bed-c60a-48d6-a433-be345902207b.tmp</t>
  </si>
  <si>
    <t>2c7a5bf4-0773-46c4-807a-487c4d91f37d.tmp</t>
  </si>
  <si>
    <t>\\acsfs\profiles$\adrielyas\Downloads\2c7a5bf4-0773-46c4-807a-487c4d91f37d.tmp</t>
  </si>
  <si>
    <t>11/28/2019 15:36:05</t>
  </si>
  <si>
    <t>4552195a-8286-471e-a104-1a9769473faf.tmp</t>
  </si>
  <si>
    <t>\\acsfs\profiles$\KARENDSR\Downloads\4552195a-8286-471e-a104-1a9769473faf.tmp</t>
  </si>
  <si>
    <t>58eb4ad4-0334-4148-a8ce-91b06bfaca9e.tmp</t>
  </si>
  <si>
    <t>\\acsfs\profiles$\KARENDSR\Downloads\58eb4ad4-0334-4148-a8ce-91b06bfaca9e.tmp</t>
  </si>
  <si>
    <t>https://udpmailboxap01.acs.com.br:8443/h/search;jsessionid=1qgzxovzx6mmqmjt3p7kk13s9?si=0&amp;so=0&amp;sc=40245&amp;st=conversation&amp;action=compose</t>
  </si>
  <si>
    <t>f5bcc5ae-1bb7-4a5d-a3d2-16eef930a78b.tmp</t>
  </si>
  <si>
    <t>\\acsfs\profiles$\JOAOVAL\Downloads\f5bcc5ae-1bb7-4a5d-a3d2-16eef930a78b.tmp</t>
  </si>
  <si>
    <t>89164afc-ea5d-4c70-8f2e-a692b346a83a.tmp</t>
  </si>
  <si>
    <t>\\acsfs\profiles$\JOAOVAL\Downloads\89164afc-ea5d-4c70-8f2e-a692b346a83a.tmp</t>
  </si>
  <si>
    <t>d6ef1d69-c9dd-4567-b9ea-b7b648550a57.tmp</t>
  </si>
  <si>
    <t>\\acsfs\profiles$\JOAOVAL\Downloads\d6ef1d69-c9dd-4567-b9ea-b7b648550a57.tmp</t>
  </si>
  <si>
    <t>lu9844120e1x.tmp</t>
  </si>
  <si>
    <t>\\acsfs\profiles$\dhiulliananads\My Documents\lu9844120e1x.tmp</t>
  </si>
  <si>
    <t>\\acsfs\profiles$\dhiulliananads\My Documents\lu9844120e1x.tmp\</t>
  </si>
  <si>
    <t>\\acsfs\profiles$\dhiulliananads\My Documents\lu9844120e1x.tmp\META-INF\</t>
  </si>
  <si>
    <t>\\acsfs\profiles$\dhiulliananads\My Documents\lu9844120e1x.tmp\Thumbnails\</t>
  </si>
  <si>
    <t>eb45340b-bdec-42f5-81f8-5b788de54a57.tmp</t>
  </si>
  <si>
    <t>\\acsfs\profiles$\KARENDSR\Downloads\eb45340b-bdec-42f5-81f8-5b788de54a57.tmp</t>
  </si>
  <si>
    <t>383d678b-7b35-4082-91af-dcf172cc2603.tmp</t>
  </si>
  <si>
    <t>\\acsfs\profiles$\JOAOVAL\Downloads\383d678b-7b35-4082-91af-dcf172cc2603.tmp</t>
  </si>
  <si>
    <t>bffd872f-f08a-4699-8507-5b97f3c7496d.tmp</t>
  </si>
  <si>
    <t>\\acsfs\profiles$\geovannasm\Downloads\bffd872f-f08a-4699-8507-5b97f3c7496d.tmp</t>
  </si>
  <si>
    <t>10.201.164.30</t>
  </si>
  <si>
    <t>andremg@algartecnologia.com.br;grazielabo@algartech.com;lponcioni@yahsat.com;</t>
  </si>
  <si>
    <t>MAT Matrix 111219.xlsx</t>
  </si>
  <si>
    <t>andremg@algartecnologia.com.br,grazielabo@algartech.com,lponcioni@yahsat.com</t>
  </si>
  <si>
    <t>345d1909-f87d-481c-8356-2d070a1565d1.tmp</t>
  </si>
  <si>
    <t>\\acsfs\profiles$\isabellegtds\Downloads\345d1909-f87d-481c-8356-2d070a1565d1.tmp</t>
  </si>
  <si>
    <t>f390b311-9152-4438-a0de-ed6fea64cf77.tmp</t>
  </si>
  <si>
    <t>\\acsfs\profiles$\alessandraan\Downloads\f390b311-9152-4438-a0de-ed6fea64cf77.tmp</t>
  </si>
  <si>
    <t>b001a13a-95c7-449b-a7d7-33095d34b2d4.tmp</t>
  </si>
  <si>
    <t>\\acsfs\profiles$\alessandraan\Downloads\b001a13a-95c7-449b-a7d7-33095d34b2d4.tmp</t>
  </si>
  <si>
    <t>2cb7b686-5100-4e80-822e-29eb4b613979.tmp</t>
  </si>
  <si>
    <t>\\acsfs\profiles$\alessandraan\Downloads\2cb7b686-5100-4e80-822e-29eb4b613979.tmp</t>
  </si>
  <si>
    <t>118078be-61fd-4c18-a9a5-78189d156d4c.tmp</t>
  </si>
  <si>
    <t>\\acsfs\profiles$\alessandraan\Downloads\118078be-61fd-4c18-a9a5-78189d156d4c.tmp</t>
  </si>
  <si>
    <t>8e24a025-280e-413a-aeda-44919acd241d.tmp</t>
  </si>
  <si>
    <t>\\acsfs\profiles$\alessandraan\Downloads\8e24a025-280e-413a-aeda-44919acd241d.tmp</t>
  </si>
  <si>
    <t>C:\temp\CollectIT\</t>
  </si>
  <si>
    <t>C:\Users\polati\OneDrive - Grupo Algar\algar\bradesco 2019\Apresentação Bradesco Melhado.pptx\</t>
  </si>
  <si>
    <t>\\acsfs\deptos\dme\cme - coordenacao de marketing e estrategia\gestão da Área\reuniões de governança\redir vendas\2019\10 - dezembro\redir_vendas_dmv _2019_v3.pptx\</t>
  </si>
  <si>
    <t>b240a216-bf0f-4c45-a9ec-715d175bd316.tmp</t>
  </si>
  <si>
    <t>\\acsfs\profiles$\isabellegtds\Downloads\b240a216-bf0f-4c45-a9ec-715d175bd316.tmp</t>
  </si>
  <si>
    <t>ddd2fc8e-5cae-47b8-b74f-e3b65417d6fe.tmp</t>
  </si>
  <si>
    <t>\\acsfs\profiles$\alessandraan\Downloads\ddd2fc8e-5cae-47b8-b74f-e3b65417d6fe.tmp</t>
  </si>
  <si>
    <t>10.200.66.177</t>
  </si>
  <si>
    <t>MATHEUS HENRIQUE DOS SANTOS (17428).contact</t>
  </si>
  <si>
    <t>\\acsfs\profiles$\matheushds\Contacts\MATHEUS HENRIQUE DOS SANTOS (17428).contact</t>
  </si>
  <si>
    <t>\\acsfs\profiles$\matheushds\My Documents\My Videos\</t>
  </si>
  <si>
    <t>\\acsfs\profiles$\matheushds\My Documents\My Videos\desktop.ini</t>
  </si>
  <si>
    <t>\\acsfs\profiles$\matheushds\My Documents\My Pictures\</t>
  </si>
  <si>
    <t>\\acsfs\profiles$\matheushds\My Documents\My Pictures\desktop.ini</t>
  </si>
  <si>
    <t>\\acsfs\profiles$\matheushds\Contacts\desktop.ini</t>
  </si>
  <si>
    <t>\\acsfs\profiles$\matheushds\Favorites\</t>
  </si>
  <si>
    <t>\\acsfs\profiles$\matheushds\Favorites\desktop.ini</t>
  </si>
  <si>
    <t>\\acsfs\profiles$\matheushds\My Documents\My Music\</t>
  </si>
  <si>
    <t>\\acsfs\profiles$\matheushds\My Documents\My Music\desktop.ini</t>
  </si>
  <si>
    <t>\\acsfs\profiles$\matheushds\Searches\</t>
  </si>
  <si>
    <t>\\acsfs\profiles$\matheushds\Searches\desktop.ini</t>
  </si>
  <si>
    <t>\\acsfs\profiles$\matheushds\Downloads\desktop.ini</t>
  </si>
  <si>
    <t>\\acsfs\profiles$\matheushds\My Documents\</t>
  </si>
  <si>
    <t>\\acsfs\profiles$\matheushds\My Documents\desktop.ini</t>
  </si>
  <si>
    <t>\\acsfs\profiles$\matheushds\Saved Games\</t>
  </si>
  <si>
    <t>\\acsfs\profiles$\matheushds\Saved Games\desktop.ini</t>
  </si>
  <si>
    <t>\\acsfs\profiles$\matheushds\Favorites\Links for Brasil\desktop.ini</t>
  </si>
  <si>
    <t>bdc4d977-b88f-444e-8e90-ce9f9cf6043b.tmp</t>
  </si>
  <si>
    <t>\\acsfs\profiles$\geovannasm\Downloads\bdc4d977-b88f-444e-8e90-ce9f9cf6043b.tmp</t>
  </si>
  <si>
    <t>https://www.portalsinergyrh.com.br/operador/quadrocolaboradores/subirexcelgestorescomvalidacao</t>
  </si>
  <si>
    <t>Importar_Quadro_Colaboradores_Sinergy - Quille.xlsx</t>
  </si>
  <si>
    <t>Gamification - Coordenadores (1).xlsm</t>
  </si>
  <si>
    <t>/o=exchangelabs/ou=exchange administrative group (fydibohf23spdlt)/cn=recipients/cn=0bafe1ed27024338be4e911e19871cd1-william rob;/o=exchangelabs/ou=exchange administrative group (fydibohf23spdlt)/cn=recipients/cn=2144abc9537143519f505fcb8550b74c-juliana emi;/o=exchangelabs/ou=exchange administrative group (fydibohf23spdlt)/cn=recipients/cn=287c26b08a0f48578479a15a452f025d-edilson rod;/o=exchangelabs/ou=exchange administrative group (fydibohf23spdlt)/cn=recipients/cn=372a4aee70df4061aed129651510b96b-raul montei;/o=exchangelabs/ou=exchange administrative group (fydibohf23spdlt)/cn=recipients/cn=3b76b3dd02a14d289cc323d3c8d12b81-waleska mar;/o=exchangelabs/ou=exchange administrative group (fydibohf23spdlt)/cn=recipients/cn=44f0a666541444e787f23979b24aa3bd-reginaldo r;/o=exchangelabs/ou=exchange administrative group (fydibohf23spdlt)/cn=recipients/cn=55f846c335d7437f892f0b0d49c89e92-celma ribei;/o=exchangelabs/ou=exchange administrative group (fydibohf23spdlt)/cn=recipients/cn=56c2af2d07fd48c0aebfc00ddc006494-ales</t>
  </si>
  <si>
    <t>/o=exchangelabs/ou=exchange administrative group (fydibohf23spdlt)/cn=recipients/cn=0bafe1ed27024338be4e911e19871cd1-william rob,/o=exchangelabs/ou=exchange administrative group (fydibohf23spdlt)/cn=recipients/cn=2144abc9537143519f505fcb8550b74c-juliana emi,/o=exchangelabs/ou=exchange administrative group (fydibohf23spdlt)/cn=recipients/cn=287c26b08a0f48578479a15a452f025d-edilson rod,/o=exchangelabs/ou=exchange administrative group (fydibohf23spdlt)/cn=recipients/cn=372a4aee70df4061aed129651510b96b-raul montei,/o=exchangelabs/ou=exchange administrative group (fydibohf23spdlt)/cn=recipients/cn=3b76b3dd02a14d289cc323d3c8d12b81-waleska mar,/o=exchangelabs/ou=exchange administrative group (fydibohf23spdlt)/cn=recipients/cn=44f0a666541444e787f23979b24aa3bd-reginaldo r,/o=exchangelabs/ou=exchange administrative group (fydibohf23spdlt)/cn=recipients/cn=55f846c335d7437f892f0b0d49c89e92-celma ribei,/o=exchangelabs/ou=exchange administrative group (fydibohf23spdlt)/cn=recipients/cn=56c2af2d07fd48c0aebfc00ddc006494-ales</t>
  </si>
  <si>
    <t>/o=exchangelabs/ou=exchange administrative group (fydibohf23spdlt)/cn=recipients/cn=010c9ad8a2ca4b90b7642d039dda856e-karolyne ca;/o=exchangelabs/ou=exchange administrative group (fydibohf23spdlt)/cn=recipients/cn=01aeb64eff0d4de086089df15fb8ab85-lidiana fer;/o=exchangelabs/ou=exchange administrative group (fydibohf23spdlt)/cn=recipients/cn=022f9be39d034221ac81aa3656cce40a-ana paula s;/o=exchangelabs/ou=exchange administrative group (fydibohf23spdlt)/cn=recipients/cn=026b94ca382e4c53b6edc028cfd1185a-alvaro brun;/o=exchangelabs/ou=exchange administrative group (fydibohf23spdlt)/cn=recipients/cn=0397d0473d5f42a78f4b9ffd0e537f3a-paula garci;/o=exchangelabs/ou=exchange administrative group (fydibohf23spdlt)/cn=recipients/cn=04ff9975af994627902477cd10e5d09d-fabricio vi;/o=exchangelabs/ou=exchange administrative group (fydibohf23spdlt)/cn=recipients/cn=0673cd34d1b2417c834ebe2a895edd43-maicon mora;/o=exchangelabs/ou=exchange administrative group (fydibohf23spdlt)/cn=recipients/cn=06c212ca7d9b400c9209ba4b0d93851d-ziln</t>
  </si>
  <si>
    <t>/o=exchangelabs/ou=exchange administrative group (fydibohf23spdlt)/cn=recipients/cn=010c9ad8a2ca4b90b7642d039dda856e-karolyne ca,/o=exchangelabs/ou=exchange administrative group (fydibohf23spdlt)/cn=recipients/cn=01aeb64eff0d4de086089df15fb8ab85-lidiana fer,/o=exchangelabs/ou=exchange administrative group (fydibohf23spdlt)/cn=recipients/cn=022f9be39d034221ac81aa3656cce40a-ana paula s,/o=exchangelabs/ou=exchange administrative group (fydibohf23spdlt)/cn=recipients/cn=026b94ca382e4c53b6edc028cfd1185a-alvaro brun,/o=exchangelabs/ou=exchange administrative group (fydibohf23spdlt)/cn=recipients/cn=0397d0473d5f42a78f4b9ffd0e537f3a-paula garci,/o=exchangelabs/ou=exchange administrative group (fydibohf23spdlt)/cn=recipients/cn=04ff9975af994627902477cd10e5d09d-fabricio vi,/o=exchangelabs/ou=exchange administrative group (fydibohf23spdlt)/cn=recipients/cn=0673cd34d1b2417c834ebe2a895edd43-maicon mora,/o=exchangelabs/ou=exchange administrative group (fydibohf23spdlt)/cn=recipients/cn=06c212ca7d9b400c9209ba4b0d93851d-ziln</t>
  </si>
  <si>
    <t>/o=exchangelabs/ou=exchange administrative group (fydibohf23spdlt)/cn=recipients/cn=01dd947fa5e64c6cb9bbbb6c6ff21082-amanda silv;/o=exchangelabs/ou=exchange administrative group (fydibohf23spdlt)/cn=recipients/cn=06eba9dd66a84d6dac3305733f375dfa-mariana cas;/o=exchangelabs/ou=exchange administrative group (fydibohf23spdlt)/cn=recipients/cn=086b170a09044ccdba122e7be04d9f61-flavia viei;/o=exchangelabs/ou=exchange administrative group (fydibohf23spdlt)/cn=recipients/cn=0cbce90bdb1a497884c650ccf6bb3f11-denise marq;/o=exchangelabs/ou=exchange administrative group (fydibohf23spdlt)/cn=recipients/cn=1240e848bce64e59af49d023f1dd86c6-aline carol;/o=exchangelabs/ou=exchange administrative group (fydibohf23spdlt)/cn=recipients/cn=191451e2fbde4ab1bf9afab3d1c50cc6-viviane gon;/o=exchangelabs/ou=exchange administrative group (fydibohf23spdlt)/cn=recipients/cn=1959867b12eb4c37a852b7cf1cfb6ab2-vanessa oli;/o=exchangelabs/ou=exchange administrative group (fydibohf23spdlt)/cn=recipients/cn=2900e0e686484dc1b9e0b0e14c20d4b9-rafa</t>
  </si>
  <si>
    <t>/o=exchangelabs/ou=exchange administrative group (fydibohf23spdlt)/cn=recipients/cn=01dd947fa5e64c6cb9bbbb6c6ff21082-amanda silv,/o=exchangelabs/ou=exchange administrative group (fydibohf23spdlt)/cn=recipients/cn=06eba9dd66a84d6dac3305733f375dfa-mariana cas,/o=exchangelabs/ou=exchange administrative group (fydibohf23spdlt)/cn=recipients/cn=086b170a09044ccdba122e7be04d9f61-flavia viei,/o=exchangelabs/ou=exchange administrative group (fydibohf23spdlt)/cn=recipients/cn=0cbce90bdb1a497884c650ccf6bb3f11-denise marq,/o=exchangelabs/ou=exchange administrative group (fydibohf23spdlt)/cn=recipients/cn=1240e848bce64e59af49d023f1dd86c6-aline carol,/o=exchangelabs/ou=exchange administrative group (fydibohf23spdlt)/cn=recipients/cn=191451e2fbde4ab1bf9afab3d1c50cc6-viviane gon,/o=exchangelabs/ou=exchange administrative group (fydibohf23spdlt)/cn=recipients/cn=1959867b12eb4c37a852b7cf1cfb6ab2-vanessa oli,/o=exchangelabs/ou=exchange administrative group (fydibohf23spdlt)/cn=recipients/cn=2900e0e686484dc1b9e0b0e14c20d4b9-rafa</t>
  </si>
  <si>
    <t>a8aa7d88-6442-4281-97c3-d71b400c34c2.tmp</t>
  </si>
  <si>
    <t>\\acsfs\profiles$\matheushds\Downloads\a8aa7d88-6442-4281-97c3-d71b400c34c2.tmp</t>
  </si>
  <si>
    <t>b60450ac-b5df-4dea-852f-f2d8a16f4c50.tmp</t>
  </si>
  <si>
    <t>\\acsfs\profiles$\matheushds\Downloads\b60450ac-b5df-4dea-852f-f2d8a16f4c50.tmp</t>
  </si>
  <si>
    <t>mail.google.com/_/upload?authuser=0&amp;dcp=asu-n&amp;upload_id=AEnB2UoWDPzniEclZvKzvwo6o-zO5CjSovYlX7V43dIE9-1Jfy0fRK82U_5vnW02GQgKZJ7XSfBDMLIocTc5Hqp5FS0J5zWK7g&amp;upload_protocol=resumable</t>
  </si>
  <si>
    <t>adalbertoms@algartech.com;adevilsonfa@algartech.com;andersonoa@algartech.com;diogo.milanez@algartech.com;edilson@algartech.com;fabiohs@algartech.com;heitorft@algartech.com;leandro.pereira@algartech.com;marceloat@algartech.com;marciols@algartech.com;rafaelrls@algartech.com;volneifvf@algartech.com;</t>
  </si>
  <si>
    <t>GA_Perfis_Algar_REDES.xlsx</t>
  </si>
  <si>
    <t>adalbertoms@algartech.com,adevilsonfa@algartech.com,andersonoa@algartech.com,diogo.milanez@algartech.com,edilson@algartech.com,fabiohs@algartech.com,heitorft@algartech.com,leandro.pereira@algartech.com,marceloat@algartech.com,marciols@algartech.com,rafaelrls@algartech.com,volneifvf@algartech.com</t>
  </si>
  <si>
    <t>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68e6aa2e3fef4ccaba997d98294c9ed5-cristina he;/o=exchangelabs/ou=exchange administrative group (fydibohf23spdlt)/cn=recipients/cn=b284454839e94314a90d49e7ec00864f-antonio car;/o=exchangelabs/ou=exchange administrative group (fydibohf23spdlt)/cn=recipients/cn=b712c36eebee42428d3790abe2696417-romario gom;</t>
  </si>
  <si>
    <t>ENC: Dados para o Fórum Novembro | Enviar até dia 09/12/2019</t>
  </si>
  <si>
    <t>Fórum de Resultados NEXT Novembro_12.pptx\</t>
  </si>
  <si>
    <t>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68e6aa2e3fef4ccaba997d98294c9ed5-cristina he,/o=exchangelabs/ou=exchange administrative group (fydibohf23spdlt)/cn=recipients/cn=b284454839e94314a90d49e7ec00864f-antonio car,/o=exchangelabs/ou=exchange administrative group (fydibohf23spdlt)/cn=recipients/cn=b712c36eebee42428d3790abe2696417-romario gom</t>
  </si>
  <si>
    <t>lu9844120e26.tmp</t>
  </si>
  <si>
    <t>\\acsfs\profiles$\dhiulliananads\My Documents\lu9844120e26.tmp</t>
  </si>
  <si>
    <t>\\acsfs\profiles$\dhiulliananads\My Documents\lu9844120e26.tmp\</t>
  </si>
  <si>
    <t>\\acsfs\profiles$\dhiulliananads\My Documents\lu9844120e26.tmp\META-INF\</t>
  </si>
  <si>
    <t>\\acsfs\profiles$\dhiulliananads\My Documents\lu9844120e26.tmp\Thumbnails\</t>
  </si>
  <si>
    <t>84037d3b-4453-46b7-880b-9b8999cbe194.tmp</t>
  </si>
  <si>
    <t>\\acsfs\profiles$\sarahbal\Downloads\84037d3b-4453-46b7-880b-9b8999cbe194.tmp</t>
  </si>
  <si>
    <t>wasleylc@algartech.com;william.koyama@youse.com.br;</t>
  </si>
  <si>
    <t>Dimensionamento SAC</t>
  </si>
  <si>
    <t>Planejamento SAC 90-10.xlsx</t>
  </si>
  <si>
    <t>wasleylc@algartech.com,william.koyama@youse.com.br</t>
  </si>
  <si>
    <t>https://udpmailboxap01/h/search?si=0&amp;so=0&amp;sc=40387&amp;sfi=2&amp;st=message&amp;action=compose</t>
  </si>
  <si>
    <t>mar;</t>
  </si>
  <si>
    <t>https://mar</t>
  </si>
  <si>
    <t>mar;maristelavodq@bv.algartech.com;</t>
  </si>
  <si>
    <t>https://mar,maristelavodq@bv.algartech.com</t>
  </si>
  <si>
    <t>718d4bcf-6b8b-4a12-aae7-42689f57a139.tmp</t>
  </si>
  <si>
    <t>\\acsfs\profiles$\isabellegtds\Downloads\718d4bcf-6b8b-4a12-aae7-42689f57a139.tmp</t>
  </si>
  <si>
    <t>0929f1dc-d951-4551-8347-eed97a2bb164.tmp</t>
  </si>
  <si>
    <t>\\acsfs\profiles$\isabellegtds\Downloads\0929f1dc-d951-4551-8347-eed97a2bb164.tmp</t>
  </si>
  <si>
    <t>D:\OneDrive\AlgarTech\Pré-Vendas\Cliente\2019\A100\215436 - A100 - SPOF - Option 1\</t>
  </si>
  <si>
    <t>215436_Dimensionamento_GP.xlsx</t>
  </si>
  <si>
    <t>a87045e2-7fe7-403c-9183-e23a7aa5511f.tmp</t>
  </si>
  <si>
    <t>\\acsfs\profiles$\luanarda\Downloads\a87045e2-7fe7-403c-9183-e23a7aa5511f.tmp</t>
  </si>
  <si>
    <t>fb38f35e-9a58-4825-b959-4b53d4103f5e.tmp</t>
  </si>
  <si>
    <t>\\acsfs\profiles$\sarahbal\Downloads\fb38f35e-9a58-4825-b959-4b53d4103f5e.tmp</t>
  </si>
  <si>
    <t>TALITA SANTOS SILVA CASTRO (6381).contact</t>
  </si>
  <si>
    <t>\\acsfs\profiles$\talitassc\Contacts\TALITA SANTOS SILVA CASTRO (6381).contact</t>
  </si>
  <si>
    <t>\\acsfs\profiles$\talitassc\My Documents\My Videos\</t>
  </si>
  <si>
    <t>\\acsfs\profiles$\talitassc\My Documents\My Videos\desktop.ini</t>
  </si>
  <si>
    <t>\\acsfs\profiles$\talitassc\My Documents\My Pictures\</t>
  </si>
  <si>
    <t>\\acsfs\profiles$\talitassc\My Documents\My Pictures\desktop.ini</t>
  </si>
  <si>
    <t>\\acsfs\profiles$\talitassc\Contacts\desktop.ini</t>
  </si>
  <si>
    <t>\\acsfs\profiles$\talitassc\Favorites\</t>
  </si>
  <si>
    <t>\\acsfs\profiles$\talitassc\Favorites\desktop.ini</t>
  </si>
  <si>
    <t>\\acsfs\profiles$\talitassc\My Documents\My Music\</t>
  </si>
  <si>
    <t>\\acsfs\profiles$\talitassc\My Documents\My Music\desktop.ini</t>
  </si>
  <si>
    <t>\\acsfs\profiles$\talitassc\Searches\</t>
  </si>
  <si>
    <t>\\acsfs\profiles$\talitassc\Searches\desktop.ini</t>
  </si>
  <si>
    <t>\\acsfs\profiles$\talitassc\Downloads\</t>
  </si>
  <si>
    <t>\\acsfs\profiles$\talitassc\Downloads\desktop.ini</t>
  </si>
  <si>
    <t>\\acsfs\profiles$\talitassc\My Documents\</t>
  </si>
  <si>
    <t>\\acsfs\profiles$\talitassc\My Documents\desktop.ini</t>
  </si>
  <si>
    <t>\\acsfs\profiles$\talitassc\Saved Games\</t>
  </si>
  <si>
    <t>\\acsfs\profiles$\talitassc\Saved Games\desktop.ini</t>
  </si>
  <si>
    <t>\\acsfs\profiles$\talitassc\Favorites\Links for Brasil\desktop.ini</t>
  </si>
  <si>
    <t>73dcced3-a364-43de-a738-b20d096828bc.tmp</t>
  </si>
  <si>
    <t>\\acsfs\profiles$\sarahbal\Downloads\73dcced3-a364-43de-a738-b20d096828bc.tmp</t>
  </si>
  <si>
    <t>C:\Users\lucianabo\Desktop\2019\12 - Dezembro\PRÉVIA\</t>
  </si>
  <si>
    <t>DESLIGAMENTOS QLIKVIEW BI TOP - 10122019 22H17.xlsx</t>
  </si>
  <si>
    <t>mail.google.com/_/upload?authuser=0&amp;dcp=asu-n&amp;upload_id=AEnB2UqTiTLJ-BbkV4jYMHy-tDaEMQBtLEmgRHxVDrcPagT2glwPUNrztK_H66Ok9aY2mEouyzaOFOiOWfQVXLN6oUfiQbQA21fbgb11BwB50uGcpaE5g2E&amp;upload_protocol=resumable</t>
  </si>
  <si>
    <t>GA_Perfis_Algar.xlsx</t>
  </si>
  <si>
    <t>mail.google.com/_/upload?authuser=1&amp;dcp=asu-n&amp;upload_id=AEnB2UpksTG6085_qQVUpYYSQ2v8Lqwrsj7qRga15hpafZPt_EcNTqUupTgyS-HAD4gVZVwcqqJV_-nQZ6wL6o_1Zpf-zFoBaw&amp;upload_protocol=resumable</t>
  </si>
  <si>
    <t>Plan Precificacao C018 B018_v3.xlsb</t>
  </si>
  <si>
    <t>C:\Users\suelenmm\Downloads\Plan Precificacao C018 B018_v3.xlsb\</t>
  </si>
  <si>
    <t>Preco_217474_DR_GM_V2.xlsb</t>
  </si>
  <si>
    <t>LPU_SAGE_Final_V2.xlsx</t>
  </si>
  <si>
    <t>1b9023f8-e5bc-4eae-891e-ec6b9f39b88c.tmp</t>
  </si>
  <si>
    <t>\\acsfs\profiles$\DALVADFB\Downloads\1b9023f8-e5bc-4eae-891e-ec6b9f39b88c.tmp</t>
  </si>
  <si>
    <t>5a473e77-fc4b-4498-8245-c5b0674727ab.tmp</t>
  </si>
  <si>
    <t>\\acsfs\profiles$\DALVADFB\Downloads\5a473e77-fc4b-4498-8245-c5b0674727ab.tmp</t>
  </si>
  <si>
    <t>\\acsfs\profiles$\milennyss\Favorites\Minha Escala - 1.url\</t>
  </si>
  <si>
    <t>\\acsfs\profiles$\milennyss\Favorites\Minha Escala - 1.url\:favicon:$DATA</t>
  </si>
  <si>
    <t>Minha Escala - 1.url</t>
  </si>
  <si>
    <t>\\acsfs\profiles$\milennyss\Favorites\Minha Escala - 1.url</t>
  </si>
  <si>
    <t>C:\Users\rodrigombu\OneDrive - Grupo Algar\Whirlpool\2019\12 - Dezembro\Arquivos\RAF\</t>
  </si>
  <si>
    <t>Produtividade RAF -DEZ-2019 - 09 -12- 2019.xlsm</t>
  </si>
  <si>
    <t>289a282e-f484-417a-b3a6-fb9e39e37cb5.tmp</t>
  </si>
  <si>
    <t>\\acsfs\profiles$\yurics\Downloads\289a282e-f484-417a-b3a6-fb9e39e37cb5.tmp</t>
  </si>
  <si>
    <t>199252 Marista Plan Precificacao C017 B017_v3_Pacote256Ativos - Copia.xlsb</t>
  </si>
  <si>
    <t>D:\OneDrive\AlgarTech\Pré-Vendas\Cliente\2019\Marista\199252 - NOC + WIT\1. Precificação\199252 Marista Plan Precificacao C017 B017_v3_Pacote256Ativos - Copia.xlsb\</t>
  </si>
  <si>
    <t>C:\Users\ythiakgm\Downloads\</t>
  </si>
  <si>
    <t>RelatorioCadastroGeralAlgar_20191211095034.xls</t>
  </si>
  <si>
    <t>C:\Users\edilsonrb\Documents\02.Trabalho\85.ANO.2019\04.CLIENTES\02.AMAZON\</t>
  </si>
  <si>
    <t>2019_12_06_QA_ODATA respostas BV (1).xlsx</t>
  </si>
  <si>
    <t>C:\Users\wanessabds\Downloads\</t>
  </si>
  <si>
    <t>8f8ecfe2-4f42-4dd7-a2df-74e792359a96.tmp</t>
  </si>
  <si>
    <t>\\acsfs\profiles$\ERICALSR\Downloads\8f8ecfe2-4f42-4dd7-a2df-74e792359a96.tmp</t>
  </si>
  <si>
    <t>mail.google.com/_/upload?authuser=0&amp;dcp=asu-n&amp;upload_id=AEnB2UrZx6kxaGJG2Je763k2u2rSiQjil3QiWt9q_313A13PRZxmmDjmdQnz4T0pWFVgYpZzrfie4Q6eBpOxrp1L6dWk8dXdswgHbPFeSnUcuWZRrZ2splQ&amp;upload_protocol=resumable</t>
  </si>
  <si>
    <t>brendabn@algartech.com;eunice.pimenta@algartech.com;fabianacscg@algartech.com;karinars@algartech.com;katiagcc@algartech.com;luizavs@algartech.com;marcospr@algartech.com;marianagso@algartech.com;rodrigombu@algartech.com;</t>
  </si>
  <si>
    <t>C:\Projetos\WHP\SUPORTE\06_AJUSTE_POWER_BI_PESQUISA_SATISFACAO\</t>
  </si>
  <si>
    <t>Whirlpool_Lista_RoutingPoint_VDN.xlsx</t>
  </si>
  <si>
    <t>brendabn@algartech.com,eunice.pimenta@algartech.com,fabianacscg@algartech.com,karinars@algartech.com,katiagcc@algartech.com,luizavs@algartech.com,marcospr@algartech.com,marianagso@algartech.com,rodrigombu@algartech.com</t>
  </si>
  <si>
    <t>mail.google.com/sync/u/0/i/s?hl=pt-BR&amp;c=29</t>
  </si>
  <si>
    <t>mail.google.com/sync/u/0/i/s?hl=pt-BR&amp;c=31</t>
  </si>
  <si>
    <t>mail.google.com/sync/u/0/i/s?hl=pt-BR&amp;c=36</t>
  </si>
  <si>
    <t>mail.google.com/sync/u/0/i/s?hl=pt-BR&amp;c=39</t>
  </si>
  <si>
    <t>mail.google.com/sync/u/0/i/s?hl=pt-BR&amp;c=43</t>
  </si>
  <si>
    <t>mail.google.com/sync/u/0/i/s?hl=pt-BR&amp;c=48</t>
  </si>
  <si>
    <t>mail.google.com/sync/u/0/i/s?hl=pt-BR&amp;c=50</t>
  </si>
  <si>
    <t>ENC: ID 152042 RFQ - Pedido de oferta A4216_RFQ_58521 - TIM</t>
  </si>
  <si>
    <t>LPU Manutenção Definitiva.xlsx</t>
  </si>
  <si>
    <t>199252 Marista Plan Precificacao C017 B017_v3_Pacote256Ativos_Recorrente_ATIVOSADICIONAIS - Copia.xlsb</t>
  </si>
  <si>
    <t>D:\OneDrive\AlgarTech\Pré-Vendas\Cliente\2019\Marista\199252 - NOC + WIT\1. Precificação\199252 Marista Plan Precificacao C017 B017_v3_Pacote256Ativos_Recorrente_ATIVOSADICIONAIS - Copia.xlsb\</t>
  </si>
  <si>
    <t>lu9844120e2j.tmp</t>
  </si>
  <si>
    <t>\\acsfs\profiles$\dhiulliananads\My Documents\lu9844120e2j.tmp</t>
  </si>
  <si>
    <t>\\acsfs\profiles$\dhiulliananads\My Documents\lu9844120e2j.tmp\</t>
  </si>
  <si>
    <t>C:\Users\alinerg\Documents\Projetos\DRC\Curadoria\</t>
  </si>
  <si>
    <t>Curadoria 27.11.csv</t>
  </si>
  <si>
    <t>\\acsfs\profiles$\dhiulliananads\My Documents\lu9844120e2j.tmp\META-INF\</t>
  </si>
  <si>
    <t>\\acsfs\profiles$\dhiulliananads\My Documents\lu9844120e2j.tmp\Thumbnails\</t>
  </si>
  <si>
    <t>lu9844120e2o.tmp</t>
  </si>
  <si>
    <t>\\acsfs\profiles$\dhiulliananads\My Documents\lu9844120e2o.tmp</t>
  </si>
  <si>
    <t>\\acsfs\profiles$\dhiulliananads\My Documents\lu9844120e2o.tmp\</t>
  </si>
  <si>
    <t>\\acsfs\profiles$\dhiulliananads\My Documents\lu9844120e2o.tmp\META-INF\</t>
  </si>
  <si>
    <t>\\acsfs\profiles$\dhiulliananads\My Documents\lu9844120e2o.tmp\Thumbnails\</t>
  </si>
  <si>
    <t>0c19264d-b11d-4690-8e7e-69c5653b30a9.tmp</t>
  </si>
  <si>
    <t>\\acsfs\profiles$\geovannasm\Downloads\0c19264d-b11d-4690-8e7e-69c5653b30a9.tmp</t>
  </si>
  <si>
    <t>mail.google.com/sync/u/0/i/s?hl=pt-BR&amp;c=58</t>
  </si>
  <si>
    <t>199252 Marista Plan Precificacao C017 B017_v3_Pacote256Ativos_Setup_ATIVOSADICIONAIS.xlsb</t>
  </si>
  <si>
    <t>D:\OneDrive\AlgarTech\Pré-Vendas\Cliente\2019\Marista\199252 - NOC + WIT\1. Precificação\199252 Marista Plan Precificacao C017 B017_v3_Pacote256Ativos_Setup_ATIVOSADICIONAIS.xlsb\</t>
  </si>
  <si>
    <t>mail.google.com/sync/u/0/i/s?hl=pt-BR&amp;c=109</t>
  </si>
  <si>
    <t>Matriz de risco - Proj Personal Organizer.xlsx</t>
  </si>
  <si>
    <t>\\acsfs\DEPTOS\Operacao\Luciana Ribeiro Barbosa de Almeida\Gerencia\1 Luciana Ribeiro\GEXP\</t>
  </si>
  <si>
    <t>BD GEXP Novembro Atualizado.xlsx</t>
  </si>
  <si>
    <t>199252 Marista Plan Precificacao C017 B017_v3_Pacote256Ativos_Recorrente_ATIVOSADICIONAIS.xlsb</t>
  </si>
  <si>
    <t>D:\OneDrive\AlgarTech\Pré-Vendas\Cliente\2019\Marista\199252 - NOC + WIT\1. Precificação\199252 Marista Plan Precificacao C017 B017_v3_Pacote256Ativos_Recorrente_ATIVOSADICIONAIS.xlsb\</t>
  </si>
  <si>
    <t>Thumbs.db</t>
  </si>
  <si>
    <t>\\acsfs\deptos\Operacao\Banco_Votorantim\Supervisao\Thumbs.db</t>
  </si>
  <si>
    <t>Faturamento.Sage.Dezembro.v1.xlsx</t>
  </si>
  <si>
    <t>gabrielafs</t>
  </si>
  <si>
    <t>\\acsfs\profiles$\gabrielafs\Downloads\</t>
  </si>
  <si>
    <t>8efc1ab3-bea4-40cb-aa3a-0d4d9b1ca7bd.tmp</t>
  </si>
  <si>
    <t>\\acsfs\profiles$\gabrielafs\Downloads\8efc1ab3-bea4-40cb-aa3a-0d4d9b1ca7bd.tmp</t>
  </si>
  <si>
    <t>ce722495-f5aa-425e-bd8f-55f033ce84aa.tmp</t>
  </si>
  <si>
    <t>\\acsfs\profiles$\gabrielafs\Downloads\ce722495-f5aa-425e-bd8f-55f033ce84aa.tmp</t>
  </si>
  <si>
    <t>a0dbc855-03d3-46a6-a0f5-fdfec4b9e16b.tmp</t>
  </si>
  <si>
    <t>\\acsfs\profiles$\gabrielafs\Downloads\a0dbc855-03d3-46a6-a0f5-fdfec4b9e16b.tmp</t>
  </si>
  <si>
    <t>e4cceb02-ca56-4065-aebb-1a1c7f755149.tmp</t>
  </si>
  <si>
    <t>\\acsfs\profiles$\gabrielafs\Downloads\e4cceb02-ca56-4065-aebb-1a1c7f755149.tmp</t>
  </si>
  <si>
    <t>lu9844120e2s.tmp</t>
  </si>
  <si>
    <t>\\acsfs\profiles$\dhiulliananads\My Documents\lu9844120e2s.tmp</t>
  </si>
  <si>
    <t>\\acsfs\profiles$\dhiulliananads\My Documents\lu9844120e2s.tmp\</t>
  </si>
  <si>
    <t>\\acsfs\profiles$\dhiulliananads\My Documents\lu9844120e2s.tmp\META-INF\</t>
  </si>
  <si>
    <t>\\acsfs\profiles$\dhiulliananads\My Documents\lu9844120e2s.tmp\Thumbnails\</t>
  </si>
  <si>
    <t>10.200.66.160</t>
  </si>
  <si>
    <t>74-86-7A-FC-CE-DF</t>
  </si>
  <si>
    <t>VOTORANT-SB006</t>
  </si>
  <si>
    <t>c379ea5a-7de4-4e25-ba13-f408abac78f1.tmp</t>
  </si>
  <si>
    <t>\\acsfs\profiles$\leticiala\Downloads\c379ea5a-7de4-4e25-ba13-f408abac78f1.tmp</t>
  </si>
  <si>
    <t>c7e00b57-b432-4544-94d0-7a310f065866.tmp</t>
  </si>
  <si>
    <t>\\acsfs\profiles$\leticiala\Downloads\c7e00b57-b432-4544-94d0-7a310f065866.tmp</t>
  </si>
  <si>
    <t>d50e465a-2c04-47b8-9728-1b3790117906.tmp</t>
  </si>
  <si>
    <t>\\acsfs\profiles$\leticiala\Downloads\d50e465a-2c04-47b8-9728-1b3790117906.tmp</t>
  </si>
  <si>
    <t>578605b9-da50-4a72-8b75-5e6b7306eb3e.tmp</t>
  </si>
  <si>
    <t>\\acsfs\profiles$\isabellegtds\Downloads\578605b9-da50-4a72-8b75-5e6b7306eb3e.tmp</t>
  </si>
  <si>
    <t>\\acsfs\engeset\CPV_ULA\ADMINISTRATIVO\CONTROLE ADMINISTRATIVO\DOCUMENTAÇÃO PARA HABILITAÇÃO\Engeset\2018\TIM - RFQ_58521.zip\TIM - RFQ_58521_MANUTENÃ‡ÃƒO - Rede FTTS em NiterÃ³i e SÃ£o GonÃ§alo_31.07.2018\</t>
  </si>
  <si>
    <t>Anexo II - LPU_v3.xlsx</t>
  </si>
  <si>
    <t>containsunsubscribedchildren,displayname,domain,emailaddr,emailaddress,explicit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answerTo_A4216_RFQ_58521-Rev3.xlsx</t>
  </si>
  <si>
    <t>answerTo_A4216_RFQ_58521.xlsx</t>
  </si>
  <si>
    <t>AnswerTo_A4216_RFQ_58521Rev2.xlsx</t>
  </si>
  <si>
    <t>Controle Perimetro Contrato AlgarTech_1T2018_31072018.xlsx</t>
  </si>
  <si>
    <t>\\acsfs\engeset\CPV_ULA\ADMINISTRATIVO\CONTROLE ADMINISTRATIVO\DOCUMENTAÇÃO PARA HABILITAÇÃO\Engeset\2018\TIM - RFQ_58521.zip\TIM - RFQ_58521_MANUTENÃ‡ÃƒO - Rede FTTS em NiterÃ³i e SÃ£o GonÃ§alo_31.07.2018\Envio\04.09.2018\</t>
  </si>
  <si>
    <t>152042 - Controle Perimetro Contrato AlgarTech_1T2018_31072018-Rev1.xlsx</t>
  </si>
  <si>
    <t>answerTo_A4216_RFQ_58521-Rev1.xlsx</t>
  </si>
  <si>
    <t>\\acsfs\engeset\CPV_ULA\ADMINISTRATIVO\CONTROLE ADMINISTRATIVO\DOCUMENTAÇÃO PARA HABILITAÇÃO\Engeset\2018\TIM - RFQ_58521.zip\TIM - RFQ_58521_MANUTENÃ‡ÃƒO - Rede FTTS em NiterÃ³i e SÃ£o GonÃ§alo_31.07.2018\Envio\06.12.2018\</t>
  </si>
  <si>
    <t>answerTo_A4216_RFQ_58521-Rev5.xlsx</t>
  </si>
  <si>
    <t>\\acsfs\engeset\CPV_ULA\ADMINISTRATIVO\CONTROLE ADMINISTRATIVO\DOCUMENTAÇÃO PARA HABILITAÇÃO\Engeset\2018\TIM - RFQ_58521.zip\TIM - RFQ_58521_MANUTENÃ‡ÃƒO - Rede FTTS em NiterÃ³i e SÃ£o GonÃ§alo_31.07.2018\Envio\08.11.2018\</t>
  </si>
  <si>
    <t>answerTo_A4216_RFQ_58521-Rev4.xlsx</t>
  </si>
  <si>
    <t>\\acsfs\engeset\CPV_ULA\ADMINISTRATIVO\CONTROLE ADMINISTRATIVO\DOCUMENTAÇÃO PARA HABILITAÇÃO\Engeset\2018\TIM - RFQ_58521.zip\TIM - RFQ_58521_MANUTENÃ‡ÃƒO - Rede FTTS em NiterÃ³i e SÃ£o GonÃ§alo_31.07.2018\Envio\</t>
  </si>
  <si>
    <t>152042 - Controle Perimetro Contrato AlgarTech_1T2018_31072018.xlsx</t>
  </si>
  <si>
    <t>\\acsfs\engeset\CPV_ULA\ADMINISTRATIVO\CONTROLE ADMINISTRATIVO\DOCUMENTAÇÃO PARA HABILITAÇÃO\Engeset\2018\TIM - RFQ_58521.zip\TIM - RFQ_58521_MANUTENÃ‡ÃƒO - Rede FTTS em NiterÃ³i e SÃ£o GonÃ§alo_31.07.2018\Envio\28.09.2018\</t>
  </si>
  <si>
    <t>152042 - Controle Perimetro Contrato AlgarTech_1T2018_31072018-RevTIM.xlsx</t>
  </si>
  <si>
    <t>LPU ManutenÃ§Ã£o Definitiva.xlsx</t>
  </si>
  <si>
    <t xml:space="preserve">\\acsfs\engeset\CPV_ULA\ADMINISTRATIVO\CONTROLE ADMINISTRATIVO\DOCUMENTAÇÃO PARA HABILITAÇÃO\Engeset\2018\TIM - RFQ_58521.zip\TIM - RFQ_58521_MANUTENÃ‡ÃƒO - Rede FTTS em NiterÃ³i e SÃ£o GonÃ§alo_31.07.2018\download.zip\RFQ _ A4216_RFQ_58521 - MANUTENÃ‡ÃƒO </t>
  </si>
  <si>
    <t>\\acsfs\engeset\CPV_ULA\ADMINISTRATIVO\CONTROLE ADMINISTRATIVO\DOCUMENTAÇÃO PARA HABILITAÇÃO\Engeset\2018\TIM - RFQ_58521.zip\TIM - RFQ_58521_MANUTENÃ‡ÃƒO - Rede FTTS em NiterÃ³i e SÃ£o GonÃ§alo_31.07.2018\Envio\04.09.2018\RES Reabertura da RFQ - Pedido de</t>
  </si>
  <si>
    <t>\\acsfs\engeset\CPV_ULA\ADMINISTRATIVO\CONTROLE ADMINISTRATIVO\DOCUMENTAÇÃO PARA HABILITAÇÃO\Engeset\2018\TIM - RFQ_58521.zip\TIM - RFQ_58521_MANUTENÃ‡ÃƒO - Rede FTTS em NiterÃ³i e SÃ£o GonÃ§alo_31.07.2018\Envio\04.09.2018\Resposta TÃ©cnica.zip\</t>
  </si>
  <si>
    <t>\\acsfs\engeset\CPV_ULA\ADMINISTRATIVO\CONTROLE ADMINISTRATIVO\DOCUMENTAÇÃO PARA HABILITAÇÃO\Engeset\2018\TIM - RFQ_58521.zip\TIM - RFQ_58521_MANUTENÃ‡ÃƒO - Rede FTTS em NiterÃ³i e SÃ£o GonÃ§alo_31.07.2018\ID 152042 - ManutenÃ§Ã£o optica - Proposta Comerci</t>
  </si>
  <si>
    <t>\\acsfs\engeset\CPV_ULA\ADMINISTRATIVO\CONTROLE ADMINISTRATIVO\DOCUMENTAÇÃO PARA HABILITAÇÃO\Engeset\2018\TIM - RFQ_58521.zip\TIM - RFQ_58521_MANUTENÃ‡ÃƒO - Rede FTTS em NiterÃ³i e SÃ£o GonÃ§alo_31.07.2018\TIM - RFQ_58521_MANUTENÃ‡ÃƒO - Rede FTTS em NiterÃ</t>
  </si>
  <si>
    <t>Grafico di Microsoft Graph.dat</t>
  </si>
  <si>
    <t>Grafico di Microsoft Graph1.dat</t>
  </si>
  <si>
    <t>Grafico di Microsoft Graph2.dat</t>
  </si>
  <si>
    <t>Grafico di Microsoft Graph3.dat</t>
  </si>
  <si>
    <t>Grafico di Microsoft Graph4.dat</t>
  </si>
  <si>
    <t>Grafico di Microsoft Graph5.dat</t>
  </si>
  <si>
    <t>Grafico di Microsoft Graph6.dat</t>
  </si>
  <si>
    <t>Grafico di Microsoft Graph7.dat</t>
  </si>
  <si>
    <t>Grafico di Microsoft Graph8.dat</t>
  </si>
  <si>
    <t>ENC: Férias - NOVO FLUXO</t>
  </si>
  <si>
    <t>Programação Ferias.xlsx</t>
  </si>
  <si>
    <t>26f3ea1c-c6f7-4157-945f-b6b65641c93c.tmp</t>
  </si>
  <si>
    <t>\\acsfs\profiles$\DALVADFB\Downloads\26f3ea1c-c6f7-4157-945f-b6b65641c93c.tmp</t>
  </si>
  <si>
    <t>.~lock.Relatorio.Recibo.Ferias_20191211104644209660.xls#</t>
  </si>
  <si>
    <t>\\acsfs\profiles$\DALVADFB\Downloads\.~lock.Relatorio.Recibo.Ferias_20191211104644209660.xls#</t>
  </si>
  <si>
    <t>77115107-1030-4c91-a632-3123f925bd88.tmp</t>
  </si>
  <si>
    <t>\\acsfs\profiles$\DALVADFB\Downloads\77115107-1030-4c91-a632-3123f925bd88.tmp</t>
  </si>
  <si>
    <t>.~lock.Relatorio.Recibo.Ferias_20191211104644209660 (1).xls#</t>
  </si>
  <si>
    <t>\\acsfs\profiles$\DALVADFB\Downloads\.~lock.Relatorio.Recibo.Ferias_20191211104644209660 (1).xls#</t>
  </si>
  <si>
    <t>21e45703-2372-4990-ba68-b8c509c458ef.tmp</t>
  </si>
  <si>
    <t>\\acsfs\profiles$\DALVADFB\Downloads\21e45703-2372-4990-ba68-b8c509c458ef.tmp</t>
  </si>
  <si>
    <t>.~lock.Relatorio.Recibo.Ferias_20191211104644209660 (2).xls#</t>
  </si>
  <si>
    <t>\\acsfs\profiles$\DALVADFB\Downloads\.~lock.Relatorio.Recibo.Ferias_20191211104644209660 (2).xls#</t>
  </si>
  <si>
    <t>6413d627-985d-4a4d-a7d6-2fb257f98228.tmp</t>
  </si>
  <si>
    <t>\\acsfs\profiles$\mariliafplb\Downloads\6413d627-985d-4a4d-a7d6-2fb257f98228.tmp</t>
  </si>
  <si>
    <t>10.200.251.49</t>
  </si>
  <si>
    <t>AWS.xlsx</t>
  </si>
  <si>
    <t>493152b2-eebb-4971-8e3e-f1e5082a7ce7.tmp</t>
  </si>
  <si>
    <t>\\acsfs\profiles$\geovannasm\Downloads\493152b2-eebb-4971-8e3e-f1e5082a7ce7.tmp</t>
  </si>
  <si>
    <t>C:\Users\alefl\OneDrive - Grupo Algar\BV\DLP\</t>
  </si>
  <si>
    <t>3e99a7ce-d302-4b4d-aac5-fa77dd1acb63.tmp</t>
  </si>
  <si>
    <t>\\acsfs\profiles$\isabellegtds\Downloads\3e99a7ce-d302-4b4d-aac5-fa77dd1acb63.tmp</t>
  </si>
  <si>
    <t>https://udpmailboxap01/h/search?si=0&amp;so=0&amp;sc=40531&amp;sfi=6&amp;st=message&amp;action=compose</t>
  </si>
  <si>
    <t>ENC: [FORMALIZAÇÃO] ● FORECAST ● 90 DIAS ● CERRADO FEVEREIRO/2020</t>
  </si>
  <si>
    <t>01-Formalizacao_Volumetria Fevereiro_2020-Cerrado.xlsx</t>
  </si>
  <si>
    <t>4cd8b640-65c5-415d-a6f1-a436e124ffe2.tmp</t>
  </si>
  <si>
    <t>\\acsfs\profiles$\gabrielarb\Downloads\4cd8b640-65c5-415d-a6f1-a436e124ffe2.tmp</t>
  </si>
  <si>
    <t>Resultado Discado.xlsx</t>
  </si>
  <si>
    <t>9c78bd32-5bd4-4782-a1cd-4e4b15ba46ab.tmp</t>
  </si>
  <si>
    <t>\\acsfs\profiles$\yurics\Downloads\9c78bd32-5bd4-4782-a1cd-4e4b15ba46ab.tmp</t>
  </si>
  <si>
    <t>mail.google.com/_/upload?authuser=0&amp;dcp=asu-n&amp;upload_id=AEnB2UomOzK-XRD22fOZxfJEUHX4rXSXU0PlWwAKJgkTHdGetU-b-ePOLDqaxa5pM774yno4xl19i4Hb6Zb4Yz4TQG8fUGFHgIi6T6DPEOwb96Z6Y6nfUlI&amp;upload_protocol=resumable</t>
  </si>
  <si>
    <t>ccabral@deloitte.com;</t>
  </si>
  <si>
    <t>C:\Users\lucianabo\Desktop\2019\12 - Dezembro\RETORNO AUDITORIA RODRIGO FALCETI - SILVIO NUNES\</t>
  </si>
  <si>
    <t>Razão NF Sílvio Nunes - Set.19.xlsx</t>
  </si>
  <si>
    <t>ccabral@deloitte.com</t>
  </si>
  <si>
    <t>9b35ee55-857a-4c52-8040-064bdd7012f5.tmp</t>
  </si>
  <si>
    <t>\\acsfs\profiles$\geovannasm\Downloads\9b35ee55-857a-4c52-8040-064bdd7012f5.tmp</t>
  </si>
  <si>
    <t>/o=exchangelabs/ou=exchange administrative group (fydibohf23spdlt)/cn=recipients/cn=5c0e0b883c0f4ccbb2cf13db05a00b36-luciene ivo;/o=exchangelabs/ou=exchange administrative group (fydibohf23spdlt)/cn=recipients/cn=90878932db2a45bb924c0e3aac6d5da2-jonatas lem;gracieleses@algartech.com.br;jonataslv@algartech.com.br;</t>
  </si>
  <si>
    <t>RES: Férias - Novo Fluxo - (UDI - AMEX CERRADO - SUPORTE GOVERNANÇA)</t>
  </si>
  <si>
    <t>Controle de Férias Fina1 - UDI - AMEX CERRADO - SUPORTE GOVERNANÇA.xls</t>
  </si>
  <si>
    <t>/o=exchangelabs/ou=exchange administrative group (fydibohf23spdlt)/cn=recipients/cn=5c0e0b883c0f4ccbb2cf13db05a00b36-luciene ivo,/o=exchangelabs/ou=exchange administrative group (fydibohf23spdlt)/cn=recipients/cn=90878932db2a45bb924c0e3aac6d5da2-jonatas lem,gracieleses@algartech.com.br,jonataslv@algartech.com.br</t>
  </si>
  <si>
    <t>7d3efef3-b7af-4f30-90c1-6bcb4666cc0c.tmp</t>
  </si>
  <si>
    <t>\\acsfs\profiles$\alessandraan\Downloads\7d3efef3-b7af-4f30-90c1-6bcb4666cc0c.tmp</t>
  </si>
  <si>
    <t>10.200.61.205</t>
  </si>
  <si>
    <t>leandrojbe@algartech.com</t>
  </si>
  <si>
    <t>TURMA 08 E 09 TERCEIRA TEMPORA APROVADOS.xlsx</t>
  </si>
  <si>
    <t>87f23ba4-dcab-45a3-971e-8cfa1326417e.tmp</t>
  </si>
  <si>
    <t>\\acsfs\profiles$\gabrielafs\Downloads\87f23ba4-dcab-45a3-971e-8cfa1326417e.tmp</t>
  </si>
  <si>
    <t>carmem.peres@bradesco.com.br;daniele.carvalho@bradesco.com.br;emerson.r.correia@bradesco.com.br;marina.yokogawa@bradesco.com.br;</t>
  </si>
  <si>
    <t>Relatório de Turnover e Absenteísmo - Novembro.xls</t>
  </si>
  <si>
    <t>carmem.peres@bradesco.com.br,daniele.carvalho@bradesco.com.br,emerson.r.correia@bradesco.com.br,marina.yokogawa@bradesco.com.br</t>
  </si>
  <si>
    <t>marianerdo</t>
  </si>
  <si>
    <t>\\acsfs\DEPTOS\EDUCACAO EMPRESARIAL\2 - Operações\0.01 BV CARTÕES\Mariane\</t>
  </si>
  <si>
    <t>Atenção Contestação!!.pptx</t>
  </si>
  <si>
    <t>\\acsfs\DEPTOS\EDUCACAO EMPRESARIAL\2 - Operações\0.01 BV CARTÕES\Mariane\Atenção Contestação!!.pptx</t>
  </si>
  <si>
    <t>marianerdo@algartech.com</t>
  </si>
  <si>
    <t>mail.google.com/sync/u/0/i/s?hl=pt-BR&amp;c=67</t>
  </si>
  <si>
    <t>d8627285-cfde-4b08-adc2-5d66c8117b5e.tmp</t>
  </si>
  <si>
    <t>\\acsfs\profiles$\yurics\Downloads\d8627285-cfde-4b08-adc2-5d66c8117b5e.tmp</t>
  </si>
  <si>
    <t>mail.google.com/_/upload?authuser=1&amp;dcp=asu-n&amp;upload_id=AEnB2UpUyHPO4U2elFDCPnvrxRFZhP44tI1SN2D-fqNsWkfUFdiIfsAzvSfvSB-CMVldnNWYb18E3GHlpxH5ZOSN5wbf970-fA&amp;upload_protocol=resumable</t>
  </si>
  <si>
    <t>10.200.67.182</t>
  </si>
  <si>
    <t>78-2B-CB-C1-07-56</t>
  </si>
  <si>
    <t>VOTORANT-IB003</t>
  </si>
  <si>
    <t>C:\Users\rodrigombu\OneDrive - Grupo Algar\Whirlpool\2019\12 - Dezembro\Arquivos\FAROL CHURN\</t>
  </si>
  <si>
    <t>Base BW % Conversão - Dez -2019 - Parcial - 09 -12-19.xlsm</t>
  </si>
  <si>
    <t>RDS_Superfrio_10_12 .xlsx</t>
  </si>
  <si>
    <t>guilhermeaso@algartech.com;jaquelines@algartech.com;</t>
  </si>
  <si>
    <t>Planilhas Comfrio.xlsx</t>
  </si>
  <si>
    <t>guilhermeaso@algartech.com,jaquelines@algartech.com</t>
  </si>
  <si>
    <t>mail.google.com/sync/u/0/i/s?hl=pt-BR&amp;c=371</t>
  </si>
  <si>
    <t>mail.google.com/sync/u/0/i/s?hl=pt-BR&amp;c=373</t>
  </si>
  <si>
    <t>mail.google.com/sync/u/0/i/s?hl=pt-BR&amp;c=375</t>
  </si>
  <si>
    <t>mail.google.com/sync/u/0/i/s?hl=pt-BR&amp;c=377</t>
  </si>
  <si>
    <t>mail.google.com/sync/u/0/i/s?hl=pt-BR&amp;c=382</t>
  </si>
  <si>
    <t>mail.google.com/sync/u/0/i/s?hl=pt-BR&amp;c=384</t>
  </si>
  <si>
    <t>mail.google.com/sync/u/0/i/s?hl=pt-BR&amp;c=387</t>
  </si>
  <si>
    <t>mail.google.com/sync/u/0/i/s?hl=pt-BR&amp;c=389</t>
  </si>
  <si>
    <t>mail.google.com/sync/u/0/i/s?hl=pt-BR&amp;c=392</t>
  </si>
  <si>
    <t>mail.google.com/sync/u/0/i/s?hl=pt-BR&amp;c=98</t>
  </si>
  <si>
    <t>mail.google.com/sync/u/0/i/s?hl=pt-BR&amp;c=101</t>
  </si>
  <si>
    <t>mail.google.com/sync/u/0/i/s?hl=pt-BR&amp;c=103</t>
  </si>
  <si>
    <t>mail.google.com/sync/u/0/i/s?hl=pt-BR&amp;c=105</t>
  </si>
  <si>
    <t>mail.google.com/sync/u/0/i/s?hl=pt-BR&amp;c=107</t>
  </si>
  <si>
    <t>mail.google.com/sync/u/0/i/s?hl=pt-BR&amp;c=110</t>
  </si>
  <si>
    <t>mail.google.com/sync/u/0/i/s?hl=pt-BR&amp;c=394</t>
  </si>
  <si>
    <t>mail.google.com/sync/u/0/i/s?hl=pt-BR&amp;c=397</t>
  </si>
  <si>
    <t>mail.google.com/sync/u/0/i/s?hl=pt-BR&amp;c=163</t>
  </si>
  <si>
    <t>mail.google.com/sync/u/0/i/s?hl=pt-BR&amp;c=166</t>
  </si>
  <si>
    <t>mail.google.com/sync/u/0/i/s?hl=pt-BR&amp;c=169</t>
  </si>
  <si>
    <t>mail.google.com/sync/u/0/i/s?hl=pt-BR&amp;c=173</t>
  </si>
  <si>
    <t>mail.google.com/sync/u/0/i/s?hl=pt-BR&amp;c=175</t>
  </si>
  <si>
    <t>mail.google.com/sync/u/0/i/s?hl=pt-BR&amp;c=177</t>
  </si>
  <si>
    <t>mail.google.com/sync/u/0/i/s?hl=pt-BR&amp;c=179</t>
  </si>
  <si>
    <t>mail.google.com/_/upload?authuser=0&amp;dcp=asu-n&amp;upload_id=AEnB2Uqy1-5MGlrJDzm3r26QXOsZqLxedw2n8JTupl-MvFb2AA-qZZ5ZydBYOMAhESZGaNoA5wUY9qyr5TVSz7UKM0DWECLSsg&amp;upload_protocol=resumable</t>
  </si>
  <si>
    <t>Aceitação_Wayner.xlsx</t>
  </si>
  <si>
    <t>lu457217pfgy.tmp</t>
  </si>
  <si>
    <t>\\acsfs\profiles$\kamillacr\My Documents\lu457217pfgy.tmp</t>
  </si>
  <si>
    <t>\\acsfs\profiles$\kamillacr\My Documents\lu457217pfgy.tmp\</t>
  </si>
  <si>
    <t>\\acsfs\profiles$\kamillacr\My Documents\lu457217pfgy.tmp\META-INF\</t>
  </si>
  <si>
    <t>\\acsfs\profiles$\kamillacr\My Documents\lu457217pfgy.tmp\Thumbnails\</t>
  </si>
  <si>
    <t>lu457217pfh2.tmp</t>
  </si>
  <si>
    <t>\\acsfs\profiles$\kamillacr\My Documents\lu457217pfh2.tmp</t>
  </si>
  <si>
    <t>\\acsfs\profiles$\kamillacr\My Documents\lu457217pfh2.tmp\</t>
  </si>
  <si>
    <t>\\acsfs\profiles$\kamillacr\My Documents\lu457217pfh2.tmp\META-INF\</t>
  </si>
  <si>
    <t>\\acsfs\profiles$\kamillacr\My Documents\lu457217pfh2.tmp\Thumbnails\</t>
  </si>
  <si>
    <t>Valor Prêmio por Operador Dezembro - até 09.12 (1).pdf.j6y3u6x.partial</t>
  </si>
  <si>
    <t>\\acsfs\profiles$\kellzylenneasr\Downloads\Valor Prêmio por Operador Dezembro - até 09.12 (1).pdf.j6y3u6x.partial</t>
  </si>
  <si>
    <t>panetones.xlsx</t>
  </si>
  <si>
    <t>93330f61-a2ae-4364-9899-bc9f16b25177.tmp</t>
  </si>
  <si>
    <t>\\acsfs\profiles$\sarahbal\Downloads\93330f61-a2ae-4364-9899-bc9f16b25177.tmp</t>
  </si>
  <si>
    <t>48e60b4b-f72d-43fc-9299-161c9e4ae931.tmp</t>
  </si>
  <si>
    <t>\\acsfs\profiles$\KARENJSS\Downloads\48e60b4b-f72d-43fc-9299-161c9e4ae931.tmp</t>
  </si>
  <si>
    <t>10.200.60.13</t>
  </si>
  <si>
    <t>64-1C-67-9C-55-32</t>
  </si>
  <si>
    <t>gustavoas@algartech.com</t>
  </si>
  <si>
    <t>mail.google.com/_/upload?authuser=0&amp;dcp=asu-n&amp;upload_id=AEnB2UqJE8i5JC_GjhX3Yo2CHPFykqLFp27lDgPq4tc5VaNZS9W2MIckdhinOD6z0PtYAwKWNZyhplY1KwbZbSKLkFujN5ClMCHSpx9jWmIqlNiY-aGtAU0&amp;upload_protocol=resumable</t>
  </si>
  <si>
    <t>C:\Users\gustavoas\Documents\Algar Tech Local\Financeiro\GIAT\</t>
  </si>
  <si>
    <t>lu457217pfh6.tmp</t>
  </si>
  <si>
    <t>\\acsfs\profiles$\kamillacr\My Documents\lu457217pfh6.tmp</t>
  </si>
  <si>
    <t>\\acsfs\profiles$\kamillacr\My Documents\lu457217pfh6.tmp\</t>
  </si>
  <si>
    <t>\\acsfs\profiles$\kamillacr\My Documents\lu457217pfh6.tmp\META-INF\</t>
  </si>
  <si>
    <t>\\acsfs\profiles$\kamillacr\My Documents\lu457217pfh6.tmp\Thumbnails\</t>
  </si>
  <si>
    <t>\\acsfs\profiles$\gabrielafs\</t>
  </si>
  <si>
    <t>Abordagem do cliente + vendas.txt</t>
  </si>
  <si>
    <t>\\acsfs\profiles$\gabrielafs\Abordagem do cliente + vendas.txt</t>
  </si>
  <si>
    <t>10.200.67.17</t>
  </si>
  <si>
    <t>78-2B-CB-C1-05-35</t>
  </si>
  <si>
    <t>VOTORANT-GB008</t>
  </si>
  <si>
    <t>danielpdl</t>
  </si>
  <si>
    <t>\\acsfs\profiles$\danielpdl\Downloads\</t>
  </si>
  <si>
    <t>5dd7e97b-e181-428c-86f6-5ac6200ca556.tmp</t>
  </si>
  <si>
    <t>\\acsfs\profiles$\danielpdl\Downloads\5dd7e97b-e181-428c-86f6-5ac6200ca556.tmp</t>
  </si>
  <si>
    <t>b89339e4-c458-4e81-b737-f0af9c2bdcb5.tmp</t>
  </si>
  <si>
    <t>\\acsfs\profiles$\danielpdl\Downloads\b89339e4-c458-4e81-b737-f0af9c2bdcb5.tmp</t>
  </si>
  <si>
    <t>elianegr@algartech.com</t>
  </si>
  <si>
    <t>lu457217pfha.tmp</t>
  </si>
  <si>
    <t>\\acsfs\profiles$\kamillacr\My Documents\lu457217pfha.tmp</t>
  </si>
  <si>
    <t>\\acsfs\profiles$\kamillacr\My Documents\lu457217pfha.tmp\</t>
  </si>
  <si>
    <t>\\acsfs\profiles$\kamillacr\My Documents\lu457217pfha.tmp\META-INF\</t>
  </si>
  <si>
    <t>\\acsfs\profiles$\kamillacr\My Documents\lu457217pfha.tmp\Thumbnails\</t>
  </si>
  <si>
    <t>a2df94ff-590c-4176-8fcb-85a724172e36.tmp</t>
  </si>
  <si>
    <t>\\acsfs\profiles$\mariliafplb\Downloads\a2df94ff-590c-4176-8fcb-85a724172e36.tmp</t>
  </si>
  <si>
    <t>f808b3cf-97d2-4f72-80e9-114a0f9ec318.tmp</t>
  </si>
  <si>
    <t>\\acsfs\profiles$\danielpdl\Downloads\f808b3cf-97d2-4f72-80e9-114a0f9ec318.tmp</t>
  </si>
  <si>
    <t>f9ed5a4f-0eab-4791-a38d-fe031eaec69a.tmp</t>
  </si>
  <si>
    <t>\\acsfs\profiles$\danielpdl\Downloads\f9ed5a4f-0eab-4791-a38d-fe031eaec69a.tmp</t>
  </si>
  <si>
    <t>8200c02d-1d6a-4fb5-a199-a5f6ed3078c9.tmp</t>
  </si>
  <si>
    <t>\\acsfs\profiles$\danielpdl\Downloads\8200c02d-1d6a-4fb5-a199-a5f6ed3078c9.tmp</t>
  </si>
  <si>
    <t>6ed4b245-f4ce-4bbe-955e-05ffabf7ad3a.tmp</t>
  </si>
  <si>
    <t>\\acsfs\profiles$\danielpdl\Downloads\6ed4b245-f4ce-4bbe-955e-05ffabf7ad3a.tmp</t>
  </si>
  <si>
    <t>1ae0e82c-77c2-4679-a44b-8452b1ad127f.tmp</t>
  </si>
  <si>
    <t>\\acsfs\profiles$\danielpdl\Downloads\1ae0e82c-77c2-4679-a44b-8452b1ad127f.tmp</t>
  </si>
  <si>
    <t>cb49710d-bf61-4156-9c80-d628cc3c9ac3.tmp</t>
  </si>
  <si>
    <t>\\acsfs\profiles$\danielpdl\Downloads\cb49710d-bf61-4156-9c80-d628cc3c9ac3.tmp</t>
  </si>
  <si>
    <t>ee634205-a5ef-4066-9a47-0a5958e5961b.tmp</t>
  </si>
  <si>
    <t>\\acsfs\profiles$\danielpdl\Downloads\ee634205-a5ef-4066-9a47-0a5958e5961b.tmp</t>
  </si>
  <si>
    <t>mail.google.com/sync/u/0/i/s?hl=pt-BR&amp;c=35</t>
  </si>
  <si>
    <t>mail.google.com/sync/u/0/i/s?hl=pt-BR&amp;c=37</t>
  </si>
  <si>
    <t>lu12040g77t.tmp</t>
  </si>
  <si>
    <t>\\acsfs\profiles$\luanarda\lu12040g77t.tmp</t>
  </si>
  <si>
    <t>\\acsfs\profiles$\luanarda\lu12040g77t.tmp\</t>
  </si>
  <si>
    <t>\\acsfs\profiles$\luanarda\lu12040g77t.tmp\META-INF\</t>
  </si>
  <si>
    <t>\\acsfs\profiles$\luanarda\lu12040g77t.tmp\Thumbnails\</t>
  </si>
  <si>
    <t>ENC: Volume Gerenciadas Amex e Visa - 11/12</t>
  </si>
  <si>
    <t>mail.google.com/_/upload?authuser=0&amp;dcp=asu-n&amp;upload_id=AEnB2Ur1ox-iw9JrLomKQeFCLOUWSfsrQXGJ_ATjcMEV6yWd82sZhLrDCNvXKe4USsttG_NIEecqqCToIPNsv88RONoTAc89kQ&amp;upload_protocol=resumable</t>
  </si>
  <si>
    <t>C:\Users\rodolfogv\Desktop\</t>
  </si>
  <si>
    <t>619a0f26-4d6d-45d4-a4db-a2948cdb2bc6.tmp</t>
  </si>
  <si>
    <t>\\acsfs\profiles$\marcellewdl\Downloads\619a0f26-4d6d-45d4-a4db-a2948cdb2bc6.tmp</t>
  </si>
  <si>
    <t>9ed23b50-5d75-4911-a9a6-7a093eb5c221.tmp</t>
  </si>
  <si>
    <t>\\acsfs\profiles$\luanarda\Downloads\9ed23b50-5d75-4911-a9a6-7a093eb5c221.tmp</t>
  </si>
  <si>
    <t>\\acsfs\DEPTOS\Controladoria\Planejamento\Reuniao Gerencial\2020\PROJETO CNPJ\OFICIAL\Arquivos Base\</t>
  </si>
  <si>
    <t>CAPEX_PRECLOS_2019.xlsx</t>
  </si>
  <si>
    <t>2ac35dd7-156b-4459-a8f5-14f522d6e201.tmp</t>
  </si>
  <si>
    <t>\\acsfs\profiles$\dhiulliananads\Downloads\2ac35dd7-156b-4459-a8f5-14f522d6e201.tmp</t>
  </si>
  <si>
    <t>c780a2f1-6897-4e28-9cd4-7a9453d44345.tmp</t>
  </si>
  <si>
    <t>\\acsfs\profiles$\geovanaasa\Downloads\c780a2f1-6897-4e28-9cd4-7a9453d44345.tmp</t>
  </si>
  <si>
    <t>64ae78e8-aac7-438e-80f6-25038c92c16e.tmp</t>
  </si>
  <si>
    <t>\\acsfs\profiles$\geovanaasa\Downloads\64ae78e8-aac7-438e-80f6-25038c92c16e.tmp</t>
  </si>
  <si>
    <t>88516b30-1784-46bc-93ec-a15cb9303356.tmp</t>
  </si>
  <si>
    <t>\\acsfs\profiles$\PEDROHAB\Downloads\88516b30-1784-46bc-93ec-a15cb9303356.tmp</t>
  </si>
  <si>
    <t>29d70e80-4f82-4121-851c-b74b8253f51f.tmp</t>
  </si>
  <si>
    <t>\\acsfs\profiles$\PEDROHAB\Downloads\29d70e80-4f82-4121-851c-b74b8253f51f.tmp</t>
  </si>
  <si>
    <t>8dd2f6a3-0418-4b48-b8ee-d9f79386bbd8.tmp</t>
  </si>
  <si>
    <t>\\acsfs\profiles$\kellzylenneasr\Downloads\8dd2f6a3-0418-4b48-b8ee-d9f79386bbd8.tmp</t>
  </si>
  <si>
    <t>0e3c0f12-5732-4853-b0c2-f4e86a7fa81a.tmp</t>
  </si>
  <si>
    <t>\\acsfs\profiles$\leticiala\Downloads\0e3c0f12-5732-4853-b0c2-f4e86a7fa81a.tmp</t>
  </si>
  <si>
    <t>C:\Users\yuriifd\Desktop\Squad Competividade - Atendimento\Prospect Netflix\</t>
  </si>
  <si>
    <t>Sheet Vendor - Site Information .xlsx</t>
  </si>
  <si>
    <t>containsunsubscribedchildren,displayname,domain,emailaddress,explicitlytrashed,file(kind,fileid,filesize,hasth,hasthu,hasthumbnail,hasvisitorpermissions,id,id),items(deleted,ken,kind,lastmodifyinguser(kind,lastviewedbymedate,mimetype,modifiedbymedate,modifieddate,ontainsunsubscribedchildren,owners(kind,per,perm,permissionid,pict,pictu,picture,qh2===== conten,quot,quota,rpermissions,shared,sharedwithmedate,thumbnailversion,title,userpermission(role),workspaceids</t>
  </si>
  <si>
    <t>10.200.66.145</t>
  </si>
  <si>
    <t>78-2B-CB-C1-07-D7</t>
  </si>
  <si>
    <t>VOTORANT-IB015</t>
  </si>
  <si>
    <t>MATHEUS HENRIQUE DOS SANTOS (5049).contact</t>
  </si>
  <si>
    <t>\\acsfs\profiles$\matheushds\Contacts\MATHEUS HENRIQUE DOS SANTOS (5049).contact</t>
  </si>
  <si>
    <t>\\acsfs\Deptos\Operacao\Banco_Votorantim\Qualidade\Fernanda\RECLAMAÇÃO E OUVIDORIA\MODELO DE LAUDO EM BRANCO (4) - Cópia - Cópia - Cópia.docx\</t>
  </si>
  <si>
    <t>image1.wmf</t>
  </si>
  <si>
    <t>\\acsfs\Deptos\Operacao\Banco_Votorantim\Qualidade\Fernanda\RECLAMAÇÃO E OUVIDORIA\MODELO DE LAUDO EM BRANCO (4) - Cópia - Cópia - Cópia.docx</t>
  </si>
  <si>
    <t>image10.wmf</t>
  </si>
  <si>
    <t>image2.wmf</t>
  </si>
  <si>
    <t>image20.wmf</t>
  </si>
  <si>
    <t>MODELO DE LAUDO EM BRANCO (4) - Cópia - Cópia - Cópia.docx</t>
  </si>
  <si>
    <t>c8e988f8-cfbd-4513-b6b4-f5f2eab9c45d.tmp</t>
  </si>
  <si>
    <t>\\acsfs\profiles$\wenderbnm\Downloads\c8e988f8-cfbd-4513-b6b4-f5f2eab9c45d.tmp</t>
  </si>
  <si>
    <t>db48dc95-b7bb-4be6-8c10-b97ad63f2b77.tmp</t>
  </si>
  <si>
    <t>\\acsfs\profiles$\deborahsi\Downloads\db48dc95-b7bb-4be6-8c10-b97ad63f2b77.tmp</t>
  </si>
  <si>
    <t>d0e235f0-07da-4639-b549-d7facff6c6e9.tmp</t>
  </si>
  <si>
    <t>\\acsfs\profiles$\deborahsi\Downloads\d0e235f0-07da-4639-b549-d7facff6c6e9.tmp</t>
  </si>
  <si>
    <t>93ca5440-340f-4cc5-90d4-91a2a13f4bbe.tmp</t>
  </si>
  <si>
    <t>\\acsfs\profiles$\marcellewdl\Downloads\93ca5440-340f-4cc5-90d4-91a2a13f4bbe.tmp</t>
  </si>
  <si>
    <t>ea900202-d98d-4ef7-a96a-4bc064048610.tmp</t>
  </si>
  <si>
    <t>\\acsfs\profiles$\isabellegtds\Downloads\ea900202-d98d-4ef7-a96a-4bc064048610.tmp</t>
  </si>
  <si>
    <t>1ced24b6-64d5-4e39-a139-b0afff13d5ad.tmp</t>
  </si>
  <si>
    <t>\\acsfs\profiles$\luanarda\Downloads\1ced24b6-64d5-4e39-a139-b0afff13d5ad.tmp</t>
  </si>
  <si>
    <t>1db6730b-753e-48cb-a0d9-d08f7a168f5e.tmp</t>
  </si>
  <si>
    <t>\\acsfs\profiles$\luanarda\Downloads\1db6730b-753e-48cb-a0d9-d08f7a168f5e.tmp</t>
  </si>
  <si>
    <t>\\acsfs\profiles$\alicecpbc\Downloads\</t>
  </si>
  <si>
    <t>380137ef-de89-4ae0-b771-e824c6eb81b2.tmp</t>
  </si>
  <si>
    <t>\\acsfs\profiles$\alicecpbc\Downloads\380137ef-de89-4ae0-b771-e824c6eb81b2.tmp</t>
  </si>
  <si>
    <t>993098eb-5317-43c6-9f64-ebcb4c1231e2.tmp</t>
  </si>
  <si>
    <t>\\acsfs\profiles$\paulovadc\Downloads\993098eb-5317-43c6-9f64-ebcb4c1231e2.tmp</t>
  </si>
  <si>
    <t>bb18e08a-66bb-4355-95d0-7fe51e63cfe0.tmp</t>
  </si>
  <si>
    <t>\\acsfs\profiles$\paulovadc\Downloads\bb18e08a-66bb-4355-95d0-7fe51e63cfe0.tmp</t>
  </si>
  <si>
    <t>lu9844120e30.tmp</t>
  </si>
  <si>
    <t>\\acsfs\profiles$\dhiulliananads\My Documents\lu9844120e30.tmp</t>
  </si>
  <si>
    <t>\\acsfs\profiles$\dhiulliananads\My Documents\lu9844120e30.tmp\</t>
  </si>
  <si>
    <t>\\acsfs\profiles$\dhiulliananads\My Documents\lu9844120e30.tmp\META-INF\</t>
  </si>
  <si>
    <t>\\acsfs\profiles$\dhiulliananads\My Documents\lu9844120e30.tmp\Thumbnails\</t>
  </si>
  <si>
    <t>bc8caf4c-f23a-4dff-8e94-fffa8fc6fada.tmp</t>
  </si>
  <si>
    <t>\\acsfs\profiles$\dhiulliananads\Downloads\bc8caf4c-f23a-4dff-8e94-fffa8fc6fada.tmp</t>
  </si>
  <si>
    <t>070110e8-b9c9-437e-b3db-e888d856568c.tmp</t>
  </si>
  <si>
    <t>\\acsfs\profiles$\geovanaasa\Downloads\070110e8-b9c9-437e-b3db-e888d856568c.tmp</t>
  </si>
  <si>
    <t>91de5337-0603-4d7c-a2fd-a61bd5bda333.tmp</t>
  </si>
  <si>
    <t>\\acsfs\profiles$\PEDROHAB\Downloads\91de5337-0603-4d7c-a2fd-a61bd5bda333.tmp</t>
  </si>
  <si>
    <t>/o=exchangelabs/ou=exchange administrative group (fydibohf23spdlt)/cn=recipients/cn=5cff907b7abb465c8dbe10257a462656-diego iure;/o=exchangelabs/ou=exchange administrative group (fydibohf23spdlt)/cn=recipients/cn=aff8c3b9538840fe9b9778861292fbea-everton pau;evertonpdsr@algartech.com.br;thaismo@algartech.com.br;</t>
  </si>
  <si>
    <t>/o=exchangelabs/ou=exchange administrative group (fydibohf23spdlt)/cn=recipients/cn=5cff907b7abb465c8dbe10257a462656-diego iure,/o=exchangelabs/ou=exchange administrative group (fydibohf23spdlt)/cn=recipients/cn=aff8c3b9538840fe9b9778861292fbea-everton pau,evertonpdsr@algartech.com.br,thaismo@algartech.com.br</t>
  </si>
  <si>
    <t>mail.google.com/_/upload?authuser=1&amp;dcp=asu-n&amp;upload_id=AEnB2Uq6t3O82S5b2dCFradCRKMxJ5zQRJjebzV18Pu2xf77SnSzIw0MOrSt2fcLouBt3NpIi_ZCy1YTgsh_lKTzz-F4UxbotA&amp;upload_protocol=resumable</t>
  </si>
  <si>
    <t>CPF 09936554833 Adnilton Nascimento.pdf</t>
  </si>
  <si>
    <t>\\acsfs\Deptos\Operacao\Banco_Votorantim\Qualidade\Fernanda\RECLAMAÇÃO E OUVIDORIA\CPF 09936554833 Adnilton Nascimento.pdf</t>
  </si>
  <si>
    <t>mail.google.com/sync/u/0/i/s?hl=pt-BR&amp;c=95</t>
  </si>
  <si>
    <t>bvs-centralcartoes@bv.com.br;cintia.souza-domingues@dxc.com;eduardo.santana@bv.com.br;fernandorsju@algartech.com;marianeps@algartech.com;talmaiardo@algartech.com;thiagordu@algartech.com;vitorgmp@algartech.com;</t>
  </si>
  <si>
    <t>bvs-centralcartoes@bv.com.br,cintia.souza-domingues@dxc.com,eduardo.santana@bv.com.br,fernandorsju@algartech.com,marianeps@algartech.com,talmaiardo@algartech.com,thiagordu@algartech.com,vitorgmp@algartech.com</t>
  </si>
  <si>
    <t>83bd40f4-e7be-4b04-9ae6-01e988ae8968.tmp</t>
  </si>
  <si>
    <t>\\acsfs\profiles$\matheushds\Downloads\83bd40f4-e7be-4b04-9ae6-01e988ae8968.tmp</t>
  </si>
  <si>
    <t>mail.google.com/sync/u/0/i/s?hl=pt-BR&amp;c=97</t>
  </si>
  <si>
    <t>d9781169-537b-4dd0-8c93-b24e12e53b61.tmp</t>
  </si>
  <si>
    <t>\\acsfs\profiles$\matheushds\Downloads\d9781169-537b-4dd0-8c93-b24e12e53b61.tmp</t>
  </si>
  <si>
    <t>959cc9ab-7a54-4733-b880-bca95b682bcd.tmp</t>
  </si>
  <si>
    <t>\\acsfs\profiles$\matheushds\Downloads\959cc9ab-7a54-4733-b880-bca95b682bcd.tmp</t>
  </si>
  <si>
    <t>mail.google.com/_/upload?authuser=0&amp;dcp=asu-n&amp;upload_id=AEnB2Uq5hf8kFaG-EgQs-uf5JDu2XS35aMQPMbUCGE9axjGGIqzaNCOz0U7GZ8GbpefW6C-L3bBmfvZguxutagtbRd9R4CsR8A&amp;upload_protocol=resumable</t>
  </si>
  <si>
    <t>5030239c-7f4f-49e0-96fc-46b099286b31.tmp</t>
  </si>
  <si>
    <t>\\acsfs\profiles$\matheushds\Downloads\5030239c-7f4f-49e0-96fc-46b099286b31.tmp</t>
  </si>
  <si>
    <t>mail.google.com/sync/u/0/i/s?hl=pt-BR&amp;c=99</t>
  </si>
  <si>
    <t>a52dc509-a37c-4251-b417-9fd94609004f.tmp</t>
  </si>
  <si>
    <t>\\acsfs\profiles$\matheushds\Downloads\a52dc509-a37c-4251-b417-9fd94609004f.tmp</t>
  </si>
  <si>
    <t>3868c5ba-5c15-48a4-aa08-0ec9bf953b86.tmp</t>
  </si>
  <si>
    <t>\\acsfs\profiles$\matheushds\Downloads\3868c5ba-5c15-48a4-aa08-0ec9bf953b86.tmp</t>
  </si>
  <si>
    <t>9e7c4597-55e9-46d1-9140-dcfb0ff2910a.tmp</t>
  </si>
  <si>
    <t>\\acsfs\profiles$\wenderbnm\Downloads\9e7c4597-55e9-46d1-9140-dcfb0ff2910a.tmp</t>
  </si>
  <si>
    <t>% valor campanha.xlsx</t>
  </si>
  <si>
    <t>ac773175-62dc-4198-b059-6dbcd2000fc6.tmp</t>
  </si>
  <si>
    <t>\\acsfs\profiles$\alicecpbc\Downloads\ac773175-62dc-4198-b059-6dbcd2000fc6.tmp</t>
  </si>
  <si>
    <t>lu9844120e34.tmp</t>
  </si>
  <si>
    <t>\\acsfs\profiles$\dhiulliananads\My Documents\lu9844120e34.tmp</t>
  </si>
  <si>
    <t>\\acsfs\profiles$\dhiulliananads\My Documents\lu9844120e34.tmp\</t>
  </si>
  <si>
    <t>\\acsfs\profiles$\dhiulliananads\My Documents\lu9844120e34.tmp\META-INF\</t>
  </si>
  <si>
    <t>\\acsfs\profiles$\dhiulliananads\My Documents\lu9844120e34.tmp\Thumbnails\</t>
  </si>
  <si>
    <t>lu9844120e39.tmp</t>
  </si>
  <si>
    <t>\\acsfs\profiles$\dhiulliananads\My Documents\lu9844120e39.tmp</t>
  </si>
  <si>
    <t>\\acsfs\profiles$\dhiulliananads\My Documents\lu9844120e39.tmp\</t>
  </si>
  <si>
    <t>\\acsfs\profiles$\dhiulliananads\My Documents\lu9844120e39.tmp\META-INF\</t>
  </si>
  <si>
    <t>\\acsfs\profiles$\dhiulliananads\My Documents\lu9844120e39.tmp\Thumbnails\</t>
  </si>
  <si>
    <t>\\acsfs\profiles$\danielpdl\My Documents\xworkcenter\logs\</t>
  </si>
  <si>
    <t>XLOG_danielpdl_11122019_120340.log</t>
  </si>
  <si>
    <t>\\acsfs\profiles$\danielpdl\My Documents\xworkcenter\logs\XLOG_danielpdl_11122019_120340.log</t>
  </si>
  <si>
    <t>226c86e3-5598-4aae-8312-daa9fd0492e5.tmp</t>
  </si>
  <si>
    <t>\\acsfs\profiles$\leticiala\Downloads\226c86e3-5598-4aae-8312-daa9fd0492e5.tmp</t>
  </si>
  <si>
    <t>leonardoamf@algartech.com.br;selmaasr@algartech.com.br;</t>
  </si>
  <si>
    <t>RES: Ajuste Painel Casos Especiais</t>
  </si>
  <si>
    <t>leonardoamf@algartech.com.br,selmaasr@algartech.com.br</t>
  </si>
  <si>
    <t>mail.google.com/sync/u/0/i/s?hl=pt-BR&amp;c=104</t>
  </si>
  <si>
    <t>lu9844120e3d.tmp</t>
  </si>
  <si>
    <t>\\acsfs\profiles$\dhiulliananads\My Documents\lu9844120e3d.tmp</t>
  </si>
  <si>
    <t>\\acsfs\profiles$\dhiulliananads\My Documents\lu9844120e3d.tmp\</t>
  </si>
  <si>
    <t>\\acsfs\profiles$\dhiulliananads\My Documents\lu9844120e3d.tmp\META-INF\</t>
  </si>
  <si>
    <t>\\acsfs\profiles$\dhiulliananads\My Documents\lu9844120e3d.tmp\Thumbnails\</t>
  </si>
  <si>
    <t>lu9844120e3i.tmp</t>
  </si>
  <si>
    <t>\\acsfs\profiles$\dhiulliananads\My Documents\lu9844120e3i.tmp</t>
  </si>
  <si>
    <t>\\acsfs\profiles$\dhiulliananads\My Documents\lu9844120e3i.tmp\</t>
  </si>
  <si>
    <t>\\acsfs\profiles$\dhiulliananads\My Documents\lu9844120e3i.tmp\META-INF\</t>
  </si>
  <si>
    <t>\\acsfs\profiles$\dhiulliananads\My Documents\lu9844120e3i.tmp\Thumbnails\</t>
  </si>
  <si>
    <t>a43c1546-0fc8-4aac-b8b0-e7baf5435756.tmp</t>
  </si>
  <si>
    <t>\\acsfs\profiles$\leticiala\Downloads\a43c1546-0fc8-4aac-b8b0-e7baf5435756.tmp</t>
  </si>
  <si>
    <t>477f2a75-7293-40e7-a6f8-d034a888f4a0.tmp</t>
  </si>
  <si>
    <t>\\acsfs\profiles$\leticiala\Downloads\477f2a75-7293-40e7-a6f8-d034a888f4a0.tmp</t>
  </si>
  <si>
    <t>59145757-b800-4d79-82c9-ab679489c830.tmp</t>
  </si>
  <si>
    <t>\\acsfs\profiles$\leticiala\Downloads\59145757-b800-4d79-82c9-ab679489c830.tmp</t>
  </si>
  <si>
    <t>mail.google.com/sync/u/0/i/s?hl=pt-BR&amp;c=108</t>
  </si>
  <si>
    <t>mail.google.com/sync/u/0/i/s?hl=pt-BR&amp;c=113</t>
  </si>
  <si>
    <t>44ac58a5-48da-4657-b1f5-189744337946.tmp</t>
  </si>
  <si>
    <t>\\acsfs\profiles$\gabrielafs\Downloads\44ac58a5-48da-4657-b1f5-189744337946.tmp</t>
  </si>
  <si>
    <t>\\acsfs\profiles$\danielpdl\My Documents\xworkcenter\lex\</t>
  </si>
  <si>
    <t>temp.tlx</t>
  </si>
  <si>
    <t>\\acsfs\profiles$\danielpdl\My Documents\xworkcenter\lex\temp.tlx</t>
  </si>
  <si>
    <t>mail.google.com/sync/u/0/i/s?hl=pt-BR&amp;c=116</t>
  </si>
  <si>
    <t>mail.google.com/sync/u/0/i/s?hl=pt-BR&amp;c=119</t>
  </si>
  <si>
    <t>c4bea907-6471-441e-b514-d1659160930e.tmp</t>
  </si>
  <si>
    <t>\\acsfs\profiles$\DALVADFB\Downloads\c4bea907-6471-441e-b514-d1659160930e.tmp</t>
  </si>
  <si>
    <t>1f06ca56-1b81-42df-bf02-97fcf356631f.tmp</t>
  </si>
  <si>
    <t>\\acsfs\profiles$\ERICALSR\Downloads\1f06ca56-1b81-42df-bf02-97fcf356631f.tmp</t>
  </si>
  <si>
    <t>1290a129-4bae-4dfa-b9d7-7f9c5598a493.tmp</t>
  </si>
  <si>
    <t>\\acsfs\profiles$\ERICALSR\Downloads\1290a129-4bae-4dfa-b9d7-7f9c5598a493.tmp</t>
  </si>
  <si>
    <t>Não confirmado 604309.crdownload</t>
  </si>
  <si>
    <t>\\acsfs\profiles$\ERICALSR\Downloads\Não confirmado 604309.crdownload</t>
  </si>
  <si>
    <t>c078f894-c05d-40f1-8c25-31671bb19272.tmp</t>
  </si>
  <si>
    <t>\\acsfs\profiles$\ERICALSR\Downloads\c078f894-c05d-40f1-8c25-31671bb19272.tmp</t>
  </si>
  <si>
    <t>52f2e030-2938-4f9d-89f2-6d9619a9cad6.tmp</t>
  </si>
  <si>
    <t>\\acsfs\profiles$\ERICALSR\Downloads\52f2e030-2938-4f9d-89f2-6d9619a9cad6.tmp</t>
  </si>
  <si>
    <t>mail.google.com/_/upload?authuser=0&amp;dcp=asu-n&amp;upload_id=AEnB2UoCeUJDij26z-1lC63QXWFUvK82V7y14oUk9NV3HE-vy-9YDowTKuZv2aQZUCtkMferVNYoPAS0_Z0Hn4XZzyhyRsYLng&amp;upload_protocol=resumable</t>
  </si>
  <si>
    <t>PLANO DE AÇÃO_AHT.xls</t>
  </si>
  <si>
    <t>\\acsfs\profiles$\adrielyas\My Documents\My Pictures\</t>
  </si>
  <si>
    <t>\\acsfs\profiles$\adrielyas\My Documents\My Videos\desktop.ini</t>
  </si>
  <si>
    <t>\\acsfs\profiles$\adrielyas\My Documents\My Videos\</t>
  </si>
  <si>
    <t>\\acsfs\profiles$\adrielyas\My Documents\My Music\</t>
  </si>
  <si>
    <t>\\acsfs\profiles$\adrielyas\My Documents\My Pictures\desktop.ini</t>
  </si>
  <si>
    <t>\\acsfs\profiles$\adrielyas\Contacts\</t>
  </si>
  <si>
    <t>\\acsfs\profiles$\adrielyas\Contacts\desktop.ini</t>
  </si>
  <si>
    <t>\\acsfs\profiles$\adrielyas\My Documents\</t>
  </si>
  <si>
    <t>\\acsfs\profiles$\adrielyas\Favorites\desktop.ini</t>
  </si>
  <si>
    <t>\\acsfs\profiles$\adrielyas\My Documents\My Music\desktop.ini</t>
  </si>
  <si>
    <t>\\acsfs\profiles$\adrielyas\Searches\</t>
  </si>
  <si>
    <t>\\acsfs\profiles$\adrielyas\Searches\desktop.ini</t>
  </si>
  <si>
    <t>\\acsfs\profiles$\adrielyas\Downloads\desktop.ini</t>
  </si>
  <si>
    <t>\\acsfs\profiles$\adrielyas\Favorites\</t>
  </si>
  <si>
    <t>\\acsfs\profiles$\adrielyas\My Documents\desktop.ini</t>
  </si>
  <si>
    <t>\\acsfs\profiles$\adrielyas\Saved Games\desktop.ini</t>
  </si>
  <si>
    <t>winrt--{S-1-5-21-602162358-764733703-839522115-344512}-.searchconnector-ms</t>
  </si>
  <si>
    <t>\\acsfs\profiles$\adrielyas\Searches\winrt--{S-1-5-21-602162358-764733703-839522115-344512}-.searchconnector-ms</t>
  </si>
  <si>
    <t>608b168c-a001-446f-9a77-1e785a80fa1e.tmp</t>
  </si>
  <si>
    <t>\\acsfs\profiles$\DALVADFB\Downloads\608b168c-a001-446f-9a77-1e785a80fa1e.tmp</t>
  </si>
  <si>
    <t>XLOG_danielpdl_11122019_122219.log</t>
  </si>
  <si>
    <t>\\acsfs\profiles$\danielpdl\My Documents\xworkcenter\logs\XLOG_danielpdl_11122019_122219.log</t>
  </si>
  <si>
    <t>XLOG_danielpdl_11122019_122138.log</t>
  </si>
  <si>
    <t>\\acsfs\profiles$\danielpdl\My Documents\xworkcenter\logs\XLOG_danielpdl_11122019_122138.log</t>
  </si>
  <si>
    <t>c2906df7-252a-445e-99af-db8d81e2435c.tmp</t>
  </si>
  <si>
    <t>\\acsfs\profiles$\adrielyas\Downloads\c2906df7-252a-445e-99af-db8d81e2435c.tmp</t>
  </si>
  <si>
    <t>Unconfirmed 464201.crdownload</t>
  </si>
  <si>
    <t>\\acsfs\profiles$\adrielyas\Downloads\Unconfirmed 464201.crdownload</t>
  </si>
  <si>
    <t>fcbd1574-e374-4f42-8d40-5b049dd12a4a.tmp</t>
  </si>
  <si>
    <t>\\acsfs\profiles$\adrielyas\Downloads\fcbd1574-e374-4f42-8d40-5b049dd12a4a.tmp</t>
  </si>
  <si>
    <t>d7eecad2-4b05-416c-96fa-5f094a9af668.tmp</t>
  </si>
  <si>
    <t>\\acsfs\profiles$\adrielyas\Downloads\d7eecad2-4b05-416c-96fa-5f094a9af668.tmp</t>
  </si>
  <si>
    <t>fee0aa93-9a88-46bc-8905-ddcd70309c51.tmp</t>
  </si>
  <si>
    <t>\\acsfs\profiles$\adrielyas\Downloads\fee0aa93-9a88-46bc-8905-ddcd70309c51.tmp</t>
  </si>
  <si>
    <t>490f363d-104b-4b5a-a718-04c4ba16542a.tmp</t>
  </si>
  <si>
    <t>\\acsfs\profiles$\adrielyas\Downloads\490f363d-104b-4b5a-a718-04c4ba16542a.tmp</t>
  </si>
  <si>
    <t>317bc1fc-c3be-4742-afc7-1287f13faac2.tmp</t>
  </si>
  <si>
    <t>\\acsfs\profiles$\DALVADFB\Downloads\317bc1fc-c3be-4742-afc7-1287f13faac2.tmp</t>
  </si>
  <si>
    <t>f61ce79e-2ae9-4682-9078-acafe7c6d013.tmp</t>
  </si>
  <si>
    <t>\\acsfs\profiles$\isabellegtds\Downloads\f61ce79e-2ae9-4682-9078-acafe7c6d013.tmp</t>
  </si>
  <si>
    <t>58b9cf73-698f-4f0f-8b50-4820971c8b04.tmp</t>
  </si>
  <si>
    <t>\\acsfs\profiles$\alicecpbc\Downloads\58b9cf73-698f-4f0f-8b50-4820971c8b04.tmp</t>
  </si>
  <si>
    <t>lu9844120e3n.tmp</t>
  </si>
  <si>
    <t>\\acsfs\profiles$\dhiulliananads\My Documents\lu9844120e3n.tmp</t>
  </si>
  <si>
    <t>\\acsfs\profiles$\dhiulliananads\My Documents\lu9844120e3n.tmp\</t>
  </si>
  <si>
    <t>\\acsfs\profiles$\dhiulliananads\My Documents\lu9844120e3n.tmp\META-INF\</t>
  </si>
  <si>
    <t>\\acsfs\profiles$\dhiulliananads\My Documents\lu9844120e3n.tmp\Thumbnails\</t>
  </si>
  <si>
    <t>/o=exchangelabs/ou=exchange administrative group (fydibohf23spdlt)/cn=recipients/cn=48b9d80b3de74b6889aab1a91d02512b-ivanete da;/o=exchangelabs/ou=exchange administrative group (fydibohf23spdlt)/cn=recipients/cn=cd357e63731b4983b100b1a5028f9649-william car;camiladps@algartech.com;renantc@algartech.com.br;williamcc@algartech.com.br;</t>
  </si>
  <si>
    <t>RES: Treinamentos Hibrido e Portal PJ</t>
  </si>
  <si>
    <t>Portal PJ - Escala Ivanete.xlsx</t>
  </si>
  <si>
    <t>/o=exchangelabs/ou=exchange administrative group (fydibohf23spdlt)/cn=recipients/cn=48b9d80b3de74b6889aab1a91d02512b-ivanete da,/o=exchangelabs/ou=exchange administrative group (fydibohf23spdlt)/cn=recipients/cn=cd357e63731b4983b100b1a5028f9649-william car,camiladps@algartech.com,renantc@algartech.com.br,williamcc@algartech.com.br</t>
  </si>
  <si>
    <t>mail.google.com/_/upload?authuser=0&amp;dcp=asu-n&amp;upload_id=AEnB2UroPh3406n2mU2arwnAXgXE_n4_xAs7tqRyJGMscdNZ8sM-_4bbxS67LLP-8mYIFzMc2tFZX4i6VjURkme9kYYxp7JkxA&amp;upload_protocol=resumable</t>
  </si>
  <si>
    <t>Chamadas Longas - Dez.19.xlsx</t>
  </si>
  <si>
    <t>\\acsfs\profiles$\paulovadc\</t>
  </si>
  <si>
    <t>Pausas.txt</t>
  </si>
  <si>
    <t>\\acsfs\profiles$\paulovadc\Pausas.txt</t>
  </si>
  <si>
    <t>lu9844120e3s.tmp</t>
  </si>
  <si>
    <t>\\acsfs\profiles$\dhiulliananads\My Documents\lu9844120e3s.tmp</t>
  </si>
  <si>
    <t>\\acsfs\profiles$\dhiulliananads\My Documents\lu9844120e3s.tmp\</t>
  </si>
  <si>
    <t>\\acsfs\profiles$\dhiulliananads\My Documents\lu9844120e3s.tmp\META-INF\</t>
  </si>
  <si>
    <t>\\acsfs\profiles$\dhiulliananads\My Documents\lu9844120e3s.tmp\Thumbnails\</t>
  </si>
  <si>
    <t>brunosr@algartech.com.br;isabelaaf@algartech.com.br;renatass@algartech.com.br;</t>
  </si>
  <si>
    <t>Treinamento 16 a 19/12</t>
  </si>
  <si>
    <t>brunosr@algartech.com.br,isabelaaf@algartech.com.br,renatass@algartech.com.br</t>
  </si>
  <si>
    <t>1c101b51-fb91-4efb-9022-9f7863874506.tmp</t>
  </si>
  <si>
    <t>\\acsfs\profiles$\adrielyas\Downloads\1c101b51-fb91-4efb-9022-9f7863874506.tmp</t>
  </si>
  <si>
    <t>b77f8e83-a81c-449d-a3e7-ab14e6d406ab.tmp</t>
  </si>
  <si>
    <t>\\acsfs\profiles$\deborahsi\Downloads\b77f8e83-a81c-449d-a3e7-ab14e6d406ab.tmp</t>
  </si>
  <si>
    <t>cintian@algartech.com;</t>
  </si>
  <si>
    <t>Iniciativa Componentes digitais.xlsx</t>
  </si>
  <si>
    <t>cintian@algartech.com</t>
  </si>
  <si>
    <t>47277534-74e1-4cd6-a993-03d10e9681fa.tmp</t>
  </si>
  <si>
    <t>\\acsfs\profiles$\isabellegtds\Downloads\47277534-74e1-4cd6-a993-03d10e9681fa.tmp</t>
  </si>
  <si>
    <t>272ae852-58cd-4caa-be85-535466235177.tmp</t>
  </si>
  <si>
    <t>\\acsfs\profiles$\mariliafplb\Downloads\272ae852-58cd-4caa-be85-535466235177.tmp</t>
  </si>
  <si>
    <t>2658ff9c-83e2-4bce-ab5e-cc45cb8862c8.tmp</t>
  </si>
  <si>
    <t>\\acsfs\profiles$\mariliafplb\Downloads\2658ff9c-83e2-4bce-ab5e-cc45cb8862c8.tmp</t>
  </si>
  <si>
    <t>7b745847-bf76-4bf3-bc6d-78feabbd005c.tmp</t>
  </si>
  <si>
    <t>\\acsfs\profiles$\leticiala\Downloads\7b745847-bf76-4bf3-bc6d-78feabbd005c.tmp</t>
  </si>
  <si>
    <t>39cfad97-5758-41dc-b0f5-57d4bd254929.tmp</t>
  </si>
  <si>
    <t>\\acsfs\profiles$\matheushds\Downloads\39cfad97-5758-41dc-b0f5-57d4bd254929.tmp</t>
  </si>
  <si>
    <t>3570671c-954c-4511-aaac-68b6ec647521.tmp</t>
  </si>
  <si>
    <t>\\acsfs\profiles$\matheushds\Downloads\3570671c-954c-4511-aaac-68b6ec647521.tmp</t>
  </si>
  <si>
    <t>10dcdb81-602d-4e4e-9446-fe8f5bb8edaf.tmp</t>
  </si>
  <si>
    <t>\\acsfs\profiles$\felipetds\Downloads\10dcdb81-602d-4e4e-9446-fe8f5bb8edaf.tmp</t>
  </si>
  <si>
    <t>8ccbe7ff-199b-4368-9b2c-e2d42db4fd10.tmp</t>
  </si>
  <si>
    <t>\\acsfs\profiles$\felipetds\Downloads\8ccbe7ff-199b-4368-9b2c-e2d42db4fd10.tmp</t>
  </si>
  <si>
    <t>lu9844120e44.tmp</t>
  </si>
  <si>
    <t>\\acsfs\profiles$\dhiulliananads\My Documents\lu9844120e44.tmp</t>
  </si>
  <si>
    <t>\\acsfs\profiles$\dhiulliananads\My Documents\lu9844120e44.tmp\</t>
  </si>
  <si>
    <t>\\acsfs\profiles$\dhiulliananads\My Documents\lu9844120e44.tmp\META-INF\</t>
  </si>
  <si>
    <t>\\acsfs\profiles$\dhiulliananads\My Documents\lu9844120e44.tmp\Thumbnails\</t>
  </si>
  <si>
    <t>lu9844120e49.tmp</t>
  </si>
  <si>
    <t>\\acsfs\profiles$\dhiulliananads\My Documents\lu9844120e49.tmp</t>
  </si>
  <si>
    <t>\\acsfs\profiles$\dhiulliananads\My Documents\lu9844120e49.tmp\</t>
  </si>
  <si>
    <t>\\acsfs\profiles$\dhiulliananads\My Documents\lu9844120e49.tmp\META-INF\</t>
  </si>
  <si>
    <t>\\acsfs\profiles$\dhiulliananads\My Documents\lu9844120e49.tmp\Thumbnails\</t>
  </si>
  <si>
    <t>9278c12d-3c26-4f01-9662-11813b475eb6.tmp</t>
  </si>
  <si>
    <t>\\acsfs\profiles$\geovannasm\Downloads\9278c12d-3c26-4f01-9662-11813b475eb6.tmp</t>
  </si>
  <si>
    <t>C:\Program Files\</t>
  </si>
  <si>
    <t>C:\Users\</t>
  </si>
  <si>
    <t>cbd1d724-f555-417c-be30-c76b98601562.tmp</t>
  </si>
  <si>
    <t>\\acsfs\profiles$\gabrielarb\Downloads\cbd1d724-f555-417c-be30-c76b98601562.tmp</t>
  </si>
  <si>
    <t>6bc53952-3f6e-4580-ba29-f688c2d63e4c.tmp</t>
  </si>
  <si>
    <t>\\acsfs\profiles$\matheushds\Downloads\6bc53952-3f6e-4580-ba29-f688c2d63e4c.tmp</t>
  </si>
  <si>
    <t>e9c3fa81-faff-4a61-809f-657fd5744bdc.tmp</t>
  </si>
  <si>
    <t>\\acsfs\profiles$\matheushds\Downloads\e9c3fa81-faff-4a61-809f-657fd5744bdc.tmp</t>
  </si>
  <si>
    <t>dfc18246-f802-4e00-abed-054c99a0168a.tmp</t>
  </si>
  <si>
    <t>\\acsfs\profiles$\matheushds\Downloads\dfc18246-f802-4e00-abed-054c99a0168a.tmp</t>
  </si>
  <si>
    <t>8ad81fbd-0bdf-41f2-8786-024056aaac20.tmp</t>
  </si>
  <si>
    <t>\\acsfs\profiles$\matheushds\Downloads\8ad81fbd-0bdf-41f2-8786-024056aaac20.tmp</t>
  </si>
  <si>
    <t>6b0ea486-c869-45ff-b371-19cd691402d9.tmp</t>
  </si>
  <si>
    <t>\\acsfs\profiles$\matheushds\Downloads\6b0ea486-c869-45ff-b371-19cd691402d9.tmp</t>
  </si>
  <si>
    <t>mail.google.com/_/upload?authuser=2&amp;dcp=asu-n&amp;upload_id=AEnB2UqWoOnZhdp9Rjha25rOKanHAP_LiXNEVnd6oJVD3BaEA1rPXd111dSXwQPH7-4EnkUgrD29GhI1xJnVcdvJeX40C2S4GcNheVr6OyZKK2P4U5dlZ7c&amp;upload_protocol=resumable</t>
  </si>
  <si>
    <t>Distribuição - 2ª Dezena Auditores.xls</t>
  </si>
  <si>
    <t>wesleyel</t>
  </si>
  <si>
    <t>C:\Users\Public\</t>
  </si>
  <si>
    <t>10.211.28.16</t>
  </si>
  <si>
    <t>74-E6-E2-D1-4C-88</t>
  </si>
  <si>
    <t>NB-MAURICIOJS</t>
  </si>
  <si>
    <t>wesleysm</t>
  </si>
  <si>
    <t>\\acsfs\Deptos\Asyst\AGUA_BRANCA\LOGISTICA\FATURAS TRANSPORTADORAS\CORREIOS\2019\NOVEMBRO\ALGAR TI\</t>
  </si>
  <si>
    <t>FLEXFIELD ALGAR TI .xlsx</t>
  </si>
  <si>
    <t>Comissão Novembro - Validação.xlsx</t>
  </si>
  <si>
    <t>51d1e761-3ab4-4e54-b6be-a1ba069d21c1.tmp</t>
  </si>
  <si>
    <t>\\acsfs\profiles$\kellzylenneasr\Downloads\51d1e761-3ab4-4e54-b6be-a1ba069d21c1.tmp</t>
  </si>
  <si>
    <t>60b02699-904f-4ce5-abe7-1f8ee204c5cc.tmp</t>
  </si>
  <si>
    <t>\\acsfs\profiles$\alicecpbc\Downloads\60b02699-904f-4ce5-abe7-1f8ee204c5cc.tmp</t>
  </si>
  <si>
    <t>mail.google.com/sync/u/0/i/s?hl=pt-BR&amp;c=32</t>
  </si>
  <si>
    <t>andrelpsa@algartech.com;supervisaobancovotorantim@algartech.com;</t>
  </si>
  <si>
    <t>andrelpsa@algartech.com,supervisaobancovotorantim@algartech.com</t>
  </si>
  <si>
    <t>Planilha CORRENTISTA_DEZEMBRO.xlsx</t>
  </si>
  <si>
    <t>lu9844120e4h.tmp</t>
  </si>
  <si>
    <t>\\acsfs\profiles$\dhiulliananads\My Documents\lu9844120e4h.tmp</t>
  </si>
  <si>
    <t>\\acsfs\profiles$\dhiulliananads\My Documents\lu9844120e4h.tmp\</t>
  </si>
  <si>
    <t>\\acsfs\profiles$\dhiulliananads\My Documents\lu9844120e4h.tmp\META-INF\</t>
  </si>
  <si>
    <t>\\acsfs\profiles$\dhiulliananads\My Documents\lu9844120e4h.tmp\Thumbnails\</t>
  </si>
  <si>
    <t>marcileiasdm</t>
  </si>
  <si>
    <t>\\acsfs\profiles$\marcileiasdm\Downloads\</t>
  </si>
  <si>
    <t>64db7c4f-2bdf-44ae-b879-55d77d2a531b.tmp</t>
  </si>
  <si>
    <t>\\acsfs\profiles$\marcileiasdm\Downloads\64db7c4f-2bdf-44ae-b879-55d77d2a531b.tmp</t>
  </si>
  <si>
    <t>56abedc2-6288-40c0-bb5b-8e026825177e.tmp</t>
  </si>
  <si>
    <t>\\acsfs\profiles$\marcileiasdm\Downloads\56abedc2-6288-40c0-bb5b-8e026825177e.tmp</t>
  </si>
  <si>
    <t>57fe7af0-c1d0-4974-81a6-9a9398eb5489.tmp</t>
  </si>
  <si>
    <t>\\acsfs\profiles$\marcileiasdm\Downloads\57fe7af0-c1d0-4974-81a6-9a9398eb5489.tmp</t>
  </si>
  <si>
    <t>9bfe1a89-72e7-4a67-b5e8-26be11fa2886.tmp</t>
  </si>
  <si>
    <t>\\acsfs\profiles$\marcileiasdm\Downloads\9bfe1a89-72e7-4a67-b5e8-26be11fa2886.tmp</t>
  </si>
  <si>
    <t>98040fa8-8bd7-4d34-9987-038d74ae471f.tmp</t>
  </si>
  <si>
    <t>\\acsfs\profiles$\isabellegtds\Downloads\98040fa8-8bd7-4d34-9987-038d74ae471f.tmp</t>
  </si>
  <si>
    <t>a3f8280c-04d3-487c-941e-9c643dc17a14.tmp</t>
  </si>
  <si>
    <t>\\acsfs\profiles$\alicecpbc\Downloads\a3f8280c-04d3-487c-941e-9c643dc17a14.tmp</t>
  </si>
  <si>
    <t>lu9844120e4m.tmp</t>
  </si>
  <si>
    <t>\\acsfs\profiles$\dhiulliananads\My Documents\lu9844120e4m.tmp</t>
  </si>
  <si>
    <t>\\acsfs\profiles$\dhiulliananads\My Documents\lu9844120e4m.tmp\</t>
  </si>
  <si>
    <t>\\acsfs\profiles$\dhiulliananads\My Documents\lu9844120e4m.tmp\META-INF\</t>
  </si>
  <si>
    <t>\\acsfs\profiles$\dhiulliananads\My Documents\lu9844120e4m.tmp\Thumbnails\</t>
  </si>
  <si>
    <t>a08f2bfb-fe0f-4c70-8f76-c1e39c5c30ff.tmp</t>
  </si>
  <si>
    <t>\\acsfs\profiles$\KARENJSS\Downloads\a08f2bfb-fe0f-4c70-8f76-c1e39c5c30ff.tmp</t>
  </si>
  <si>
    <t>3d8896c0-ac67-406f-93fc-8305501c194e.tmp</t>
  </si>
  <si>
    <t>\\acsfs\profiles$\marcileiasdm\Downloads\3d8896c0-ac67-406f-93fc-8305501c194e.tmp</t>
  </si>
  <si>
    <t>f7772990-f352-493a-bbe7-2190d849b38f.tmp</t>
  </si>
  <si>
    <t>\\acsfs\profiles$\geovanaasa\Downloads\f7772990-f352-493a-bbe7-2190d849b38f.tmp</t>
  </si>
  <si>
    <t>2230e31b-7ac4-4491-8904-50dfadfe5b87.tmp</t>
  </si>
  <si>
    <t>\\acsfs\profiles$\gabrielarb\Downloads\2230e31b-7ac4-4491-8904-50dfadfe5b87.tmp</t>
  </si>
  <si>
    <t>\\acsfs\profiles$\matheushds\My Documents\xworkcenter\logs\</t>
  </si>
  <si>
    <t>XLOG_matheushds_11122019_122836.log</t>
  </si>
  <si>
    <t>\\acsfs\profiles$\matheushds\My Documents\xworkcenter\logs\XLOG_matheushds_11122019_122836.log</t>
  </si>
  <si>
    <t>af945518-b83d-4d65-a14c-bdc54ee13e8f.tmp</t>
  </si>
  <si>
    <t>\\acsfs\profiles$\alicecpbc\Downloads\af945518-b83d-4d65-a14c-bdc54ee13e8f.tmp</t>
  </si>
  <si>
    <t>145f847a-0841-41df-a0b7-a8a7d115e602.tmp</t>
  </si>
  <si>
    <t>\\acsfs\profiles$\KARENJSS\Downloads\145f847a-0841-41df-a0b7-a8a7d115e602.tmp</t>
  </si>
  <si>
    <t>XLOG_matheushds_11122019_134323.log</t>
  </si>
  <si>
    <t>\\acsfs\profiles$\matheushds\My Documents\xworkcenter\logs\XLOG_matheushds_11122019_134323.log</t>
  </si>
  <si>
    <t>745e1261-d6b0-4192-89bb-a8a7e69dbeb8.tmp</t>
  </si>
  <si>
    <t>\\acsfs\profiles$\matheushds\Downloads\745e1261-d6b0-4192-89bb-a8a7e69dbeb8.tmp</t>
  </si>
  <si>
    <t>673499c7-6ad0-41d1-805a-763d17903a73.tmp</t>
  </si>
  <si>
    <t>\\acsfs\profiles$\regisadsa\Downloads\673499c7-6ad0-41d1-805a-763d17903a73.tmp</t>
  </si>
  <si>
    <t>45ba1ba0-26e3-4a3b-abf5-0633a1c965d4.tmp</t>
  </si>
  <si>
    <t>\\acsfs\profiles$\regisadsa\Downloads\45ba1ba0-26e3-4a3b-abf5-0633a1c965d4.tmp</t>
  </si>
  <si>
    <t>ca34705e-5d03-4d74-ab81-6473f21593ae.tmp</t>
  </si>
  <si>
    <t>\\acsfs\profiles$\regisadsa\Downloads\ca34705e-5d03-4d74-ab81-6473f21593ae.tmp</t>
  </si>
  <si>
    <t>2e66c900-5279-483c-890d-353587369590.tmp</t>
  </si>
  <si>
    <t>\\acsfs\profiles$\regisadsa\Downloads\2e66c900-5279-483c-890d-353587369590.tmp</t>
  </si>
  <si>
    <t>lu9844120e4v.tmp</t>
  </si>
  <si>
    <t>\\acsfs\profiles$\dhiulliananads\My Documents\lu9844120e4v.tmp</t>
  </si>
  <si>
    <t>\\acsfs\profiles$\dhiulliananads\My Documents\lu9844120e4v.tmp\</t>
  </si>
  <si>
    <t>\\acsfs\profiles$\dhiulliananads\My Documents\lu9844120e4v.tmp\META-INF\</t>
  </si>
  <si>
    <t>\\acsfs\profiles$\dhiulliananads\My Documents\lu9844120e4v.tmp\Thumbnails\</t>
  </si>
  <si>
    <t>00521f74-a51d-4b37-9822-73f3854c7f11.tmp</t>
  </si>
  <si>
    <t>\\acsfs\profiles$\KARENJSS\Downloads\00521f74-a51d-4b37-9822-73f3854c7f11.tmp</t>
  </si>
  <si>
    <t>10.200.66.124</t>
  </si>
  <si>
    <t>b6346cd4-68fe-44b1-b42f-2341d308218d.tmp</t>
  </si>
  <si>
    <t>\\acsfs\profiles$\bernardopcm\Downloads\b6346cd4-68fe-44b1-b42f-2341d308218d.tmp</t>
  </si>
  <si>
    <t>8aef17c9-ed3d-4435-85fe-8160e0193946.tmp</t>
  </si>
  <si>
    <t>\\acsfs\profiles$\bernardopcm\Downloads\8aef17c9-ed3d-4435-85fe-8160e0193946.tmp</t>
  </si>
  <si>
    <t>b125b585-3146-4bfc-ba49-ebc8df1ce07d.tmp</t>
  </si>
  <si>
    <t>\\acsfs\profiles$\gabrielarb\Downloads\b125b585-3146-4bfc-ba49-ebc8df1ce07d.tmp</t>
  </si>
  <si>
    <t>10.200.66.64</t>
  </si>
  <si>
    <t>74-86-7A-FB-17-DD</t>
  </si>
  <si>
    <t>VOTORANT-VB007</t>
  </si>
  <si>
    <t>alinepp</t>
  </si>
  <si>
    <t>\\acsfs\profiles$\alinepp\Downloads\</t>
  </si>
  <si>
    <t>2726a50f-e791-49e6-88b1-774a7e32795d.tmp</t>
  </si>
  <si>
    <t>\\acsfs\profiles$\alinepp\Downloads\2726a50f-e791-49e6-88b1-774a7e32795d.tmp</t>
  </si>
  <si>
    <t>mail.google.com/_/upload?authuser=0&amp;dcp=asu-n&amp;upload_id=AEnB2UrQ3nTY3rXGrvlu8ZnG6qDcCbiYcB-kvZix0UTsWQclS5sXGmimogW3U63hxWm5pjSoYK_8L41QOV7ljPTZhhh4kuQ8Nj9HgNB_AZA7ttZWV1Gee1U&amp;upload_protocol=resumable</t>
  </si>
  <si>
    <t>a45caed0-ad06-4e0a-a904-aee0535d41b2.tmp</t>
  </si>
  <si>
    <t>\\acsfs\profiles$\geovannasm\Downloads\a45caed0-ad06-4e0a-a904-aee0535d41b2.tmp</t>
  </si>
  <si>
    <t>6cf70bc1-5419-4ae0-8472-28d3cffc8035.tmp</t>
  </si>
  <si>
    <t>\\acsfs\profiles$\bernardopcm\Downloads\6cf70bc1-5419-4ae0-8472-28d3cffc8035.tmp</t>
  </si>
  <si>
    <t>f038ff07-ca0b-467e-a85a-a924568ac37d.tmp</t>
  </si>
  <si>
    <t>\\acsfs\profiles$\bernardopcm\Downloads\f038ff07-ca0b-467e-a85a-a924568ac37d.tmp</t>
  </si>
  <si>
    <t>2c9ce3e9-0c95-4243-aff2-b6d9afbb5422.tmp</t>
  </si>
  <si>
    <t>\\acsfs\profiles$\bernardopcm\Downloads\2c9ce3e9-0c95-4243-aff2-b6d9afbb5422.tmp</t>
  </si>
  <si>
    <t>9fc834d4-5916-471e-a0c8-4e1b9cdba9ad.tmp</t>
  </si>
  <si>
    <t>\\acsfs\profiles$\adrielyas\Downloads\9fc834d4-5916-471e-a0c8-4e1b9cdba9ad.tmp</t>
  </si>
  <si>
    <t>6de6a2d4-5593-4e79-9863-8edad32193e6.tmp</t>
  </si>
  <si>
    <t>\\acsfs\profiles$\alinepp\Downloads\6de6a2d4-5593-4e79-9863-8edad32193e6.tmp</t>
  </si>
  <si>
    <t>d450a169-7c97-49a1-83fb-8f90136ac06f.tmp</t>
  </si>
  <si>
    <t>\\acsfs\profiles$\alinepp\Downloads\d450a169-7c97-49a1-83fb-8f90136ac06f.tmp</t>
  </si>
  <si>
    <t>d770f254-d6d1-4d81-bb9a-a217d24d2e0f.tmp</t>
  </si>
  <si>
    <t>\\acsfs\profiles$\luanarda\Downloads\d770f254-d6d1-4d81-bb9a-a217d24d2e0f.tmp</t>
  </si>
  <si>
    <t>\\acsfs\profiles$\JOAOVAL\My Documents\</t>
  </si>
  <si>
    <t>Trabalho Gzus.txt</t>
  </si>
  <si>
    <t>\\acsfs\profiles$\JOAOVAL\My Documents\Trabalho Gzus.txt</t>
  </si>
  <si>
    <t>b2e04de2-e0d6-4851-bde5-d63020261f12.tmp</t>
  </si>
  <si>
    <t>\\acsfs\profiles$\bernardopcm\Downloads\b2e04de2-e0d6-4851-bde5-d63020261f12.tmp</t>
  </si>
  <si>
    <t>https://outlook.office365.com/owa/qualidadealgarbv@algartech.com/service.svc?action=updateitem&amp;app=mail&amp;n=317</t>
  </si>
  <si>
    <t>https://outlook.office365.com/owa/qualidadealgarbv@algartech.com/service.svc?action=updateitem&amp;app=mail&amp;n=322</t>
  </si>
  <si>
    <t>https://outlook.office365.com/owa/qualidadealgarbv@algartech.com/service.svc?action=updateitem&amp;app=mail&amp;n=324</t>
  </si>
  <si>
    <t>https://outlook.office365.com/owa/qualidadealgarbv@algartech.com/service.svc?action=updateitem&amp;app=mail&amp;n=333</t>
  </si>
  <si>
    <t>10.200.67.158</t>
  </si>
  <si>
    <t>64-1C-67-9D-1E-37</t>
  </si>
  <si>
    <t>VOTORANT-FB006</t>
  </si>
  <si>
    <t>ellencds</t>
  </si>
  <si>
    <t>\\acsfs\profiles$\ellencds\My Documents\xworkcenter\lex\</t>
  </si>
  <si>
    <t>\\acsfs\profiles$\ellencds\My Documents\xworkcenter\lex\temp.tlx</t>
  </si>
  <si>
    <t>58935a12-7f94-44c4-ab1d-9817ef85c1c5.tmp</t>
  </si>
  <si>
    <t>\\acsfs\profiles$\paulovadc\Downloads\58935a12-7f94-44c4-ab1d-9817ef85c1c5.tmp</t>
  </si>
  <si>
    <t>lu9844120e50.tmp</t>
  </si>
  <si>
    <t>\\acsfs\profiles$\dhiulliananads\My Documents\lu9844120e50.tmp</t>
  </si>
  <si>
    <t>\\acsfs\profiles$\dhiulliananads\My Documents\lu9844120e50.tmp\</t>
  </si>
  <si>
    <t>\\acsfs\profiles$\dhiulliananads\My Documents\lu9844120e50.tmp\META-INF\</t>
  </si>
  <si>
    <t>\\acsfs\profiles$\dhiulliananads\My Documents\lu9844120e50.tmp\Thumbnails\</t>
  </si>
  <si>
    <t>lu9844120e55.tmp</t>
  </si>
  <si>
    <t>\\acsfs\profiles$\dhiulliananads\My Documents\lu9844120e55.tmp</t>
  </si>
  <si>
    <t>\\acsfs\profiles$\dhiulliananads\My Documents\lu9844120e55.tmp\</t>
  </si>
  <si>
    <t>\\acsfs\profiles$\dhiulliananads\My Documents\lu9844120e55.tmp\META-INF\</t>
  </si>
  <si>
    <t>\\acsfs\profiles$\dhiulliananads\My Documents\lu9844120e55.tmp\Thumbnails\</t>
  </si>
  <si>
    <t>b06dc7da-8aa4-45c1-8f33-04056aad2a8e.tmp</t>
  </si>
  <si>
    <t>\\acsfs\profiles$\layonmof\Downloads\b06dc7da-8aa4-45c1-8f33-04056aad2a8e.tmp</t>
  </si>
  <si>
    <t>4ab0de75-ba2d-48a7-ba60-b4c2c10b978a.tmp</t>
  </si>
  <si>
    <t>\\acsfs\profiles$\layonmof\Downloads\4ab0de75-ba2d-48a7-ba60-b4c2c10b978a.tmp</t>
  </si>
  <si>
    <t>f98b8be9-6478-46e9-b379-87b18ee623f4.tmp</t>
  </si>
  <si>
    <t>\\acsfs\profiles$\layonmof\Downloads\f98b8be9-6478-46e9-b379-87b18ee623f4.tmp</t>
  </si>
  <si>
    <t>e668282f-d315-4579-8f10-924dcdd3aa9f.tmp</t>
  </si>
  <si>
    <t>\\acsfs\profiles$\gabrielarb\Downloads\e668282f-d315-4579-8f10-924dcdd3aa9f.tmp</t>
  </si>
  <si>
    <t>82a13385-cfac-4ec1-9a4c-c68e2be0045a.tmp</t>
  </si>
  <si>
    <t>\\acsfs\profiles$\matheushds\Downloads\82a13385-cfac-4ec1-9a4c-c68e2be0045a.tmp</t>
  </si>
  <si>
    <t>21b550b9-7123-4ca4-9f26-44b7f6ae2e33.tmp</t>
  </si>
  <si>
    <t>\\acsfs\profiles$\matheushds\Downloads\21b550b9-7123-4ca4-9f26-44b7f6ae2e33.tmp</t>
  </si>
  <si>
    <t>69441933-7f03-41f2-9d5b-641373d750b4.tmp</t>
  </si>
  <si>
    <t>\\acsfs\profiles$\dhiulliananads\Downloads\69441933-7f03-41f2-9d5b-641373d750b4.tmp</t>
  </si>
  <si>
    <t>\\acsfs\profiles$\dhiulliananads\Downloads\69441933-7f03-41f2-9d5b-641373d750b4.tmp\</t>
  </si>
  <si>
    <t>\\acsfs\profiles$\dhiulliananads\Downloads\69441933-7f03-41f2-9d5b-641373d750b4.tmp\META-INF\</t>
  </si>
  <si>
    <t>\\acsfs\profiles$\dhiulliananads\Downloads\69441933-7f03-41f2-9d5b-641373d750b4.tmp\Thumbnails\</t>
  </si>
  <si>
    <t>.~lock.Controle de vendas.ods#</t>
  </si>
  <si>
    <t>\\acsfs\profiles$\dhiulliananads\Downloads\.~lock.Controle de vendas.ods#</t>
  </si>
  <si>
    <t>.~lock.Controle de vendas rafa.ods#</t>
  </si>
  <si>
    <t>\\acsfs\profiles$\dhiulliananads\My Documents\.~lock.Controle de vendas rafa.ods#</t>
  </si>
  <si>
    <t>lu9844120e5c.tmp</t>
  </si>
  <si>
    <t>\\acsfs\profiles$\dhiulliananads\My Documents\lu9844120e5c.tmp</t>
  </si>
  <si>
    <t>\\acsfs\profiles$\dhiulliananads\My Documents\lu9844120e5c.tmp\</t>
  </si>
  <si>
    <t>\\acsfs\profiles$\dhiulliananads\My Documents\lu9844120e5c.tmp\META-INF\</t>
  </si>
  <si>
    <t>\\acsfs\profiles$\dhiulliananads\My Documents\lu9844120e5c.tmp\Thumbnails\</t>
  </si>
  <si>
    <t>mail.google.com/sync/u/0/i/s?hl=pt-BR&amp;c=92</t>
  </si>
  <si>
    <t>mail.google.com/sync/u/0/i/s?hl=pt-BR&amp;c=114</t>
  </si>
  <si>
    <t>Zimbra BV.csv</t>
  </si>
  <si>
    <t>C:\Users\eduardost\OneDrive - Grupo Algar\2019\BRADESCO\Apresentação Bradesco Melhado.pptx\</t>
  </si>
  <si>
    <t>eae9ca0d-91ca-41b9-903a-81b27ce43f2d.tmp</t>
  </si>
  <si>
    <t>\\acsfs\profiles$\alinepp\Downloads\eae9ca0d-91ca-41b9-903a-81b27ce43f2d.tmp</t>
  </si>
  <si>
    <t>10.200.66.37</t>
  </si>
  <si>
    <t>78-2B-CB-C1-07-6E</t>
  </si>
  <si>
    <t>VOTORANT-JB005</t>
  </si>
  <si>
    <t>thaisdss</t>
  </si>
  <si>
    <t>\\acsfs\profiles$\thaisdss\My Documents\xworkcenter\lex\</t>
  </si>
  <si>
    <t>\\acsfs\profiles$\thaisdss\My Documents\xworkcenter\lex\temp.tlx</t>
  </si>
  <si>
    <t>\\acsfs\Deptos\Asyst\AGUA_BRANCA\LOGISTICA\PLANILHAS E DOCS UTEIS - IMPORTANTES\</t>
  </si>
  <si>
    <t>ORDEM DE SERVI+çO - CORREIOS.xls</t>
  </si>
  <si>
    <t>383b0c98-9472-478f-90ac-6ebff07b9421.tmp</t>
  </si>
  <si>
    <t>\\acsfs\profiles$\victorgl\Downloads\383b0c98-9472-478f-90ac-6ebff07b9421.tmp</t>
  </si>
  <si>
    <t>03248183-1d1d-4d1d-8069-0b8569940b32.tmp</t>
  </si>
  <si>
    <t>\\acsfs\profiles$\victorgl\Downloads\03248183-1d1d-4d1d-8069-0b8569940b32.tmp</t>
  </si>
  <si>
    <t>88f533ad-29ec-436c-be0a-58e7cec6155f.tmp</t>
  </si>
  <si>
    <t>\\acsfs\profiles$\geovanaasa\Downloads\88f533ad-29ec-436c-be0a-58e7cec6155f.tmp</t>
  </si>
  <si>
    <t>26745c16-a2d8-4343-b07b-06c6291f0ece.tmp</t>
  </si>
  <si>
    <t>\\acsfs\profiles$\victorgl\Downloads\26745c16-a2d8-4343-b07b-06c6291f0ece.tmp</t>
  </si>
  <si>
    <t>\\acsfs\profiles$\thaisdss\My Documents\dbxwc\</t>
  </si>
  <si>
    <t>dbxwc.xwc</t>
  </si>
  <si>
    <t>\\acsfs\profiles$\thaisdss\My Documents\dbxwc\dbxwc.xwc</t>
  </si>
  <si>
    <t>lu9844120e5g.tmp</t>
  </si>
  <si>
    <t>\\acsfs\profiles$\dhiulliananads\My Documents\lu9844120e5g.tmp</t>
  </si>
  <si>
    <t>\\acsfs\profiles$\dhiulliananads\My Documents\lu9844120e5g.tmp\</t>
  </si>
  <si>
    <t>\\acsfs\profiles$\dhiulliananads\My Documents\lu9844120e5g.tmp\META-INF\</t>
  </si>
  <si>
    <t>\\acsfs\profiles$\dhiulliananads\My Documents\lu9844120e5g.tmp\Thumbnails\</t>
  </si>
  <si>
    <t>lu9844120e5k.tmp</t>
  </si>
  <si>
    <t>\\acsfs\profiles$\dhiulliananads\My Documents\lu9844120e5k.tmp</t>
  </si>
  <si>
    <t>\\acsfs\profiles$\dhiulliananads\My Documents\lu9844120e5k.tmp\</t>
  </si>
  <si>
    <t>\\acsfs\profiles$\dhiulliananads\My Documents\lu9844120e5k.tmp\META-INF\</t>
  </si>
  <si>
    <t>\\acsfs\profiles$\dhiulliananads\My Documents\lu9844120e5k.tmp\Thumbnails\</t>
  </si>
  <si>
    <t>mail.google.com/sync/u/0/i/s?hl=pt-BR&amp;c=14</t>
  </si>
  <si>
    <t>mail.google.com/sync/u/0/i/s?hl=pt-BR&amp;c=16</t>
  </si>
  <si>
    <t>272bceaf-4889-40aa-b99d-d10d86a37fe7.tmp</t>
  </si>
  <si>
    <t>\\acsfs\profiles$\victorgl\Downloads\272bceaf-4889-40aa-b99d-d10d86a37fe7.tmp</t>
  </si>
  <si>
    <t>mail.google.com/_/upload?authuser=0&amp;dcp=asu-n&amp;upload_id=AEnB2Uo__FquMi0J6jF5AQbhukmKr8NKNp3-BnBY4GHbOEpmooWcJAMKMZsKmRrsmHdLRgRpLmXWJLYURhPfFU2_3lTotITHxzaV8UK5DsGUvXCyoKV3D3g&amp;upload_protocol=resumable</t>
  </si>
  <si>
    <t>838ff52d-d903-4307-9254-10d0bdf6935f.tmp</t>
  </si>
  <si>
    <t>\\acsfs\profiles$\fabianobmf\Downloads\838ff52d-d903-4307-9254-10d0bdf6935f.tmp</t>
  </si>
  <si>
    <t>990cd53a-9be7-4298-ab65-b974eebf8a9d.tmp</t>
  </si>
  <si>
    <t>\\acsfs\profiles$\fabianobmf\Downloads\990cd53a-9be7-4298-ab65-b974eebf8a9d.tmp</t>
  </si>
  <si>
    <t>mail.google.com/sync/u/0/i/s?hl=pt-BR&amp;c=20</t>
  </si>
  <si>
    <t>mail.google.com/sync/u/0/i/s?hl=pt-BR&amp;c=26</t>
  </si>
  <si>
    <t>mail.google.com/sync/u/0/i/s?hl=pt-BR&amp;c=34</t>
  </si>
  <si>
    <t>2b33e058-3a85-4840-8731-afa508631b5b.tmp</t>
  </si>
  <si>
    <t>\\acsfs\profiles$\deborahsi\Downloads\2b33e058-3a85-4840-8731-afa508631b5b.tmp</t>
  </si>
  <si>
    <t>tb_servicos_corporativos.xlsx</t>
  </si>
  <si>
    <t>mail.google.com/_/upload?authuser=1&amp;dcp=asu-n&amp;upload_id=AEnB2UqNkwF67UrSFFCsr7-ccbKHym2ArvvzX2jn-iiH-b-8_DXySm4fI3eDrOLsnAwQssrC3-iobvehwNfZQ8nvKrMdXGVZcWav2VR_wCdS63T7hpcHzjY&amp;upload_protocol=resumable</t>
  </si>
  <si>
    <t>https://outlook.office365.com/owa/qualidadealgarbv@algartech.com/service.svc?action=updateitem&amp;app=mail&amp;n=372</t>
  </si>
  <si>
    <t>https://outlook.office365.com/owa/qualidadealgarbv@algartech.com/service.svc?action=updateitem&amp;app=mail&amp;n=381</t>
  </si>
  <si>
    <t>0;</t>
  </si>
  <si>
    <t>https://0</t>
  </si>
  <si>
    <t>Provas Supervisores.xlsx</t>
  </si>
  <si>
    <t>5a4656b7-df77-4d13-bafd-2d74e7bf6362.tmp</t>
  </si>
  <si>
    <t>\\acsfs\profiles$\alinepp\Downloads\5a4656b7-df77-4d13-bafd-2d74e7bf6362.tmp</t>
  </si>
  <si>
    <t>09ca24c0-6a1e-46dd-9f4b-995093a2c8c9.tmp</t>
  </si>
  <si>
    <t>\\acsfs\profiles$\isabellegtds\Downloads\09ca24c0-6a1e-46dd-9f4b-995093a2c8c9.tmp</t>
  </si>
  <si>
    <t>88c389af-1f25-44b7-87be-dc4a9c23e901.tmp</t>
  </si>
  <si>
    <t>\\acsfs\profiles$\KARENJSS\Downloads\88c389af-1f25-44b7-87be-dc4a9c23e901.tmp</t>
  </si>
  <si>
    <t>nataliafsi</t>
  </si>
  <si>
    <t>\\acsfs\profiles$\nataliafsi\My Documents\</t>
  </si>
  <si>
    <t>natalia.txt</t>
  </si>
  <si>
    <t>\\acsfs\profiles$\nataliafsi\My Documents\natalia.txt</t>
  </si>
  <si>
    <t>mail.google.com/_/upload?authuser=1&amp;dcp=asu-n&amp;upload_id=AEnB2UrzGRwXAfDVzwT7rDNfUh6Qq6dx0m_bNXxy1ncZK3vGvOYu-NOfGFDbqCVhWHqcwBRAas3yyyj_ytpBT9p1liUX5gZUQg&amp;upload_protocol=resumable</t>
  </si>
  <si>
    <t>_Reduções Consolidado.xlsx</t>
  </si>
  <si>
    <t>07b0121e-df70-4b8e-a6f0-12af69b57cc3.tmp</t>
  </si>
  <si>
    <t>\\acsfs\profiles$\isabellegtds\Downloads\07b0121e-df70-4b8e-a6f0-12af69b57cc3.tmp</t>
  </si>
  <si>
    <t>10.211.27.5</t>
  </si>
  <si>
    <t>PARCEIROS RETENÇÃO (1).xlsx</t>
  </si>
  <si>
    <t>/o=exchangelabs/ou=exchange administrative group (fydibohf23spdlt)/cn=recipients/cn=1ecce82c5b51492fa29d75f448efd6fa-claudineia;camiladps@algartech.com;equipefabi@algartech.com.br;tecnicospj@algartech.com.br;thaismo@algartech.com.br;</t>
  </si>
  <si>
    <t>Treinamentos 16 a 20/12</t>
  </si>
  <si>
    <t>/o=exchangelabs/ou=exchange administrative group (fydibohf23spdlt)/cn=recipients/cn=1ecce82c5b51492fa29d75f448efd6fa-claudineia,camiladps@algartech.com,equipefabi@algartech.com.br,tecnicospj@algartech.com.br,thaismo@algartech.com.br</t>
  </si>
  <si>
    <t>0ea41aa1-7f5e-40d6-820b-af5ed92c7ec3.tmp</t>
  </si>
  <si>
    <t>\\acsfs\profiles$\wenderbnm\Downloads\0ea41aa1-7f5e-40d6-820b-af5ed92c7ec3.tmp</t>
  </si>
  <si>
    <t>946cb631-8250-42e4-9694-bc2fa93a5bee.tmp</t>
  </si>
  <si>
    <t>\\acsfs\profiles$\layonmof\Downloads\946cb631-8250-42e4-9694-bc2fa93a5bee.tmp</t>
  </si>
  <si>
    <t>/o=exchangelabs/ou=exchange administrative group (fydibohf23spdlt)/cn=recipients/cn=49df841081c647dfa3c968230c8e613c-sabrina gon;</t>
  </si>
  <si>
    <t>RES: Dados para o Fórum Novembro | Enviar até dia 09/12/2019</t>
  </si>
  <si>
    <t>/o=exchangelabs/ou=exchange administrative group (fydibohf23spdlt)/cn=recipients/cn=49df841081c647dfa3c968230c8e613c-sabrina gon</t>
  </si>
  <si>
    <t>58684fa9-dbe4-4201-8a03-6a302c8dac8f.tmp</t>
  </si>
  <si>
    <t>\\acsfs\profiles$\gabrielarb\Downloads\58684fa9-dbe4-4201-8a03-6a302c8dac8f.tmp</t>
  </si>
  <si>
    <t>c4458fed-c9da-48a4-956f-bc5ea6a6f9f0.tmp</t>
  </si>
  <si>
    <t>\\acsfs\profiles$\gabrielarb\Downloads\c4458fed-c9da-48a4-956f-bc5ea6a6f9f0.tmp</t>
  </si>
  <si>
    <t>14c94cf1-e7d5-4274-a00b-3320ae0ef712.tmp</t>
  </si>
  <si>
    <t>\\acsfs\profiles$\deborahsi\Downloads\14c94cf1-e7d5-4274-a00b-3320ae0ef712.tmp</t>
  </si>
  <si>
    <t>237fe6cb-e2c5-416d-a635-66206f0b5f16.tmp</t>
  </si>
  <si>
    <t>\\acsfs\profiles$\gabrielafs\Downloads\237fe6cb-e2c5-416d-a635-66206f0b5f16.tmp</t>
  </si>
  <si>
    <t>9e4fecb9-e681-4cfb-9494-16e1be2f51b4.tmp</t>
  </si>
  <si>
    <t>\\acsfs\profiles$\fabianafv\Downloads\9e4fecb9-e681-4cfb-9494-16e1be2f51b4.tmp</t>
  </si>
  <si>
    <t>9b954b7c-93c9-4a99-b1c0-635511681cfc.tmp</t>
  </si>
  <si>
    <t>\\acsfs\profiles$\fabianafv\Downloads\9b954b7c-93c9-4a99-b1c0-635511681cfc.tmp</t>
  </si>
  <si>
    <t>23ef2141-24f8-4833-8f6e-260a4a4774ba.tmp</t>
  </si>
  <si>
    <t>\\acsfs\profiles$\ERICALSR\Downloads\23ef2141-24f8-4833-8f6e-260a4a4774ba.tmp</t>
  </si>
  <si>
    <t>e07e1895-b2ca-4d4b-9af1-1c7395392094.tmp</t>
  </si>
  <si>
    <t>\\acsfs\profiles$\leticiala\Downloads\e07e1895-b2ca-4d4b-9af1-1c7395392094.tmp</t>
  </si>
  <si>
    <t>4d06c967-8b89-47ee-aaa3-634caa02af83.tmp</t>
  </si>
  <si>
    <t>\\acsfs\profiles$\gabrielarb\Downloads\4d06c967-8b89-47ee-aaa3-634caa02af83.tmp</t>
  </si>
  <si>
    <t>76ea117e-1b77-4cb7-9b29-72dc1c5ef350.tmp</t>
  </si>
  <si>
    <t>\\acsfs\profiles$\gabrielarb\Downloads\76ea117e-1b77-4cb7-9b29-72dc1c5ef350.tmp</t>
  </si>
  <si>
    <t>a072d0ca-7963-4c09-88de-51bb7bdef954.tmp</t>
  </si>
  <si>
    <t>\\acsfs\profiles$\gabrielarb\Downloads\a072d0ca-7963-4c09-88de-51bb7bdef954.tmp</t>
  </si>
  <si>
    <t>mail.google.com/_/upload?authuser=0&amp;dcp=asu-n&amp;upload_id=AEnB2UqyJpi2_GOWM47DjZIezB_2-Xfehz7Mr2N_RInhA732Oj_vLF33t9BzRoj90Nv0sSBqLiTT7MKJMv5280901gh5p2fiUw&amp;upload_protocol=resumable</t>
  </si>
  <si>
    <t>\\acsfs\DEPTOS\Operacao\PCP\5 - Comum\ACOMPANHAMENTO AMEX\43 - ACOMPANHAMENTO PJ\3 - FINANCEIRO\2019\11 - Novembro\</t>
  </si>
  <si>
    <t>Fechamento Financeiro_Novembro_19.xlsb</t>
  </si>
  <si>
    <t>mail.google.com/_/upload?authuser=0&amp;dcp=asu-n&amp;upload_id=AEnB2UpIEMnp-LcktAnZK6Q_LJeWFonqkV31Trdm9MXtU3BLcU2i6NdbABw71IAQX7YgRALwYWF8TQaQRqPNay7jrhU0wTgEKA&amp;upload_protocol=resumable</t>
  </si>
  <si>
    <t>gilmarpf@algartech.com;joseasn@algartech.com;ricardodfm@algartech.com;senildapdo@algartecnologia.com.br;viniciussg@algartech.com;</t>
  </si>
  <si>
    <t>\\acsfs\DEPTOS\Operacao\PCP\5 - Comum\PLANEJAMENTO AVON\01 - FORECAST\01 - FRONTOFFICE\2020\02 - FEVEREIRO\FORMALIZADO\</t>
  </si>
  <si>
    <t>FORECAST AVON - FEVEREIRO.xlsx</t>
  </si>
  <si>
    <t>gilmarpf@algartech.com,joseasn@algartech.com,ricardodfm@algartech.com,senildapdo@algartecnologia.com.br,viniciussg@algartech.com</t>
  </si>
  <si>
    <t>0e4a68a2-c35d-412b-bbd9-8973ed10c316.tmp</t>
  </si>
  <si>
    <t>\\acsfs\profiles$\gabrielarb\Downloads\0e4a68a2-c35d-412b-bbd9-8973ed10c316.tmp</t>
  </si>
  <si>
    <t>c3820f81-b7e3-43c1-b98d-fbf7a5f43cad.tmp</t>
  </si>
  <si>
    <t>\\acsfs\profiles$\gabrielarb\Downloads\c3820f81-b7e3-43c1-b98d-fbf7a5f43cad.tmp</t>
  </si>
  <si>
    <t>e575e1a8-d1cd-4447-9b71-4e5d9d1b403d.tmp</t>
  </si>
  <si>
    <t>\\acsfs\profiles$\gabrielamdp\Downloads\e575e1a8-d1cd-4447-9b71-4e5d9d1b403d.tmp</t>
  </si>
  <si>
    <t>8981eb60-5d1e-4b72-add1-fdeac29ef92e.tmp</t>
  </si>
  <si>
    <t>\\acsfs\profiles$\gabrielamdp\Downloads\8981eb60-5d1e-4b72-add1-fdeac29ef92e.tmp</t>
  </si>
  <si>
    <t>fc0aa6d1-d039-4470-9c2d-aeb3436ac8ec.tmp</t>
  </si>
  <si>
    <t>\\acsfs\profiles$\gabrielamdp\Downloads\fc0aa6d1-d039-4470-9c2d-aeb3436ac8ec.tmp</t>
  </si>
  <si>
    <t>b0e2e4cc-1564-43e7-9af2-a81ca8c361c0.tmp</t>
  </si>
  <si>
    <t>\\acsfs\profiles$\gabrielamdp\Downloads\b0e2e4cc-1564-43e7-9af2-a81ca8c361c0.tmp</t>
  </si>
  <si>
    <t>873d59cf-ce6c-48f5-a9d4-9e455199acee.tmp</t>
  </si>
  <si>
    <t>\\acsfs\profiles$\gabrielamdp\Downloads\873d59cf-ce6c-48f5-a9d4-9e455199acee.tmp</t>
  </si>
  <si>
    <t>38b81d82-96b3-4b42-be57-6a786d73f3d7.tmp</t>
  </si>
  <si>
    <t>\\acsfs\profiles$\victorgl\Downloads\38b81d82-96b3-4b42-be57-6a786d73f3d7.tmp</t>
  </si>
  <si>
    <t>mail.google.com/_/upload?authuser=0&amp;dcp=asu-n&amp;upload_id=AEnB2UovtjE-CBZluQ1J4154Hib5jSRNGuoqkvTN9C9Z4V9e41ptI0-f_wjr9NOR8cPKlEgeTFVI0w0sI66_F3Be3eQh2Pw86Q&amp;upload_protocol=resumable</t>
  </si>
  <si>
    <t>cacianepdc@algartech.com;luizfsm@algartech.com;</t>
  </si>
  <si>
    <t>\\acsfs\DSTI\CIT- Coordenação de Inteligência de Tecnologia\17 - Gerenciamento da Configuração\02 - DO (EXECUTAR)\01 - CONTROLE DE LIC\00 - FORNECEDORES\01 - MICROSOFT\20 - PROD 1º DIA\</t>
  </si>
  <si>
    <t>ParametrizaçãoSinergy_102019.xlsx</t>
  </si>
  <si>
    <t>cacianepdc@algartech.com,luizfsm@algartech.com</t>
  </si>
  <si>
    <t>61740eb1-64c0-4c9a-8963-04eda660bbd5.tmp</t>
  </si>
  <si>
    <t>\\acsfs\profiles$\gabrielarb\Downloads\61740eb1-64c0-4c9a-8963-04eda660bbd5.tmp</t>
  </si>
  <si>
    <t>551557c1-1c03-4bb2-96ae-22c57ff4e5f2.tmp</t>
  </si>
  <si>
    <t>\\acsfs\profiles$\gabrielamdp\Downloads\551557c1-1c03-4bb2-96ae-22c57ff4e5f2.tmp</t>
  </si>
  <si>
    <t>Agentes_Whirlpool_20191211.xlsx</t>
  </si>
  <si>
    <t>b5661e00-6940-467b-a1ee-da4a369277a9.tmp</t>
  </si>
  <si>
    <t>\\acsfs\profiles$\victorgl\Downloads\b5661e00-6940-467b-a1ee-da4a369277a9.tmp</t>
  </si>
  <si>
    <t>7092445e-ef46-4a5c-bb68-292241974055.tmp</t>
  </si>
  <si>
    <t>\\acsfs\profiles$\victorgl\Downloads\7092445e-ef46-4a5c-bb68-292241974055.tmp</t>
  </si>
  <si>
    <t>de9ac288-0e1d-42b9-a1ba-275aa960bb16.tmp</t>
  </si>
  <si>
    <t>\\acsfs\profiles$\laurandos\Downloads\de9ac288-0e1d-42b9-a1ba-275aa960bb16.tmp</t>
  </si>
  <si>
    <t>2d6d8c91-ee7e-40d0-ae3c-1be153e7525e.tmp</t>
  </si>
  <si>
    <t>\\acsfs\profiles$\laurandos\Downloads\2d6d8c91-ee7e-40d0-ae3c-1be153e7525e.tmp</t>
  </si>
  <si>
    <t>Necessidade Pessoas D2C - JAN20.xlsx</t>
  </si>
  <si>
    <t>9f8cddd2-511a-4761-a288-2c3d73c9bc66.tmp</t>
  </si>
  <si>
    <t>\\acsfs\profiles$\geovannasm\Downloads\9f8cddd2-511a-4761-a288-2c3d73c9bc66.tmp</t>
  </si>
  <si>
    <t>\\acsfs\DEPTOS\Operacao\Luciana Ribeiro Barbosa de Almeida\Gerencia\1 Luciana Ribeiro\</t>
  </si>
  <si>
    <t>BD GEXP Novembro Atualizado 1112.xlsx</t>
  </si>
  <si>
    <t>1ddfda2b-5eeb-40bf-a64e-23e2950eecab.tmp</t>
  </si>
  <si>
    <t>\\acsfs\profiles$\layonmof\Downloads\1ddfda2b-5eeb-40bf-a64e-23e2950eecab.tmp</t>
  </si>
  <si>
    <t>RES: Relatório intra-hora - Ouvidoria</t>
  </si>
  <si>
    <t>OUVIDORIA.xlsx</t>
  </si>
  <si>
    <t>2f8296d4-3dd7-4559-986a-b72261e71fbd.tmp</t>
  </si>
  <si>
    <t>\\acsfs\profiles$\KARENJSS\Downloads\2f8296d4-3dd7-4559-986a-b72261e71fbd.tmp</t>
  </si>
  <si>
    <t>d042ed57-f3d0-4f80-8516-b81c62d3d076.tmp</t>
  </si>
  <si>
    <t>\\acsfs\profiles$\layonmof\Downloads\d042ed57-f3d0-4f80-8516-b81c62d3d076.tmp</t>
  </si>
  <si>
    <t>C:\Users\lucasfbr\OneDrive - Grupo Algar\LUCAS\3 - Demandas\Licenciamento Microsoft\SAM 2018\Conciliação\</t>
  </si>
  <si>
    <t>Microsft SAM Algar - Final Report 20181005.xlsx</t>
  </si>
  <si>
    <t>5ee00e4d-a735-4d74-9576-df400c506099.tmp</t>
  </si>
  <si>
    <t>\\acsfs\profiles$\wenderbnm\Downloads\5ee00e4d-a735-4d74-9576-df400c506099.tmp</t>
  </si>
  <si>
    <t>10.211.2.78</t>
  </si>
  <si>
    <t>\\acsfs\DEPTOS\Sustentabilidade\40 - Responsabilidade social\8 - Associados\Cota\2019\</t>
  </si>
  <si>
    <t>11- Cotas- Novembro.xlsx</t>
  </si>
  <si>
    <t>17639148-3e1e-4612-a8ec-dc998f6bfd0d.tmp</t>
  </si>
  <si>
    <t>\\acsfs\profiles$\leticiala\Downloads\17639148-3e1e-4612-a8ec-dc998f6bfd0d.tmp</t>
  </si>
  <si>
    <t>166c3805-0dfa-45ed-a4b6-34307215a159.tmp</t>
  </si>
  <si>
    <t>\\acsfs\profiles$\gabrielarb\Downloads\166c3805-0dfa-45ed-a4b6-34307215a159.tmp</t>
  </si>
  <si>
    <t>mail.google.com/_/upload?authuser=0&amp;dcp=asu-n&amp;upload_id=AEnB2UrnbxlM5v2POKOXbspx0WLIBOp-UY8uI8i-EioFPvK0Z6pno8e4syHEnIcOjdxoTWXg5vSpjl5DTYwGh2mrqKIydV2USA&amp;upload_protocol=resumable</t>
  </si>
  <si>
    <t>mail.google.com/_/upload?authuser=0&amp;dcp=asu-n&amp;upload_id=AEnB2UpLqeM_2Gu9a1lm6Pbye-klyP9P_rRJAoxy8BImsedtjan2QOWUn2SjJ8cKdEhGF58g8gfs4otEy8-kLIw5ICRQztvNyA&amp;upload_protocol=resumable</t>
  </si>
  <si>
    <t>C:\Users\marcotb\Desktop\PMO v2.pptx\</t>
  </si>
  <si>
    <t>ENC: Produtividade CRCe 10/12</t>
  </si>
  <si>
    <t>Fabiana.xlsx</t>
  </si>
  <si>
    <t>\\acsfs\profiles$\fabianafv\My Documents\Fabiana.xlsx</t>
  </si>
  <si>
    <t>.~lock.Fabiana.xlsx#</t>
  </si>
  <si>
    <t>\\acsfs\profiles$\fabianafv\My Documents\.~lock.Fabiana.xlsx#</t>
  </si>
  <si>
    <t>10.200.67.82</t>
  </si>
  <si>
    <t>74-86-7A-FC-D0-0E</t>
  </si>
  <si>
    <t>VOTORANT-JB011</t>
  </si>
  <si>
    <t>gabrielbmdl</t>
  </si>
  <si>
    <t>4ea477ca-1800-4e7f-b5f7-24f049189705.tmp</t>
  </si>
  <si>
    <t>\\acsfs\profiles$\fabianobmf\Downloads\4ea477ca-1800-4e7f-b5f7-24f049189705.tmp</t>
  </si>
  <si>
    <t>mail.google.com/sync/u/0/i/s?hl=pt-BR&amp;c=181</t>
  </si>
  <si>
    <t>mail.google.com/sync/u/0/i/s?hl=pt-BR&amp;c=183</t>
  </si>
  <si>
    <t>fernandorsju@algartech.com;marianeps@algartech.com;talmaiardo@algartech.com;thiagordu@algartech.com;</t>
  </si>
  <si>
    <t>fernandorsju@algartech.com,marianeps@algartech.com,talmaiardo@algartech.com,thiagordu@algartech.com</t>
  </si>
  <si>
    <t>0f7bb426-d1e3-4770-8e60-e64dcef3b67e.tmp</t>
  </si>
  <si>
    <t>\\acsfs\profiles$\laurandos\Downloads\0f7bb426-d1e3-4770-8e60-e64dcef3b67e.tmp</t>
  </si>
  <si>
    <t>04572bb6-9b6e-4916-878d-1f1047407453.tmp</t>
  </si>
  <si>
    <t>\\acsfs\profiles$\KARENDSR\Downloads\04572bb6-9b6e-4916-878d-1f1047407453.tmp</t>
  </si>
  <si>
    <t>5f40bdfa-c156-4343-b0e6-1678649d4674.tmp</t>
  </si>
  <si>
    <t>\\acsfs\profiles$\KARENDSR\Downloads\5f40bdfa-c156-4343-b0e6-1678649d4674.tmp</t>
  </si>
  <si>
    <t>mail.google.com/sync/u/0/i/s?hl=pt-BR&amp;c=188</t>
  </si>
  <si>
    <t>mail.google.com/sync/u/0/i/s?hl=pt-BR&amp;c=190</t>
  </si>
  <si>
    <t>mail.google.com/sync/u/0/i/s?hl=pt-BR&amp;c=192</t>
  </si>
  <si>
    <t>mail.google.com/sync/u/0/i/s?hl=pt-BR&amp;c=194</t>
  </si>
  <si>
    <t>mail.google.com/sync/u/0/i/s?hl=pt-BR&amp;c=197</t>
  </si>
  <si>
    <t>mail.google.com/sync/u/0/i/s?hl=pt-BR&amp;c=199</t>
  </si>
  <si>
    <t>mail.google.com/sync/u/0/i/s?hl=pt-BR&amp;c=202</t>
  </si>
  <si>
    <t>mail.google.com/sync/u/0/i/s?hl=pt-BR&amp;c=207</t>
  </si>
  <si>
    <t>eduardo.santana@bv.com.br;fernandorsju@algartech.com;marianeps@algartech.com;thiagordu@algartech.com;</t>
  </si>
  <si>
    <t>eduardo.santana@bv.com.br,fernandorsju@algartech.com,marianeps@algartech.com,thiagordu@algartech.com</t>
  </si>
  <si>
    <t>mail.google.com/sync/u/0/i/s?hl=pt-BR&amp;c=209</t>
  </si>
  <si>
    <t>ENC: Produtividade CRCe até 10/12</t>
  </si>
  <si>
    <t>0df7a1b6-f92d-41ce-854d-15ee54aa53fe.tmp</t>
  </si>
  <si>
    <t>\\acsfs\profiles$\JOAOVAL\Downloads\0df7a1b6-f92d-41ce-854d-15ee54aa53fe.tmp</t>
  </si>
  <si>
    <t>\\acsfs\profiles$\sorayadsr\My Documents\xworkcenter\logs\</t>
  </si>
  <si>
    <t>XLOG_sorayadsr_11122019_154844.log</t>
  </si>
  <si>
    <t>\\acsfs\profiles$\sorayadsr\My Documents\xworkcenter\logs\XLOG_sorayadsr_11122019_154844.log</t>
  </si>
  <si>
    <t>\\acsfs\profiles$\fabianafv\My Documents\Ativo Fabiana ...txt</t>
  </si>
  <si>
    <t>mail.google.com/_/upload?authuser=2&amp;dcp=asu-n&amp;upload_id=AEnB2Up81kfl94SSNbjqhx_9YoeU2BokmPGfFFnXzjThUODkGZKOQtNydGU2EjvvS5ohfxGX1HPj9CXZZsr78Q5vUtbjfA8gInQTdoKmmYy2StbDAGPmH7c&amp;upload_protocol=resumable</t>
  </si>
  <si>
    <t>Caixa - Acompanhamento Produtividade Oficial - DEZ.xlsx</t>
  </si>
  <si>
    <t>14b21e5b-97f3-44e0-b728-055f0559768a.tmp</t>
  </si>
  <si>
    <t>\\acsfs\profiles$\fabianobmf\Downloads\14b21e5b-97f3-44e0-b728-055f0559768a.tmp</t>
  </si>
  <si>
    <t>Racional Receita Serviços Adicionais.xlsx</t>
  </si>
  <si>
    <t>858b6d4e-d277-4253-bac3-9ba96fb5ed3a; _fbp=fb.1.1575919410739.394395013; __trf.src=encoded_eyjmaxjzdf9zzxnzaw9uijp7inzhbhvlijoiahr0chm6ly93d3cuz29vz2xllmnvbs8ilcjlehryyv9wyxjhbxmiont9fswiy3vycmvudf9zzxnzaw9uijp7inzhbhvlijoiahr0chm6ly93d3cuz29vz2xllmnvbs8il</t>
  </si>
  <si>
    <t>Cópia de Produto Hibrido VISA 2.xlsx</t>
  </si>
  <si>
    <t>ENC: Treinamentos 16 a 20/12</t>
  </si>
  <si>
    <t>Cópia de Portal PJ - Escala Ivanete 2.xlsx</t>
  </si>
  <si>
    <t>daniela.ribeiro@bv.com.br;eduardo.santana@bv.com.br;eliane.martins@bv.com.br;flora.lira@bv.com.br;jose.gomes@bv.com.br;simeia.faria@bv.com.br;taysdss@algartech.com;thiagordu@algartech.com;</t>
  </si>
  <si>
    <t>daniela.ribeiro@bv.com.br,eduardo.santana@bv.com.br,eliane.martins@bv.com.br,flora.lira@bv.com.br,jose.gomes@bv.com.br,simeia.faria@bv.com.br,taysdss@algartech.com,thiagordu@algartech.com</t>
  </si>
  <si>
    <t>mail.google.com/sync/u/0/i/s?hl=pt-BR&amp;c=170</t>
  </si>
  <si>
    <t>mail.google.com/_/upload?authuser=0&amp;dcp=asu-n&amp;upload_id=AEnB2Ur5F-4vv65frjF--gdqhFJFXoAOEQT1O2CVQpPPgNiIa5uyK6uV2aRvQNwRIO_eS9r8Vg6VwEvW-yICftRvS_EuvNF78A&amp;upload_protocol=resumable</t>
  </si>
  <si>
    <t>Escala backup restore Dezembro 2019.xlsx</t>
  </si>
  <si>
    <t>10.200.35.105</t>
  </si>
  <si>
    <t>mail.google.com/_/upload?authuser=0&amp;dcp=asu-n&amp;upload_id=AEnB2Uoe0xkvX70bMZ8sVkeWVcWFsBHlm0PGSiwhp_1ZpC8nc7meeG6mfQzyYgOLzLUVEDiqcyDqUpBbwkv8FROkl4tDCLEwDA&amp;upload_protocol=resumable</t>
  </si>
  <si>
    <t>Priorizaçao de entregaveis.xlsx</t>
  </si>
  <si>
    <t>c314b5c5-bd0a-4646-92d4-be76c014df00.tmp</t>
  </si>
  <si>
    <t>\\acsfs\profiles$\ERICALSR\Downloads\c314b5c5-bd0a-4646-92d4-be76c014df00.tmp</t>
  </si>
  <si>
    <t>11 - Faturamento Toyota Mobility.xlsb</t>
  </si>
  <si>
    <t>Clientes Algar - Brasil.xlsx</t>
  </si>
  <si>
    <t>Motivo de FUP - 2.0.xlsx</t>
  </si>
  <si>
    <t>mail.google.com/sync/u/0/i/s?hl=pt-BR&amp;c=84</t>
  </si>
  <si>
    <t>mail.google.com/sync/u/0/i/s?hl=pt-BR&amp;c=87</t>
  </si>
  <si>
    <t>11-12.xlsx</t>
  </si>
  <si>
    <t>C:\Users\alefl\OneDrive - Grupo Algar\Desktop\</t>
  </si>
  <si>
    <t>Alterado Grupo.xlsx</t>
  </si>
  <si>
    <t>https://outlook.office365.com/owa/qualidadealgarbv@algartech.com/service.svc?action=updateitem&amp;app=mail&amp;n=491</t>
  </si>
  <si>
    <t>https://outlook.office365.com/owa/qualidadealgarbv@algartech.com/service.svc?action=updateitem&amp;app=mail&amp;n=535</t>
  </si>
  <si>
    <t>10.200.57.26</t>
  </si>
  <si>
    <t>C:\Users\milenepf\Desktop\Prints Bruno.zip\Prints Bruno\</t>
  </si>
  <si>
    <t>Auditoria OPP.xlsx</t>
  </si>
  <si>
    <t>fabriciovs@algartech.com;leandrosos@algartech.com;marceloat@algartech.com;tayseifb@algartech.com;</t>
  </si>
  <si>
    <t>C:\Users\senildapdo\Downloads\</t>
  </si>
  <si>
    <t>layout operação.xlsx</t>
  </si>
  <si>
    <t>fabriciovs@algartech.com,leandrosos@algartech.com,marceloat@algartech.com,tayseifb@algartech.com</t>
  </si>
  <si>
    <t>03f88761-ad8d-48c1-9bc2-9d347396a02d.tmp</t>
  </si>
  <si>
    <t>\\acsfs\profiles$\leticiala\Downloads\03f88761-ad8d-48c1-9bc2-9d347396a02d.tmp</t>
  </si>
  <si>
    <t>https://outlook.office365.com/owa/qualidadealgarbv@algartech.com/service.svc?action=updateitem&amp;app=mail&amp;n=546</t>
  </si>
  <si>
    <t>412cba74-0899-4bbb-b2a9-5d3cb5397858.tmp</t>
  </si>
  <si>
    <t>\\acsfs\profiles$\gabrielarb\Downloads\412cba74-0899-4bbb-b2a9-5d3cb5397858.tmp</t>
  </si>
  <si>
    <t>e4f812c5-9ba0-42ef-bc73-fdf20b8ced54.tmp</t>
  </si>
  <si>
    <t>\\acsfs\profiles$\gabrielarb\Downloads\e4f812c5-9ba0-42ef-bc73-fdf20b8ced54.tmp</t>
  </si>
  <si>
    <t>C:\Comercial\2020\HORA EXTRA - Racional\</t>
  </si>
  <si>
    <t>Racional Custos Horas Extras Bradesco.xlsx</t>
  </si>
  <si>
    <t>\\acsfs\profiles$\ellencds\My Documents\xworkcenter\logs\</t>
  </si>
  <si>
    <t>XLOG_ellencds_11122019_140203.log</t>
  </si>
  <si>
    <t>\\acsfs\profiles$\ellencds\My Documents\xworkcenter\logs\XLOG_ellencds_11122019_140203.log</t>
  </si>
  <si>
    <t>eac630be-3c32-4b28-8ad1-84120f3b189d.tmp</t>
  </si>
  <si>
    <t>\\acsfs\profiles$\alinepp\Downloads\eac630be-3c32-4b28-8ad1-84120f3b189d.tmp</t>
  </si>
  <si>
    <t>ENC: Adesão Final - Pesquisa de Clima 2019</t>
  </si>
  <si>
    <t>Status Pesquisa de Clima 2019 - ADESÃO FINAL.xlsx</t>
  </si>
  <si>
    <t>9b5c4f5b-c20c-4927-9a1d-40ae15d4f075.tmp</t>
  </si>
  <si>
    <t>\\acsfs\profiles$\gabrielafs\Downloads\9b5c4f5b-c20c-4927-9a1d-40ae15d4f075.tmp</t>
  </si>
  <si>
    <t>ac6e6a6d-3876-4d63-850f-466ebcf25444.tmp</t>
  </si>
  <si>
    <t>\\acsfs\profiles$\geovannasm\Downloads\ac6e6a6d-3876-4d63-850f-466ebcf25444.tmp</t>
  </si>
  <si>
    <t>mail.google.com/_/upload?authuser=0&amp;dcp=asu-n&amp;upload_id=AEnB2UprwpldiVwU-gOG8zJVpqLBZ0wP8w-skF6V85LjwyspmBLfWAxzWwGtsOyg0vb8Gk2TfFH9oj6LwrzBg4SmcOSmga1Vpw&amp;upload_protocol=resumable</t>
  </si>
  <si>
    <t>Enel - Tim.xlsx</t>
  </si>
  <si>
    <t>65054036-b813-4ac0-b0e7-5b2ab354a592.tmp</t>
  </si>
  <si>
    <t>\\acsfs\profiles$\ERICALSR\Downloads\65054036-b813-4ac0-b0e7-5b2ab354a592.tmp</t>
  </si>
  <si>
    <t>cc029b27-2b82-4283-a4e8-65850445f2df.tmp</t>
  </si>
  <si>
    <t>\\acsfs\profiles$\geovannasm\Downloads\cc029b27-2b82-4283-a4e8-65850445f2df.tmp</t>
  </si>
  <si>
    <t>\\acsfs\profiles$\yurics\My Documents\xworkcenter\logs\</t>
  </si>
  <si>
    <t>XLOG_YuriCS_09122019_091354.log</t>
  </si>
  <si>
    <t>\\acsfs\profiles$\yurics\My Documents\xworkcenter\logs\XLOG_YuriCS_09122019_091354.log</t>
  </si>
  <si>
    <t>mail.google.com/_/upload?authuser=1&amp;dcp=asu-n&amp;upload_id=AEnB2Ur1ri1cfrvAUY-Q_kq_JUyIt1EoFaBJb6gzxhQmiXVfS3dpCCuqbqAaEcDlnu-3kJhRyJUzxydhbeusqZ1i_y-oJ_Gadg&amp;upload_protocol=resumable</t>
  </si>
  <si>
    <t>738f8ca1-df80-4f16-a9b1-5d05ac1be77c.tmp</t>
  </si>
  <si>
    <t>\\acsfs\profiles$\ERICALSR\Downloads\738f8ca1-df80-4f16-a9b1-5d05ac1be77c.tmp</t>
  </si>
  <si>
    <t>mail.google.com/_/upload?authuser=1&amp;dcp=asu-n&amp;upload_id=AEnB2UpKQwfNO5F7TLjyxMr4qK_Ejfrj-L617lm1A3UuSZYDvFKdoR0mRvm21-grkAjpfU4mLCE9lcJkEglkRTPX9ugrvZTAZxMvvDOWMXiykDZjcLsMS90&amp;upload_protocol=resumable</t>
  </si>
  <si>
    <t>Helder.xlsx</t>
  </si>
  <si>
    <t>adrianimv@algartech.com.br;alandsfj@algartech.com.br;anafsm@algartech.com.br;anapaps@algartech.com.br;cesaradsg@algartech.com.br;daianedso@algartech.com.br;denisems@algartech.com.br;erikasl@algartech.com.br;fernandass@algartech.com.br;franciellemn@algartech.com.br;gabrielaog@algartech.com.br;grizanibda@algartech.com.br;ideniraa@algartech.com.br;jacquelinece@algartech.com.br;janainapa@algartech.com.br;leticiaado@algartech.com.br;lorrainepmdf@algartech.com.br;ludimilafd@algartech.com.br;mariaads@algartech.com.br;marinalsc@algartech.com.br;marinesos@algartech.com.br;naianefo@algartech.com.br;quelencf@algartech.com.br;rayannerd@algartech.com.br;rosaliamfv@algartech.com.br;sauloss@algartech.com.br;talouanecsr@algartech.com.br;vivianeas@algartech.com.br;whelingtoncg@algartech.com.br;</t>
  </si>
  <si>
    <t>Resultado parcial **Dezembro**</t>
  </si>
  <si>
    <t>adrianimv@algartech.com.br,alandsfj@algartech.com.br,anafsm@algartech.com.br,anapaps@algartech.com.br,cesaradsg@algartech.com.br,daianedso@algartech.com.br,denisems@algartech.com.br,erikasl@algartech.com.br,fernandass@algartech.com.br,franciellemn@algartech.com.br,gabrielaog@algartech.com.br,grizanibda@algartech.com.br,ideniraa@algartech.com.br,jacquelinece@algartech.com.br,janainapa@algartech.com.br,leticiaado@algartech.com.br,lorrainepmdf@algartech.com.br,ludimilafd@algartech.com.br,mariaads@algartech.com.br,marinalsc@algartech.com.br,marinesos@algartech.com.br,naianefo@algartech.com.br,quelencf@algartech.com.br,rayannerd@algartech.com.br,rosaliamfv@algartech.com.br,sauloss@algartech.com.br,talouanecsr@algartech.com.br,vivianeas@algartech.com.br,whelingtoncg@algartech.com.br</t>
  </si>
  <si>
    <t>mail.google.com/sync/u/0/i/s?hl=pt-BR&amp;c=290</t>
  </si>
  <si>
    <t>10.200.67.188</t>
  </si>
  <si>
    <t>78-2B-CB-C2-BF-46</t>
  </si>
  <si>
    <t>VOTORANT-FB005</t>
  </si>
  <si>
    <t>Angelicacldr</t>
  </si>
  <si>
    <t>\\acsfs\profiles$\angelicacldr\Usuários\</t>
  </si>
  <si>
    <t>Usuários.txt</t>
  </si>
  <si>
    <t>\\acsfs\profiles$\angelicacldr\Usuários\Usuários.txt</t>
  </si>
  <si>
    <t>20191127 PESQUISA SATISFAÇÃO GERAL C19 ENV PEDIDOS.xls</t>
  </si>
  <si>
    <t>mail.google.com/_/upload?authuser=0&amp;dcp=asu-n&amp;upload_id=AEnB2UpW4fDllAEmh7FWs43UDoI8Tz6K3f5c6UupiRqGJTfKN339P4x6ujcQGSZba3v0xAxhmjSQ1N1q-aJFW21ItwAEnL3BRA&amp;upload_protocol=resumable</t>
  </si>
  <si>
    <t>20191127 PESQUISA SATISFAÇÃO GERAL C19 NOVAS RAS.xls</t>
  </si>
  <si>
    <t>45eeb6d4-254e-481f-8253-ad0cb385a7a7.tmp</t>
  </si>
  <si>
    <t>\\acsfs\profiles$\gabrielafs\Downloads\45eeb6d4-254e-481f-8253-ad0cb385a7a7.tmp</t>
  </si>
  <si>
    <t>61fd5690-e31d-4222-876a-89bc819d3c66.tmp</t>
  </si>
  <si>
    <t>\\acsfs\profiles$\gabrielafs\Downloads\61fd5690-e31d-4222-876a-89bc819d3c66.tmp</t>
  </si>
  <si>
    <t>ca4b8df8-4d75-4790-b529-18c10c97e9ce.tmp</t>
  </si>
  <si>
    <t>\\acsfs\profiles$\KARENJSS\Downloads\ca4b8df8-4d75-4790-b529-18c10c97e9ce.tmp</t>
  </si>
  <si>
    <t>mail.google.com/_/upload?authuser=1&amp;dcp=asu-n&amp;upload_id=AEnB2UpO7nf83hp2yLhyFf9NV0vk7y4XKOG4ni5UKS3yCRS2nG3KU9sY6wu6thyUeOBfHhNrUZh_l0BJzxnl8_VE3zrcrpxP2w&amp;upload_protocol=resumable</t>
  </si>
  <si>
    <t>C:\Users\lucashdsi\Downloads\</t>
  </si>
  <si>
    <t>Formulário para Acionamento de Transferências BAHIA X BH (1).xlsx</t>
  </si>
  <si>
    <t>mail.google.com/_/upload?authuser=1&amp;dcp=asu-n&amp;upload_id=AEnB2UodLVdifJAoMelKL0qmdDwlPTj1GdYS3nXofzCS_xPhU9S85--ZcM2bjB5Te7y6dncWDoUVQS5e_SvjSBmy2Hu-R1jotXHpudDaGgI6ULivYlPaNag&amp;upload_protocol=resumable</t>
  </si>
  <si>
    <t>Plan Precificacao C018 B018 - v2.xlsb</t>
  </si>
  <si>
    <t>C:\Users\suelenmm\Desktop\Plan Precificacao C018 B018 - v2.xlsb\</t>
  </si>
  <si>
    <t>mail.google.com/_/upload?authuser=1&amp;dcp=asu-n&amp;upload_id=AEnB2UruZiIol-yKdlA4MoEqNTxrmDWic2Stma96DXv0j0PheJpDPF7kFfEIXuCKEMGMDDJ58e657YcBD_S8MYUru_t6BUwvBKDjIdVSNV7Q47f-ez-zZWc&amp;upload_protocol=resumable</t>
  </si>
  <si>
    <t>merror:�;</t>
  </si>
  <si>
    <t>11 NOVEMBRO - TECH ON LINE.xlsx</t>
  </si>
  <si>
    <t>merror:�</t>
  </si>
  <si>
    <t>containsunsubscribedchildren,copyable,displayname,domain,emailaddress,explicitlytrashed,filesize,hasth,hasthu,hasthumbnail,hasvisitorpermissions,id,id),items(kind,ken,lastmodifyinguser(kind,lastviewedbymedate,mimetype,modifiedbymedate,modifieddate,ontainsunsubscribedchildren,owners(kind,permissionid,pict,pictu,picture,quotabytesused,rpermissions,shareable,shared,sharedwi,sharedwithmedate,subscribed,thumbnailversion,title,userpermission(role),workspaceids</t>
  </si>
  <si>
    <t>amcv_4435697753736fb20a490d45@adobeorg=1406116232|mcidts|18242|mcmid|56418845778771447742522184736774794456|mcaamlh-1576697303|4|mcaamb-1576697303|rkhprz8krg2tlo6pguxwp5olkacuniqyphamwwgdj3xzpwqmdj0y|mcoptout-1576093937s|none|mcaid|none|mccidh|1110837910|vversion|2.5.0;bc_sessionidpersession=2a347921-dbcc-4125-88eb-d01c31e477a1;brbk0=122 ano=2019;brbk0=122 id=u23sfmkkmkkhsgmgmknjledbhgejjjf000000000000000000002siwt[bd8d3ba3bd98c73716827ec3baab8656a5552614ba76ecac633ce3e44574437a;brbk0=122 opfull=9y99pypkvgtyiagg1wwircaxjgaovwxnu+qd+coebsm=;ibba;</t>
  </si>
  <si>
    <t>\\acsfs\DEPTOS\Controladoria\32.Tesouraria\4 - Endividamento\8 - Mútuos_AFAC\Mútuos\9 - Algar TI Argentina\Nov\</t>
  </si>
  <si>
    <t>ACC - Contrato de mútuo - Algar TI e Algar TI (Argentina).xlsx</t>
  </si>
  <si>
    <t>https://amcv_4435697753736fb20a490d45@adobeorg=1406116232|mcidts|18242|mcmid|56418845778771447742522184736774794456|mcaamlh-1576697303|4|mcaamb-1576697303|rkhprz8krg2tlo6pguxwp5olkacuniqyphamwwgdj3xzpwqmdj0y|mcoptout-1576093937s|none|mcaid|none|mccidh|1110837910|vversion|2.5.0,bc_sessionidpersession=2a347921-dbcc-4125-88eb-d01c31e477a1,brbk0=122 ano=2019,brbk0=122 id=u23sfmkkmkkhsgmgmknjledbhgejjjf000000000000000000002siwt[bd8d3ba3bd98c73716827ec3baab8656a5552614ba76ecac633ce3e44574437a,brbk0=122 opfull=9y99pypkvgtyiagg1wwircaxjgaovwxnu+qd+coebsm=,ibba</t>
  </si>
  <si>
    <t>\\acsfs\Deptos\Operacao\Banco_Votorantim\Qualidade\Fernanda\RECLAMAÇÃO E OUVIDORIA\MODELO DE LAUDO EM BRANCO (5) - Cópia - Cópia - Cópia.docx\</t>
  </si>
  <si>
    <t>\\acsfs\Deptos\Operacao\Banco_Votorantim\Qualidade\Fernanda\RECLAMAÇÃO E OUVIDORIA\MODELO DE LAUDO EM BRANCO (5) - Cópia - Cópia - Cópia.docx</t>
  </si>
  <si>
    <t>MODELO DE LAUDO EM BRANCO (5) - Cópia - Cópia - Cópia.docx</t>
  </si>
  <si>
    <t>mail.google.com/sync/u/0/i/s?hl=pt-BR&amp;c=11</t>
  </si>
  <si>
    <t>C:\Users\alefl\OneDrive - Grupo Algar\Bra\Qradar_ Relatorio\</t>
  </si>
  <si>
    <t>2019-12-11-data_export.csv</t>
  </si>
  <si>
    <t>2.2.txt</t>
  </si>
  <si>
    <t>\\acsfs\profiles$\geovannasm\My Documents\2.2.txt</t>
  </si>
  <si>
    <t>daiane.alves@bradesco.com.br;leonardo.calicchio@bradesco.com.br;polati@algartech.com;robertacmf@algartech.com;</t>
  </si>
  <si>
    <t>C:\Comercial\2019\Extra Baseline 2017 2018 e 2019\</t>
  </si>
  <si>
    <t>Extrato extra baseline 2017_2018_2019.xlsx</t>
  </si>
  <si>
    <t>daiane.alves@bradesco.com.br,leonardo.calicchio@bradesco.com.br,polati@algartech.com,robertacmf@algartech.com</t>
  </si>
  <si>
    <t>10.200.66.149</t>
  </si>
  <si>
    <t>78-2B-CB-C1-06-C0</t>
  </si>
  <si>
    <t>VOTORANT-SB007</t>
  </si>
  <si>
    <t>2d9dedb0-f4f1-4e52-8484-647a3484d46e.tmp</t>
  </si>
  <si>
    <t>\\acsfs\profiles$\anafaes\Downloads\2d9dedb0-f4f1-4e52-8484-647a3484d46e.tmp</t>
  </si>
  <si>
    <t>50c53edd-72cb-4a20-bf15-d80e5a0b2aa4.tmp</t>
  </si>
  <si>
    <t>\\acsfs\profiles$\anafaes\Downloads\50c53edd-72cb-4a20-bf15-d80e5a0b2aa4.tmp</t>
  </si>
  <si>
    <t>10dbcdcd-a340-42fe-b7c1-165f9e7539c2.tmp</t>
  </si>
  <si>
    <t>\\acsfs\profiles$\anafaes\Downloads\10dbcdcd-a340-42fe-b7c1-165f9e7539c2.tmp</t>
  </si>
  <si>
    <t>85122469-241e-4fa7-9931-545f9914befb.tmp</t>
  </si>
  <si>
    <t>\\acsfs\profiles$\anafaes\Downloads\85122469-241e-4fa7-9931-545f9914befb.tmp</t>
  </si>
  <si>
    <t>bf87296e-fbe5-4ab6-9368-860fdaf4ad88.tmp</t>
  </si>
  <si>
    <t>\\acsfs\profiles$\anafaes\Downloads\bf87296e-fbe5-4ab6-9368-860fdaf4ad88.tmp</t>
  </si>
  <si>
    <t>7060744c-6752-4df2-8b9f-f3deee0888ca.tmp</t>
  </si>
  <si>
    <t>\\acsfs\profiles$\anafaes\Downloads\7060744c-6752-4df2-8b9f-f3deee0888ca.tmp</t>
  </si>
  <si>
    <t>C:\Users\ericacdosc\Desktop\RES_ __ Contratação de Metas - prazo prorrogado até 24_ago __.msg\s94\</t>
  </si>
  <si>
    <t>Proposta de Objetivos Específicos Érica Silva Carvalho.xlsx</t>
  </si>
  <si>
    <t>06cdc952-c8be-44b6-b88e-3d3b8b0d4ab3.tmp</t>
  </si>
  <si>
    <t>\\acsfs\profiles$\KARENDSR\Downloads\06cdc952-c8be-44b6-b88e-3d3b8b0d4ab3.tmp</t>
  </si>
  <si>
    <t>lu114042uxtk.tmp</t>
  </si>
  <si>
    <t>\\acsfs\profiles$\fabianafv\My Documents\lu114042uxtk.tmp</t>
  </si>
  <si>
    <t>b8aa1f93-28b4-41f1-b8cc-ba96ee3f4dbc.tmp</t>
  </si>
  <si>
    <t>\\acsfs\profiles$\fabianafv\Downloads\b8aa1f93-28b4-41f1-b8cc-ba96ee3f4dbc.tmp</t>
  </si>
  <si>
    <t>12f43f49-073f-416a-ae89-5e397e094109.tmp</t>
  </si>
  <si>
    <t>\\acsfs\profiles$\fabianafv\Downloads\12f43f49-073f-416a-ae89-5e397e094109.tmp</t>
  </si>
  <si>
    <t>96885254-b96d-4435-ab71-feca3d1a1a9d.tmp</t>
  </si>
  <si>
    <t>\\acsfs\profiles$\fabianafv\Downloads\96885254-b96d-4435-ab71-feca3d1a1a9d.tmp</t>
  </si>
  <si>
    <t>4b68c976-32a6-4a24-a0df-5a3b7ceef67b.tmp</t>
  </si>
  <si>
    <t>\\acsfs\profiles$\layonmof\Downloads\4b68c976-32a6-4a24-a0df-5a3b7ceef67b.tmp</t>
  </si>
  <si>
    <t>C:\Users\vilarinho\OneDrive - Grupo Algar\Algar Tech\Projetos\Projeto Conciliação Depositos Judiciais - fev.18\Dossie - 11.12.19\Email - 27.7.19 - FinalProjeto.msg\s1\</t>
  </si>
  <si>
    <t>Resumo Final 240718.xlsx</t>
  </si>
  <si>
    <t>060e193c-6288-4d2b-9317-760281809ade.tmp</t>
  </si>
  <si>
    <t>\\acsfs\profiles$\KARENJSS\Downloads\060e193c-6288-4d2b-9317-760281809ade.tmp</t>
  </si>
  <si>
    <t>76110827-2bb6-48ed-8b7a-eafd2d28354e.tmp</t>
  </si>
  <si>
    <t>\\acsfs\profiles$\alessandraan\Downloads\76110827-2bb6-48ed-8b7a-eafd2d28354e.tmp</t>
  </si>
  <si>
    <t>63ccd03c-6a4b-4db4-9484-573aed9e9c7a.tmp</t>
  </si>
  <si>
    <t>\\acsfs\profiles$\alessandraan\Downloads\63ccd03c-6a4b-4db4-9484-573aed9e9c7a.tmp</t>
  </si>
  <si>
    <t>491a7722-7fe8-440e-a1c7-728603b5b993.tmp</t>
  </si>
  <si>
    <t>\\acsfs\profiles$\laurandos\Downloads\491a7722-7fe8-440e-a1c7-728603b5b993.tmp</t>
  </si>
  <si>
    <t>8deb98d0-8b47-45bb-8732-8f7ca2c8f586.tmp</t>
  </si>
  <si>
    <t>\\acsfs\profiles$\layonmof\Downloads\8deb98d0-8b47-45bb-8732-8f7ca2c8f586.tmp</t>
  </si>
  <si>
    <t>4fb2bad2-1eb1-4aaa-9ff1-d173f0a91916.tmp</t>
  </si>
  <si>
    <t>\\acsfs\profiles$\leticiala\Downloads\4fb2bad2-1eb1-4aaa-9ff1-d173f0a91916.tmp</t>
  </si>
  <si>
    <t>Brazil RFP PORTUGUES v1 Sheet Vendor - Site Information.xlsx</t>
  </si>
  <si>
    <t>ken=ac4w5vgwn5pwgswawc9cymq2kqif-wwefw:1576081915131&amp;buildlabel=drive.web-frontend_20191127.00_p1</t>
  </si>
  <si>
    <t>mail.google.com/_/upload?authuser=0&amp;dcp=asu-n&amp;upload_id=AEnB2Uojqu-D2ZVVAa85BAaWoCW17iqB39MeFLzyhkjkwOKciP_8Q1Vwsmea-klacg3x3jXRLYb7fQFTUQvqwEap4qaGrNBOAHUjywBKZVxX2nv9ZEzLe8g&amp;upload_protocol=resumable</t>
  </si>
  <si>
    <t>Dimensionamento sem Curva.xlsx</t>
  </si>
  <si>
    <t>5ca4e5c6-d45b-4a05-aa2f-2ce87998b8bc.tmp</t>
  </si>
  <si>
    <t>\\acsfs\profiles$\gabrielamdp\Downloads\5ca4e5c6-d45b-4a05-aa2f-2ce87998b8bc.tmp</t>
  </si>
  <si>
    <t>lista de ramais algar tech.xlsx</t>
  </si>
  <si>
    <t>mail.google.com/_/upload?authuser=0&amp;dcp=asu-n&amp;upload_id=AEnB2UqGqJqVTy8Rc9nvblvZH1aea5bejXKQ4AuZneFoQVqHwgxditPdbdCJDsfHgNAXiG1Bb2EerI-cBoxmEw7WZsR2N7tKRQ&amp;upload_protocol=resumable</t>
  </si>
  <si>
    <t>C:\Users\gustavoas\Documents\Algar Tech Local\Clientes\TIM\Apresentação Solução TIM.pptx\</t>
  </si>
  <si>
    <t>mail.google.com/_/upload?authuser=0&amp;dcp=asu-n&amp;upload_id=AEnB2UrqhC8kvIEF_fQriOyrWeZ7QE7aAzvHavKSd8iIo3S5qQNmHXo2uewEZ_c5DLr5X7sqxrf-SGoOYg93I04RBQc6fVw8vg&amp;upload_protocol=resumable</t>
  </si>
  <si>
    <t>1b912844-b10c-4fd6-9882-69ae3a123af9.tmp</t>
  </si>
  <si>
    <t>\\acsfs\profiles$\anafaes\Downloads\1b912844-b10c-4fd6-9882-69ae3a123af9.tmp</t>
  </si>
  <si>
    <t>459dfa8f-1784-4b17-9f9c-d2d406f25db2.tmp</t>
  </si>
  <si>
    <t>\\acsfs\profiles$\laurandos\Downloads\459dfa8f-1784-4b17-9f9c-d2d406f25db2.tmp</t>
  </si>
  <si>
    <t>calendário de governança_2020 (5).xlsx</t>
  </si>
  <si>
    <t>5307e1de-f075-4511-bcf7-c6657eb31092.tmp</t>
  </si>
  <si>
    <t>\\acsfs\profiles$\anafaes\Downloads\5307e1de-f075-4511-bcf7-c6657eb31092.tmp</t>
  </si>
  <si>
    <t>857a5028-c22a-423a-8773-5c20d6a7e3c8.tmp</t>
  </si>
  <si>
    <t>\\acsfs\profiles$\laurandos\Downloads\857a5028-c22a-423a-8773-5c20d6a7e3c8.tmp</t>
  </si>
  <si>
    <t>https://unagi-na.amazon.com/1/events/com.amazon.csm.nexusclient.prod</t>
  </si>
  <si>
    <t>"application":"retail";"attributes":{"id":"qdqi8h-atrmhf-wm22os-5lvywk";"id":"qdqi8h-atrmhf-wm22os-5lvywk";"meaningful":"interactive";"messageid":"ui1gzm-4is89c-4brfmu-vy489n";"obfuscatedmarketplaceid":"art4wz8mwbx2y";"producerid":"csa";"requestid":"pdc27vajv4fbxx2hm4pk";"schemaid":"csa.pageentity.1";"url":"https://www.amazon.com/ap/signin?accountstatuspolicy=p1;br accept-language: pt-br;deflate;en-us;q=0.8;en;q=0.7 cookie: session-id=135-2062861-4668264; session-id-time=2206818114l; lc-main-av=pt_br {"events":[{"data":{"timestamp":"2019-12-11t21:01:54.838z";https://www.primevideo.com/auth/return/ref=av_auth_ap?_encoding=utf8&amp;location=%2fref%3ddv_auth_ret accept-encoding: gzip;pt;q=0.9;version;</t>
  </si>
  <si>
    <t>https://"application":"retail","attributes":{"id":"qdqi8h-atrmhf-wm22os-5lvywk","id":"qdqi8h-atrmhf-wm22os-5lvywk","meaningful":"interactive","messageid":"ui1gzm-4is89c-4brfmu-vy489n","obfuscatedmarketplaceid":"art4wz8mwbx2y","producerid":"csa","requestid":"pdc27vajv4fbxx2hm4pk","schemaid":"csa.pageentity.1","url":"https://www.amazon.com/ap/signin?accountstatuspolicy=p1,br accept-language: pt-br,deflate,en-us;q=0.8,en;q=0.7 cookie: session-id=135-2062861-4668264; session-id-time=2206818114l; lc-main-av=pt_br {"events":[{"data":{"timestamp":"2019-12-11t21:01:54.838z",https://www.primevideo.com/auth/return/ref=av_auth_ap?_encoding=utf8&amp;location=%2fref%3ddv_auth_ret accept-encoding: gzip,pt;q=0.9,version</t>
  </si>
  <si>
    <t>"application":"retail";"attributes":{"id":"qdqi8h-atrmhf-wm22os-5lvywk";"entities":{"page":{"id":"qdqi8h-atrmhf-wm22os-5lvywk";"id":"qdqi8h-atrmhf-wm22os-5lvywk";"meaningful":"interactive";"messageid":"ryqtfc-ez6pbo-s2wpzt-ozp04p";"messageid":"ui1gzm-4is89c-4brfmu-vy489n";"obfuscatedmarketplaceid":"art4wz8mwbx2y";"producerid":"csa";"requestid":"pdc27vajv4fbxx2hm4pk";"schemaid":"csa.pageentity.1";"schemaid":"csa.pageimpressed.2";"timestamp":"2019-12-11t21:01:56.310z";"url":"https://www.amazon.com/ap/signin?accountstatuspolicy=p1;br accept-language: pt-br;deflate;en-us;q=0.8;en;q=0.7 cookie: session-id=135-2062861-4668264; session-id-time=2206818114l; lc-main-av=pt_br {"events":[{"data":{"renderedtomeaningful":470;en;q=0.7 cookie: session-id=135-2062861-4668264; session-id-time=2206818114l; lc-main-av=pt_br {"events":[{"data":{"timestamp":"2019-12-11t21:01:54.838z";https://www.primevideo.com/auth/return/ref=av_auth_ap?_encoding=utf8&amp;location=%2fref%3ddv_auth_ret accept-encoding: gzip;pt;q=0.9;renderedtoimpresse</t>
  </si>
  <si>
    <t>https://"application":"retail","attributes":{"id":"qdqi8h-atrmhf-wm22os-5lvywk","entities":{"page":{"id":"qdqi8h-atrmhf-wm22os-5lvywk","id":"qdqi8h-atrmhf-wm22os-5lvywk","meaningful":"interactive","messageid":"ryqtfc-ez6pbo-s2wpzt-ozp04p","messageid":"ui1gzm-4is89c-4brfmu-vy489n","obfuscatedmarketplaceid":"art4wz8mwbx2y","producerid":"csa","requestid":"pdc27vajv4fbxx2hm4pk","schemaid":"csa.pageentity.1","schemaid":"csa.pageimpressed.2","timestamp":"2019-12-11t21:01:56.310z","url":"https://www.amazon.com/ap/signin?accountstatuspolicy=p1,br accept-language: pt-br,deflate,en-us;q=0.8,en;q=0.7 cookie: session-id=135-2062861-4668264; session-id-time=2206818114l; lc-main-av=pt_br {"events":[{"data":{"renderedtomeaningful":470,en;q=0.7 cookie: session-id=135-2062861-4668264; session-id-time=2206818114l; lc-main-av=pt_br {"events":[{"data":{"timestamp":"2019-12-11t21:01:54.838z",https://www.primevideo.com/auth/return/ref=av_auth_ap?_encoding=utf8&amp;location=%2fref%3ddv_auth_ret accept-encoding: gzip,pt;q=0.9,renderedto</t>
  </si>
  <si>
    <t>mail.google.com/_/upload?authuser=0&amp;dcp=asu-n&amp;upload_id=AEnB2UoEVe85QqYAzxayf8V_N4KcnkIlQGMZrr--H_HENI7toyRh4TefUb26DpxhjpfL-R13KPJxExqKFcF-dOANJEUa2hVh0g&amp;upload_protocol=resumable</t>
  </si>
  <si>
    <t>\\acsfs\deptos\PMO Governança\03 - ACOMPANHAMENTO DE PROJETOS\00 - STATUS GERAL\HOLDING\</t>
  </si>
  <si>
    <t>Cópia de Papo de Performance v4.xlsx</t>
  </si>
  <si>
    <t>mail.google.com/_/upload?authuser=0&amp;dcp=asu-n&amp;upload_id=AEnB2UogvCZHGj2Nio862ZJgUfMDDuD0JW1A1eCv38Efvj502UawZ3IPt1dhSggZfwe4bjuwyVLA7ngTw_vvjQtaeq2Qh2DZlg&amp;upload_protocol=resumable</t>
  </si>
  <si>
    <t>\\acsfs\deptos\PMO Governança\03 - ACOMPANHAMENTO DE PROJETOS\00 - STATUS GERAL\HOLDING\10_ Papo_Perf_Dez2019_v2.pptx\</t>
  </si>
  <si>
    <t>45f43acf-2525-45b3-80aa-91d41dd0956e.tmp</t>
  </si>
  <si>
    <t>\\acsfs\profiles$\alinepp\Downloads\45f43acf-2525-45b3-80aa-91d41dd0956e.tmp</t>
  </si>
  <si>
    <t>\\acsfs\DEPTOS\Operacao\PCP\5 - Comum\ACOMPANHAMENTO TOYOTA\06 - FINANCEIRO\11 - NOVEMBRO\</t>
  </si>
  <si>
    <t>11 - Faturamento Toyota CRC v3.xlsx</t>
  </si>
  <si>
    <t>containsun,copyable,displayname,domain,emailaddress,explicitlytrashed,filesize,folder,hasthumbnail,hasvisitorpermissions,id,id),items(kind,lastmodifyinguser(kind,lastviewedbymedate,mimetype,modifiedbymedate,modifieddate,nextpagetoken,ontainsunsubscribedchildren,owners(kind,permissionid,picture,quotabytesused,shareable,shared,sharedwithmedate,subscribed,thumbnailversion,title,toyota crc v3' and title contains 'xlsx' and trashed = false and '0abcsrzeyyooluk9pva' in parents&amp;fields=kind,userpermission(role)</t>
  </si>
  <si>
    <t>10.200.66.38</t>
  </si>
  <si>
    <t>Jordanarb</t>
  </si>
  <si>
    <t>https://hl2rcv.adobe.com/headlights/uploadfile/</t>
  </si>
  <si>
    <t>C:\Users\Jordanarb\AppData\Roaming\Adobe\LogTransport2\Logs\</t>
  </si>
  <si>
    <t>ulog_Acrobat12_Reader_22bb18ef-a0cc-4985-b2f1-d8449a05e1d0_df7536fc-de9e-4ff3-b434-a25460a769a7_0.log</t>
  </si>
  <si>
    <t>C:\Users\Jordanarb\AppData\Roaming\Adobe\LogTransport2\Logs\ulog_Acrobat12_Reader_22bb18ef-a0cc-4985-b2f1-d8449a05e1d0_df7536fc-de9e-4ff3-b434-a25460a769a7_0.log\</t>
  </si>
  <si>
    <t>NONAMEFL</t>
  </si>
  <si>
    <t>da487169-1b49-4a53-96ec-ac211aa1900c.tmp</t>
  </si>
  <si>
    <t>\\acsfs\profiles$\alinepp\Downloads\da487169-1b49-4a53-96ec-ac211aa1900c.tmp</t>
  </si>
  <si>
    <t>ulog_Acrobat12_Reader_22bb18ef-a0cc-4985-b2f1-d8449a05e1d0_4295ead3-5a9c-4753-ab1d-11ce43424f45_0.log</t>
  </si>
  <si>
    <t>C:\Users\Jordanarb\AppData\Roaming\Adobe\LogTransport2\Logs\ulog_Acrobat12_Reader_22bb18ef-a0cc-4985-b2f1-d8449a05e1d0_4295ead3-5a9c-4753-ab1d-11ce43424f45_0.log\</t>
  </si>
  <si>
    <t>ulog_Acrobat12_Reader_22bb18ef-a0cc-4985-b2f1-d8449a05e1d0_1cc9fca6-045a-4ed4-8b66-527050522bd1_0.log</t>
  </si>
  <si>
    <t>C:\Users\Jordanarb\AppData\Roaming\Adobe\LogTransport2\Logs\ulog_Acrobat12_Reader_22bb18ef-a0cc-4985-b2f1-d8449a05e1d0_1cc9fca6-045a-4ed4-8b66-527050522bd1_0.log\</t>
  </si>
  <si>
    <t>804f6c53-ca93-4ed2-bc05-b93d0df70f88.tmp</t>
  </si>
  <si>
    <t>\\acsfs\profiles$\bernardopcm\Downloads\804f6c53-ca93-4ed2-bc05-b93d0df70f88.tmp</t>
  </si>
  <si>
    <t>25be78e0-2bb2-47f2-aed5-7ca3ceea898a.tmp</t>
  </si>
  <si>
    <t>\\acsfs\profiles$\bernardopcm\Downloads\25be78e0-2bb2-47f2-aed5-7ca3ceea898a.tmp</t>
  </si>
  <si>
    <t>35d6255d-e7c4-4ac0-9e34-acab29f3a99a.tmp</t>
  </si>
  <si>
    <t>\\acsfs\profiles$\bernardopcm\Downloads\35d6255d-e7c4-4ac0-9e34-acab29f3a99a.tmp</t>
  </si>
  <si>
    <t>ce94ddda-6d3b-4f84-b56d-c86d7916e4b6.tmp</t>
  </si>
  <si>
    <t>\\acsfs\profiles$\alinepp\Downloads\ce94ddda-6d3b-4f84-b56d-c86d7916e4b6.tmp</t>
  </si>
  <si>
    <t>mail.google.com/_/upload?authuser=2&amp;dcp=asu-n&amp;upload_id=AEnB2UqH8Ch44SZHuXWlOfm-ZCWdrVV5HpRIAD_8lbT7wm2OrT2ooRPX03B2ZKclZMKHLiIg5UEHGeczsad4Wu7k2wYkJ1BOVh6StYAWIzyxAvR6sEZBoWM&amp;upload_protocol=resumable</t>
  </si>
  <si>
    <t>\\acsfs\ACS\Consultoria de Qualidade\Uberlândia\1. Analistas\Fernando Rodrigues\4. Distribuição de Meta\2019\2. next\1. Dezembro\</t>
  </si>
  <si>
    <t>4º Ciclo_ Planejamento next.xls</t>
  </si>
  <si>
    <t>5b0b506a-3e83-41bb-bf4d-4a80a90c53cb.tmp</t>
  </si>
  <si>
    <t>\\acsfs\profiles$\fabianobmf\Downloads\5b0b506a-3e83-41bb-bf4d-4a80a90c53cb.tmp</t>
  </si>
  <si>
    <t>68fd81d6-083c-445d-a18a-fc307965f845.tmp</t>
  </si>
  <si>
    <t>\\acsfs\profiles$\bernardopcm\Downloads\68fd81d6-083c-445d-a18a-fc307965f845.tmp</t>
  </si>
  <si>
    <t>e3e7aa97-b69b-42c2-be25-1104f8e0295c.tmp</t>
  </si>
  <si>
    <t>\\acsfs\profiles$\bernardopcm\Downloads\e3e7aa97-b69b-42c2-be25-1104f8e0295c.tmp</t>
  </si>
  <si>
    <t>d2c7836a-b10b-4978-9784-afa046be5a13.tmp</t>
  </si>
  <si>
    <t>\\acsfs\profiles$\bernardopcm\Downloads\d2c7836a-b10b-4978-9784-afa046be5a13.tmp</t>
  </si>
  <si>
    <t>bdce5e40-a76e-4ac7-bd81-b1c26d7e2bd1.tmp</t>
  </si>
  <si>
    <t>\\acsfs\profiles$\bernardopcm\Downloads\bdce5e40-a76e-4ac7-bd81-b1c26d7e2bd1.tmp</t>
  </si>
  <si>
    <t>\\cppfs\cpdeptos\CPC\3 - Acompanhamento\IBI\4 - Prévia Financeira\2019\11 - Novembro\</t>
  </si>
  <si>
    <t>Novembro- Fechamento_simulação.xlsx</t>
  </si>
  <si>
    <t>39e01705-c2ae-43bb-95b6-85febf74a702.tmp</t>
  </si>
  <si>
    <t>\\acsfs\profiles$\laurandos\Downloads\39e01705-c2ae-43bb-95b6-85febf74a702.tmp</t>
  </si>
  <si>
    <t>mail.google.com/_/upload?authuser=0&amp;dcp=asu-n&amp;upload_id=AEnB2Up389BuHxKBdGSUknEiv3ks2-p-_huI93Yzv-tfkhNzCjQCwzzcfX0xQYcpix_KQ1PywKdqvUShc3aaM_P8RZB_wEMwdw&amp;upload_protocol=resumable</t>
  </si>
  <si>
    <t>anderson.negrisoli@avon.com;cpc-controldeskavon@algartech.com;danielle.costa@avon.com;joaogvc@algartech.com;senildapdo@algartech.com;senildapdo@algartecnologia.com.br;viniciussg@algartech.com;</t>
  </si>
  <si>
    <t>anderson.negrisoli@avon.com,cpc-controldeskavon@algartech.com,danielle.costa@avon.com,joaogvc@algartech.com,senildapdo@algartech.com,senildapdo@algartecnologia.com.br,viniciussg@algartech.com</t>
  </si>
  <si>
    <t>556e615f-ee3c-4060-a0ec-f13525d7f8f5.tmp</t>
  </si>
  <si>
    <t>\\acsfs\profiles$\fabianafv\Downloads\556e615f-ee3c-4060-a0ec-f13525d7f8f5.tmp</t>
  </si>
  <si>
    <t>8da89df1-8e5a-4d41-8d21-5a89b2666aaf.tmp</t>
  </si>
  <si>
    <t>\\acsfs\profiles$\anafaes\Downloads\8da89df1-8e5a-4d41-8d21-5a89b2666aaf.tmp</t>
  </si>
  <si>
    <t>db314d8c-d978-4ab7-bbf6-1188c38ce82e.tmp</t>
  </si>
  <si>
    <t>\\acsfs\profiles$\anafaes\Downloads\db314d8c-d978-4ab7-bbf6-1188c38ce82e.tmp</t>
  </si>
  <si>
    <t>historico cassiano10.txt</t>
  </si>
  <si>
    <t>\\acsfs\profiles$\cassianogc\My Documents\historico cassiano10.txt</t>
  </si>
  <si>
    <t>10.200.67.37</t>
  </si>
  <si>
    <t>78-2B-CB-C1-07-04</t>
  </si>
  <si>
    <t>VOTORANT-LB010</t>
  </si>
  <si>
    <t>brendadsl</t>
  </si>
  <si>
    <t>\\acsfs\profiles$\brendadsl\Downloads\</t>
  </si>
  <si>
    <t>657a7eda-6f1e-4a2b-bcb0-ed2e82a141a6.tmp</t>
  </si>
  <si>
    <t>\\acsfs\profiles$\brendadsl\Downloads\657a7eda-6f1e-4a2b-bcb0-ed2e82a141a6.tmp</t>
  </si>
  <si>
    <t>f54b2928-a704-49f9-82dc-057b60603d86.tmp</t>
  </si>
  <si>
    <t>\\acsfs\profiles$\brendadsl\Downloads\f54b2928-a704-49f9-82dc-057b60603d86.tmp</t>
  </si>
  <si>
    <t>\\acsfs\profiles$\brendadsl\My Documents\Blocos\Blocos Dezembro 2019\</t>
  </si>
  <si>
    <t>Bloco 11122019.txt</t>
  </si>
  <si>
    <t>\\acsfs\profiles$\brendadsl\My Documents\Blocos\Blocos Dezembro 2019\Bloco 11122019.txt</t>
  </si>
  <si>
    <t>mail.google.com/_/upload?authuser=0&amp;dcp=asu-n&amp;upload_id=AEnB2UrP2uE2AeLoxlSsSLzAM3it6EQIFmDAV5LJxLyq2jBiDgSevq7iyErcxE6tWBbAC3_4_bSn8JoyphoB25rf0tf7OybrJg&amp;upload_protocol=resumable</t>
  </si>
  <si>
    <t>PropostaVila1S20_revisado 2.xlsx</t>
  </si>
  <si>
    <t>029f496c-963d-4fd7-9e40-0a68a49a80f5.tmp</t>
  </si>
  <si>
    <t>\\acsfs\profiles$\gabrielamdp\Downloads\029f496c-963d-4fd7-9e40-0a68a49a80f5.tmp</t>
  </si>
  <si>
    <t>420c099b-1dfc-4183-9a5f-2a091cc7f71b.tmp</t>
  </si>
  <si>
    <t>\\acsfs\profiles$\laurandos\Downloads\420c099b-1dfc-4183-9a5f-2a091cc7f71b.tmp</t>
  </si>
  <si>
    <t>7d18a124-45ad-4a51-a49a-96de478c361e.tmp</t>
  </si>
  <si>
    <t>\\acsfs\profiles$\alinepp\Downloads\7d18a124-45ad-4a51-a49a-96de478c361e.tmp</t>
  </si>
  <si>
    <t>9723d5f4-dbda-4a37-a991-1df6f3b1e2da.tmp</t>
  </si>
  <si>
    <t>\\acsfs\profiles$\brendadsl\Downloads\9723d5f4-dbda-4a37-a991-1df6f3b1e2da.tmp</t>
  </si>
  <si>
    <t>c636c3ba-077b-494d-9d06-22bc21df4e24.tmp</t>
  </si>
  <si>
    <t>\\acsfs\profiles$\brendadsl\Downloads\c636c3ba-077b-494d-9d06-22bc21df4e24.tmp</t>
  </si>
  <si>
    <t>05057514-8da6-4c04-9e87-f51a5629e1ad.tmp</t>
  </si>
  <si>
    <t>\\acsfs\profiles$\brendadsl\Downloads\05057514-8da6-4c04-9e87-f51a5629e1ad.tmp</t>
  </si>
  <si>
    <t>373423cc-98b5-4777-8cc0-a1501fb850ac.tmp</t>
  </si>
  <si>
    <t>\\acsfs\profiles$\gabrielamdp\Downloads\373423cc-98b5-4777-8cc0-a1501fb850ac.tmp</t>
  </si>
  <si>
    <t>840d3f54-212f-4751-b25a-4b6915d9f0fb.tmp</t>
  </si>
  <si>
    <t>\\acsfs\profiles$\anafaes\Downloads\840d3f54-212f-4751-b25a-4b6915d9f0fb.tmp</t>
  </si>
  <si>
    <t>23bbd206-fc7f-4198-a25f-8dbfffb73172.tmp</t>
  </si>
  <si>
    <t>\\acsfs\profiles$\anafaes\Downloads\23bbd206-fc7f-4198-a25f-8dbfffb73172.tmp</t>
  </si>
  <si>
    <t>e635f1e8-831b-46fb-8529-2851c7c92b77.tmp</t>
  </si>
  <si>
    <t>\\acsfs\profiles$\victorgl\Downloads\e635f1e8-831b-46fb-8529-2851c7c92b77.tmp</t>
  </si>
  <si>
    <t>5691a6f4-da17-4a51-9a81-59c77831117f.tmp</t>
  </si>
  <si>
    <t>\\acsfs\profiles$\victorgl\Downloads\5691a6f4-da17-4a51-9a81-59c77831117f.tmp</t>
  </si>
  <si>
    <t>3eaab260-afe3-4830-bf11-06367579e720.tmp</t>
  </si>
  <si>
    <t>\\acsfs\profiles$\laurandos\Downloads\3eaab260-afe3-4830-bf11-06367579e720.tmp</t>
  </si>
  <si>
    <t>mail.google.com/_/upload?authuser=2&amp;dcp=asu-n&amp;upload_id=AEnB2UqAYTZKU3aIr39PyfuMZqppG9xod_f0yuQ32J7RQ-DgLQiTJFjIYglM46k3JIfZTxWtkveiVUz1PBIcTTuGLDFlAv7rzg&amp;upload_protocol=resumable</t>
  </si>
  <si>
    <t>Operadores sem monitoria.xlsx</t>
  </si>
  <si>
    <t>d87fb924-2a8a-49a2-8482-b66b2c3e11b1.tmp</t>
  </si>
  <si>
    <t>\\acsfs\profiles$\fabianobmf\Downloads\d87fb924-2a8a-49a2-8482-b66b2c3e11b1.tmp</t>
  </si>
  <si>
    <t>ciceraads</t>
  </si>
  <si>
    <t>\\acsfs\profiles$\ciceraads\</t>
  </si>
  <si>
    <t>link de acesso.txt</t>
  </si>
  <si>
    <t>\\acsfs\profiles$\ciceraads\link de acesso.txt</t>
  </si>
  <si>
    <t>cc22fef5-7782-405f-8129-b0ebd32d07f7.tmp</t>
  </si>
  <si>
    <t>\\acsfs\profiles$\victorgl\Downloads\cc22fef5-7782-405f-8129-b0ebd32d07f7.tmp</t>
  </si>
  <si>
    <t>c2bf03b6-ab0f-41d3-9b38-4e954884168f.tmp</t>
  </si>
  <si>
    <t>\\acsfs\profiles$\brendadsl\Downloads\c2bf03b6-ab0f-41d3-9b38-4e954884168f.tmp</t>
  </si>
  <si>
    <t>43743e58-3a7f-4438-ae8f-864f0926be04.tmp</t>
  </si>
  <si>
    <t>\\acsfs\profiles$\gabrielamdp\Downloads\43743e58-3a7f-4438-ae8f-864f0926be04.tmp</t>
  </si>
  <si>
    <t>738f3c15-1ca6-41ce-8252-2d85ce4eae7c.tmp</t>
  </si>
  <si>
    <t>\\acsfs\profiles$\bernardopcm\Downloads\738f3c15-1ca6-41ce-8252-2d85ce4eae7c.tmp</t>
  </si>
  <si>
    <t>65011a2b-591d-4b0a-84d0-82d408c49c43.tmp</t>
  </si>
  <si>
    <t>\\acsfs\profiles$\bernardopcm\Downloads\65011a2b-591d-4b0a-84d0-82d408c49c43.tmp</t>
  </si>
  <si>
    <t>30778965-50a3-4a3a-9fc1-ff1e48a73644.tmp</t>
  </si>
  <si>
    <t>\\acsfs\profiles$\fabianafv\Downloads\30778965-50a3-4a3a-9fc1-ff1e48a73644.tmp</t>
  </si>
  <si>
    <t>c076efc5-4c98-4f6c-beba-957808c0dd9e.tmp</t>
  </si>
  <si>
    <t>\\acsfs\profiles$\KARENJSS\Downloads\c076efc5-4c98-4f6c-beba-957808c0dd9e.tmp</t>
  </si>
  <si>
    <t>a0b99b26-4b79-45e6-8ac7-2cd5593f52fc.tmp</t>
  </si>
  <si>
    <t>\\acsfs\profiles$\laurandos\Downloads\a0b99b26-4b79-45e6-8ac7-2cd5593f52fc.tmp</t>
  </si>
  <si>
    <t>a568b417-c3ed-4ce7-b7a6-10aba3ab5146.tmp</t>
  </si>
  <si>
    <t>\\acsfs\profiles$\KARENJSS\Downloads\a568b417-c3ed-4ce7-b7a6-10aba3ab5146.tmp</t>
  </si>
  <si>
    <t>b5fa53f2-eb6b-4072-b67c-3842f2fe2ff3.tmp</t>
  </si>
  <si>
    <t>\\acsfs\profiles$\alinepp\Downloads\b5fa53f2-eb6b-4072-b67c-3842f2fe2ff3.tmp</t>
  </si>
  <si>
    <t>7b6e22ed-cb0d-4a45-b56b-f2e15a308b22.tmp</t>
  </si>
  <si>
    <t>\\acsfs\profiles$\gabrielamdp\Downloads\7b6e22ed-cb0d-4a45-b56b-f2e15a308b22.tmp</t>
  </si>
  <si>
    <t>\\acsfs\profiles$\brendadsl\My Documents\Blocos\</t>
  </si>
  <si>
    <t>Bloco Reneg.txt</t>
  </si>
  <si>
    <t>\\acsfs\profiles$\brendadsl\My Documents\Blocos\Bloco Reneg.txt</t>
  </si>
  <si>
    <t>https://www.bing.com/orgid/idtoken/nosignin</t>
  </si>
  <si>
    <t>57d891b2-fc79-4089-bcef-fa67fbfef480.tmp</t>
  </si>
  <si>
    <t>\\acsfs\profiles$\brendadsl\Downloads\57d891b2-fc79-4089-bcef-fa67fbfef480.tmp</t>
  </si>
  <si>
    <t>a6b5ad26-ffd8-4043-aa13-5f0a3fc37caf.tmp</t>
  </si>
  <si>
    <t>\\acsfs\profiles$\alinepp\Downloads\a6b5ad26-ffd8-4043-aa13-5f0a3fc37caf.tmp</t>
  </si>
  <si>
    <t>análise desligamento.xlsx</t>
  </si>
  <si>
    <t>mail.google.com/_/upload?authuser=1&amp;dcp=asu-n&amp;upload_id=AEnB2UpSahWiSpP4GOPaPjD5QTGOjU-OIbAz0L0Q0OMnxaWDI-i0kVbKN3ahlFr5hHaIyBz3ExGWrnFuSgqMKo-xMsEqe44zkw&amp;upload_protocol=resumable</t>
  </si>
  <si>
    <t>20a3fe61-fe05-4e27-b0a2-a5cf183e8350.tmp</t>
  </si>
  <si>
    <t>\\acsfs\profiles$\KARENJSS\Downloads\20a3fe61-fe05-4e27-b0a2-a5cf183e8350.tmp</t>
  </si>
  <si>
    <t>b4e5c905-413a-4fd3-8970-a71e3e6832fb.tmp</t>
  </si>
  <si>
    <t>\\acsfs\profiles$\alinepp\Downloads\b4e5c905-413a-4fd3-8970-a71e3e6832fb.tmp</t>
  </si>
  <si>
    <t>11.txt</t>
  </si>
  <si>
    <t>\\acsfs\profiles$\marcelacdss\My Documents\ATENDIMENTOS\DEZEMBRO\11.txt</t>
  </si>
  <si>
    <t>11-12 QUARTA.txt</t>
  </si>
  <si>
    <t>\\acsfs\profiles$\gabrielamdp\My Documents\11-12 QUARTA.txt</t>
  </si>
  <si>
    <t>\\acsfs\DEPTOS\Governança da Estratégia\M&amp;A e Parcerias\Buy Side\Avaliações estruturadas\Orquestrador de Cognição e Omnichannel\ASC Brazil\Due dilligence\</t>
  </si>
  <si>
    <t>Vantagens e desvantagens cenários.xlsx</t>
  </si>
  <si>
    <t>mail.google.com/_/upload?authuser=1&amp;dcp=asu-n&amp;upload_id=AEnB2UrKkx1tIBzGj5nsVxa3CytAdBxADemX61s-E5ibmjZdN8qSw3jWCo3w_bzG3tRayKuil658Du0Dg3pn2CKHnQ_9VXUEpQ&amp;upload_protocol=resumable</t>
  </si>
  <si>
    <t>mail.google.com/_/upload?authuser=1&amp;dcp=asu-n&amp;upload_id=AEnB2UqvwtYOW4SiaV5WR0tEpU5Fl8FqKS_ka3GHKy6eSBQOoYSvZiaIsSOGZpDc1Yp03NQEplxod--FSNJ0pvHWOnwRugJdWCH9iro2NEFz27KeB-EV5tk&amp;upload_protocol=resumable</t>
  </si>
  <si>
    <t>Extração Discador.xlsx</t>
  </si>
  <si>
    <t>3° Ciclo NOVEMBRO.txt</t>
  </si>
  <si>
    <t>\\acsfs\DEPTOS\Operacao\Banco_Votorantim\Qualidade\Eliane\Contestação MUTANT\3° Ciclo NOVEMBRO.txt</t>
  </si>
  <si>
    <t>ef2baf34-ca7c-4f6f-89bd-eabdc0b34dba.tmp</t>
  </si>
  <si>
    <t>\\acsfs\profiles$\sarahbal\Downloads\ef2baf34-ca7c-4f6f-89bd-eabdc0b34dba.tmp</t>
  </si>
  <si>
    <t>cf20d8ba-09b6-428b-99d6-9fd174be33c9.tmp</t>
  </si>
  <si>
    <t>\\acsfs\profiles$\sarahbal\Downloads\cf20d8ba-09b6-428b-99d6-9fd174be33c9.tmp</t>
  </si>
  <si>
    <t>374b2944-4fd6-467e-a119-047e05732a50.tmp</t>
  </si>
  <si>
    <t>\\acsfs\profiles$\sarahbal\Downloads\374b2944-4fd6-467e-a119-047e05732a50.tmp</t>
  </si>
  <si>
    <t>eb5179e7-c594-4055-9f04-f4b2837d1ad1.tmp</t>
  </si>
  <si>
    <t>\\acsfs\profiles$\sarahbal\Downloads\eb5179e7-c594-4055-9f04-f4b2837d1ad1.tmp</t>
  </si>
  <si>
    <t>cintiadcf</t>
  </si>
  <si>
    <t>\\acsfs\profiles$\cintiadcf\My Documents\My Pictures\</t>
  </si>
  <si>
    <t>\\acsfs\profiles$\cintiadcf\My Documents\My Videos\desktop.ini</t>
  </si>
  <si>
    <t>\\acsfs\profiles$\cintiadcf\My Documents\My Videos\</t>
  </si>
  <si>
    <t>\\acsfs\profiles$\cintiadcf\My Documents\My Music\</t>
  </si>
  <si>
    <t>\\acsfs\profiles$\cintiadcf\My Documents\My Pictures\desktop.ini</t>
  </si>
  <si>
    <t>\\acsfs\profiles$\cintiadcf\Contacts\</t>
  </si>
  <si>
    <t>\\acsfs\profiles$\cintiadcf\Contacts\desktop.ini</t>
  </si>
  <si>
    <t>\\acsfs\profiles$\cintiadcf\My Documents\</t>
  </si>
  <si>
    <t>\\acsfs\profiles$\cintiadcf\Favorites\desktop.ini</t>
  </si>
  <si>
    <t>\\acsfs\profiles$\cintiadcf\My Documents\My Music\desktop.ini</t>
  </si>
  <si>
    <t>\\acsfs\profiles$\cintiadcf\Searches\</t>
  </si>
  <si>
    <t>\\acsfs\profiles$\cintiadcf\Searches\desktop.ini</t>
  </si>
  <si>
    <t>\\acsfs\profiles$\cintiadcf\Downloads\</t>
  </si>
  <si>
    <t>\\acsfs\profiles$\cintiadcf\Downloads\desktop.ini</t>
  </si>
  <si>
    <t>\\acsfs\profiles$\cintiadcf\Favorites\</t>
  </si>
  <si>
    <t>\\acsfs\profiles$\cintiadcf\My Documents\desktop.ini</t>
  </si>
  <si>
    <t>\\acsfs\profiles$\cintiadcf\Saved Games\desktop.ini</t>
  </si>
  <si>
    <t>winrt--{S-1-5-21-602162358-764733703-839522115-352721}-.searchconnector-ms</t>
  </si>
  <si>
    <t>\\acsfs\profiles$\cintiadcf\Searches\winrt--{S-1-5-21-602162358-764733703-839522115-352721}-.searchconnector-ms</t>
  </si>
  <si>
    <t>9dc04c2a-ce66-4b36-b03b-347b7051c1fd.tmp</t>
  </si>
  <si>
    <t>\\acsfs\profiles$\cintiadcf\Downloads\9dc04c2a-ce66-4b36-b03b-347b7051c1fd.tmp</t>
  </si>
  <si>
    <t>be82a8d3-26b2-497b-901e-8f4a124b7700.tmp</t>
  </si>
  <si>
    <t>\\acsfs\profiles$\cintiadcf\Downloads\be82a8d3-26b2-497b-901e-8f4a124b7700.tmp</t>
  </si>
  <si>
    <t>2f0d5064-3a95-44b5-b4ee-c78a74737d8c.tmp</t>
  </si>
  <si>
    <t>\\acsfs\profiles$\cintiadcf\Downloads\2f0d5064-3a95-44b5-b4ee-c78a74737d8c.tmp</t>
  </si>
  <si>
    <t>86eed1d5-347a-4c1d-b1ea-aaae6c830069.tmp</t>
  </si>
  <si>
    <t>\\acsfs\profiles$\sarahbal\Downloads\86eed1d5-347a-4c1d-b1ea-aaae6c830069.tmp</t>
  </si>
  <si>
    <t>2b4b8c05-aac8-474b-9309-8e8bde67a6b6.tmp</t>
  </si>
  <si>
    <t>\\acsfs\profiles$\marcellewdl\Downloads\2b4b8c05-aac8-474b-9309-8e8bde67a6b6.tmp</t>
  </si>
  <si>
    <t>8902e84d-7edf-46b6-be7b-ababa7622026.tmp</t>
  </si>
  <si>
    <t>\\acsfs\profiles$\marcellewdl\Downloads\8902e84d-7edf-46b6-be7b-ababa7622026.tmp</t>
  </si>
  <si>
    <t>97e8abbb-0270-4824-91b3-3fcc2ac02989.tmp</t>
  </si>
  <si>
    <t>\\acsfs\profiles$\alicecpbc\Downloads\97e8abbb-0270-4824-91b3-3fcc2ac02989.tmp</t>
  </si>
  <si>
    <t>18b6b6d6-7713-4317-b490-7093148f9c6b.tmp</t>
  </si>
  <si>
    <t>\\acsfs\profiles$\alicecpbc\Downloads\18b6b6d6-7713-4317-b490-7093148f9c6b.tmp</t>
  </si>
  <si>
    <t>98f37914-69b3-4c04-a4e2-ec30065d743f.tmp</t>
  </si>
  <si>
    <t>\\acsfs\profiles$\alicecpbc\Downloads\98f37914-69b3-4c04-a4e2-ec30065d743f.tmp</t>
  </si>
  <si>
    <t>b84f05af-99c4-4fd6-bd92-83fe87904a46.tmp</t>
  </si>
  <si>
    <t>\\acsfs\profiles$\luanarda\Downloads\b84f05af-99c4-4fd6-bd92-83fe87904a46.tmp</t>
  </si>
  <si>
    <t>a2c68740-edb2-46c8-8c8d-72cb3bb007d1.tmp</t>
  </si>
  <si>
    <t>\\acsfs\profiles$\sarahbal\Downloads\a2c68740-edb2-46c8-8c8d-72cb3bb007d1.tmp</t>
  </si>
  <si>
    <t>bab344d8-e2b0-4c0c-9be2-df73477e12b6.tmp</t>
  </si>
  <si>
    <t>\\acsfs\profiles$\deborahsi\Downloads\bab344d8-e2b0-4c0c-9be2-df73477e12b6.tmp</t>
  </si>
  <si>
    <t>bcf83e83-9937-4fb8-ac88-7bda1192d4dc.tmp</t>
  </si>
  <si>
    <t>\\acsfs\profiles$\deborahsi\Downloads\bcf83e83-9937-4fb8-ac88-7bda1192d4dc.tmp</t>
  </si>
  <si>
    <t>67737b80-e92d-4962-93aa-3beb859cd1fd.tmp</t>
  </si>
  <si>
    <t>\\acsfs\profiles$\deborahsi\Downloads\67737b80-e92d-4962-93aa-3beb859cd1fd.tmp</t>
  </si>
  <si>
    <t>KESIADOF</t>
  </si>
  <si>
    <t>\\acsfs\profiles$\KESIADOF\Contacts\</t>
  </si>
  <si>
    <t>KESIA DE OLIVEIRA FERNANDES (17).contact</t>
  </si>
  <si>
    <t>\\acsfs\profiles$\KESIADOF\Contacts\KESIA DE OLIVEIRA FERNANDES (17).contact</t>
  </si>
  <si>
    <t>\\acsfs\profiles$\KESIADOF\My Documents\My Videos\</t>
  </si>
  <si>
    <t>\\acsfs\profiles$\KESIADOF\My Documents\My Videos\desktop.ini</t>
  </si>
  <si>
    <t>\\acsfs\profiles$\KESIADOF\My Documents\My Pictures\</t>
  </si>
  <si>
    <t>\\acsfs\profiles$\KESIADOF\My Documents\My Pictures\desktop.ini</t>
  </si>
  <si>
    <t>\\acsfs\profiles$\KESIADOF\Contacts\desktop.ini</t>
  </si>
  <si>
    <t>\\acsfs\profiles$\KESIADOF\Favorites\</t>
  </si>
  <si>
    <t>\\acsfs\profiles$\KESIADOF\Favorites\desktop.ini</t>
  </si>
  <si>
    <t>\\acsfs\profiles$\KESIADOF\My Documents\My Music\</t>
  </si>
  <si>
    <t>\\acsfs\profiles$\KESIADOF\My Documents\My Music\desktop.ini</t>
  </si>
  <si>
    <t>\\acsfs\profiles$\KESIADOF\Searches\</t>
  </si>
  <si>
    <t>\\acsfs\profiles$\KESIADOF\Searches\desktop.ini</t>
  </si>
  <si>
    <t>\\acsfs\profiles$\KESIADOF\Downloads\</t>
  </si>
  <si>
    <t>\\acsfs\profiles$\KESIADOF\Downloads\desktop.ini</t>
  </si>
  <si>
    <t>\\acsfs\profiles$\KESIADOF\My Documents\</t>
  </si>
  <si>
    <t>\\acsfs\profiles$\KESIADOF\My Documents\desktop.ini</t>
  </si>
  <si>
    <t>\\acsfs\profiles$\KESIADOF\Saved Games\</t>
  </si>
  <si>
    <t>\\acsfs\profiles$\KESIADOF\Saved Games\desktop.ini</t>
  </si>
  <si>
    <t>\\acsfs\profiles$\KESIADOF\Favorites\Links for Brasil\</t>
  </si>
  <si>
    <t>\\acsfs\profiles$\KESIADOF\Favorites\Links for Brasil\desktop.ini</t>
  </si>
  <si>
    <t>\\acsfs\profiles$\KESIADOF\Favorites\Links for Brasil\Microsoft Brasil.url</t>
  </si>
  <si>
    <t>\\acsfs\profiles$\KESIADOF\Favorites\Links for Brasil\Windows Brasil.url</t>
  </si>
  <si>
    <t>\\acsfs\profiles$\KESIADOF\Favorites\Links for Brasil\MSN Brasil.url</t>
  </si>
  <si>
    <t>b53fddb8-b060-4618-adf7-2672f751b9fe.tmp</t>
  </si>
  <si>
    <t>\\acsfs\profiles$\luanarda\Downloads\b53fddb8-b060-4618-adf7-2672f751b9fe.tmp</t>
  </si>
  <si>
    <t>9b4dd05d-2172-43ac-b61e-4749cb33ec30.tmp</t>
  </si>
  <si>
    <t>\\acsfs\profiles$\gabrielarb\Downloads\9b4dd05d-2172-43ac-b61e-4749cb33ec30.tmp</t>
  </si>
  <si>
    <t>4e89ed27-aac5-4f62-9cfc-a0515eee22fc.tmp</t>
  </si>
  <si>
    <t>\\acsfs\profiles$\gabrielarb\Downloads\4e89ed27-aac5-4f62-9cfc-a0515eee22fc.tmp</t>
  </si>
  <si>
    <t>152faaa2-d990-490c-9071-4866c33712c1.tmp</t>
  </si>
  <si>
    <t>\\acsfs\profiles$\gabrielarb\Downloads\152faaa2-d990-490c-9071-4866c33712c1.tmp</t>
  </si>
  <si>
    <t>d7b9daf0-2b18-4ef7-89a9-6a07bdec68db.tmp</t>
  </si>
  <si>
    <t>\\acsfs\profiles$\gabrielarb\Downloads\d7b9daf0-2b18-4ef7-89a9-6a07bdec68db.tmp</t>
  </si>
  <si>
    <t>b9f639a3-7491-4ee0-bd84-a61b8e1f3b15.tmp</t>
  </si>
  <si>
    <t>\\acsfs\profiles$\gabrielarb\Downloads\b9f639a3-7491-4ee0-bd84-a61b8e1f3b15.tmp</t>
  </si>
  <si>
    <t>331ecdff-83a2-4f04-9dc7-2ba953217b0a.tmp</t>
  </si>
  <si>
    <t>\\acsfs\profiles$\gabrielarb\Downloads\331ecdff-83a2-4f04-9dc7-2ba953217b0a.tmp</t>
  </si>
  <si>
    <t>bcae2a98-454d-4356-ba86-423c4e54b00b.tmp</t>
  </si>
  <si>
    <t>\\acsfs\profiles$\paulovadc\Downloads\bcae2a98-454d-4356-ba86-423c4e54b00b.tmp</t>
  </si>
  <si>
    <t>14bdb7c2-8035-46f7-9e7b-7353fba5a46e.tmp</t>
  </si>
  <si>
    <t>\\acsfs\profiles$\paulovadc\Downloads\14bdb7c2-8035-46f7-9e7b-7353fba5a46e.tmp</t>
  </si>
  <si>
    <t>518e2aee-0947-463c-962f-246137930ba0.tmp</t>
  </si>
  <si>
    <t>\\acsfs\profiles$\milenaas\Downloads\518e2aee-0947-463c-962f-246137930ba0.tmp</t>
  </si>
  <si>
    <t>e7286918-b411-44a4-8def-fcb828d1457c.tmp</t>
  </si>
  <si>
    <t>\\acsfs\profiles$\milenaas\Downloads\e7286918-b411-44a4-8def-fcb828d1457c.tmp</t>
  </si>
  <si>
    <t>3140d72f-c725-43e1-8d9e-63152874f2bf.tmp</t>
  </si>
  <si>
    <t>\\acsfs\profiles$\milenaas\Downloads\3140d72f-c725-43e1-8d9e-63152874f2bf.tmp</t>
  </si>
  <si>
    <t>852b8aca-9ca2-467c-abe8-df0db08cc173.tmp</t>
  </si>
  <si>
    <t>\\acsfs\profiles$\milenaas\Downloads\852b8aca-9ca2-467c-abe8-df0db08cc173.tmp</t>
  </si>
  <si>
    <t>b8b259b8-163a-4a97-a313-8be68673b5b5.tmp</t>
  </si>
  <si>
    <t>\\acsfs\profiles$\milenaas\Downloads\b8b259b8-163a-4a97-a313-8be68673b5b5.tmp</t>
  </si>
  <si>
    <t>cee8daf0-9dc6-4d95-9f5a-684445601d04.tmp</t>
  </si>
  <si>
    <t>\\acsfs\profiles$\sarahbal\Downloads\cee8daf0-9dc6-4d95-9f5a-684445601d04.tmp</t>
  </si>
  <si>
    <t>efcbc167-7880-47ce-a3a4-48c1fc635ba4.tmp</t>
  </si>
  <si>
    <t>\\acsfs\profiles$\cintiadcf\Downloads\efcbc167-7880-47ce-a3a4-48c1fc635ba4.tmp</t>
  </si>
  <si>
    <t>\\acsfs\Deptos\Operacao\Banco_Votorantim\Comum\</t>
  </si>
  <si>
    <t>Algar_Linked and Embe</t>
  </si>
  <si>
    <t>\\acsfs\Deptos\Operacao\Banco_Votorantim\Comum\00 - COMUM - BV CARTÕES\Thumbs.db</t>
  </si>
  <si>
    <t>\\acsfs\DEPTOS\Operacao\Banco_Votorantim\Qualidade\Eliane\</t>
  </si>
  <si>
    <t>ALERTA DAVI CONSIG.PNG</t>
  </si>
  <si>
    <t>\\acsfs\DEPTOS\Operacao\Banco_Votorantim\Qualidade\Eliane\ALERTA DAVI CONSIG.PNG</t>
  </si>
  <si>
    <t>\\acsfs\DEPTOS\Operacao\Banco_Votorantim\Qualidade\Eliane\Thumbs.db</t>
  </si>
  <si>
    <t>mail.google.com/sync/u/0/i/s?hl=pt-BR&amp;c=201</t>
  </si>
  <si>
    <t>mail.google.com/sync/u/0/i/s?hl=pt-BR&amp;c=204</t>
  </si>
  <si>
    <t>mail.google.com/sync/u/0/i/s?hl=pt-BR&amp;c=210</t>
  </si>
  <si>
    <t>mail.google.com/sync/u/0/i/s?hl=pt-BR&amp;c=213</t>
  </si>
  <si>
    <t>bc19645a-b473-4310-8fa7-0b49b69407c7.tmp</t>
  </si>
  <si>
    <t>\\acsfs\profiles$\wenderbnm\Downloads\bc19645a-b473-4310-8fa7-0b49b69407c7.tmp</t>
  </si>
  <si>
    <t>5908be92-907f-4366-bcb5-9bc7eaef4417.tmp</t>
  </si>
  <si>
    <t>\\acsfs\profiles$\paulovadc\Downloads\5908be92-907f-4366-bcb5-9bc7eaef4417.tmp</t>
  </si>
  <si>
    <t>57e60e8b-371c-42e7-9691-e18a58d3a901.tmp</t>
  </si>
  <si>
    <t>\\acsfs\profiles$\sarahbal\Downloads\57e60e8b-371c-42e7-9691-e18a58d3a901.tmp</t>
  </si>
  <si>
    <t>824c0b4c-8426-4ade-86bb-607663adebb4.tmp</t>
  </si>
  <si>
    <t>\\acsfs\profiles$\raicabog\Downloads\824c0b4c-8426-4ade-86bb-607663adebb4.tmp</t>
  </si>
  <si>
    <t>a496470e-440f-4108-8153-48188353a97a.tmp</t>
  </si>
  <si>
    <t>\\acsfs\profiles$\raicabog\Downloads\a496470e-440f-4108-8153-48188353a97a.tmp</t>
  </si>
  <si>
    <t>4b741e4a-bbac-42ad-b82b-cfa2a5d6a37d.tmp</t>
  </si>
  <si>
    <t>\\acsfs\profiles$\LUCASNS\Downloads\4b741e4a-bbac-42ad-b82b-cfa2a5d6a37d.tmp</t>
  </si>
  <si>
    <t>aa6e7e99-e9dc-4acf-a930-73e9cedcbce5.tmp</t>
  </si>
  <si>
    <t>\\acsfs\profiles$\LUCASNS\Downloads\aa6e7e99-e9dc-4acf-a930-73e9cedcbce5.tmp</t>
  </si>
  <si>
    <t>cd3588cc-6fb8-4c92-9ab0-c87d991872d7.tmp</t>
  </si>
  <si>
    <t>\\acsfs\profiles$\LUCASNS\Downloads\cd3588cc-6fb8-4c92-9ab0-c87d991872d7.tmp</t>
  </si>
  <si>
    <t>6bc0f74e-f2d0-4737-8128-11fbaf8567f9.tmp</t>
  </si>
  <si>
    <t>\\acsfs\profiles$\gabrielarb\Downloads\6bc0f74e-f2d0-4737-8128-11fbaf8567f9.tmp</t>
  </si>
  <si>
    <t>c5d6ffd0-9cb3-4fb0-a1ec-9fe900300a66.tmp</t>
  </si>
  <si>
    <t>\\acsfs\profiles$\wenderbnm\Downloads\c5d6ffd0-9cb3-4fb0-a1ec-9fe900300a66.tmp</t>
  </si>
  <si>
    <t>b7543b65-4869-4909-bb5a-9eaef45f20af.tmp</t>
  </si>
  <si>
    <t>\\acsfs\profiles$\DALVADFB\Downloads\b7543b65-4869-4909-bb5a-9eaef45f20af.tmp</t>
  </si>
  <si>
    <t>3176612c-4cf5-4714-93e6-9e3add32b29c.tmp</t>
  </si>
  <si>
    <t>\\acsfs\profiles$\DALVADFB\Downloads\3176612c-4cf5-4714-93e6-9e3add32b29c.tmp</t>
  </si>
  <si>
    <t>e93975a5-1009-4918-952d-90412b020a40.tmp</t>
  </si>
  <si>
    <t>\\acsfs\profiles$\deborahsi\Downloads\e93975a5-1009-4918-952d-90412b020a40.tmp</t>
  </si>
  <si>
    <t>10.200.67.62</t>
  </si>
  <si>
    <t>74-86-7A-FE-0D-C8</t>
  </si>
  <si>
    <t>VOTORANT-ACB021</t>
  </si>
  <si>
    <t>it.cpau.script</t>
  </si>
  <si>
    <t>\\acsfs\Maquinas$\</t>
  </si>
  <si>
    <t>syncOffCrtlLog.txt</t>
  </si>
  <si>
    <t>\\acsfs\Maquinas$\syncOffCrtlLog.txt</t>
  </si>
  <si>
    <t>rap.xlsx</t>
  </si>
  <si>
    <t>f374abc7-b68d-4afb-965f-37cc8d0cf92a.tmp</t>
  </si>
  <si>
    <t>\\acsfs\profiles$\kellzylenneasr\Downloads\f374abc7-b68d-4afb-965f-37cc8d0cf92a.tmp</t>
  </si>
  <si>
    <t>086e2acf-8baf-44d1-8df2-07a2891a66db.tmp</t>
  </si>
  <si>
    <t>\\acsfs\profiles$\kellzylenneasr\Downloads\086e2acf-8baf-44d1-8df2-07a2891a66db.tmp</t>
  </si>
  <si>
    <t>982ab906-d182-47fa-95d1-007cfcb5f12f.tmp</t>
  </si>
  <si>
    <t>\\acsfs\profiles$\raicabog\Downloads\982ab906-d182-47fa-95d1-007cfcb5f12f.tmp</t>
  </si>
  <si>
    <t>b2255ca7-4072-4fee-ab52-0f91cf828e92.tmp</t>
  </si>
  <si>
    <t>\\acsfs\profiles$\DALVADFB\Downloads\b2255ca7-4072-4fee-ab52-0f91cf828e92.tmp</t>
  </si>
  <si>
    <t>626aa57f-a271-42e8-9afb-477441758c6f.tmp</t>
  </si>
  <si>
    <t>\\acsfs\profiles$\ERICALSR\Downloads\626aa57f-a271-42e8-9afb-477441758c6f.tmp</t>
  </si>
  <si>
    <t>f39119d2-d38f-4e2f-9ef3-d59dda3a2413.tmp</t>
  </si>
  <si>
    <t>\\acsfs\profiles$\milenaas\Downloads\f39119d2-d38f-4e2f-9ef3-d59dda3a2413.tmp</t>
  </si>
  <si>
    <t>10.211.3.78</t>
  </si>
  <si>
    <t>C:\Users\Flavia\Desktop\Ocorrencias Agosto\</t>
  </si>
  <si>
    <t>OCORRENCIAS 033_01a0912_emissao1112_manhã.CSV</t>
  </si>
  <si>
    <t>OCORRENCIAS 029_01a0912_emissao1112_manhã.CSV</t>
  </si>
  <si>
    <t>OCORRENCIAS 028_01a0912_emissao1112_manhã.CSV</t>
  </si>
  <si>
    <t>Ocorrência01a051219 - Flávia (2).xlsm</t>
  </si>
  <si>
    <t>Liberação de Aceitação.xlsx</t>
  </si>
  <si>
    <t>mail.google.com/_/upload?authuser=0&amp;dcp=asu-n&amp;upload_id=AEnB2UozGLxBsYN49MT_hW-HwRtYOsUhCNjGsoeqzPkK86oE_Dl0IcY4mkUwftVMRll0f6BuDHL9WHrt_zCHFnckiH3ZmnLlW1LjaOwwFrOVvFtPClcgM0I&amp;upload_protocol=resumable</t>
  </si>
  <si>
    <t>acrbarbosa@timbrasil.com.br;dioniziorn@algartech.com;ericacdosc@algartech.com;joegdoliveira@timbrasil.com.br;marcelorf@algartech.com;marcoabm@algartech.com;paulocruz@algartech.com;vilarinho@algartech.com;wayneroa@algartech.com;</t>
  </si>
  <si>
    <t>acrbarbosa@timbrasil.com.br,dioniziorn@algartech.com,ericacdosc@algartech.com,joegdoliveira@timbrasil.com.br,marcelorf@algartech.com,marcoabm@algartech.com,paulocruz@algartech.com,vilarinho@algartech.com,wayneroa@algartech.com</t>
  </si>
  <si>
    <t>ba681fa5-c7e3-42da-9d18-e46d37dbee74.tmp</t>
  </si>
  <si>
    <t>\\acsfs\profiles$\paulovadc\Downloads\ba681fa5-c7e3-42da-9d18-e46d37dbee74.tmp</t>
  </si>
  <si>
    <t>2a172e15-1d4c-4512-a9c4-cf37526a8f93.tmp</t>
  </si>
  <si>
    <t>\\acsfs\profiles$\felipetds\Downloads\2a172e15-1d4c-4512-a9c4-cf37526a8f93.tmp</t>
  </si>
  <si>
    <t>64418cfd-d2e5-4b3c-838c-fd4f86272381.tmp</t>
  </si>
  <si>
    <t>\\acsfs\profiles$\felipetds\Downloads\64418cfd-d2e5-4b3c-838c-fd4f86272381.tmp</t>
  </si>
  <si>
    <t>764e9b31-2166-4e74-a162-d124752e3414.tmp</t>
  </si>
  <si>
    <t>\\acsfs\profiles$\marcellewdl\Downloads\764e9b31-2166-4e74-a162-d124752e3414.tmp</t>
  </si>
  <si>
    <t>02cade96-56da-490c-9df9-300fc73c6671.tmp</t>
  </si>
  <si>
    <t>\\acsfs\profiles$\ERICALSR\Downloads\02cade96-56da-490c-9df9-300fc73c6671.tmp</t>
  </si>
  <si>
    <t>10.200.67.23</t>
  </si>
  <si>
    <t>74-86-7A-FB-18-CF</t>
  </si>
  <si>
    <t>VOTORANT-MB005</t>
  </si>
  <si>
    <t>deboraaa</t>
  </si>
  <si>
    <t>\\acsfs\profiles$\deboraaa\Contacts\</t>
  </si>
  <si>
    <t>DEBORA ALESSANDRA ANDRE (8217).contact</t>
  </si>
  <si>
    <t>\\acsfs\profiles$\deboraaa\Contacts\DEBORA ALESSANDRA ANDRE (8217).contact</t>
  </si>
  <si>
    <t>\\acsfs\profiles$\deboraaa\My Documents\My Videos\</t>
  </si>
  <si>
    <t>\\acsfs\profiles$\deboraaa\My Documents\My Videos\desktop.ini</t>
  </si>
  <si>
    <t>\\acsfs\profiles$\deboraaa\My Documents\My Pictures\</t>
  </si>
  <si>
    <t>\\acsfs\profiles$\deboraaa\My Documents\My Pictures\desktop.ini</t>
  </si>
  <si>
    <t>\\acsfs\profiles$\deboraaa\Contacts\desktop.ini</t>
  </si>
  <si>
    <t>\\acsfs\profiles$\deboraaa\Favorites\</t>
  </si>
  <si>
    <t>\\acsfs\profiles$\deboraaa\Favorites\desktop.ini</t>
  </si>
  <si>
    <t>\\acsfs\profiles$\deboraaa\My Documents\My Music\</t>
  </si>
  <si>
    <t>\\acsfs\profiles$\deboraaa\My Documents\My Music\desktop.ini</t>
  </si>
  <si>
    <t>\\acsfs\profiles$\deboraaa\Searches\</t>
  </si>
  <si>
    <t>\\acsfs\profiles$\deboraaa\Searches\desktop.ini</t>
  </si>
  <si>
    <t>\\acsfs\profiles$\deboraaa\Downloads\</t>
  </si>
  <si>
    <t>\\acsfs\profiles$\deboraaa\Downloads\desktop.ini</t>
  </si>
  <si>
    <t>\\acsfs\profiles$\deboraaa\My Documents\</t>
  </si>
  <si>
    <t>\\acsfs\profiles$\deboraaa\My Documents\desktop.ini</t>
  </si>
  <si>
    <t>\\acsfs\profiles$\deboraaa\Saved Games\</t>
  </si>
  <si>
    <t>\\acsfs\profiles$\deboraaa\Saved Games\desktop.ini</t>
  </si>
  <si>
    <t>\\acsfs\profiles$\deboraaa\Favorites\Links for Brasil\</t>
  </si>
  <si>
    <t>\\acsfs\profiles$\deboraaa\Favorites\Links for Brasil\desktop.ini</t>
  </si>
  <si>
    <t>\\acsfs\profiles$\deboraaa\Favorites\Links for Brasil\Microsoft Brasil.url</t>
  </si>
  <si>
    <t>\\acsfs\profiles$\deboraaa\Favorites\Links for Brasil\Windows Brasil.url</t>
  </si>
  <si>
    <t>\\acsfs\profiles$\deboraaa\Favorites\Links for Brasil\MSN Brasil.url</t>
  </si>
  <si>
    <t>tv.url:favicon</t>
  </si>
  <si>
    <t>\\acsfs\profiles$\deboraaa\Favorites\tv.url:favicon</t>
  </si>
  <si>
    <t>\\acsfs\profiles$\deboraaa\Favorites\tv.url\</t>
  </si>
  <si>
    <t>\\acsfs\profiles$\deboraaa\Favorites\tv.url\:favicon:$DATA</t>
  </si>
  <si>
    <t>tv.url</t>
  </si>
  <si>
    <t>\\acsfs\profiles$\deboraaa\Favorites\tv.url</t>
  </si>
  <si>
    <t>\\acsfs\profiles$\deboraaa\Favorites\Entrar no cliente Zimbra para Web.url\</t>
  </si>
  <si>
    <t>\\acsfs\profiles$\deboraaa\Favorites\Entrar no cliente Zimbra para Web.url\:favicon:$DATA</t>
  </si>
  <si>
    <t>\\acsfs\profiles$\deboraaa\Favorites\Entrar no cliente Zimbra para Web.url</t>
  </si>
  <si>
    <t>8658cf17-08f6-4d2f-8637-f285ac827daa.tmp</t>
  </si>
  <si>
    <t>\\acsfs\profiles$\deboraaa\Downloads\8658cf17-08f6-4d2f-8637-f285ac827daa.tmp</t>
  </si>
  <si>
    <t>4441f0bc-a52a-480f-9f28-c9b736c0e785.tmp</t>
  </si>
  <si>
    <t>\\acsfs\profiles$\geovanaasa\Downloads\4441f0bc-a52a-480f-9f28-c9b736c0e785.tmp</t>
  </si>
  <si>
    <t>https://udpwfmniceap02/web/guest/home?p_auth=slvob7lj&amp;p_p_id=58&amp;p_p_lifecycle=1&amp;p_p_state=maximized&amp;p_p_mode=view&amp;savelastpath=0&amp;_58_struts_action=/login/forgot_password</t>
  </si>
  <si>
    <t>https://udpmailboxap01.acs.com.br:8443/h/search?si=2&amp;so=0&amp;sc=41591&amp;st=conversation&amp;action=compose&amp;paction=paneview</t>
  </si>
  <si>
    <t>10.200.57.67</t>
  </si>
  <si>
    <t>C:\Users\brunocs\Desktop\Estrutura\Material Buzato\</t>
  </si>
  <si>
    <t>Reporte Buzato.xlsx</t>
  </si>
  <si>
    <t>60bc2522-a12e-4f28-ae77-9918267c1881.tmp</t>
  </si>
  <si>
    <t>\\acsfs\profiles$\deboraaa\Downloads\60bc2522-a12e-4f28-ae77-9918267c1881.tmp</t>
  </si>
  <si>
    <t>02329914-e008-4bb8-8d73-4547646c8c7e.tmp</t>
  </si>
  <si>
    <t>\\acsfs\profiles$\geovanaasa\Downloads\02329914-e008-4bb8-8d73-4547646c8c7e.tmp</t>
  </si>
  <si>
    <t>ec3a2d66-deab-4cff-a449-f5661c870aad.tmp</t>
  </si>
  <si>
    <t>\\acsfs\profiles$\PEDROHAB\Downloads\ec3a2d66-deab-4cff-a449-f5661c870aad.tmp</t>
  </si>
  <si>
    <t>953d5312-eeab-4911-9f23-0b6f0d500e50.tmp</t>
  </si>
  <si>
    <t>\\acsfs\profiles$\PEDROHAB\Downloads\953d5312-eeab-4911-9f23-0b6f0d500e50.tmp</t>
  </si>
  <si>
    <t>d8c92f40-67eb-4442-a588-ef3392815cd6.tmp</t>
  </si>
  <si>
    <t>\\acsfs\profiles$\raicabog\Downloads\d8c92f40-67eb-4442-a588-ef3392815cd6.tmp</t>
  </si>
  <si>
    <t>b7317c5c-2a27-437d-8b30-7721063ce240.tmp</t>
  </si>
  <si>
    <t>\\acsfs\profiles$\geovannasm\Downloads\b7317c5c-2a27-437d-8b30-7721063ce240.tmp</t>
  </si>
  <si>
    <t>72cbda9b-0ab6-4d58-a9ad-c6b947fe3eb4.tmp</t>
  </si>
  <si>
    <t>\\acsfs\profiles$\geovannasm\Downloads\72cbda9b-0ab6-4d58-a9ad-c6b947fe3eb4.tmp</t>
  </si>
  <si>
    <t>eb08735c-f04d-46a9-9123-58bb60a822de.tmp</t>
  </si>
  <si>
    <t>\\acsfs\profiles$\geovannasm\Downloads\eb08735c-f04d-46a9-9123-58bb60a822de.tmp</t>
  </si>
  <si>
    <t>abea0b01-42df-437e-b8fd-0e1a9bd80020.tmp</t>
  </si>
  <si>
    <t>\\acsfs\profiles$\geovannasm\Downloads\abea0b01-42df-437e-b8fd-0e1a9bd80020.tmp</t>
  </si>
  <si>
    <t>10.200.67.64</t>
  </si>
  <si>
    <t>78-2B-CB-C1-06-D3</t>
  </si>
  <si>
    <t>VOTORANT-MB008</t>
  </si>
  <si>
    <t>larissaad</t>
  </si>
  <si>
    <t>\\acsfs\profiles$\larissaad\Downloads\</t>
  </si>
  <si>
    <t>5e535820-8d4b-4d32-b97e-fd803aecf2fc.tmp</t>
  </si>
  <si>
    <t>\\acsfs\profiles$\larissaad\Downloads\5e535820-8d4b-4d32-b97e-fd803aecf2fc.tmp</t>
  </si>
  <si>
    <t>Não confirmado 795375.crdownload</t>
  </si>
  <si>
    <t>\\acsfs\profiles$\larissaad\Downloads\Não confirmado 795375.crdownload</t>
  </si>
  <si>
    <t>d326e18e-0ce1-4328-8588-31a915849984.tmp</t>
  </si>
  <si>
    <t>\\acsfs\profiles$\larissaad\Downloads\d326e18e-0ce1-4328-8588-31a915849984.tmp</t>
  </si>
  <si>
    <t>ea0159fe-c6ac-4117-84b5-4e5399812205.tmp</t>
  </si>
  <si>
    <t>\\acsfs\profiles$\larissaad\Downloads\ea0159fe-c6ac-4117-84b5-4e5399812205.tmp</t>
  </si>
  <si>
    <t>16cc70f1-1b70-48cb-933e-16519aff7050.tmp</t>
  </si>
  <si>
    <t>\\acsfs\profiles$\larissaad\Downloads\16cc70f1-1b70-48cb-933e-16519aff7050.tmp</t>
  </si>
  <si>
    <t>f00597a7-aecc-47f7-914c-773c1543df0f.tmp</t>
  </si>
  <si>
    <t>\\acsfs\profiles$\larissaad\Downloads\f00597a7-aecc-47f7-914c-773c1543df0f.tmp</t>
  </si>
  <si>
    <t>cd3d0c3e-c582-442c-9e37-d95418d2e8f1.tmp</t>
  </si>
  <si>
    <t>\\acsfs\profiles$\PEDROHAB\Downloads\cd3d0c3e-c582-442c-9e37-d95418d2e8f1.tmp</t>
  </si>
  <si>
    <t>6c99dafd-a331-41b5-8d3b-ef06cbe6aa94.tmp</t>
  </si>
  <si>
    <t>\\acsfs\profiles$\larissaad\Downloads\6c99dafd-a331-41b5-8d3b-ef06cbe6aa94.tmp</t>
  </si>
  <si>
    <t>99d83529-c6b9-4c08-b99a-0bc6f012f5c7.tmp</t>
  </si>
  <si>
    <t>\\acsfs\profiles$\isabellegtds\Downloads\99d83529-c6b9-4c08-b99a-0bc6f012f5c7.tmp</t>
  </si>
  <si>
    <t>b5cd13dd-25ea-4d8a-85ac-53f863ca173a.tmp</t>
  </si>
  <si>
    <t>\\acsfs\profiles$\isabellegtds\Downloads\b5cd13dd-25ea-4d8a-85ac-53f863ca173a.tmp</t>
  </si>
  <si>
    <t>38e1d9cf-4d76-49bf-91ae-1e2ee4804fbc.tmp</t>
  </si>
  <si>
    <t>\\acsfs\profiles$\isabellegtds\Downloads\38e1d9cf-4d76-49bf-91ae-1e2ee4804fbc.tmp</t>
  </si>
  <si>
    <t>angelicatm@algartech.com;</t>
  </si>
  <si>
    <t>C:\Users\leonardoefo\Grupo Algar\Passivo - Supervisores Engeset\</t>
  </si>
  <si>
    <t>Cópia de Desligados 2017 2018 2019.xlsx 2.xlsx</t>
  </si>
  <si>
    <t>angelicatm@algartech.com</t>
  </si>
  <si>
    <t>3f172e68-aa7a-4d7b-9e94-2c073a5bcc11.tmp</t>
  </si>
  <si>
    <t>\\acsfs\profiles$\deborahsi\Downloads\3f172e68-aa7a-4d7b-9e94-2c073a5bcc11.tmp</t>
  </si>
  <si>
    <t>a2a15fc0-505d-4859-b369-b0c999e8b201.tmp</t>
  </si>
  <si>
    <t>\\acsfs\profiles$\isabellegtds\Downloads\a2a15fc0-505d-4859-b369-b0c999e8b201.tmp</t>
  </si>
  <si>
    <t>\\acsfs\DEPTOS\Operacao\Banco_Votorantim\Supervisao\Rai Carlos\</t>
  </si>
  <si>
    <t>BD Equipe Skill Especifico.xlsx</t>
  </si>
  <si>
    <t>\\acsfs\DEPTOS\Operacao\Banco_Votorantim\Supervisao\Rai Carlos\BD Equipe Skill Especifico.xlsx</t>
  </si>
  <si>
    <t>92a26d46-0364-4bac-b0f7-5c9a465f571d.tmp</t>
  </si>
  <si>
    <t>\\acsfs\profiles$\larissaad\Downloads\92a26d46-0364-4bac-b0f7-5c9a465f571d.tmp</t>
  </si>
  <si>
    <t>10.200.66.131</t>
  </si>
  <si>
    <t>78-2B-CB-C1-05-33</t>
  </si>
  <si>
    <t>VOTORANT-IB038</t>
  </si>
  <si>
    <t>6a06ac2b-1570-4e8b-828a-336d86c1de64.tmp</t>
  </si>
  <si>
    <t>\\acsfs\profiles$\gabrielhca\Downloads\6a06ac2b-1570-4e8b-828a-336d86c1de64.tmp</t>
  </si>
  <si>
    <t>527b9718-dfd1-44ea-a199-cbd3dd6d4ab1.tmp</t>
  </si>
  <si>
    <t>\\acsfs\profiles$\gabrielhca\Downloads\527b9718-dfd1-44ea-a199-cbd3dd6d4ab1.tmp</t>
  </si>
  <si>
    <t>4981ecb5-37d3-413f-8aca-3e0a7f551b46.tmp</t>
  </si>
  <si>
    <t>\\acsfs\profiles$\gabrielhca\Downloads\4981ecb5-37d3-413f-8aca-3e0a7f551b46.tmp</t>
  </si>
  <si>
    <t>1fadbf0b-ba21-422c-8fd5-e7c8b61f644d.tmp</t>
  </si>
  <si>
    <t>\\acsfs\profiles$\gabrielhca\Downloads\1fadbf0b-ba21-422c-8fd5-e7c8b61f644d.tmp</t>
  </si>
  <si>
    <t>778443ba-f634-4914-b21a-6f8ca22636dd.tmp</t>
  </si>
  <si>
    <t>\\acsfs\profiles$\adrielyas\Downloads\778443ba-f634-4914-b21a-6f8ca22636dd.tmp</t>
  </si>
  <si>
    <t>f53531aa-5955-4de3-889f-0fbdeec31261.tmp</t>
  </si>
  <si>
    <t>\\acsfs\profiles$\adrielyas\Downloads\f53531aa-5955-4de3-889f-0fbdeec31261.tmp</t>
  </si>
  <si>
    <t>16a35318-1b86-4917-837e-87f2a1cb1049.tmp</t>
  </si>
  <si>
    <t>\\acsfs\profiles$\yurics\Downloads\16a35318-1b86-4917-837e-87f2a1cb1049.tmp</t>
  </si>
  <si>
    <t>mail.google.com/_/upload?authuser=0&amp;dcp=asu-n&amp;upload_id=AEnB2Uo_lXCWAeGABOI34Jz-r6bpHkQM6nxD5VxeKmlAqDKfs343q3NaNkZAL5-Uw7jkzipSUTbo6VSYFMcaZLABqx5tk7oCfA&amp;upload_protocol=resumable</t>
  </si>
  <si>
    <t>229a638d-3041-48db-8a7a-7e5db8c15245.tmp</t>
  </si>
  <si>
    <t>\\acsfs\profiles$\KARENDSR\Downloads\229a638d-3041-48db-8a7a-7e5db8c15245.tmp</t>
  </si>
  <si>
    <t>e52ae027-4b5f-4374-b531-a3cc1b86b50c.tmp</t>
  </si>
  <si>
    <t>\\acsfs\profiles$\KARENDSR\Downloads\e52ae027-4b5f-4374-b531-a3cc1b86b50c.tmp</t>
  </si>
  <si>
    <t>9470ea35-4281-468f-a712-842f5e87b743.tmp</t>
  </si>
  <si>
    <t>\\acsfs\profiles$\KARENDSR\Downloads\9470ea35-4281-468f-a712-842f5e87b743.tmp</t>
  </si>
  <si>
    <t>bd25a2fe-d68f-41b0-9b65-bb0da77c2569.tmp</t>
  </si>
  <si>
    <t>\\acsfs\profiles$\KARENDSR\Downloads\bd25a2fe-d68f-41b0-9b65-bb0da77c2569.tmp</t>
  </si>
  <si>
    <t>3cdbaf3e-28bc-4d16-9555-0f043dfee850.tmp</t>
  </si>
  <si>
    <t>\\acsfs\profiles$\KARENDSR\Downloads\3cdbaf3e-28bc-4d16-9555-0f043dfee850.tmp</t>
  </si>
  <si>
    <t>961d06e6-77e8-44c8-b185-2ce975cf64cc.tmp</t>
  </si>
  <si>
    <t>\\acsfs\profiles$\KARENDSR\Downloads\961d06e6-77e8-44c8-b185-2ce975cf64cc.tmp</t>
  </si>
  <si>
    <t>10.201.30.16</t>
  </si>
  <si>
    <t>andersonrm</t>
  </si>
  <si>
    <t>\\acsfs\DEPTOS\Operacao\Banco_Votorantim\Qualidade\Anderson\Jose\</t>
  </si>
  <si>
    <t>Novo Documento de Texto.txt</t>
  </si>
  <si>
    <t>\\acsfs\DEPTOS\Operacao\Banco_Votorantim\Qualidade\Anderson\Jose\Novo Documento de Texto.txt</t>
  </si>
  <si>
    <t>a885336e-c335-490d-822f-2042170e32e5.tmp</t>
  </si>
  <si>
    <t>\\acsfs\profiles$\gabrielhca\Downloads\a885336e-c335-490d-822f-2042170e32e5.tmp</t>
  </si>
  <si>
    <t>ALERTA ERRO FATAL JORDANA.PNG</t>
  </si>
  <si>
    <t>\\acsfs\DEPTOS\Operacao\Banco_Votorantim\Qualidade\Eliane\ALERTA ERRO FATAL JORDANA.PNG</t>
  </si>
  <si>
    <t>\\acsfs\profiles$\leydianeamd\My Documents\</t>
  </si>
  <si>
    <t>Leydiane Aparecida.txt</t>
  </si>
  <si>
    <t>\\acsfs\profiles$\leydianeamd\My Documents\Leydiane Aparecida.txt</t>
  </si>
  <si>
    <t>\\acsfs\dsti\CGP - Coordenacao de Gestao de Portfolio\Serviços Gerenciados\1 - Estratégia de Produto\_PPE_\02 - Produtos\ISD\(OK) Processo de Implantação\</t>
  </si>
  <si>
    <t>Mapa_Responsabilidades_Mesa_Digital_V3.xlsx</t>
  </si>
  <si>
    <t>277c01f5-a1d4-4f5e-83b6-0d0414bca61e.tmp</t>
  </si>
  <si>
    <t>\\acsfs\profiles$\JOAOVAL\Downloads\277c01f5-a1d4-4f5e-83b6-0d0414bca61e.tmp</t>
  </si>
  <si>
    <t>eeb5d364-986a-4aa3-8e90-f300304f2827.tmp</t>
  </si>
  <si>
    <t>\\acsfs\profiles$\JOAOVAL\Downloads\eeb5d364-986a-4aa3-8e90-f300304f2827.tmp</t>
  </si>
  <si>
    <t>b4dd510c-74d7-45c6-b196-c6e328483791.tmp</t>
  </si>
  <si>
    <t>\\acsfs\profiles$\JOAOVAL\Downloads\b4dd510c-74d7-45c6-b196-c6e328483791.tmp</t>
  </si>
  <si>
    <t>4cc8b7e2-fed6-4311-9d55-3b1be0755836.tmp</t>
  </si>
  <si>
    <t>\\acsfs\profiles$\JOAOVAL\Downloads\4cc8b7e2-fed6-4311-9d55-3b1be0755836.tmp</t>
  </si>
  <si>
    <t>Produto Hibrido VISA.XLSX</t>
  </si>
  <si>
    <t>C:\Users\lucianocle\OneDrive\Pessoal\Investimentos\Day Trade\Estrategia Day Trade\Acompanhamento\</t>
  </si>
  <si>
    <t>adilsonloj</t>
  </si>
  <si>
    <t>http://qlikview/qvajaxzfc/accesspoint.aspx?mark=&amp;platform=browser.chrome&amp;dpi=96</t>
  </si>
  <si>
    <t>\\acsfs\profiles$\CINTIADCF\</t>
  </si>
  <si>
    <t>.~lock.RETENCAO SEGUROS CINTIA.ods#</t>
  </si>
  <si>
    <t>\\acsfs\profiles$\CINTIADCF\.~lock.RETENCAO SEGUROS CINTIA.ods#</t>
  </si>
  <si>
    <t>CURVA NORMAL - 12/12/2019</t>
  </si>
  <si>
    <t>e49a9714-6282-45de-8036-e927204aa423.tmp</t>
  </si>
  <si>
    <t>\\acsfs\profiles$\yurics\Downloads\e49a9714-6282-45de-8036-e927204aa423.tmp</t>
  </si>
  <si>
    <t>3526cb61-1f27-4e74-bf5e-b91db03f52ae.tmp</t>
  </si>
  <si>
    <t>\\acsfs\profiles$\yurics\Downloads\3526cb61-1f27-4e74-bf5e-b91db03f52ae.tmp</t>
  </si>
  <si>
    <t>f583dc88-2084-4684-8cdf-4d04e9b28a7f.tmp</t>
  </si>
  <si>
    <t>\\acsfs\profiles$\yurics\Downloads\f583dc88-2084-4684-8cdf-4d04e9b28a7f.tmp</t>
  </si>
  <si>
    <t>d156f065-c851-4b69-89d8-44e46ab6ea31.tmp</t>
  </si>
  <si>
    <t>\\acsfs\profiles$\yurics\Downloads\d156f065-c851-4b69-89d8-44e46ab6ea31.tmp</t>
  </si>
  <si>
    <t>\\acsfs\profiles$\yurics\My Documents\xworkcenter\lex\</t>
  </si>
  <si>
    <t>\\acsfs\profiles$\yurics\My Documents\xworkcenter\lex\temp.tlx</t>
  </si>
  <si>
    <t>d7f59dd4-0625-4be1-a467-53b3afc1910f.tmp</t>
  </si>
  <si>
    <t>\\acsfs\profiles$\kellzylenneasr\Downloads\d7f59dd4-0625-4be1-a467-53b3afc1910f.tmp</t>
  </si>
  <si>
    <t>3033127e-5aa5-4889-9d66-a10fb620f0de.tmp</t>
  </si>
  <si>
    <t>\\acsfs\profiles$\kellzylenneasr\Downloads\3033127e-5aa5-4889-9d66-a10fb620f0de.tmp</t>
  </si>
  <si>
    <t>2d9faa37-89fa-4348-a9cf-7c8d5db0c584.tmp</t>
  </si>
  <si>
    <t>\\acsfs\profiles$\yurics\Downloads\2d9faa37-89fa-4348-a9cf-7c8d5db0c584.tmp</t>
  </si>
  <si>
    <t>be088ac0-4400-4354-bb52-7f00a8ee264f.tmp</t>
  </si>
  <si>
    <t>\\acsfs\profiles$\sarahbal\Downloads\be088ac0-4400-4354-bb52-7f00a8ee264f.tmp</t>
  </si>
  <si>
    <t>017c838b-87f8-4a67-8925-84604a64fa07.tmp</t>
  </si>
  <si>
    <t>\\acsfs\profiles$\ERICALSR\Downloads\017c838b-87f8-4a67-8925-84604a64fa07.tmp</t>
  </si>
  <si>
    <t>69ced5fc-fc93-4be3-8aeb-1ecabaee6b84.tmp</t>
  </si>
  <si>
    <t>\\acsfs\profiles$\leticiala\Downloads\69ced5fc-fc93-4be3-8aeb-1ecabaee6b84.tmp</t>
  </si>
  <si>
    <t>f9d512b8-16ba-479c-a6c8-70a93d7bc7c4.tmp</t>
  </si>
  <si>
    <t>\\acsfs\profiles$\leticiala\Downloads\f9d512b8-16ba-479c-a6c8-70a93d7bc7c4.tmp</t>
  </si>
  <si>
    <t>073e457c-7eea-4f69-a7f6-ef9a666f30e5.tmp</t>
  </si>
  <si>
    <t>\\acsfs\profiles$\leticiala\Downloads\073e457c-7eea-4f69-a7f6-ef9a666f30e5.tmp</t>
  </si>
  <si>
    <t>38c29176-af4d-4a91-80b2-5631d5008096.tmp</t>
  </si>
  <si>
    <t>\\acsfs\profiles$\leticiala\Downloads\38c29176-af4d-4a91-80b2-5631d5008096.tmp</t>
  </si>
  <si>
    <t>\\acsfs\profiles$\Angelicacldr\My Documents\xworkcenter\logs\</t>
  </si>
  <si>
    <t>XLOG_Angelicacldr_11122019_140947.log</t>
  </si>
  <si>
    <t>\\acsfs\profiles$\Angelicacldr\My Documents\xworkcenter\logs\XLOG_Angelicacldr_11122019_140947.log</t>
  </si>
  <si>
    <t>714142c6-b6bf-48ef-9ef4-067307d096aa.tmp</t>
  </si>
  <si>
    <t>\\acsfs\profiles$\alessandraan\Downloads\714142c6-b6bf-48ef-9ef4-067307d096aa.tmp</t>
  </si>
  <si>
    <t>56a2b2ee-92bf-40a1-bcfe-57a2ff6e00a0.tmp</t>
  </si>
  <si>
    <t>\\acsfs\profiles$\alessandraan\Downloads\56a2b2ee-92bf-40a1-bcfe-57a2ff6e00a0.tmp</t>
  </si>
  <si>
    <t>995ef1ec-7227-4501-a1c1-b844d8407ba3.tmp</t>
  </si>
  <si>
    <t>\\acsfs\profiles$\alessandraan\Downloads\995ef1ec-7227-4501-a1c1-b844d8407ba3.tmp</t>
  </si>
  <si>
    <t>07bbaf12-ada7-4193-ab9a-dccbbc0f4398.tmp</t>
  </si>
  <si>
    <t>\\acsfs\profiles$\alessandraan\Downloads\07bbaf12-ada7-4193-ab9a-dccbbc0f4398.tmp</t>
  </si>
  <si>
    <t>71fdc618-75bd-48c5-84f4-054eaa80207e.tmp</t>
  </si>
  <si>
    <t>\\acsfs\profiles$\alessandraan\Downloads\71fdc618-75bd-48c5-84f4-054eaa80207e.tmp</t>
  </si>
  <si>
    <t>\\acsfs\deptos\Engenharia\8 - Service Desk Data Center\</t>
  </si>
  <si>
    <t>\\acsfs\deptos\Engenharia\8 - Service Desk Data Center\Thumbs.db</t>
  </si>
  <si>
    <t>C:\Users\robsonams\Downloads\</t>
  </si>
  <si>
    <t>v5191111.zip</t>
  </si>
  <si>
    <t>\\acsfs\deptos\Engenharia\8 - Service Desk Data Center\8.3 - Documentos Pessoais\Luis Alberto Ferrreira\#SFT\XGen BV\v5191111.zip</t>
  </si>
  <si>
    <t>C:\Users\robsonams\Downloads\v5191111.zip\CHANGELOG\</t>
  </si>
  <si>
    <t>.changelog-tags.txt</t>
  </si>
  <si>
    <t>APP_CHANGELOG.js</t>
  </si>
  <si>
    <t>CHANGELOG.js</t>
  </si>
  <si>
    <t>CHANGELOG.json</t>
  </si>
  <si>
    <t>CHANGELOG[Conflict].json</t>
  </si>
  <si>
    <t>CHANGELOG_GUIDELINE.txt</t>
  </si>
  <si>
    <t>C:\Users\robsonams\Downloads\v5191111.zip\CHANGELOG\css\</t>
  </si>
  <si>
    <t>CHANGELOG.css</t>
  </si>
  <si>
    <t>C:\Users\robsonams\Downloads\v5191111.zip\CHANGELOG\font\</t>
  </si>
  <si>
    <t>OpenSans-Bold.eot</t>
  </si>
  <si>
    <t>OpenSans-Bold.svg</t>
  </si>
  <si>
    <t>OpenSans-Bold.ttf</t>
  </si>
  <si>
    <t>OpenSans-Bold.woff</t>
  </si>
  <si>
    <t>OpenSans-Light-webfont.eot</t>
  </si>
  <si>
    <t>OpenSans-Light-webfont.svg</t>
  </si>
  <si>
    <t>OpenSans-Light-webfont.ttf</t>
  </si>
  <si>
    <t>OpenSans-Light-webfont.woff</t>
  </si>
  <si>
    <t>C:\Users\robsonams\Downloads\v5191111.zip\CHANGELOG\img\</t>
  </si>
  <si>
    <t>body.png</t>
  </si>
  <si>
    <t>favicon.png</t>
  </si>
  <si>
    <t>favicon_big.png</t>
  </si>
  <si>
    <t>login-bg.png</t>
  </si>
  <si>
    <t>login-light.png</t>
  </si>
  <si>
    <t>logo_xgen.svg</t>
  </si>
  <si>
    <t>index.html</t>
  </si>
  <si>
    <t>C:\Users\robsonams\Downloads\v5191111.zip\CHANGELOG\lib\</t>
  </si>
  <si>
    <t>angular-animate.min.js</t>
  </si>
  <si>
    <t>angular-route.min.js</t>
  </si>
  <si>
    <t>angular-sanitize.min.js</t>
  </si>
  <si>
    <t>angular.min.js</t>
  </si>
  <si>
    <t>jquery-1.9.1.min.js</t>
  </si>
  <si>
    <t>C:\Users\robsonams\Downloads\v5191111.zip\lex\</t>
  </si>
  <si>
    <t>sscepb.tlx</t>
  </si>
  <si>
    <t>sscepb2.clx</t>
  </si>
  <si>
    <t>userdic.tlx</t>
  </si>
  <si>
    <t>C:\Users\robsonams\Downloads\v5191111.zip\lib\assets\</t>
  </si>
  <si>
    <t>C:\Users\robsonams\Downloads\v5191111.zip\lib\assets\dictionary\</t>
  </si>
  <si>
    <t>pt-br.json</t>
  </si>
  <si>
    <t>C:\Users\robsonams\Downloads\v5191111.zip\lib\assets\js\</t>
  </si>
  <si>
    <t>cms_conn.tis</t>
  </si>
  <si>
    <t>customer.tis</t>
  </si>
  <si>
    <t>forms.tis</t>
  </si>
  <si>
    <t>translate.tis</t>
  </si>
  <si>
    <t>ui_activity.tis</t>
  </si>
  <si>
    <t>ui_activity_layout.tis</t>
  </si>
  <si>
    <t>C:\Users\robsonams\Downloads\v5191111.zip\lib\behaviors\.svn\</t>
  </si>
  <si>
    <t>entries</t>
  </si>
  <si>
    <t>entries.bkp</t>
  </si>
  <si>
    <t>entries.bkp.bkp</t>
  </si>
  <si>
    <t>entries.bkp.bkp.bkp</t>
  </si>
  <si>
    <t>C:\Users\robsonams\Downloads\v5191111.zip\lib\behaviors\.svn\prop-base\</t>
  </si>
  <si>
    <t>C:\Users\robsonams\Downloads\v5191111.zip\lib\behaviors\.svn\props\</t>
  </si>
  <si>
    <t>C:\Users\robsonams\Downloads\v5191111.zip\lib\behaviors\.svn\text-base\</t>
  </si>
  <si>
    <t>color-chooser.css.svn-base</t>
  </si>
  <si>
    <t>color-chooser.css.svn-base.bkp</t>
  </si>
  <si>
    <t>color-chooser.css.svn-base.bkp.bkp</t>
  </si>
  <si>
    <t>color-chooser.css.svn-base.bkp.bkp.bkp</t>
  </si>
  <si>
    <t>color-chooser.tis.svn-base</t>
  </si>
  <si>
    <t>color-chooser.tis.svn-base.bkp</t>
  </si>
  <si>
    <t>color-chooser.tis.svn-base.bkp.bkp</t>
  </si>
  <si>
    <t>color-chooser.tis.svn-base.bkp.bkp.bkp</t>
  </si>
  <si>
    <t>grid.tis.svn-base</t>
  </si>
  <si>
    <t>grid.tis.svn-base.bkp</t>
  </si>
  <si>
    <t>grid.tis.svn-base.bkp.bkp</t>
  </si>
  <si>
    <t>grid.tis.svn-base.bkp.bkp.bkp</t>
  </si>
  <si>
    <t>tree.tis.svn-base</t>
  </si>
  <si>
    <t>tree.tis.svn-base.bkp</t>
  </si>
  <si>
    <t>tree.tis.svn-base.bkp.bkp</t>
  </si>
  <si>
    <t>tree.tis.svn-base.bkp.bkp.bkp</t>
  </si>
  <si>
    <t>C:\Users\robsonams\Downloads\v5191111.zip\lib\behaviors\.svn\tmp\</t>
  </si>
  <si>
    <t>C:\Users\robsonams\Downloads\v5191111.zip\lib\behaviors\.svn\tmp\prop-base\</t>
  </si>
  <si>
    <t>C:\Users\robsonams\Downloads\v5191111.zip\lib\behaviors\.svn\tmp\props\</t>
  </si>
  <si>
    <t>C:\Users\robsonams\Downloads\v5191111.zip\lib\behaviors\.svn\tmp\text-base\</t>
  </si>
  <si>
    <t>C:\Users\robsonams\Downloads\v5191111.zip\lib\behaviors\</t>
  </si>
  <si>
    <t>color-chooser.css</t>
  </si>
  <si>
    <t>color-chooser.tis</t>
  </si>
  <si>
    <t>confirmation.tis</t>
  </si>
  <si>
    <t>grid.tis</t>
  </si>
  <si>
    <t>init.tis</t>
  </si>
  <si>
    <t>tasks.tis</t>
  </si>
  <si>
    <t>tree.tis</t>
  </si>
  <si>
    <t>C:\Users\robsonams\Downloads\v5191111.zip\lib\</t>
  </si>
  <si>
    <t>content.htm</t>
  </si>
  <si>
    <t>root-extender.tis</t>
  </si>
  <si>
    <t>social.htm</t>
  </si>
  <si>
    <t>C:\Users\robsonams\Downloads\v5191111.zip\lib\styles\</t>
  </si>
  <si>
    <t>toolbar.css</t>
  </si>
  <si>
    <t>teste.html</t>
  </si>
  <si>
    <t>teste_chat.htm</t>
  </si>
  <si>
    <t>teste_preview.htm</t>
  </si>
  <si>
    <t>C:\Users\robsonams\Downloads\v5191111.zip\lib\uicss\</t>
  </si>
  <si>
    <t>estilos.css</t>
  </si>
  <si>
    <t>print.css</t>
  </si>
  <si>
    <t>uih_chat_layout.htm</t>
  </si>
  <si>
    <t>uih_email_layout.htm</t>
  </si>
  <si>
    <t>C:\Users\robsonams\Downloads\v5191111.zip\lib\uiimg\</t>
  </si>
  <si>
    <t>add-bt.png</t>
  </si>
  <si>
    <t>avatar.png</t>
  </si>
  <si>
    <t>balao_dir.png</t>
  </si>
  <si>
    <t>balao_esq.png</t>
  </si>
  <si>
    <t>bg-modal.png</t>
  </si>
  <si>
    <t>bg_body.jpg</t>
  </si>
  <si>
    <t>bg_body.png</t>
  </si>
  <si>
    <t>bg_body2.jpg</t>
  </si>
  <si>
    <t>dialog3.png</t>
  </si>
  <si>
    <t>fb.png</t>
  </si>
  <si>
    <t>humor-bar.png</t>
  </si>
  <si>
    <t>ico-chat.png</t>
  </si>
  <si>
    <t>ico-close.png</t>
  </si>
  <si>
    <t>ico-del.png</t>
  </si>
  <si>
    <t>ico-edit-2.png</t>
  </si>
  <si>
    <t>ico-edit-3.png</t>
  </si>
  <si>
    <t>ico-edit.png</t>
  </si>
  <si>
    <t>ico-email.png</t>
  </si>
  <si>
    <t>ico-erro.png</t>
  </si>
  <si>
    <t>ico-ferramentas.png</t>
  </si>
  <si>
    <t>ico-file-txt.png</t>
  </si>
  <si>
    <t>ico-indiferente.png</t>
  </si>
  <si>
    <t>ico-info-2.png</t>
  </si>
  <si>
    <t>ico-info.png</t>
  </si>
  <si>
    <t>ico-insatisfeito.png</t>
  </si>
  <si>
    <t>ico-meio-insatisfeito.png</t>
  </si>
  <si>
    <t>ico-meio-satisfeito.png</t>
  </si>
  <si>
    <t>ico-mobile.png</t>
  </si>
  <si>
    <t>ico-sair.png</t>
  </si>
  <si>
    <t>ico-satisfeito.png</t>
  </si>
  <si>
    <t>ico-sms.png</t>
  </si>
  <si>
    <t>ico-sucesso.png</t>
  </si>
  <si>
    <t>ico-warning.png</t>
  </si>
  <si>
    <t>icon-file-default.png</t>
  </si>
  <si>
    <t>icon-file-excel.png</t>
  </si>
  <si>
    <t>icon-file-img.png</t>
  </si>
  <si>
    <t>icon-file-pdf.png</t>
  </si>
  <si>
    <t>icon-file-ppt.png</t>
  </si>
  <si>
    <t>icon-file-word.png</t>
  </si>
  <si>
    <t>icon-file-zip.png</t>
  </si>
  <si>
    <t>ico_buscar.png</t>
  </si>
  <si>
    <t>loader.gif</t>
  </si>
  <si>
    <t>pencil-edit-button.png</t>
  </si>
  <si>
    <t>remove-bt.png</t>
  </si>
  <si>
    <t>seta_branca.png</t>
  </si>
  <si>
    <t>seta_default.png</t>
  </si>
  <si>
    <t>seta_faq.png</t>
  </si>
  <si>
    <t>seta_guest.png</t>
  </si>
  <si>
    <t>whatsapp.png</t>
  </si>
  <si>
    <t>ui_activity.htm</t>
  </si>
  <si>
    <t>ui_activity_layout.htm</t>
  </si>
  <si>
    <t>ui_agent_notes.htm</t>
  </si>
  <si>
    <t>ui_callback.htm</t>
  </si>
  <si>
    <t>ui_chat_history.htm</t>
  </si>
  <si>
    <t>ui_chat_layout.htm</t>
  </si>
  <si>
    <t>ui_chat_qualify.htm</t>
  </si>
  <si>
    <t>ui_customer.htm</t>
  </si>
  <si>
    <t>ui_email_history.htm</t>
  </si>
  <si>
    <t>ui_email_layout.htm</t>
  </si>
  <si>
    <t>ui_email_qualify.htm</t>
  </si>
  <si>
    <t>ui_fabiano.htm</t>
  </si>
  <si>
    <t>ui_fts_search.htm</t>
  </si>
  <si>
    <t>ui_page_preview.htm</t>
  </si>
  <si>
    <t>ui_phone_qualify.htm</t>
  </si>
  <si>
    <t>ui_popup_spell.htm</t>
  </si>
  <si>
    <t>ui_print_preview.htm</t>
  </si>
  <si>
    <t>ui_products.htm</t>
  </si>
  <si>
    <t>ui_social_history.htm</t>
  </si>
  <si>
    <t>ui_social_layout.htm</t>
  </si>
  <si>
    <t>ui_social_qualify.htm</t>
  </si>
  <si>
    <t>ui_wnd_workflow.htm</t>
  </si>
  <si>
    <t>xui.dll</t>
  </si>
  <si>
    <t>xwc.tis</t>
  </si>
  <si>
    <t>C:\Users\robsonams\Downloads\v5191111.zip\</t>
  </si>
  <si>
    <t>Updater.exe</t>
  </si>
  <si>
    <t>XGEN_Client_x64.exe</t>
  </si>
  <si>
    <t>XGEN_Client_x86.exe</t>
  </si>
  <si>
    <t>xsc_x64.dll</t>
  </si>
  <si>
    <t>xsc_x86.dll</t>
  </si>
  <si>
    <t>xui_x64.dll</t>
  </si>
  <si>
    <t>xui_x86.dll</t>
  </si>
  <si>
    <t>XWC30.exe</t>
  </si>
  <si>
    <t>XWC30h.exe</t>
  </si>
  <si>
    <t>\\acsfs\deptos\Engenharia\8 - Service Desk Data Center\8.3 - Documentos Pessoais\Luis Alberto Ferrreira\#SFT\XGen BV\v5191111.zip\</t>
  </si>
  <si>
    <t>:Zone.Identifier:$DATA</t>
  </si>
  <si>
    <t>\\acsfs\deptos\Engenharia\8 - Service Desk Data Center\8.3 - Documentos Pessoais\Luis Alberto Ferrreira\#SFT\XGen BV\v5191111.zip\:Zone.Identifier:$DATA</t>
  </si>
  <si>
    <t>\\acsfs\deptos\Engenharia\8 - Service Desk Data Center\8.3 - Documentos Pessoais\Luis Alberto Ferrreira\#SFT\XGen BV\v5191111\CHANGELOG\</t>
  </si>
  <si>
    <t>\\acsfs\deptos\Engenharia\8 - Service Desk Data Center\8.3 - Documentos Pessoais\Luis Alberto Ferrreira\#SFT\XGen BV\v5191111\CHANGELOG\.changelog-tags.txt</t>
  </si>
  <si>
    <t>.changelog-tags.txt:Zone.Identifier</t>
  </si>
  <si>
    <t>\\acsfs\deptos\Engenharia\8 - Service Desk Data Center\8.3 - Documentos Pessoais\Luis Alberto Ferrreira\#SFT\XGen BV\v5191111\CHANGELOG\.changelog-tags.txt:Zone.Identifier</t>
  </si>
  <si>
    <t>\\acsfs\deptos\Engenharia\8 - Service Desk Data Center\8.3 - Documentos Pessoais\Luis Alberto Ferrreira\#SFT\XGen BV\v5191111\CHANGELOG\APP_CHANGELOG.js</t>
  </si>
  <si>
    <t>APP_CHANGELOG.js:Zone.Identifier</t>
  </si>
  <si>
    <t>\\acsfs\deptos\Engenharia\8 - Service Desk Data Center\8.3 - Documentos Pessoais\Luis Alberto Ferrreira\#SFT\XGen BV\v5191111\CHANGELOG\APP_CHANGELOG.js:Zone.Identifier</t>
  </si>
  <si>
    <t>\\acsfs\deptos\Engenharia\8 - Service Desk Data Center\8.3 - Documentos Pessoais\Luis Alberto Ferrreira\#SFT\XGen BV\v5191111\CHANGELOG\CHANGELOG.js</t>
  </si>
  <si>
    <t>CHANGELOG.js:Zone.Identifier</t>
  </si>
  <si>
    <t>\\acsfs\deptos\Engenharia\8 - Service Desk Data Center\8.3 - Documentos Pessoais\Luis Alberto Ferrreira\#SFT\XGen BV\v5191111\CHANGELOG\CHANGELOG.js:Zone.Identifier</t>
  </si>
  <si>
    <t>\\acsfs\deptos\Engenharia\8 - Service Desk Data Center\8.3 - Documentos Pessoais\Luis Alberto Ferrreira\#SFT\XGen BV\v5191111\CHANGELOG\CHANGELOG.json</t>
  </si>
  <si>
    <t>CHANGELOG.json:Zone.Identifier</t>
  </si>
  <si>
    <t>\\acsfs\deptos\Engenharia\8 - Service Desk Data Center\8.3 - Documentos Pessoais\Luis Alberto Ferrreira\#SFT\XGen BV\v5191111\CHANGELOG\CHANGELOG.json:Zone.Identifier</t>
  </si>
  <si>
    <t>\\acsfs\deptos\Engenharia\8 - Service Desk Data Center\8.3 - Documentos Pessoais\Luis Alberto Ferrreira\#SFT\XGen BV\v5191111\CHANGELOG\CHANGELOG[Conflict].json</t>
  </si>
  <si>
    <t>CHANGELOG[Conflict].json:Zone.Identifier</t>
  </si>
  <si>
    <t>\\acsfs\deptos\Engenharia\8 - Service Desk Data Center\8.3 - Documentos Pessoais\Luis Alberto Ferrreira\#SFT\XGen BV\v5191111\CHANGELOG\CHANGELOG[Conflict].json:Zone.Identifier</t>
  </si>
  <si>
    <t>\\acsfs\deptos\Engenharia\8 - Service Desk Data Center\8.3 - Documentos Pessoais\Luis Alberto Ferrreira\#SFT\XGen BV\v5191111\CHANGELOG\CHANGELOG_GUIDELINE.txt</t>
  </si>
  <si>
    <t>CHANGELOG_GUIDELINE.txt:Zone.Identifier</t>
  </si>
  <si>
    <t>\\acsfs\deptos\Engenharia\8 - Service Desk Data Center\8.3 - Documentos Pessoais\Luis Alberto Ferrreira\#SFT\XGen BV\v5191111\CHANGELOG\CHANGELOG_GUIDELINE.txt:Zone.Identifier</t>
  </si>
  <si>
    <t>\\acsfs\deptos\Engenharia\8 - Service Desk Data Center\8.3 - Documentos Pessoais\Kelson\</t>
  </si>
  <si>
    <t>\\acsfs\deptos\Engenharia\8 - Service Desk Data Center\8.3 - Documentos Pessoais\Luis Alberto Ferrreira\#SFT\XGen BV\v5191111\CHANGELOG\desktop.ini</t>
  </si>
  <si>
    <t>desktop.ini:Zone.Identifier</t>
  </si>
  <si>
    <t>\\acsfs\deptos\Engenharia\8 - Service Desk Data Center\8.3 - Documentos Pessoais\Luis Alberto Ferrreira\#SFT\XGen BV\v5191111\CHANGELOG\desktop.ini:Zone.Identifier</t>
  </si>
  <si>
    <t>\\acsfs\deptos\Engenharia\8 - Service Desk Data Center\8.3 - Documentos Pessoais\Luis Alberto Ferrreira\#SFT\XGen BV\v5191111\CHANGELOG\index.html</t>
  </si>
  <si>
    <t>index.html:Zone.Identifier</t>
  </si>
  <si>
    <t>\\acsfs\deptos\Engenharia\8 - Service Desk Data Center\8.3 - Documentos Pessoais\Luis Alberto Ferrreira\#SFT\XGen BV\v5191111\CHANGELOG\index.html:Zone.Identifier</t>
  </si>
  <si>
    <t>\\acsfs\deptos\Engenharia\8 - Service Desk Data Center\8.3 - Documentos Pessoais\Luis Alberto Ferrreira\#SFT\XGen BV\v5191111\CHANGELOG\css\</t>
  </si>
  <si>
    <t>\\acsfs\deptos\Engenharia\8 - Service Desk Data Center\8.3 - Documentos Pessoais\Luis Alberto Ferrreira\#SFT\XGen BV\v5191111\CHANGELOG\css\CHANGELOG.css</t>
  </si>
  <si>
    <t>CHANGELOG.css:Zone.Identifier</t>
  </si>
  <si>
    <t>\\acsfs\deptos\Engenharia\8 - Service Desk Data Center\8.3 - Documentos Pessoais\Luis Alberto Ferrreira\#SFT\XGen BV\v5191111\CHANGELOG\css\CHANGELOG.css:Zone.Identifier</t>
  </si>
  <si>
    <t>\\acsfs\deptos\Engenharia\8 - Service Desk Data Center\8.3 - Documentos Pessoais\Luis Alberto Ferrreira\#SFT\XGen BV\v5191111\CHANGELOG\css\desktop.ini</t>
  </si>
  <si>
    <t>\\acsfs\deptos\Engenharia\8 - Service Desk Data Center\8.3 - Documentos Pessoais\Luis Alberto Ferrreira\#SFT\XGen BV\v5191111\CHANGELOG\css\desktop.ini:Zone.Identifier</t>
  </si>
  <si>
    <t>\\acsfs\deptos\Engenharia\8 - Service Desk Data Center\8.3 - Documentos Pessoais\Luis Alberto Ferrreira\#SFT\XGen BV\v5191111\CHANGELOG\font\desktop.ini</t>
  </si>
  <si>
    <t>\\acsfs\deptos\Engenharia\8 - Service Desk Data Center\8.3 - Documentos Pessoais\Luis Alberto Ferrreira\#SFT\XGen BV\v5191111\CHANGELOG\font\desktop.ini:Zone.Identifier</t>
  </si>
  <si>
    <t>\\acsfs\deptos\Engenharia\8 - Service Desk Data Center\8.3 - Documentos Pessoais\Luis Alberto Ferrreira\#SFT\XGen BV\v5191111\CHANGELOG\font\</t>
  </si>
  <si>
    <t>\\acsfs\deptos\Engenharia\8 - Service Desk Data Center\8.3 - Documentos Pessoais\Luis Alberto Ferrreira\#SFT\XGen BV\v5191111\CHANGELOG\font\OpenSans-Bold.eot</t>
  </si>
  <si>
    <t>OpenSans-Bold.eot:Zone.Identifier</t>
  </si>
  <si>
    <t>\\acsfs\deptos\Engenharia\8 - Service Desk Data Center\8.3 - Documentos Pessoais\Luis Alberto Ferrreira\#SFT\XGen BV\v5191111\CHANGELOG\font\OpenSans-Bold.eot:Zone.Identifier</t>
  </si>
  <si>
    <t>\\acsfs\deptos\Engenharia\8 - Service Desk Data Center\8.3 - Documentos Pessoais\Luis Alberto Ferrreira\#SFT\XGen BV\v5191111\CHANGELOG\font\OpenSans-Bold.svg</t>
  </si>
  <si>
    <t>OpenSans-Bold.svg:Zone.Identifier</t>
  </si>
  <si>
    <t>\\acsfs\deptos\Engenharia\8 - Service Desk Data Center\8.3 - Documentos Pessoais\Luis Alberto Ferrreira\#SFT\XGen BV\v5191111\CHANGELOG\font\OpenSans-Bold.svg:Zone.Identifier</t>
  </si>
  <si>
    <t>\\acsfs\deptos\Engenharia\8 - Service Desk Data Center\8.3 - Documentos Pessoais\Luis Alberto Ferrreira\#SFT\XGen BV\v5191111\CHANGELOG\font\OpenSans-Bold.ttf</t>
  </si>
  <si>
    <t>OpenSans-Bold.ttf:Zone.Identifier</t>
  </si>
  <si>
    <t>\\acsfs\deptos\Engenharia\8 - Service Desk Data Center\8.3 - Documentos Pessoais\Luis Alberto Ferrreira\#SFT\XGen BV\v5191111\CHANGELOG\font\OpenSans-Bold.ttf:Zone.Identifier</t>
  </si>
  <si>
    <t>\\acsfs\deptos\Engenharia\8 - Service Desk Data Center\8.3 - Documentos Pessoais\Luis Alberto Ferrreira\#SFT\XGen BV\v5191111\CHANGELOG\font\OpenSans-Bold.woff</t>
  </si>
  <si>
    <t>OpenSans-Bold.woff:Zone.Identifier</t>
  </si>
  <si>
    <t>\\acsfs\deptos\Engenharia\8 - Service Desk Data Center\8.3 - Documentos Pessoais\Luis Alberto Ferrreira\#SFT\XGen BV\v5191111\CHANGELOG\font\OpenSans-Bold.woff:Zone.Identifier</t>
  </si>
  <si>
    <t>\\acsfs\deptos\Engenharia\8 - Service Desk Data Center\8.3 - Documentos Pessoais\Luis Alberto Ferrreira\#SFT\XGen BV\v5191111\CHANGELOG\font\OpenSans-Light-webfont.eot</t>
  </si>
  <si>
    <t>OpenSans-Light-webfont.eot:Zone.Identifier</t>
  </si>
  <si>
    <t>\\acsfs\deptos\Engenharia\8 - Service Desk Data Center\8.3 - Documentos Pessoais\Luis Alberto Ferrreira\#SFT\XGen BV\v5191111\CHANGELOG\font\OpenSans-Light-webfont.eot:Zone.Identifier</t>
  </si>
  <si>
    <t>\\acsfs\deptos\Engenharia\8 - Service Desk Data Center\8.3 - Documentos Pessoais\Luis Alberto Ferrreira\#SFT\XGen BV\v5191111\CHANGELOG\font\OpenSans-Light-webfont.svg</t>
  </si>
  <si>
    <t>OpenSans-Light-webfont.svg:Zone.Identifier</t>
  </si>
  <si>
    <t>\\acsfs\deptos\Engenharia\8 - Service Desk Data Center\8.3 - Documentos Pessoais\Luis Alberto Ferrreira\#SFT\XGen BV\v5191111\CHANGELOG\font\OpenSans-Light-webfont.svg:Zone.Identifier</t>
  </si>
  <si>
    <t>\\acsfs\deptos\Engenharia\8 - Service Desk Data Center\8.3 - Documentos Pessoais\Luis Alberto Ferrreira\#SFT\XGen BV\v5191111\CHANGELOG\font\OpenSans-Light-webfont.ttf</t>
  </si>
  <si>
    <t>OpenSans-Light-webfont.ttf:Zone.Identifier</t>
  </si>
  <si>
    <t>\\acsfs\deptos\Engenharia\8 - Service Desk Data Center\8.3 - Documentos Pessoais\Luis Alberto Ferrreira\#SFT\XGen BV\v5191111\CHANGELOG\font\OpenSans-Light-webfont.ttf:Zone.Identifier</t>
  </si>
  <si>
    <t>\\acsfs\deptos\Engenharia\8 - Service Desk Data Center\8.3 - Documentos Pessoais\Luis Alberto Ferrreira\#SFT\XGen BV\v5191111\CHANGELOG\font\OpenSans-Light-webfont.woff</t>
  </si>
  <si>
    <t>OpenSans-Light-webfont.woff:Zone.Identifier</t>
  </si>
  <si>
    <t>\\acsfs\deptos\Engenharia\8 - Service Desk Data Center\8.3 - Documentos Pessoais\Luis Alberto Ferrreira\#SFT\XGen BV\v5191111\CHANGELOG\font\OpenSans-Light-webfont.woff:Zone.Identifier</t>
  </si>
  <si>
    <t>\\acsfs\deptos\Engenharia\8 - Service Desk Data Center\8.3 - Documentos Pessoais\Luis Alberto Ferrreira\#SFT\XGen BV\v5191111\CHANGELOG\img\</t>
  </si>
  <si>
    <t>\\acsfs\deptos\Engenharia\8 - Service Desk Data Center\8.3 - Documentos Pessoais\Luis Alberto Ferrreira\#SFT\XGen BV\v5191111\CHANGELOG\img\body.png</t>
  </si>
  <si>
    <t>body.png:Zone.Identifier</t>
  </si>
  <si>
    <t>\\acsfs\deptos\Engenharia\8 - Service Desk Data Center\8.3 - Documentos Pessoais\Luis Alberto Ferrreira\#SFT\XGen BV\v5191111\CHANGELOG\img\body.png:Zone.Identifier</t>
  </si>
  <si>
    <t>\\acsfs\deptos\Engenharia\8 - Service Desk Data Center\8.3 - Documentos Pessoais\Luis Alberto Ferrreira\#SFT\XGen BV\v5191111\CHANGELOG\img\desktop.ini</t>
  </si>
  <si>
    <t>\\acsfs\deptos\Engenharia\8 - Service Desk Data Center\8.3 - Documentos Pessoais\Luis Alberto Ferrreira\#SFT\XGen BV\v5191111\CHANGELOG\img\desktop.ini:Zone.Identifier</t>
  </si>
  <si>
    <t>\\acsfs\deptos\Engenharia\8 - Service Desk Data Center\8.3 - Documentos Pessoais\Luis Alberto Ferrreira\#SFT\XGen BV\v5191111\CHANGELOG\img\favicon.png</t>
  </si>
  <si>
    <t>favicon.png:Zone.Identifier</t>
  </si>
  <si>
    <t>\\acsfs\deptos\Engenharia\8 - Service Desk Data Center\8.3 - Documentos Pessoais\Luis Alberto Ferrreira\#SFT\XGen BV\v5191111\CHANGELOG\img\favicon.png:Zone.Identifier</t>
  </si>
  <si>
    <t>\\acsfs\deptos\Engenharia\8 - Service Desk Data Center\8.3 - Documentos Pessoais\Luis Alberto Ferrreira\#SFT\XGen BV\v5191111\CHANGELOG\img\favicon_big.png</t>
  </si>
  <si>
    <t>favicon_big.png:Zone.Identifier</t>
  </si>
  <si>
    <t>\\acsfs\deptos\Engenharia\8 - Service Desk Data Center\8.3 - Documentos Pessoais\Luis Alberto Ferrreira\#SFT\XGen BV\v5191111\CHANGELOG\img\favicon_big.png:Zone.Identifier</t>
  </si>
  <si>
    <t>\\acsfs\deptos\Engenharia\8 - Service Desk Data Center\8.3 - Documentos Pessoais\Luis Alberto Ferrreira\#SFT\XGen BV\v5191111\CHANGELOG\img\login-bg.png</t>
  </si>
  <si>
    <t>login-bg.png:Zone.Identifier</t>
  </si>
  <si>
    <t>\\acsfs\deptos\Engenharia\8 - Service Desk Data Center\8.3 - Documentos Pessoais\Luis Alberto Ferrreira\#SFT\XGen BV\v5191111\CHANGELOG\img\login-bg.png:Zone.Identifier</t>
  </si>
  <si>
    <t>\\acsfs\deptos\Engenharia\8 - Service Desk Data Center\8.3 - Documentos Pessoais\Luis Alberto Ferrreira\#SFT\XGen BV\v5191111\CHANGELOG\img\login-light.png</t>
  </si>
  <si>
    <t>login-light.png:Zone.Identifier</t>
  </si>
  <si>
    <t>\\acsfs\deptos\Engenharia\8 - Service Desk Data Center\8.3 - Documentos Pessoais\Luis Alberto Ferrreira\#SFT\XGen BV\v5191111\CHANGELOG\img\login-light.png:Zone.Identifier</t>
  </si>
  <si>
    <t>\\acsfs\deptos\Engenharia\8 - Service Desk Data Center\8.3 - Documentos Pessoais\Luis Alberto Ferrreira\#SFT\XGen BV\v5191111\CHANGELOG\img\logo_xgen.svg</t>
  </si>
  <si>
    <t>logo_xgen.svg:Zone.Identifier</t>
  </si>
  <si>
    <t>\\acsfs\deptos\Engenharia\8 - Service Desk Data Center\8.3 - Documentos Pessoais\Luis Alberto Ferrreira\#SFT\XGen BV\v5191111\CHANGELOG\img\logo_xgen.svg:Zone.Identifier</t>
  </si>
  <si>
    <t>\\acsfs\deptos\Engenharia\8 - Service Desk Data Center\8.3 - Documentos Pessoais\Luis Alberto Ferrreira\#SFT\XGen BV\v5191111\CHANGELOG\lib\</t>
  </si>
  <si>
    <t>\\acsfs\deptos\Engenharia\8 - Service Desk Data Center\8.3 - Documentos Pessoais\Luis Alberto Ferrreira\#SFT\XGen BV\v5191111\CHANGELOG\lib\angular.min.js</t>
  </si>
  <si>
    <t>angular.min.js:Zone.Identifier</t>
  </si>
  <si>
    <t>\\acsfs\deptos\Engenharia\8 - Service Desk Data Center\8.3 - Documentos Pessoais\Luis Alberto Ferrreira\#SFT\XGen BV\v5191111\CHANGELOG\lib\angular.min.js:Zone.Identifier</t>
  </si>
  <si>
    <t>\\acsfs\deptos\Engenharia\8 - Service Desk Data Center\8.3 - Documentos Pessoais\Luis Alberto Ferrreira\#SFT\XGen BV\v5191111\CHANGELOG\lib\angular-animate.min.js</t>
  </si>
  <si>
    <t>angular-animate.min.js:Zone.Identifier</t>
  </si>
  <si>
    <t>\\acsfs\deptos\Engenharia\8 - Service Desk Data Center\8.3 - Documentos Pessoais\Luis Alberto Ferrreira\#SFT\XGen BV\v5191111\CHANGELOG\lib\angular-animate.min.js:Zone.Identifier</t>
  </si>
  <si>
    <t>\\acsfs\deptos\Engenharia\8 - Service Desk Data Center\8.3 - Documentos Pessoais\Luis Alberto Ferrreira\#SFT\XGen BV\v5191111\CHANGELOG\lib\angular-route.min.js</t>
  </si>
  <si>
    <t>angular-route.min.js:Zone.Identifier</t>
  </si>
  <si>
    <t>\\acsfs\deptos\Engenharia\8 - Service Desk Data Center\8.3 - Documentos Pessoais\Luis Alberto Ferrreira\#SFT\XGen BV\v5191111\CHANGELOG\lib\angular-route.min.js:Zone.Identifier</t>
  </si>
  <si>
    <t>\\acsfs\deptos\Engenharia\8 - Service Desk Data Center\8.3 - Documentos Pessoais\Luis Alberto Ferrreira\#SFT\XGen BV\v5191111\CHANGELOG\lib\angular-sanitize.min.js</t>
  </si>
  <si>
    <t>angular-sanitize.min.js:Zone.Identifier</t>
  </si>
  <si>
    <t>\\acsfs\deptos\Engenharia\8 - Service Desk Data Center\8.3 - Documentos Pessoais\Luis Alberto Ferrreira\#SFT\XGen BV\v5191111\CHANGELOG\lib\angular-sanitize.min.js:Zone.Identifier</t>
  </si>
  <si>
    <t>\\acsfs\deptos\Engenharia\8 - Service Desk Data Center\8.3 - Documentos Pessoais\Luis Alberto Ferrreira\#SFT\XGen BV\v5191111\CHANGELOG\lib\desktop.ini</t>
  </si>
  <si>
    <t>\\acsfs\deptos\Engenharia\8 - Service Desk Data Center\8.3 - Documentos Pessoais\Luis Alberto Ferrreira\#SFT\XGen BV\v5191111\CHANGELOG\lib\desktop.ini:Zone.Identifier</t>
  </si>
  <si>
    <t>\\acsfs\deptos\Engenharia\8 - Service Desk Data Center\8.3 - Documentos Pessoais\Luis Alberto Ferrreira\#SFT\XGen BV\v5191111\CHANGELOG\lib\jquery-1.9.1.min.js</t>
  </si>
  <si>
    <t>jquery-1.9.1.min.js:Zone.Identifier</t>
  </si>
  <si>
    <t>\\acsfs\deptos\Engenharia\8 - Service Desk Data Center\8.3 - Documentos Pessoais\Luis Alberto Ferrreira\#SFT\XGen BV\v5191111\CHANGELOG\lib\jquery-1.9.1.min.js:Zone.Identifier</t>
  </si>
  <si>
    <t>\\acsfs\deptos\Engenharia\8 - Service Desk Data Center\8.3 - Documentos Pessoais\Luis Alberto Ferrreira\#SFT\XGen BV\v5191111\lex\desktop.ini</t>
  </si>
  <si>
    <t>\\acsfs\deptos\Engenharia\8 - Service Desk Data Center\8.3 - Documentos Pessoais\Luis Alberto Ferrreira\#SFT\XGen BV\v5191111\lex\desktop.ini:Zone.Identifier</t>
  </si>
  <si>
    <t>\\acsfs\deptos\Engenharia\8 - Service Desk Data Center\8.3 - Documentos Pessoais\Luis Alberto Ferrreira\#SFT\XGen BV\v5191111\lex\</t>
  </si>
  <si>
    <t>\\acsfs\deptos\Engenharia\8 - Service Desk Data Center\8.3 - Documentos Pessoais\Luis Alberto Ferrreira\#SFT\XGen BV\v5191111\lex\sscepb.tlx</t>
  </si>
  <si>
    <t>sscepb.tlx:Zone.Identifier</t>
  </si>
  <si>
    <t>\\acsfs\deptos\Engenharia\8 - Service Desk Data Center\8.3 - Documentos Pessoais\Luis Alberto Ferrreira\#SFT\XGen BV\v5191111\lex\sscepb.tlx:Zone.Identifier</t>
  </si>
  <si>
    <t>\\acsfs\deptos\Engenharia\8 - Service Desk Data Center\8.3 - Documentos Pessoais\Luis Alberto Ferrreira\#SFT\XGen BV\v5191111\lex\sscepb2.clx</t>
  </si>
  <si>
    <t>sscepb2.clx:Zone.Identifier</t>
  </si>
  <si>
    <t>\\acsfs\deptos\Engenharia\8 - Service Desk Data Center\8.3 - Documentos Pessoais\Luis Alberto Ferrreira\#SFT\XGen BV\v5191111\lex\sscepb2.clx:Zone.Identifier</t>
  </si>
  <si>
    <t>\\acsfs\deptos\Engenharia\8 - Service Desk Data Center\8.3 - Documentos Pessoais\Luis Alberto Ferrreira\#SFT\XGen BV\v5191111\lex\userdic.tlx</t>
  </si>
  <si>
    <t>userdic.tlx:Zone.Identifier</t>
  </si>
  <si>
    <t>\\acsfs\deptos\Engenharia\8 - Service Desk Data Center\8.3 - Documentos Pessoais\Luis Alberto Ferrreira\#SFT\XGen BV\v5191111\lex\userdic.tlx:Zone.Identifier</t>
  </si>
  <si>
    <t>\\acsfs\deptos\Engenharia\8 - Service Desk Data Center\8.3 - Documentos Pessoais\Luis Alberto Ferrreira\#SFT\XGen BV\v5191111\lib\</t>
  </si>
  <si>
    <t>\\acsfs\deptos\Engenharia\8 - Service Desk Data Center\8.3 - Documentos Pessoais\Luis Alberto Ferrreira\#SFT\XGen BV\v5191111\lib\content.htm</t>
  </si>
  <si>
    <t>content.htm:Zone.Identifier</t>
  </si>
  <si>
    <t>\\acsfs\deptos\Engenharia\8 - Service Desk Data Center\8.3 - Documentos Pessoais\Luis Alberto Ferrreira\#SFT\XGen BV\v5191111\lib\content.htm:Zone.Identifier</t>
  </si>
  <si>
    <t>\\acsfs\deptos\Engenharia\8 - Service Desk Data Center\8.3 - Documentos Pessoais\Luis Alberto Ferrreira\#SFT\XGen BV\v5191111\lib\desktop.ini</t>
  </si>
  <si>
    <t>\\acsfs\deptos\Engenharia\8 - Service Desk Data Center\8.3 - Documentos Pessoais\Luis Alberto Ferrreira\#SFT\XGen BV\v5191111\lib\desktop.ini:Zone.Identifier</t>
  </si>
  <si>
    <t>\\acsfs\deptos\Engenharia\8 - Service Desk Data Center\8.3 - Documentos Pessoais\Luis Alberto Ferrreira\#SFT\XGen BV\v5191111\lib\root-extender.tis</t>
  </si>
  <si>
    <t>root-extender.tis:Zone.Identifier</t>
  </si>
  <si>
    <t>\\acsfs\deptos\Engenharia\8 - Service Desk Data Center\8.3 - Documentos Pessoais\Luis Alberto Ferrreira\#SFT\XGen BV\v5191111\lib\root-extender.tis:Zone.Identifier</t>
  </si>
  <si>
    <t>\\acsfs\deptos\Engenharia\8 - Service Desk Data Center\8.3 - Documentos Pessoais\Luis Alberto Ferrreira\#SFT\XGen BV\v5191111\lib\social.htm</t>
  </si>
  <si>
    <t>social.htm:Zone.Identifier</t>
  </si>
  <si>
    <t>\\acsfs\deptos\Engenharia\8 - Service Desk Data Center\8.3 - Documentos Pessoais\Luis Alberto Ferrreira\#SFT\XGen BV\v5191111\lib\social.htm:Zone.Identifier</t>
  </si>
  <si>
    <t>\\acsfs\deptos\Engenharia\8 - Service Desk Data Center\8.3 - Documentos Pessoais\Luis Alberto Ferrreira\#SFT\XGen BV\v5191111\lib\teste.html</t>
  </si>
  <si>
    <t>teste.html:Zone.Identifier</t>
  </si>
  <si>
    <t>\\acsfs\deptos\Engenharia\8 - Service Desk Data Center\8.3 - Documentos Pessoais\Luis Alberto Ferrreira\#SFT\XGen BV\v5191111\lib\teste.html:Zone.Identifier</t>
  </si>
  <si>
    <t>\\acsfs\deptos\Engenharia\8 - Service Desk Data Center\8.3 - Documentos Pessoais\Luis Alberto Ferrreira\#SFT\XGen BV\v5191111\lib\teste_chat.htm</t>
  </si>
  <si>
    <t>teste_chat.htm:Zone.Identifier</t>
  </si>
  <si>
    <t>\\acsfs\deptos\Engenharia\8 - Service Desk Data Center\8.3 - Documentos Pessoais\Luis Alberto Ferrreira\#SFT\XGen BV\v5191111\lib\teste_chat.htm:Zone.Identifier</t>
  </si>
  <si>
    <t>\\acsfs\deptos\Engenharia\8 - Service Desk Data Center\8.3 - Documentos Pessoais\Luis Alberto Ferrreira\#SFT\XGen BV\v5191111\lib\teste_preview.htm</t>
  </si>
  <si>
    <t>teste_preview.htm:Zone.Identifier</t>
  </si>
  <si>
    <t>\\acsfs\deptos\Engenharia\8 - Service Desk Data Center\8.3 - Documentos Pessoais\Luis Alberto Ferrreira\#SFT\XGen BV\v5191111\lib\teste_preview.htm:Zone.Identifier</t>
  </si>
  <si>
    <t>\\acsfs\deptos\Engenharia\8 - Service Desk Data Center\8.3 - Documentos Pessoais\Luis Alberto Ferrreira\#SFT\XGen BV\v5191111\lib\ui_activity.htm</t>
  </si>
  <si>
    <t>ui_activity.htm:Zone.Identifier</t>
  </si>
  <si>
    <t>\\acsfs\deptos\Engenharia\8 - Service Desk Data Center\8.3 - Documentos Pessoais\Luis Alberto Ferrreira\#SFT\XGen BV\v5191111\lib\ui_activity.htm:Zone.Identifier</t>
  </si>
  <si>
    <t>\\acsfs\deptos\Engenharia\8 - Service Desk Data Center\8.3 - Documentos Pessoais\Luis Alberto Ferrreira\#SFT\XGen BV\v5191111\lib\ui_activity_layout.htm</t>
  </si>
  <si>
    <t>ui_activity_layout.htm:Zone.Identifier</t>
  </si>
  <si>
    <t>\\acsfs\deptos\Engenharia\8 - Service Desk Data Center\8.3 - Documentos Pessoais\Luis Alberto Ferrreira\#SFT\XGen BV\v5191111\lib\ui_activity_layout.htm:Zone.Identifier</t>
  </si>
  <si>
    <t>\\acsfs\deptos\Engenharia\8 - Service Desk Data Center\8.3 - Documentos Pessoais\Luis Alberto Ferrreira\#SFT\XGen BV\v5191111\lib\ui_agent_notes.htm</t>
  </si>
  <si>
    <t>ui_agent_notes.htm:Zone.Identifier</t>
  </si>
  <si>
    <t>\\acsfs\deptos\Engenharia\8 - Service Desk Data Center\8.3 - Documentos Pessoais\Luis Alberto Ferrreira\#SFT\XGen BV\v5191111\lib\ui_agent_notes.htm:Zone.Identifier</t>
  </si>
  <si>
    <t>\\acsfs\deptos\Engenharia\8 - Service Desk Data Center\8.3 - Documentos Pessoais\Luis Alberto Ferrreira\#SFT\XGen BV\v5191111\lib\ui_callback.htm</t>
  </si>
  <si>
    <t>ui_callback.htm:Zone.Identifier</t>
  </si>
  <si>
    <t>\\acsfs\deptos\Engenharia\8 - Service Desk Data Center\8.3 - Documentos Pessoais\Luis Alberto Ferrreira\#SFT\XGen BV\v5191111\lib\ui_callback.htm:Zone.Identifier</t>
  </si>
  <si>
    <t>\\acsfs\deptos\Engenharia\8 - Service Desk Data Center\8.3 - Documentos Pessoais\Luis Alberto Ferrreira\#SFT\XGen BV\v5191111\lib\ui_chat_history.htm</t>
  </si>
  <si>
    <t>ui_chat_history.htm:Zone.Identifier</t>
  </si>
  <si>
    <t>\\acsfs\deptos\Engenharia\8 - Service Desk Data Center\8.3 - Documentos Pessoais\Luis Alberto Ferrreira\#SFT\XGen BV\v5191111\lib\ui_chat_history.htm:Zone.Identifier</t>
  </si>
  <si>
    <t>\\acsfs\deptos\Engenharia\8 - Service Desk Data Center\8.3 - Documentos Pessoais\Luis Alberto Ferrreira\#SFT\XGen BV\v5191111\lib\ui_chat_layout.htm</t>
  </si>
  <si>
    <t>ui_chat_layout.htm:Zone.Identifier</t>
  </si>
  <si>
    <t>\\acsfs\deptos\Engenharia\8 - Service Desk Data Center\8.3 - Documentos Pessoais\Luis Alberto Ferrreira\#SFT\XGen BV\v5191111\lib\ui_chat_layout.htm:Zone.Identifier</t>
  </si>
  <si>
    <t>\\acsfs\deptos\Engenharia\8 - Service Desk Data Center\8.3 - Documentos Pessoais\Luis Alberto Ferrreira\#SFT\XGen BV\v5191111\lib\ui_chat_qualify.htm</t>
  </si>
  <si>
    <t>ui_chat_qualify.htm:Zone.Identifier</t>
  </si>
  <si>
    <t>\\acsfs\deptos\Engenharia\8 - Service Desk Data Center\8.3 - Documentos Pessoais\Luis Alberto Ferrreira\#SFT\XGen BV\v5191111\lib\ui_chat_qualify.htm:Zone.Identifier</t>
  </si>
  <si>
    <t>\\acsfs\deptos\Engenharia\8 - Service Desk Data Center\8.3 - Documentos Pessoais\Luis Alberto Ferrreira\#SFT\XGen BV\v5191111\lib\ui_customer.htm</t>
  </si>
  <si>
    <t>ui_customer.htm:Zone.Identifier</t>
  </si>
  <si>
    <t>\\acsfs\deptos\Engenharia\8 - Service Desk Data Center\8.3 - Documentos Pessoais\Luis Alberto Ferrreira\#SFT\XGen BV\v5191111\lib\ui_customer.htm:Zone.Identifier</t>
  </si>
  <si>
    <t>\\acsfs\deptos\Engenharia\8 - Service Desk Data Center\8.3 - Documentos Pessoais\Luis Alberto Ferrreira\#SFT\XGen BV\v5191111\lib\ui_email_history.htm</t>
  </si>
  <si>
    <t>ui_email_history.htm:Zone.Identifier</t>
  </si>
  <si>
    <t>\\acsfs\deptos\Engenharia\8 - Service Desk Data Center\8.3 - Documentos Pessoais\Luis Alberto Ferrreira\#SFT\XGen BV\v5191111\lib\ui_email_history.htm:Zone.Identifier</t>
  </si>
  <si>
    <t>\\acsfs\deptos\Engenharia\8 - Service Desk Data Center\8.3 - Documentos Pessoais\Luis Alberto Ferrreira\#SFT\XGen BV\v5191111\lib\ui_email_layout.htm</t>
  </si>
  <si>
    <t>ui_email_layout.htm:Zone.Identifier</t>
  </si>
  <si>
    <t>\\acsfs\deptos\Engenharia\8 - Service Desk Data Center\8.3 - Documentos Pessoais\Luis Alberto Ferrreira\#SFT\XGen BV\v5191111\lib\ui_email_layout.htm:Zone.Identifier</t>
  </si>
  <si>
    <t>\\acsfs\deptos\Engenharia\8 - Service Desk Data Center\8.3 - Documentos Pessoais\Luis Alberto Ferrreira\#SFT\XGen BV\v5191111\lib\ui_email_qualify.htm</t>
  </si>
  <si>
    <t>ui_email_qualify.htm:Zone.Identifier</t>
  </si>
  <si>
    <t>\\acsfs\deptos\Engenharia\8 - Service Desk Data Center\8.3 - Documentos Pessoais\Luis Alberto Ferrreira\#SFT\XGen BV\v5191111\lib\ui_email_qualify.htm:Zone.Identifier</t>
  </si>
  <si>
    <t>\\acsfs\deptos\Engenharia\8 - Service Desk Data Center\8.3 - Documentos Pessoais\Luis Alberto Ferrreira\#SFT\XGen BV\v5191111\lib\ui_fabiano.htm</t>
  </si>
  <si>
    <t>ui_fabiano.htm:Zone.Identifier</t>
  </si>
  <si>
    <t>\\acsfs\deptos\Engenharia\8 - Service Desk Data Center\8.3 - Documentos Pessoais\Luis Alberto Ferrreira\#SFT\XGen BV\v5191111\lib\ui_fabiano.htm:Zone.Identifier</t>
  </si>
  <si>
    <t>\\acsfs\deptos\Engenharia\8 - Service Desk Data Center\8.3 - Documentos Pessoais\Luis Alberto Ferrreira\#SFT\XGen BV\v5191111\lib\ui_fts_search.htm</t>
  </si>
  <si>
    <t>ui_fts_search.htm:Zone.Identifier</t>
  </si>
  <si>
    <t>\\acsfs\deptos\Engenharia\8 - Service Desk Data Center\8.3 - Documentos Pessoais\Luis Alberto Ferrreira\#SFT\XGen BV\v5191111\lib\ui_fts_search.htm:Zone.Identifier</t>
  </si>
  <si>
    <t>\\acsfs\deptos\Engenharia\8 - Service Desk Data Center\8.3 - Documentos Pessoais\Luis Alberto Ferrreira\#SFT\XGen BV\v5191111\lib\ui_page_preview.htm</t>
  </si>
  <si>
    <t>ui_page_preview.htm:Zone.Identifier</t>
  </si>
  <si>
    <t>\\acsfs\deptos\Engenharia\8 - Service Desk Data Center\8.3 - Documentos Pessoais\Luis Alberto Ferrreira\#SFT\XGen BV\v5191111\lib\ui_page_preview.htm:Zone.Identifier</t>
  </si>
  <si>
    <t>\\acsfs\deptos\Engenharia\8 - Service Desk Data Center\8.3 - Documentos Pessoais\Luis Alberto Ferrreira\#SFT\XGen BV\v5191111\lib\ui_phone_qualify.htm</t>
  </si>
  <si>
    <t>ui_phone_qualify.htm:Zone.Identifier</t>
  </si>
  <si>
    <t>\\acsfs\deptos\Engenharia\8 - Service Desk Data Center\8.3 - Documentos Pessoais\Luis Alberto Ferrreira\#SFT\XGen BV\v5191111\lib\ui_phone_qualify.htm:Zone.Identifier</t>
  </si>
  <si>
    <t>\\acsfs\deptos\Engenharia\8 - Service Desk Data Center\8.3 - Documentos Pessoais\Luis Alberto Ferrreira\#SFT\XGen BV\v5191111\lib\ui_popup_spell.htm</t>
  </si>
  <si>
    <t>ui_popup_spell.htm:Zone.Identifier</t>
  </si>
  <si>
    <t>\\acsfs\deptos\Engenharia\8 - Service Desk Data Center\8.3 - Documentos Pessoais\Luis Alberto Ferrreira\#SFT\XGen BV\v5191111\lib\ui_popup_spell.htm:Zone.Identifier</t>
  </si>
  <si>
    <t>\\acsfs\deptos\Engenharia\8 - Service Desk Data Center\8.3 - Documentos Pessoais\Luis Alberto Ferrreira\#SFT\XGen BV\v5191111\lib\ui_print_preview.htm</t>
  </si>
  <si>
    <t>ui_print_preview.htm:Zone.Identifier</t>
  </si>
  <si>
    <t>\\acsfs\deptos\Engenharia\8 - Service Desk Data Center\8.3 - Documentos Pessoais\Luis Alberto Ferrreira\#SFT\XGen BV\v5191111\lib\ui_print_preview.htm:Zone.Identifier</t>
  </si>
  <si>
    <t>\\acsfs\deptos\Engenharia\8 - Service Desk Data Center\8.3 - Documentos Pessoais\Luis Alberto Ferrreira\#SFT\XGen BV\v5191111\lib\ui_products.htm</t>
  </si>
  <si>
    <t>ui_products.htm:Zone.Identifier</t>
  </si>
  <si>
    <t>\\acsfs\deptos\Engenharia\8 - Service Desk Data Center\8.3 - Documentos Pessoais\Luis Alberto Ferrreira\#SFT\XGen BV\v5191111\lib\ui_products.htm:Zone.Identifier</t>
  </si>
  <si>
    <t>\\acsfs\deptos\Engenharia\8 - Service Desk Data Center\8.3 - Documentos Pessoais\Luis Alberto Ferrreira\#SFT\XGen BV\v5191111\lib\ui_social_history.htm</t>
  </si>
  <si>
    <t>ui_social_history.htm:Zone.Identifier</t>
  </si>
  <si>
    <t>\\acsfs\deptos\Engenharia\8 - Service Desk Data Center\8.3 - Documentos Pessoais\Luis Alberto Ferrreira\#SFT\XGen BV\v5191111\lib\ui_social_history.htm:Zone.Identifier</t>
  </si>
  <si>
    <t>\\acsfs\deptos\Engenharia\8 - Service Desk Data Center\8.3 - Documentos Pessoais\Luis Alberto Ferrreira\#SFT\XGen BV\v5191111\lib\ui_social_layout.htm</t>
  </si>
  <si>
    <t>ui_social_layout.htm:Zone.Identifier</t>
  </si>
  <si>
    <t>\\acsfs\deptos\Engenharia\8 - Service Desk Data Center\8.3 - Documentos Pessoais\Luis Alberto Ferrreira\#SFT\XGen BV\v5191111\lib\ui_social_layout.htm:Zone.Identifier</t>
  </si>
  <si>
    <t>\\acsfs\deptos\Engenharia\8 - Service Desk Data Center\8.3 - Documentos Pessoais\Luis Alberto Ferrreira\#SFT\XGen BV\v5191111\lib\ui_social_qualify.htm</t>
  </si>
  <si>
    <t>ui_social_qualify.htm:Zone.Identifier</t>
  </si>
  <si>
    <t>\\acsfs\deptos\Engenharia\8 - Service Desk Data Center\8.3 - Documentos Pessoais\Luis Alberto Ferrreira\#SFT\XGen BV\v5191111\lib\ui_social_qualify.htm:Zone.Identifier</t>
  </si>
  <si>
    <t>\\acsfs\deptos\Engenharia\8 - Service Desk Data Center\8.3 - Documentos Pessoais\Luis Alberto Ferrreira\#SFT\XGen BV\v5191111\lib\ui_wnd_workflow.htm</t>
  </si>
  <si>
    <t>ui_wnd_workflow.htm:Zone.Identifier</t>
  </si>
  <si>
    <t>\\acsfs\deptos\Engenharia\8 - Service Desk Data Center\8.3 - Documentos Pessoais\Luis Alberto Ferrreira\#SFT\XGen BV\v5191111\lib\ui_wnd_workflow.htm:Zone.Identifier</t>
  </si>
  <si>
    <t>\\acsfs\deptos\Engenharia\8 - Service Desk Data Center\8.3 - Documentos Pessoais\Luis Alberto Ferrreira\#SFT\XGen BV\v5191111\lib\uih_chat_layout.htm</t>
  </si>
  <si>
    <t>uih_chat_layout.htm:Zone.Identifier</t>
  </si>
  <si>
    <t>\\acsfs\deptos\Engenharia\8 - Service Desk Data Center\8.3 - Documentos Pessoais\Luis Alberto Ferrreira\#SFT\XGen BV\v5191111\lib\uih_chat_layout.htm:Zone.Identifier</t>
  </si>
  <si>
    <t>\\acsfs\deptos\Engenharia\8 - Service Desk Data Center\8.3 - Documentos Pessoais\Luis Alberto Ferrreira\#SFT\XGen BV\v5191111\lib\uih_email_layout.htm</t>
  </si>
  <si>
    <t>uih_email_layout.htm:Zone.Identifier</t>
  </si>
  <si>
    <t>\\acsfs\deptos\Engenharia\8 - Service Desk Data Center\8.3 - Documentos Pessoais\Luis Alberto Ferrreira\#SFT\XGen BV\v5191111\lib\uih_email_layout.htm:Zone.Identifier</t>
  </si>
  <si>
    <t>\\acsfs\deptos\Engenharia\8 - Service Desk Data Center\8.3 - Documentos Pessoais\Luis Alberto Ferrreira\#SFT\XGen BV\v5191111\lib\xui.dll</t>
  </si>
  <si>
    <t>xui.dll:Zone.Identifier</t>
  </si>
  <si>
    <t>\\acsfs\deptos\Engenharia\8 - Service Desk Data Center\8.3 - Documentos Pessoais\Luis Alberto Ferrreira\#SFT\XGen BV\v5191111\lib\xui.dll:Zone.Identifier</t>
  </si>
  <si>
    <t>\\acsfs\deptos\Engenharia\8 - Service Desk Data Center\8.3 - Documentos Pessoais\Luis Alberto Ferrreira\#SFT\XGen BV\v5191111\lib\xwc.tis</t>
  </si>
  <si>
    <t>xwc.tis:Zone.Identifier</t>
  </si>
  <si>
    <t>\\acsfs\deptos\Engenharia\8 - Service Desk Data Center\8.3 - Documentos Pessoais\Luis Alberto Ferrreira\#SFT\XGen BV\v5191111\lib\xwc.tis:Zone.Identifier</t>
  </si>
  <si>
    <t>\\acsfs\deptos\Engenharia\8 - Service Desk Data Center\8.3 - Documentos Pessoais\Luis Alberto Ferrreira\#SFT\XGen BV\v5191111\lib\assets\desktop.ini</t>
  </si>
  <si>
    <t>\\acsfs\deptos\Engenharia\8 - Service Desk Data Center\8.3 - Documentos Pessoais\Luis Alberto Ferrreira\#SFT\XGen BV\v5191111\lib\assets\desktop.ini:Zone.Identifier</t>
  </si>
  <si>
    <t>\\acsfs\deptos\Engenharia\8 - Service Desk Data Center\8.3 - Documentos Pessoais\Luis Alberto Ferrreira\#SFT\XGen BV\v5191111\lib\assets\dictionary\desktop.ini</t>
  </si>
  <si>
    <t>\\acsfs\deptos\Engenharia\8 - Service Desk Data Center\8.3 - Documentos Pessoais\Luis Alberto Ferrreira\#SFT\XGen BV\v5191111\lib\assets\dictionary\desktop.ini:Zone.Identifier</t>
  </si>
  <si>
    <t>\\acsfs\deptos\Engenharia\8 - Service Desk Data Center\8.3 - Documentos Pessoais\Luis Alberto Ferrreira\#SFT\XGen BV\v5191111\lib\assets\dictionary\</t>
  </si>
  <si>
    <t>\\acsfs\deptos\Engenharia\8 - Service Desk Data Center\8.3 - Documentos Pessoais\Luis Alberto Ferrreira\#SFT\XGen BV\v5191111\lib\assets\dictionary\pt-br.json</t>
  </si>
  <si>
    <t>pt-br.json:Zone.Identifier</t>
  </si>
  <si>
    <t>\\acsfs\deptos\Engenharia\8 - Service Desk Data Center\8.3 - Documentos Pessoais\Luis Alberto Ferrreira\#SFT\XGen BV\v5191111\lib\assets\dictionary\pt-br.json:Zone.Identifier</t>
  </si>
  <si>
    <t>\\acsfs\deptos\Engenharia\8 - Service Desk Data Center\8.3 - Documentos Pessoais\Luis Alberto Ferrreira\#SFT\XGen BV\v5191111\lib\assets\js\</t>
  </si>
  <si>
    <t>\\acsfs\deptos\Engenharia\8 - Service Desk Data Center\8.3 - Documentos Pessoais\Luis Alberto Ferrreira\#SFT\XGen BV\v5191111\lib\assets\js\cms_conn.tis</t>
  </si>
  <si>
    <t>cms_conn.tis:Zone.Identifier</t>
  </si>
  <si>
    <t>\\acsfs\deptos\Engenharia\8 - Service Desk Data Center\8.3 - Documentos Pessoais\Luis Alberto Ferrreira\#SFT\XGen BV\v5191111\lib\assets\js\cms_conn.tis:Zone.Identifier</t>
  </si>
  <si>
    <t>\\acsfs\deptos\Engenharia\8 - Service Desk Data Center\8.3 - Documentos Pessoais\Luis Alberto Ferrreira\#SFT\XGen BV\v5191111\lib\assets\js\customer.tis</t>
  </si>
  <si>
    <t>customer.tis:Zone.Identifier</t>
  </si>
  <si>
    <t>\\acsfs\deptos\Engenharia\8 - Service Desk Data Center\8.3 - Documentos Pessoais\Luis Alberto Ferrreira\#SFT\XGen BV\v5191111\lib\assets\js\customer.tis:Zone.Identifier</t>
  </si>
  <si>
    <t>\\acsfs\deptos\Engenharia\8 - Service Desk Data Center\8.3 - Documentos Pessoais\Luis Alberto Ferrreira\#SFT\XGen BV\v5191111\lib\assets\js\desktop.ini</t>
  </si>
  <si>
    <t>\\acsfs\deptos\Engenharia\8 - Service Desk Data Center\8.3 - Documentos Pessoais\Luis Alberto Ferrreira\#SFT\XGen BV\v5191111\lib\assets\js\desktop.ini:Zone.Identifier</t>
  </si>
  <si>
    <t>\\acsfs\deptos\Engenharia\8 - Service Desk Data Center\8.3 - Documentos Pessoais\Luis Alberto Ferrreira\#SFT\XGen BV\v5191111\lib\assets\js\forms.tis</t>
  </si>
  <si>
    <t>forms.tis:Zone.Identifier</t>
  </si>
  <si>
    <t>\\acsfs\deptos\Engenharia\8 - Service Desk Data Center\8.3 - Documentos Pessoais\Luis Alberto Ferrreira\#SFT\XGen BV\v5191111\lib\assets\js\forms.tis:Zone.Identifier</t>
  </si>
  <si>
    <t>\\acsfs\deptos\Engenharia\8 - Service Desk Data Center\8.3 - Documentos Pessoais\Luis Alberto Ferrreira\#SFT\XGen BV\v5191111\lib\assets\js\translate.tis</t>
  </si>
  <si>
    <t>translate.tis:Zone.Identifier</t>
  </si>
  <si>
    <t>\\acsfs\deptos\Engenharia\8 - Service Desk Data Center\8.3 - Documentos Pessoais\Luis Alberto Ferrreira\#SFT\XGen BV\v5191111\lib\assets\js\translate.tis:Zone.Identifier</t>
  </si>
  <si>
    <t>ui_activity.tis:Zone.Identifier</t>
  </si>
  <si>
    <t>\\acsfs\deptos\Engenharia\8 - Service Desk Data Center\8.3 - Documentos Pessoais\Luis Alberto Ferrreira\#SFT\XGen BV\v5191111\lib\assets\js\ui_activity.tis:Zone.Identifier</t>
  </si>
  <si>
    <t>\\acsfs\deptos\Engenharia\8 - Service Desk Data Center\8.3 - Documentos Pessoais\Luis Alberto Ferrreira\#SFT\XGen BV\v5191111\lib\assets\js\ui_activity_layout.tis</t>
  </si>
  <si>
    <t>ui_activity_layout.tis:Zone.Identifier</t>
  </si>
  <si>
    <t>\\acsfs\deptos\Engenharia\8 - Service Desk Data Center\8.3 - Documentos Pessoais\Luis Alberto Ferrreira\#SFT\XGen BV\v5191111\lib\assets\js\ui_activity_layout.tis:Zone.Identifier</t>
  </si>
  <si>
    <t>\\acsfs\deptos\Engenharia\8 - Service Desk Data Center\8.3 - Documentos Pessoais\Luis Alberto Ferrreira\#SFT\XGen BV\v5191111\lib\behaviors\cms_conn.tis</t>
  </si>
  <si>
    <t>\\acsfs\deptos\Engenharia\8 - Service Desk Data Center\8.3 - Documentos Pessoais\Luis Alberto Ferrreira\#SFT\XGen BV\v5191111\lib\behaviors\cms_conn.tis:Zone.Identifier</t>
  </si>
  <si>
    <t>\\acsfs\deptos\Engenharia\8 - Service Desk Data Center\8.3 - Documentos Pessoais\Luis Alberto Ferrreira\#SFT\XGen BV\v5191111\lib\behaviors\</t>
  </si>
  <si>
    <t>\\acsfs\deptos\Engenharia\8 - Service Desk Data Center\8.3 - Documentos Pessoais\Luis Alberto Ferrreira\#SFT\XGen BV\v5191111\lib\behaviors\color-chooser.css</t>
  </si>
  <si>
    <t>color-chooser.css:Zone.Identifier</t>
  </si>
  <si>
    <t>\\acsfs\deptos\Engenharia\8 - Service Desk Data Center\8.3 - Documentos Pessoais\Luis Alberto Ferrreira\#SFT\XGen BV\v5191111\lib\behaviors\color-chooser.css:Zone.Identifier</t>
  </si>
  <si>
    <t>\\acsfs\deptos\Engenharia\8 - Service Desk Data Center\8.3 - Documentos Pessoais\Luis Alberto Ferrreira\#SFT\XGen BV\v5191111\lib\behaviors\color-chooser.tis</t>
  </si>
  <si>
    <t>color-chooser.tis:Zone.Identifier</t>
  </si>
  <si>
    <t>\\acsfs\deptos\Engenharia\8 - Service Desk Data Center\8.3 - Documentos Pessoais\Luis Alberto Ferrreira\#SFT\XGen BV\v5191111\lib\behaviors\color-chooser.tis:Zone.Identifier</t>
  </si>
  <si>
    <t>\\acsfs\deptos\Engenharia\8 - Service Desk Data Center\8.3 - Documentos Pessoais\Luis Alberto Ferrreira\#SFT\XGen BV\v5191111\lib\behaviors\confirmation.tis</t>
  </si>
  <si>
    <t>confirmation.tis:Zone.Identifier</t>
  </si>
  <si>
    <t>\\acsfs\deptos\Engenharia\8 - Service Desk Data Center\8.3 - Documentos Pessoais\Luis Alberto Ferrreira\#SFT\XGen BV\v5191111\lib\behaviors\confirmation.tis:Zone.Identifier</t>
  </si>
  <si>
    <t>\\acsfs\deptos\Engenharia\8 - Service Desk Data Center\8.3 - Documentos Pessoais\Luis Alberto Ferrreira\#SFT\XGen BV\v5191111\lib\behaviors\desktop.ini</t>
  </si>
  <si>
    <t>\\acsfs\deptos\Engenharia\8 - Service Desk Data Center\8.3 - Documentos Pessoais\Luis Alberto Ferrreira\#SFT\XGen BV\v5191111\lib\behaviors\desktop.ini:Zone.Identifier</t>
  </si>
  <si>
    <t>\\acsfs\deptos\Engenharia\8 - Service Desk Data Center\8.3 - Documentos Pessoais\Luis Alberto Ferrreira\#SFT\XGen BV\v5191111\lib\behaviors\grid.tis</t>
  </si>
  <si>
    <t>grid.tis:Zone.Identifier</t>
  </si>
  <si>
    <t>\\acsfs\deptos\Engenharia\8 - Service Desk Data Center\8.3 - Documentos Pessoais\Luis Alberto Ferrreira\#SFT\XGen BV\v5191111\lib\behaviors\grid.tis:Zone.Identifier</t>
  </si>
  <si>
    <t>\\acsfs\deptos\Engenharia\8 - Service Desk Data Center\8.3 - Documentos Pessoais\Luis Alberto Ferrreira\#SFT\XGen BV\v5191111\lib\behaviors\init.tis</t>
  </si>
  <si>
    <t>init.tis:Zone.Identifier</t>
  </si>
  <si>
    <t>\\acsfs\deptos\Engenharia\8 - Service Desk Data Center\8.3 - Documentos Pessoais\Luis Alberto Ferrreira\#SFT\XGen BV\v5191111\lib\behaviors\init.tis:Zone.Identifier</t>
  </si>
  <si>
    <t>\\acsfs\deptos\Engenharia\8 - Service Desk Data Center\8.3 - Documentos Pessoais\Luis Alberto Ferrreira\#SFT\XGen BV\v5191111\lib\behaviors\tasks.tis</t>
  </si>
  <si>
    <t>tasks.tis:Zone.Identifier</t>
  </si>
  <si>
    <t>\\acsfs\deptos\Engenharia\8 - Service Desk Data Center\8.3 - Documentos Pessoais\Luis Alberto Ferrreira\#SFT\XGen BV\v5191111\lib\behaviors\tasks.tis:Zone.Identifier</t>
  </si>
  <si>
    <t>\\acsfs\deptos\Engenharia\8 - Service Desk Data Center\8.3 - Documentos Pessoais\Luis Alberto Ferrreira\#SFT\XGen BV\v5191111\lib\behaviors\translate.tis</t>
  </si>
  <si>
    <t>\\acsfs\deptos\Engenharia\8 - Service Desk Data Center\8.3 - Documentos Pessoais\Luis Alberto Ferrreira\#SFT\XGen BV\v5191111\lib\behaviors\translate.tis:Zone.Identifier</t>
  </si>
  <si>
    <t>\\acsfs\deptos\Engenharia\8 - Service Desk Data Center\8.3 - Documentos Pessoais\Luis Alberto Ferrreira\#SFT\XGen BV\v5191111\lib\behaviors\tree.tis</t>
  </si>
  <si>
    <t>tree.tis:Zone.Identifier</t>
  </si>
  <si>
    <t>\\acsfs\deptos\Engenharia\8 - Service Desk Data Center\8.3 - Documentos Pessoais\Luis Alberto Ferrreira\#SFT\XGen BV\v5191111\lib\behaviors\tree.tis:Zone.Identifier</t>
  </si>
  <si>
    <t>\\acsfs\deptos\Engenharia\8 - Service Desk Data Center\8.3 - Documentos Pessoais\Luis Alberto Ferrreira\#SFT\XGen BV\v5191111\lib\behaviors\.svn\prop-base\desktop.ini</t>
  </si>
  <si>
    <t>\\acsfs\deptos\Engenharia\8 - Service Desk Data Center\8.3 - Documentos Pessoais\Luis Alberto Ferrreira\#SFT\XGen BV\v5191111\lib\behaviors\.svn\prop-base\desktop.ini:Zone.Identifier</t>
  </si>
  <si>
    <t>\\acsfs\deptos\Engenharia\8 - Service Desk Data Center\8.3 - Documentos Pessoais\Luis Alberto Ferrreira\#SFT\XGen BV\v5191111\lib\behaviors\.svn\props\desktop.ini</t>
  </si>
  <si>
    <t>\\acsfs\deptos\Engenharia\8 - Service Desk Data Center\8.3 - Documentos Pessoais\Luis Alberto Ferrreira\#SFT\XGen BV\v5191111\lib\behaviors\.svn\props\desktop.ini:Zone.Identifier</t>
  </si>
  <si>
    <t>\\acsfs\deptos\Engenharia\8 - Service Desk Data Center\8.3 - Documentos Pessoais\Luis Alberto Ferrreira\#SFT\XGen BV\v5191111\lib\behaviors\.svn\text-base\</t>
  </si>
  <si>
    <t>\\acsfs\deptos\Engenharia\8 - Service Desk Data Center\8.3 - Documentos Pessoais\Luis Alberto Ferrreira\#SFT\XGen BV\v5191111\lib\behaviors\.svn\text-base\color-chooser.css.svn-base</t>
  </si>
  <si>
    <t>color-chooser.css.svn-base:Zone.Identifier</t>
  </si>
  <si>
    <t>\\acsfs\deptos\Engenharia\8 - Service Desk Data Center\8.3 - Documentos Pessoais\Luis Alberto Ferrreira\#SFT\XGen BV\v5191111\lib\behaviors\.svn\text-base\color-chooser.css.svn-base:Zone.Identifier</t>
  </si>
  <si>
    <t>\\acsfs\deptos\Engenharia\8 - Service Desk Data Center\8.3 - Documentos Pessoais\Luis Alberto Ferrreira\#SFT\XGen BV\v5191111\lib\behaviors\.svn\text-base\color-chooser.css.svn-base.bkp</t>
  </si>
  <si>
    <t>color-chooser.css.svn-base.bkp:Zone.Identifier</t>
  </si>
  <si>
    <t>\\acsfs\deptos\Engenharia\8 - Service Desk Data Center\8.3 - Documentos Pessoais\Luis Alberto Ferrreira\#SFT\XGen BV\v5191111\lib\behaviors\.svn\text-base\color-chooser.css.svn-base.bkp:Zone.Identifier</t>
  </si>
  <si>
    <t>\\acsfs\deptos\Engenharia\8 - Service Desk Data Center\8.3 - Documentos Pessoais\Luis Alberto Ferrreira\#SFT\XGen BV\v5191111\lib\behaviors\.svn\text-base\color-chooser.css.svn-base.bkp.bkp</t>
  </si>
  <si>
    <t>color-chooser.css.svn-base.bkp.bkp:Zone.Identifier</t>
  </si>
  <si>
    <t>\\acsfs\deptos\Engenharia\8 - Service Desk Data Center\8.3 - Documentos Pessoais\Luis Alberto Ferrreira\#SFT\XGen BV\v5191111\lib\behaviors\.svn\text-base\color-chooser.css.svn-base.bkp.bkp:Zone.Identifier</t>
  </si>
  <si>
    <t>\\acsfs\deptos\Engenharia\8 - Service Desk Data Center\8.3 - Documentos Pessoais\Luis Alberto Ferrreira\#SFT\XGen BV\v5191111\lib\behaviors\.svn\text-base\color-chooser.css.svn-base.bkp.bkp.bkp</t>
  </si>
  <si>
    <t>color-chooser.css.svn-base.bkp.bkp.bkp:Zone.Identifier</t>
  </si>
  <si>
    <t>\\acsfs\deptos\Engenharia\8 - Service Desk Data Center\8.3 - Documentos Pessoais\Luis Alberto Ferrreira\#SFT\XGen BV\v5191111\lib\behaviors\.svn\text-base\color-chooser.css.svn-base.bkp.bkp.bkp:Zone.Identifier</t>
  </si>
  <si>
    <t>\\acsfs\deptos\Engenharia\8 - Service Desk Data Center\8.3 - Documentos Pessoais\Luis Alberto Ferrreira\#SFT\XGen BV\v5191111\lib\behaviors\.svn\text-base\color-chooser.tis.svn-base</t>
  </si>
  <si>
    <t>color-chooser.tis.svn-base:Zone.Identifier</t>
  </si>
  <si>
    <t>\\acsfs\deptos\Engenharia\8 - Service Desk Data Center\8.3 - Documentos Pessoais\Luis Alberto Ferrreira\#SFT\XGen BV\v5191111\lib\behaviors\.svn\text-base\color-chooser.tis.svn-base:Zone.Identifier</t>
  </si>
  <si>
    <t>\\acsfs\deptos\Engenharia\8 - Service Desk Data Center\8.3 - Documentos Pessoais\Luis Alberto Ferrreira\#SFT\XGen BV\v5191111\lib\behaviors\.svn\text-base\color-chooser.tis.svn-base.bkp</t>
  </si>
  <si>
    <t>color-chooser.tis.svn-base.bkp:Zone.Identifier</t>
  </si>
  <si>
    <t>\\acsfs\deptos\Engenharia\8 - Service Desk Data Center\8.3 - Documentos Pessoais\Luis Alberto Ferrreira\#SFT\XGen BV\v5191111\lib\behaviors\.svn\text-base\color-chooser.tis.svn-base.bkp:Zone.Identifier</t>
  </si>
  <si>
    <t>\\acsfs\deptos\Engenharia\8 - Service Desk Data Center\8.3 - Documentos Pessoais\Luis Alberto Ferrreira\#SFT\XGen BV\v5191111\lib\behaviors\.svn\text-base\color-chooser.tis.svn-base.bkp.bkp</t>
  </si>
  <si>
    <t>color-chooser.tis.svn-base.bkp.bkp:Zone.Identifier</t>
  </si>
  <si>
    <t>\\acsfs\deptos\Engenharia\8 - Service Desk Data Center\8.3 - Documentos Pessoais\Luis Alberto Ferrreira\#SFT\XGen BV\v5191111\lib\behaviors\.svn\text-base\color-chooser.tis.svn-base.bkp.bkp:Zone.Identifier</t>
  </si>
  <si>
    <t>\\acsfs\deptos\Engenharia\8 - Service Desk Data Center\8.3 - Documentos Pessoais\Luis Alberto Ferrreira\#SFT\XGen BV\v5191111\lib\behaviors\.svn\text-base\color-chooser.tis.svn-base.bkp.bkp.bkp</t>
  </si>
  <si>
    <t>color-chooser.tis.svn-base.bkp.bkp.bkp:Zone.Identifier</t>
  </si>
  <si>
    <t>\\acsfs\deptos\Engenharia\8 - Service Desk Data Center\8.3 - Documentos Pessoais\Luis Alberto Ferrreira\#SFT\XGen BV\v5191111\lib\behaviors\.svn\text-base\color-chooser.tis.svn-base.bkp.bkp.bkp:Zone.Identifier</t>
  </si>
  <si>
    <t>\\acsfs\deptos\Engenharia\8 - Service Desk Data Center\8.3 - Documentos Pessoais\Luis Alberto Ferrreira\#SFT\XGen BV\v5191111\lib\behaviors\.svn\text-base\desktop.ini</t>
  </si>
  <si>
    <t>\\acsfs\deptos\Engenharia\8 - Service Desk Data Center\8.3 - Documentos Pessoais\Luis Alberto Ferrreira\#SFT\XGen BV\v5191111\lib\behaviors\.svn\text-base\desktop.ini:Zone.Identifier</t>
  </si>
  <si>
    <t>\\acsfs\deptos\Engenharia\8 - Service Desk Data Center\8.3 - Documentos Pessoais\Luis Alberto Ferrreira\#SFT\XGen BV\v5191111\lib\behaviors\.svn\text-base\grid.tis.svn-base</t>
  </si>
  <si>
    <t>grid.tis.svn-base:Zone.Identifier</t>
  </si>
  <si>
    <t>\\acsfs\deptos\Engenharia\8 - Service Desk Data Center\8.3 - Documentos Pessoais\Luis Alberto Ferrreira\#SFT\XGen BV\v5191111\lib\behaviors\.svn\text-base\grid.tis.svn-base:Zone.Identifier</t>
  </si>
  <si>
    <t>\\acsfs\deptos\Engenharia\8 - Service Desk Data Center\8.3 - Documentos Pessoais\Luis Alberto Ferrreira\#SFT\XGen BV\v5191111\lib\behaviors\.svn\text-base\grid.tis.svn-base.bkp</t>
  </si>
  <si>
    <t>\\acsfs\deptos\Engenharia\8 - Service Desk Data Center\8.3 - Documentos Pessoais\Laralisa\</t>
  </si>
  <si>
    <t>\\acsfs\deptos\Engenharia\8 - Service Desk Data Center\8.3 - Documentos Pessoais\Laralisa\Thumbs.db</t>
  </si>
  <si>
    <t>grid.tis.svn-base.bkp:Zone.Identifier</t>
  </si>
  <si>
    <t>\\acsfs\deptos\Engenharia\8 - Service Desk Data Center\8.3 - Documentos Pessoais\Luis Alberto Ferrreira\#SFT\XGen BV\v5191111\lib\behaviors\.svn\text-base\grid.tis.svn-base.bkp:Zone.Identifier</t>
  </si>
  <si>
    <t>\\acsfs\deptos\Engenharia\8 - Service Desk Data Center\8.3 - Documentos Pessoais\Luis Alberto Ferrreira\#SFT\XGen BV\v5191111\lib\behaviors\.svn\text-base\grid.tis.svn-base.bkp.bkp</t>
  </si>
  <si>
    <t>grid.tis.svn-base.bkp.bkp:Zone.Identifier</t>
  </si>
  <si>
    <t>\\acsfs\deptos\Engenharia\8 - Service Desk Data Center\8.3 - Documentos Pessoais\Luis Alberto Ferrreira\#SFT\XGen BV\v5191111\lib\behaviors\.svn\text-base\grid.tis.svn-base.bkp.bkp:Zone.Identifier</t>
  </si>
  <si>
    <t>\\acsfs\deptos\Engenharia\8 - Service Desk Data Center\8.3 - Documentos Pessoais\Luis Alberto Ferrreira\#SFT\XGen BV\v5191111\lib\behaviors\.svn\text-base\grid.tis.svn-base.bkp.bkp.bkp</t>
  </si>
  <si>
    <t>grid.tis.svn-base.bkp.bkp.bkp:Zone.Identifier</t>
  </si>
  <si>
    <t>\\acsfs\deptos\Engenharia\8 - Service Desk Data Center\8.3 - Documentos Pessoais\Luis Alberto Ferrreira\#SFT\XGen BV\v5191111\lib\behaviors\.svn\text-base\grid.tis.svn-base.bkp.bkp.bkp:Zone.Identifier</t>
  </si>
  <si>
    <t>\\acsfs\deptos\Engenharia\8 - Service Desk Data Center\8.3 - Documentos Pessoais\Luis Alberto Ferrreira\#SFT\XGen BV\v5191111\lib\behaviors\.svn\text-base\tree.tis.svn-base</t>
  </si>
  <si>
    <t>tree.tis.svn-base:Zone.Identifier</t>
  </si>
  <si>
    <t>\\acsfs\deptos\Engenharia\8 - Service Desk Data Center\8.3 - Documentos Pessoais\Luis Alberto Ferrreira\#SFT\XGen BV\v5191111\lib\behaviors\.svn\text-base\tree.tis.svn-base:Zone.Identifier</t>
  </si>
  <si>
    <t>\\acsfs\deptos\Engenharia\8 - Service Desk Data Center\8.3 - Documentos Pessoais\Luis Alberto Ferrreira\#SFT\XGen BV\v5191111\lib\behaviors\.svn\text-base\tree.tis.svn-base.bkp</t>
  </si>
  <si>
    <t>tree.tis.svn-base.bkp:Zone.Identifier</t>
  </si>
  <si>
    <t>\\acsfs\deptos\Engenharia\8 - Service Desk Data Center\8.3 - Documentos Pessoais\Luis Alberto Ferrreira\#SFT\XGen BV\v5191111\lib\behaviors\.svn\text-base\tree.tis.svn-base.bkp:Zone.Identifier</t>
  </si>
  <si>
    <t>\\acsfs\deptos\Engenharia\8 - Service Desk Data Center\8.3 - Documentos Pessoais\Luis Alberto Ferrreira\#SFT\XGen BV\v5191111\lib\behaviors\.svn\text-base\tree.tis.svn-base.bkp.bkp</t>
  </si>
  <si>
    <t>tree.tis.svn-base.bkp.bkp:Zone.Identifier</t>
  </si>
  <si>
    <t>\\acsfs\deptos\Engenharia\8 - Service Desk Data Center\8.3 - Documentos Pessoais\Luis Alberto Ferrreira\#SFT\XGen BV\v5191111\lib\behaviors\.svn\text-base\tree.tis.svn-base.bkp.bkp:Zone.Identifier</t>
  </si>
  <si>
    <t>\\acsfs\deptos\Engenharia\8 - Service Desk Data Center\8.3 - Documentos Pessoais\Luis Alberto Ferrreira\#SFT\XGen BV\v5191111\lib\behaviors\.svn\text-base\tree.tis.svn-base.bkp.bkp.bkp</t>
  </si>
  <si>
    <t>tree.tis.svn-base.bkp.bkp.bkp:Zone.Identifier</t>
  </si>
  <si>
    <t>\\acsfs\deptos\Engenharia\8 - Service Desk Data Center\8.3 - Documentos Pessoais\Luis Alberto Ferrreira\#SFT\XGen BV\v5191111\lib\behaviors\.svn\text-base\tree.tis.svn-base.bkp.bkp.bkp:Zone.Identifier</t>
  </si>
  <si>
    <t>\\acsfs\deptos\Engenharia\8 - Service Desk Data Center\8.3 - Documentos Pessoais\Luis Alberto Ferrreira\#SFT\XGen BV\v5191111\lib\behaviors\.svn\tmp\desktop.ini</t>
  </si>
  <si>
    <t>\\acsfs\deptos\Engenharia\8 - Service Desk Data Center\8.3 - Documentos Pessoais\Luis Alberto Ferrreira\#SFT\XGen BV\v5191111\lib\behaviors\.svn\tmp\desktop.ini:Zone.Identifier</t>
  </si>
  <si>
    <t>\\acsfs\deptos\Engenharia\8 - Service Desk Data Center\8.3 - Documentos Pessoais\Luis Alberto Ferrreira\#SFT\XGen BV\v5191111\lib\behaviors\.svn\tmp\prop-base\desktop.ini</t>
  </si>
  <si>
    <t>\\acsfs\deptos\Engenharia\8 - Service Desk Data Center\8.3 - Documentos Pessoais\Luis Alberto Ferrreira\#SFT\XGen BV\v5191111\lib\behaviors\.svn\tmp\prop-base\desktop.ini:Zone.Identifier</t>
  </si>
  <si>
    <t>\\acsfs\deptos\Engenharia\8 - Service Desk Data Center\8.3 - Documentos Pessoais\Luis Alberto Ferrreira\#SFT\XGen BV\v5191111\lib\behaviors\.svn\tmp\props\desktop.ini</t>
  </si>
  <si>
    <t>\\acsfs\deptos\Engenharia\8 - Service Desk Data Center\8.3 - Documentos Pessoais\Luis Alberto Ferrreira\#SFT\XGen BV\v5191111\lib\behaviors\.svn\tmp\props\desktop.ini:Zone.Identifier</t>
  </si>
  <si>
    <t>\\acsfs\deptos\Engenharia\8 - Service Desk Data Center\8.3 - Documentos Pessoais\Luis Alberto Ferrreira\#SFT\XGen BV\v5191111\lib\behaviors\.svn\tmp\text-base\desktop.ini</t>
  </si>
  <si>
    <t>\\acsfs\deptos\Engenharia\8 - Service Desk Data Center\8.3 - Documentos Pessoais\Luis Alberto Ferrreira\#SFT\XGen BV\v5191111\lib\behaviors\.svn\tmp\text-base\desktop.ini:Zone.Identifier</t>
  </si>
  <si>
    <t>\\acsfs\deptos\Engenharia\8 - Service Desk Data Center\8.3 - Documentos Pessoais\Luis Alberto Ferrreira\#SFT\XGen BV\v5191111\lib\styles\desktop.ini</t>
  </si>
  <si>
    <t>\\acsfs\deptos\Engenharia\8 - Service Desk Data Center\8.3 - Documentos Pessoais\Luis Alberto Ferrreira\#SFT\XGen BV\v5191111\lib\styles\desktop.ini:Zone.Identifier</t>
  </si>
  <si>
    <t>\\acsfs\deptos\Engenharia\8 - Service Desk Data Center\8.3 - Documentos Pessoais\Luis Alberto Ferrreira\#SFT\XGen BV\v5191111\lib\styles\</t>
  </si>
  <si>
    <t>\\acsfs\deptos\Engenharia\8 - Service Desk Data Center\8.3 - Documentos Pessoais\Luis Alberto Ferrreira\#SFT\XGen BV\v5191111\lib\styles\toolbar.css</t>
  </si>
  <si>
    <t>toolbar.css:Zone.Identifier</t>
  </si>
  <si>
    <t>\\acsfs\deptos\Engenharia\8 - Service Desk Data Center\8.3 - Documentos Pessoais\Luis Alberto Ferrreira\#SFT\XGen BV\v5191111\lib\styles\toolbar.css:Zone.Identifier</t>
  </si>
  <si>
    <t>\\acsfs\deptos\Engenharia\8 - Service Desk Data Center\8.3 - Documentos Pessoais\Luis Alberto Ferrreira\#SFT\XGen BV\v5191111\lib\uicss\desktop.ini</t>
  </si>
  <si>
    <t>\\acsfs\deptos\Engenharia\8 - Service Desk Data Center\8.3 - Documentos Pessoais\Luis Alberto Ferrreira\#SFT\XGen BV\v5191111\lib\uicss\desktop.ini:Zone.Identifier</t>
  </si>
  <si>
    <t>\\acsfs\deptos\Engenharia\8 - Service Desk Data Center\8.3 - Documentos Pessoais\Luis Alberto Ferrreira\#SFT\XGen BV\v5191111\lib\uicss\</t>
  </si>
  <si>
    <t>\\acsfs\deptos\Engenharia\8 - Service Desk Data Center\8.3 - Documentos Pessoais\Luis Alberto Ferrreira\#SFT\XGen BV\v5191111\lib\uicss\estilos.css</t>
  </si>
  <si>
    <t>estilos.css:Zone.Identifier</t>
  </si>
  <si>
    <t>\\acsfs\deptos\Engenharia\8 - Service Desk Data Center\8.3 - Documentos Pessoais\Luis Alberto Ferrreira\#SFT\XGen BV\v5191111\lib\uicss\estilos.css:Zone.Identifier</t>
  </si>
  <si>
    <t>\\acsfs\deptos\Engenharia\8 - Service Desk Data Center\8.3 - Documentos Pessoais\Luis Alberto Ferrreira\#SFT\XGen BV\v5191111\lib\uicss\print.css</t>
  </si>
  <si>
    <t>print.css:Zone.Identifier</t>
  </si>
  <si>
    <t>\\acsfs\deptos\Engenharia\8 - Service Desk Data Center\8.3 - Documentos Pessoais\Luis Alberto Ferrreira\#SFT\XGen BV\v5191111\lib\uicss\print.css:Zone.Identifier</t>
  </si>
  <si>
    <t>\\acsfs\deptos\Engenharia\8 - Service Desk Data Center\8.3 - Documentos Pessoais\Luis Alberto Ferrreira\#SFT\XGen BV\v5191111\lib\uiimg\</t>
  </si>
  <si>
    <t>\\acsfs\deptos\Engenharia\8 - Service Desk Data Center\8.3 - Documentos Pessoais\Luis Alberto Ferrreira\#SFT\XGen BV\v5191111\lib\uiimg\add-bt.png</t>
  </si>
  <si>
    <t>add-bt.png:Zone.Identifier</t>
  </si>
  <si>
    <t>\\acsfs\deptos\Engenharia\8 - Service Desk Data Center\8.3 - Documentos Pessoais\Luis Alberto Ferrreira\#SFT\XGen BV\v5191111\lib\uiimg\add-bt.png:Zone.Identifier</t>
  </si>
  <si>
    <t>\\acsfs\deptos\Engenharia\8 - Service Desk Data Center\8.3 - Documentos Pessoais\Luis Alberto Ferrreira\#SFT\XGen BV\v5191111\lib\uiimg\avatar.png</t>
  </si>
  <si>
    <t>avatar.png:Zone.Identifier</t>
  </si>
  <si>
    <t>\\acsfs\deptos\Engenharia\8 - Service Desk Data Center\8.3 - Documentos Pessoais\Luis Alberto Ferrreira\#SFT\XGen BV\v5191111\lib\uiimg\avatar.png:Zone.Identifier</t>
  </si>
  <si>
    <t>\\acsfs\deptos\Engenharia\8 - Service Desk Data Center\8.3 - Documentos Pessoais\Luis Alberto Ferrreira\#SFT\XGen BV\v5191111\lib\uiimg\balao_dir.png</t>
  </si>
  <si>
    <t>balao_dir.png:Zone.Identifier</t>
  </si>
  <si>
    <t>\\acsfs\deptos\Engenharia\8 - Service Desk Data Center\8.3 - Documentos Pessoais\Luis Alberto Ferrreira\#SFT\XGen BV\v5191111\lib\uiimg\balao_dir.png:Zone.Identifier</t>
  </si>
  <si>
    <t>\\acsfs\deptos\Engenharia\8 - Service Desk Data Center\8.3 - Documentos Pessoais\Luis Alberto Ferrreira\#SFT\XGen BV\v5191111\lib\uiimg\balao_esq.png</t>
  </si>
  <si>
    <t>balao_esq.png:Zone.Identifier</t>
  </si>
  <si>
    <t>\\acsfs\deptos\Engenharia\8 - Service Desk Data Center\8.3 - Documentos Pessoais\Luis Alberto Ferrreira\#SFT\XGen BV\v5191111\lib\uiimg\balao_esq.png:Zone.Identifier</t>
  </si>
  <si>
    <t>\\acsfs\deptos\Engenharia\8 - Service Desk Data Center\8.3 - Documentos Pessoais\Luis Alberto Ferrreira\#SFT\XGen BV\v5191111\lib\uiimg\bg_body.jpg</t>
  </si>
  <si>
    <t>bg_body.jpg:Zone.Identifier</t>
  </si>
  <si>
    <t>\\acsfs\deptos\Engenharia\8 - Service Desk Data Center\8.3 - Documentos Pessoais\Luis Alberto Ferrreira\#SFT\XGen BV\v5191111\lib\uiimg\bg_body.jpg:Zone.Identifier</t>
  </si>
  <si>
    <t>\\acsfs\deptos\Engenharia\8 - Service Desk Data Center\8.3 - Documentos Pessoais\Luis Alberto Ferrreira\#SFT\XGen BV\v5191111\lib\uiimg\bg_body.png</t>
  </si>
  <si>
    <t>bg_body.png:Zone.Identifier</t>
  </si>
  <si>
    <t>\\acsfs\deptos\Engenharia\8 - Service Desk Data Center\8.3 - Documentos Pessoais\Luis Alberto Ferrreira\#SFT\XGen BV\v5191111\lib\uiimg\bg_body.png:Zone.Identifier</t>
  </si>
  <si>
    <t>\\acsfs\deptos\Engenharia\8 - Service Desk Data Center\8.3 - Documentos Pessoais\Luis Alberto Ferrreira\#SFT\XGen BV\v5191111\lib\uiimg\bg_body2.jpg</t>
  </si>
  <si>
    <t>bg_body2.jpg:Zone.Identifier</t>
  </si>
  <si>
    <t>\\acsfs\deptos\Engenharia\8 - Service Desk Data Center\8.3 - Documentos Pessoais\Luis Alberto Ferrreira\#SFT\XGen BV\v5191111\lib\uiimg\bg_body2.jpg:Zone.Identifier</t>
  </si>
  <si>
    <t>\\acsfs\deptos\Engenharia\8 - Service Desk Data Center\8.3 - Documentos Pessoais\Luis Alberto Ferrreira\#SFT\XGen BV\v5191111\lib\uiimg\bg-modal.png</t>
  </si>
  <si>
    <t>bg-modal.png:Zone.Identifier</t>
  </si>
  <si>
    <t>\\acsfs\deptos\Engenharia\8 - Service Desk Data Center\8.3 - Documentos Pessoais\Luis Alberto Ferrreira\#SFT\XGen BV\v5191111\lib\uiimg\bg-modal.png:Zone.Identifier</t>
  </si>
  <si>
    <t>\\acsfs\deptos\Engenharia\8 - Service Desk Data Center\8.3 - Documentos Pessoais\Luis Alberto Ferrreira\#SFT\XGen BV\v5191111\lib\uiimg\desktop.ini</t>
  </si>
  <si>
    <t>\\acsfs\deptos\Engenharia\8 - Service Desk Data Center\8.3 - Documentos Pessoais\Luis Alberto Ferrreira\#SFT\XGen BV\v5191111\lib\uiimg\desktop.ini:Zone.Identifier</t>
  </si>
  <si>
    <t>\\acsfs\deptos\Engenharia\8 - Service Desk Data Center\8.3 - Documentos Pessoais\Luis Alberto Ferrreira\#SFT\XGen BV\v5191111\lib\uiimg\dialog3.png</t>
  </si>
  <si>
    <t>dialog3.png:Zone.Identifier</t>
  </si>
  <si>
    <t>\\acsfs\deptos\Engenharia\8 - Service Desk Data Center\8.3 - Documentos Pessoais\Luis Alberto Ferrreira\#SFT\XGen BV\v5191111\lib\uiimg\dialog3.png:Zone.Identifier</t>
  </si>
  <si>
    <t>\\acsfs\deptos\Engenharia\8 - Service Desk Data Center\8.3 - Documentos Pessoais\Luis Alberto Ferrreira\#SFT\XGen BV\v5191111\lib\uiimg\fb.png</t>
  </si>
  <si>
    <t>fb.png:Zone.Identifier</t>
  </si>
  <si>
    <t>\\acsfs\deptos\Engenharia\8 - Service Desk Data Center\8.3 - Documentos Pessoais\Luis Alberto Ferrreira\#SFT\XGen BV\v5191111\lib\uiimg\fb.png:Zone.Identifier</t>
  </si>
  <si>
    <t>\\acsfs\deptos\Engenharia\8 - Service Desk Data Center\8.3 - Documentos Pessoais\Luis Alberto Ferrreira\#SFT\XGen BV\v5191111\lib\uiimg\humor-bar.png</t>
  </si>
  <si>
    <t>humor-bar.png:Zone.Identifier</t>
  </si>
  <si>
    <t>\\acsfs\deptos\Engenharia\8 - Service Desk Data Center\8.3 - Documentos Pessoais\Luis Alberto Ferrreira\#SFT\XGen BV\v5191111\lib\uiimg\humor-bar.png:Zone.Identifier</t>
  </si>
  <si>
    <t>\\acsfs\deptos\Engenharia\8 - Service Desk Data Center\8.3 - Documentos Pessoais\Luis Alberto Ferrreira\#SFT\XGen BV\v5191111\lib\uiimg\ico_buscar.png</t>
  </si>
  <si>
    <t>ico_buscar.png:Zone.Identifier</t>
  </si>
  <si>
    <t>\\acsfs\deptos\Engenharia\8 - Service Desk Data Center\8.3 - Documentos Pessoais\Luis Alberto Ferrreira\#SFT\XGen BV\v5191111\lib\uiimg\ico_buscar.png:Zone.Identifier</t>
  </si>
  <si>
    <t>\\acsfs\deptos\Engenharia\8 - Service Desk Data Center\8.3 - Documentos Pessoais\Luis Alberto Ferrreira\#SFT\XGen BV\v5191111\lib\uiimg\ico-chat.png</t>
  </si>
  <si>
    <t>ico-chat.png:Zone.Identifier</t>
  </si>
  <si>
    <t>\\acsfs\deptos\Engenharia\8 - Service Desk Data Center\8.3 - Documentos Pessoais\Luis Alberto Ferrreira\#SFT\XGen BV\v5191111\lib\uiimg\ico-chat.png:Zone.Identifier</t>
  </si>
  <si>
    <t>\\acsfs\deptos\Engenharia\8 - Service Desk Data Center\8.3 - Documentos Pessoais\Luis Alberto Ferrreira\#SFT\XGen BV\v5191111\lib\uiimg\ico-close.png</t>
  </si>
  <si>
    <t>ico-close.png:Zone.Identifier</t>
  </si>
  <si>
    <t>\\acsfs\deptos\Engenharia\8 - Service Desk Data Center\8.3 - Documentos Pessoais\Luis Alberto Ferrreira\#SFT\XGen BV\v5191111\lib\uiimg\ico-close.png:Zone.Identifier</t>
  </si>
  <si>
    <t>\\acsfs\deptos\Engenharia\8 - Service Desk Data Center\8.3 - Documentos Pessoais\Luis Alberto Ferrreira\#SFT\XGen BV\v5191111\lib\uiimg\ico-del.png</t>
  </si>
  <si>
    <t>ico-del.png:Zone.Identifier</t>
  </si>
  <si>
    <t>\\acsfs\deptos\Engenharia\8 - Service Desk Data Center\8.3 - Documentos Pessoais\Luis Alberto Ferrreira\#SFT\XGen BV\v5191111\lib\uiimg\ico-del.png:Zone.Identifier</t>
  </si>
  <si>
    <t>\\acsfs\deptos\Engenharia\8 - Service Desk Data Center\8.3 - Documentos Pessoais\Luis Alberto Ferrreira\#SFT\XGen BV\v5191111\lib\uiimg\ico-edit.png</t>
  </si>
  <si>
    <t>ico-edit.png:Zone.Identifier</t>
  </si>
  <si>
    <t>\\acsfs\deptos\Engenharia\8 - Service Desk Data Center\8.3 - Documentos Pessoais\Luis Alberto Ferrreira\#SFT\XGen BV\v5191111\lib\uiimg\ico-edit.png:Zone.Identifier</t>
  </si>
  <si>
    <t>\\acsfs\deptos\Engenharia\8 - Service Desk Data Center\8.3 - Documentos Pessoais\Luis Alberto Ferrreira\#SFT\XGen BV\v5191111\lib\uiimg\ico-edit-2.png</t>
  </si>
  <si>
    <t>ico-edit-2.png:Zone.Identifier</t>
  </si>
  <si>
    <t>\\acsfs\deptos\Engenharia\8 - Service Desk Data Center\8.3 - Documentos Pessoais\Luis Alberto Ferrreira\#SFT\XGen BV\v5191111\lib\uiimg\ico-edit-2.png:Zone.Identifier</t>
  </si>
  <si>
    <t>\\acsfs\deptos\Engenharia\8 - Service Desk Data Center\8.3 - Documentos Pessoais\Luis Alberto Ferrreira\#SFT\XGen BV\v5191111\lib\uiimg\ico-edit-3.png</t>
  </si>
  <si>
    <t>ico-edit-3.png:Zone.Identifier</t>
  </si>
  <si>
    <t>\\acsfs\deptos\Engenharia\8 - Service Desk Data Center\8.3 - Documentos Pessoais\Luis Alberto Ferrreira\#SFT\XGen BV\v5191111\lib\uiimg\ico-edit-3.png:Zone.Identifier</t>
  </si>
  <si>
    <t>\\acsfs\deptos\Engenharia\8 - Service Desk Data Center\8.3 - Documentos Pessoais\Luis Alberto Ferrreira\#SFT\XGen BV\v5191111\lib\uiimg\ico-email.png</t>
  </si>
  <si>
    <t>ico-email.png:Zone.Identifier</t>
  </si>
  <si>
    <t>\\acsfs\deptos\Engenharia\8 - Service Desk Data Center\8.3 - Documentos Pessoais\Luis Alberto Ferrreira\#SFT\XGen BV\v5191111\lib\uiimg\ico-email.png:Zone.Identifier</t>
  </si>
  <si>
    <t>b650fafe-b3f6-4d4f-a759-f2d97b3f148e.tmp</t>
  </si>
  <si>
    <t>\\acsfs\profiles$\leticiala\Downloads\b650fafe-b3f6-4d4f-a759-f2d97b3f148e.tmp</t>
  </si>
  <si>
    <t>efbb1950-98fa-4609-b921-080cf4660f95.tmp</t>
  </si>
  <si>
    <t>\\acsfs\profiles$\leticiala\Downloads\efbb1950-98fa-4609-b921-080cf4660f95.tmp</t>
  </si>
  <si>
    <t>C:\Users\Flavia\Documents\1608\</t>
  </si>
  <si>
    <t>luisafds</t>
  </si>
  <si>
    <t>C:\Users\albertofn\Links\</t>
  </si>
  <si>
    <t>C:\Users\alessandrawp\Contacts\</t>
  </si>
  <si>
    <t>C:\Users\alessandrawp\Desktop\</t>
  </si>
  <si>
    <t>C:\Users\alessandrawp\Documents\</t>
  </si>
  <si>
    <t>C:\Users\alessandrawp\Downloads\</t>
  </si>
  <si>
    <t>C:\Users\alessandrawp\Favorites\</t>
  </si>
  <si>
    <t>C:\Users\alessandrawp\Links\</t>
  </si>
  <si>
    <t>C:\Users\alessandrawp\Music\</t>
  </si>
  <si>
    <t>C:\Users\alessandrawp\Pictures\</t>
  </si>
  <si>
    <t>C:\Users\alessandrawp\Saved Games\</t>
  </si>
  <si>
    <t>C:\Users\alessandrawp\Searches\</t>
  </si>
  <si>
    <t>C:\Users\alessandrawp\Videos\</t>
  </si>
  <si>
    <t>C:\Users\andrezacapf\Links\</t>
  </si>
  <si>
    <t>C:\Users\Angelicacldr\Links\</t>
  </si>
  <si>
    <t>C:\Users\brendadsl\Links\</t>
  </si>
  <si>
    <t>C:\Users\brunnajr\Contacts\</t>
  </si>
  <si>
    <t>C:\Users\brunnajr\Desktop\</t>
  </si>
  <si>
    <t>C:\Users\brunnajr\Documents\</t>
  </si>
  <si>
    <t>C:\Users\brunnajr\Downloads\</t>
  </si>
  <si>
    <t>C:\Users\brunnajr\Favorites\</t>
  </si>
  <si>
    <t>C:\Users\brunnajr\Links\</t>
  </si>
  <si>
    <t>C:\Users\brunnajr\Music\</t>
  </si>
  <si>
    <t>C:\Users\brunnajr\Pictures\</t>
  </si>
  <si>
    <t>C:\Users\brunnajr\Saved Games\</t>
  </si>
  <si>
    <t>C:\Users\brunnajr\Searches\</t>
  </si>
  <si>
    <t>C:\Users\brunnajr\Videos\</t>
  </si>
  <si>
    <t>C:\Program Files(x86)\WorkCenter\</t>
  </si>
  <si>
    <t>cfg.xml</t>
  </si>
  <si>
    <t>unins000.exe</t>
  </si>
  <si>
    <t>C:\Program Files\X-Gen\</t>
  </si>
  <si>
    <t>xgen.exe</t>
  </si>
  <si>
    <t>4efb5e4d-6702-4858-a2a9-dabcd741c2df.tmp</t>
  </si>
  <si>
    <t>\\acsfs\profiles$\alessandraan\Downloads\4efb5e4d-6702-4858-a2a9-dabcd741c2df.tmp</t>
  </si>
  <si>
    <t>adilsonloj@algartech.com</t>
  </si>
  <si>
    <t>cc81450b-9b0c-4125-8e28-7214ad0e45ba;</t>
  </si>
  <si>
    <t>mail.google.com/sync/u/0/i/s?hl=pt-BR&amp;c=308</t>
  </si>
  <si>
    <t>mail.google.com/sync/u/0/i/s?hl=pt-BR&amp;c=310</t>
  </si>
  <si>
    <t>mail.google.com/sync/u/0/i/s?hl=pt-BR&amp;c=313</t>
  </si>
  <si>
    <t>mail.google.com/sync/u/0/i/s?hl=pt-BR&amp;c=315</t>
  </si>
  <si>
    <t>mail.google.com/sync/u/0/i/s?hl=pt-BR&amp;c=317</t>
  </si>
  <si>
    <t>mail.google.com/sync/u/0/i/s?hl=pt-BR&amp;c=319</t>
  </si>
  <si>
    <t>C:\Program Files\WorkCenter\</t>
  </si>
  <si>
    <t>ssce5432.dll</t>
  </si>
  <si>
    <t>C:\Program Files\WorkCenter\lib\assets\dictionary\</t>
  </si>
  <si>
    <t>C:\Program Files\WorkCenter\lib\assets\js\</t>
  </si>
  <si>
    <t>C:\Program Files\WorkCenter\lib\assets\</t>
  </si>
  <si>
    <t>C:\Program Files\WorkCenter\CHANGELOG\css\</t>
  </si>
  <si>
    <t>C:\Program Files\WorkCenter\CHANGELOG\font\</t>
  </si>
  <si>
    <t>C:\Program Files\WorkCenter\CHANGELOG\img\</t>
  </si>
  <si>
    <t>C:\Program Files\WorkCenter\CHANGELOG\lib\</t>
  </si>
  <si>
    <t>C:\Program Files\WorkCenter\CHANGELOG\</t>
  </si>
  <si>
    <t>C:\Program Files\WorkCenter\lex\</t>
  </si>
  <si>
    <t>C:\Program Files\WorkCenter\lib\behaviors\.svn\prop-base\</t>
  </si>
  <si>
    <t>C:\Program Files\WorkCenter\lib\behaviors\.svn\props\</t>
  </si>
  <si>
    <t>C:\Program Files\WorkCenter\lib\behaviors\.svn\text-base\</t>
  </si>
  <si>
    <t>C:\Program Files\WorkCenter\lib\behaviors\.svn\tmp\prop-base\</t>
  </si>
  <si>
    <t>C:\Program Files\WorkCenter\lib\behaviors\.svn\tmp\props\</t>
  </si>
  <si>
    <t>C:\Program Files\WorkCenter\lib\behaviors\.svn\tmp\text-base\</t>
  </si>
  <si>
    <t>C:\Program Files\WorkCenter\lib\behaviors\.svn\tmp\</t>
  </si>
  <si>
    <t>C:\Program Files\WorkCenter\lib\behaviors\.svn\</t>
  </si>
  <si>
    <t>C:\Program Files\WorkCenter\lib\behaviors\</t>
  </si>
  <si>
    <t>C:\Program Files\WorkCenter\lib\styles\</t>
  </si>
  <si>
    <t>C:\Program Files\WorkCenter\lib\uicss\</t>
  </si>
  <si>
    <t>C:\Program Files\WorkCenter\lib\uiimg\</t>
  </si>
  <si>
    <t>C:\Program Files\WorkCenter\lib\</t>
  </si>
  <si>
    <t>\\acsfs\profiles$\Angelicacldr\My Documents\xworkcenter\lex\</t>
  </si>
  <si>
    <t>\\acsfs\profiles$\Angelicacldr\My Documents\xworkcenter\lex\temp.tlx</t>
  </si>
  <si>
    <t>calendário de governança_2020 (6).xlsx</t>
  </si>
  <si>
    <t>mail.google.com/sync/u/0/i/s?hl=pt-BR&amp;c=325</t>
  </si>
  <si>
    <t>mail.google.com/sync/u/0/i/s?hl=pt-BR&amp;c=327</t>
  </si>
  <si>
    <t>mail.google.com/sync/u/0/i/s?hl=pt-BR&amp;c=331</t>
  </si>
  <si>
    <t>mail.google.com/sync/u/0/i/s?hl=pt-BR&amp;c=334</t>
  </si>
  <si>
    <t>Atestado Bruna.pdf</t>
  </si>
  <si>
    <t>atestado Kamilla chat.pdf</t>
  </si>
  <si>
    <t>ATESTADO BRUNNA.xlsx</t>
  </si>
  <si>
    <t>mail.google.com/sync/u/0/i/s?hl=pt-BR&amp;c=122</t>
  </si>
  <si>
    <t>mail.google.com/sync/u/0/i/s?hl=pt-BR&amp;c=127</t>
  </si>
  <si>
    <t>mail.google.com/sync/u/0/i/s?hl=pt-BR&amp;c=138</t>
  </si>
  <si>
    <t>angelinegn@algartech.com;flaviavm@algartech.com.br;inacioaf@algartech.com;inacioaf@algartech.com.br;lucieneili@algartech.com;</t>
  </si>
  <si>
    <t>\\acsfs\ACS\Suporte à Operações\01 - Prévias\2019\12 - Dezembro\</t>
  </si>
  <si>
    <t>Previa Dezembro..xlsm</t>
  </si>
  <si>
    <t>angelinegn@algartech.com,flaviavm@algartech.com.br,inacioaf@algartech.com,inacioaf@algartech.com.br,lucieneili@algartech.com</t>
  </si>
  <si>
    <t>1b36f0c8-856c-4a73-8796-33c321cddcb3.tmp</t>
  </si>
  <si>
    <t>\\acsfs\profiles$\adrielyas\Downloads\1b36f0c8-856c-4a73-8796-33c321cddcb3.tmp</t>
  </si>
  <si>
    <t>calendário de governança_2020 (7).xlsx</t>
  </si>
  <si>
    <t>\\acsfs\dsti\CITIM - Coordenação de Infra TI Implantação\Projetos\EM IMPLANTAÇÃO\SAGE\NOVO FATURAMENTO\2018\12 - Dezembro\</t>
  </si>
  <si>
    <t>mail.google.com/sync/u/0/i/s?hl=pt-BR&amp;c=338</t>
  </si>
  <si>
    <t>mail.google.com/sync/u/0/i/s?hl=pt-BR&amp;c=340</t>
  </si>
  <si>
    <t>mail.google.com/sync/u/0/i/s?hl=pt-BR&amp;c=344</t>
  </si>
  <si>
    <t>mail.google.com/sync/u/0/i/s?hl=pt-BR&amp;c=347</t>
  </si>
  <si>
    <t>mail.google.com/sync/u/0/i/s?hl=pt-BR&amp;c=349</t>
  </si>
  <si>
    <t>TALITA SANTOS SILVA CASTRO (10602).contact</t>
  </si>
  <si>
    <t>\\acsfs\profiles$\talitassc\Contacts\TALITA SANTOS SILVA CASTRO (10602).contact</t>
  </si>
  <si>
    <t>95996fc9-7b93-489b-84c2-ff36e50197a1.tmp</t>
  </si>
  <si>
    <t>\\acsfs\profiles$\felipetds\Downloads\95996fc9-7b93-489b-84c2-ff36e50197a1.tmp</t>
  </si>
  <si>
    <t>67358ef4-b239-4128-a88e-419021242772.tmp</t>
  </si>
  <si>
    <t>\\acsfs\profiles$\deborahsi\Downloads\67358ef4-b239-4128-a88e-419021242772.tmp</t>
  </si>
  <si>
    <t>48291eeb-db3a-490e-a6f4-5c03ed77c944.tmp</t>
  </si>
  <si>
    <t>\\acsfs\profiles$\larissaad\Downloads\48291eeb-db3a-490e-a6f4-5c03ed77c944.tmp</t>
  </si>
  <si>
    <t>c:\users\robsonams\downloads\</t>
  </si>
  <si>
    <t>kit_pre_deslig_disp_sem_justa_causa_ind_98787_layssa lino da luz (1).pdf</t>
  </si>
  <si>
    <t>Mailing Confirmação de Agenda.xlsx</t>
  </si>
  <si>
    <t>D:\OneDrive\AlgarTech\Pré-Vendas\Cliente\2019\Algar Telecom\218479 - UpgradeSAP - Fiori - Faber Castell\</t>
  </si>
  <si>
    <t>214360_Preco_rev01.xlsb</t>
  </si>
  <si>
    <t>be29883b-7785-49ed-bedb-dd6fbf552b29.tmp</t>
  </si>
  <si>
    <t>\\acsfs\profiles$\geovannasm\Downloads\be29883b-7785-49ed-bedb-dd6fbf552b29.tmp</t>
  </si>
  <si>
    <t>mail.google.com/_/upload?authuser=0&amp;dcp=asu-n&amp;upload_id=AEnB2UpY8v-XKWJN5NHxPn4g86BVuXnhv9pciydGw1KhtMsRC-D8_uF2OhzzSIbCX1-4o3OAf7XPmQZXgTU6-k4zToeCFcYYTYbenTYN_TpmWTbd2zFtbos&amp;upload_protocol=resumable</t>
  </si>
  <si>
    <t>Bases Ativos Consolidados - Dezembro.xlsx</t>
  </si>
  <si>
    <t>0a479c6f-136a-4218-925c-43de9d297b4f.tmp</t>
  </si>
  <si>
    <t>\\acsfs\profiles$\gabrielarb\Downloads\0a479c6f-136a-4218-925c-43de9d297b4f.tmp</t>
  </si>
  <si>
    <t>BANCO BRADESCO CARTOES - NOVEMBRO.xlsx</t>
  </si>
  <si>
    <t>DAF 4.0.xlsx</t>
  </si>
  <si>
    <t>C:\Users\marcoab\Desktop\Prevenção de Fraude - Banco Pan.pptx\</t>
  </si>
  <si>
    <t>c8e20771-e7d0-47e8-85d6-bf09064c7814.tmp</t>
  </si>
  <si>
    <t>\\acsfs\profiles$\PEDROHAB\Downloads\c8e20771-e7d0-47e8-85d6-bf09064c7814.tmp</t>
  </si>
  <si>
    <t>e0499449-080e-449c-9531-8130c424828e.tmp</t>
  </si>
  <si>
    <t>\\acsfs\profiles$\luanarda\Downloads\e0499449-080e-449c-9531-8130c424828e.tmp</t>
  </si>
  <si>
    <t>mail.google.com/_/upload?authuser=0&amp;dcp=asu-n&amp;upload_id=AEnB2Uq-6iuXZkpcY9-AawpcmSBXL3h4RkAhNJeO7h17GhVaqUg1LvDwthuznfxunGfqIcpNLcNWuHyqyshuCyHkTOMFJ1Kw2w&amp;upload_protocol=resumable</t>
  </si>
  <si>
    <t>alessandroam@algartech.com;juridicocontratosdeclientesalgartech@algartech.com;luanafs@algartech.com;si@algartech.com;</t>
  </si>
  <si>
    <t>C:\INFORMAÇÕES CLIENTES SOLLERO\COMFRIO SOLUÇÕES LOGISTICAS SA\FATURAMENTO\122019\</t>
  </si>
  <si>
    <t>RDS_COMFRIO_05_12.xlsx</t>
  </si>
  <si>
    <t>alessandroam@algartech.com,juridicocontratosdeclientesalgartech@algartech.com,luanafs@algartech.com,si@algartech.com</t>
  </si>
  <si>
    <t>75a3f4d2-ae6a-4420-90e4-eb5a40289503.tmp</t>
  </si>
  <si>
    <t>\\acsfs\profiles$\DALVADFB\Downloads\75a3f4d2-ae6a-4420-90e4-eb5a40289503.tmp</t>
  </si>
  <si>
    <t>ddbb2e4b-ed49-4497-9e8d-056d894dde10.tmp</t>
  </si>
  <si>
    <t>\\acsfs\profiles$\paulovadc\Downloads\ddbb2e4b-ed49-4497-9e8d-056d894dde10.tmp</t>
  </si>
  <si>
    <t>mail.google.com/_/upload?authuser=0&amp;dcp=asu-n&amp;upload_id=AEnB2Uoh2Ik34XvraBg0ceflMaA9rfW5OvwUi0PEw2ZkElwLx78ufSzwQWsU0vDJO1NE6BZYZrOocsblNBT64ubaKPQeh729haAIqt19HJTjTvl6G6lV07c&amp;upload_protocol=resumable</t>
  </si>
  <si>
    <t>C:\Users\rodolfogv\Desktop\Eficiencia Energética\Estudos\</t>
  </si>
  <si>
    <t>BP Estudo UPS - 19.12.10.xlsx</t>
  </si>
  <si>
    <t>df9749f6-8297-4b73-9b00-8b0973fb8700.tmp</t>
  </si>
  <si>
    <t>\\acsfs\profiles$\gabrielafs\Downloads\df9749f6-8297-4b73-9b00-8b0973fb8700.tmp</t>
  </si>
  <si>
    <t>d7f04ee0-311f-4b12-abe9-f36f472e84d7.tmp</t>
  </si>
  <si>
    <t>\\acsfs\profiles$\gabrielafs\Downloads\d7f04ee0-311f-4b12-abe9-f36f472e84d7.tmp</t>
  </si>
  <si>
    <t>a4e71fdc-988f-43fb-b35e-e06e1f9a47cb.tmp</t>
  </si>
  <si>
    <t>\\acsfs\profiles$\gabrielafs\Downloads\a4e71fdc-988f-43fb-b35e-e06e1f9a47cb.tmp</t>
  </si>
  <si>
    <t>f3c9c83c-66b1-4459-9a82-b8b29b825cad.tmp</t>
  </si>
  <si>
    <t>\\acsfs\profiles$\gabrielafs\Downloads\f3c9c83c-66b1-4459-9a82-b8b29b825cad.tmp</t>
  </si>
  <si>
    <t>a1b9171b-abd7-48f5-993d-0fb2a226c967.tmp</t>
  </si>
  <si>
    <t>\\acsfs\profiles$\gabrielafs\Downloads\a1b9171b-abd7-48f5-993d-0fb2a226c967.tmp</t>
  </si>
  <si>
    <t>de2e9cae-fa98-4a22-93c9-d3d9aeae468a.tmp</t>
  </si>
  <si>
    <t>\\acsfs\profiles$\gabrielafs\Downloads\de2e9cae-fa98-4a22-93c9-d3d9aeae468a.tmp</t>
  </si>
  <si>
    <t>Relatorio de Vendas - Auditoria BV Cartoes (Dezembro)__3.xlsx</t>
  </si>
  <si>
    <t>\\acsfs\DEPTOS\Operacao\Banco_Votorantim\Qualidade\Anderson\Jose\Relatorio de Vendas - Auditoria BV Cartoes (Dezembro)__3.xlsx</t>
  </si>
  <si>
    <t>218479_Preco_rev01.xlsb</t>
  </si>
  <si>
    <t>fb5ec50c-c50d-4adf-ab99-3bb9f18933ce.tmp</t>
  </si>
  <si>
    <t>\\acsfs\profiles$\alicecpbc\Downloads\fb5ec50c-c50d-4adf-ab99-3bb9f18933ce.tmp</t>
  </si>
  <si>
    <t>https://cscatende.algarnet.com.br/html/sys/syssolicitante9/incident/request/etapas/nextetapa.php</t>
  </si>
  <si>
    <t>30741;</t>
  </si>
  <si>
    <t>https://30741</t>
  </si>
  <si>
    <t>https://cscatende.algarnet.com.br/framework/formxml/ajax/gridformxml.php</t>
  </si>
  <si>
    <t>ce494111-dbea-4f04-81e1-7237b72f6a22.tmp</t>
  </si>
  <si>
    <t>\\acsfs\profiles$\DALVADFB\Downloads\ce494111-dbea-4f04-81e1-7237b72f6a22.tmp</t>
  </si>
  <si>
    <t>0b38b253-ced2-42e1-a5e3-68462677ea69.tmp</t>
  </si>
  <si>
    <t>\\acsfs\profiles$\DALVADFB\Downloads\0b38b253-ced2-42e1-a5e3-68462677ea69.tmp</t>
  </si>
  <si>
    <t>e838f743-3c0e-4880-9fa4-1060bc8b7dc3.tmp</t>
  </si>
  <si>
    <t>\\acsfs\profiles$\deborahsi\Downloads\e838f743-3c0e-4880-9fa4-1060bc8b7dc3.tmp</t>
  </si>
  <si>
    <t>\\acsfs\DEPTOS\Operacao\Banco_Votorantim\Supervisao\SUPERS BV CARTÕES\</t>
  </si>
  <si>
    <t>BANCO DE DADOS - OPERAÇÃO.xlsx</t>
  </si>
  <si>
    <t>\\acsfs\DEPTOS\Operacao\Banco_Votorantim\Supervisao\SUPERS BV CARTÕES\BANCO DE DADOS - OPERAÇÃO.xlsx</t>
  </si>
  <si>
    <t>LARA NUBIA MARQUES GOMES (30).contact</t>
  </si>
  <si>
    <t>\\acsfs\profiles$\laranmg\Contacts\LARA NUBIA MARQUES GOMES (30).contact</t>
  </si>
  <si>
    <t>\\acsfs\profiles$\laranmg\My Documents\My Videos\</t>
  </si>
  <si>
    <t>\\acsfs\profiles$\laranmg\My Documents\My Videos\desktop.ini</t>
  </si>
  <si>
    <t>\\acsfs\profiles$\laranmg\My Documents\My Pictures\</t>
  </si>
  <si>
    <t>\\acsfs\profiles$\laranmg\My Documents\My Pictures\desktop.ini</t>
  </si>
  <si>
    <t>\\acsfs\profiles$\laranmg\Contacts\desktop.ini</t>
  </si>
  <si>
    <t>\\acsfs\profiles$\laranmg\Favorites\</t>
  </si>
  <si>
    <t>\\acsfs\profiles$\laranmg\Favorites\desktop.ini</t>
  </si>
  <si>
    <t>\\acsfs\profiles$\laranmg\My Documents\My Music\</t>
  </si>
  <si>
    <t>\\acsfs\profiles$\laranmg\My Documents\My Music\desktop.ini</t>
  </si>
  <si>
    <t>\\acsfs\profiles$\laranmg\Searches\</t>
  </si>
  <si>
    <t>\\acsfs\profiles$\laranmg\Searches\desktop.ini</t>
  </si>
  <si>
    <t>\\acsfs\profiles$\laranmg\Downloads\</t>
  </si>
  <si>
    <t>\\acsfs\profiles$\laranmg\Downloads\desktop.ini</t>
  </si>
  <si>
    <t>\\acsfs\profiles$\laranmg\My Documents\desktop.ini</t>
  </si>
  <si>
    <t>\\acsfs\profiles$\laranmg\Saved Games\</t>
  </si>
  <si>
    <t>\\acsfs\profiles$\laranmg\Saved Games\desktop.ini</t>
  </si>
  <si>
    <t>\\acsfs\profiles$\laranmg\Favorites\Links for Brasil\desktop.ini</t>
  </si>
  <si>
    <t>Microanálise 20191211.xlsm</t>
  </si>
  <si>
    <t>mail.google.com/_/upload?authuser=0&amp;dcp=asu-n&amp;upload_id=AEnB2UoUIET7KS5q_3RH4Ee00aDkvG95qJwGODFBoIiquajN3wN8BWZxe0ywPg-1cOxy7duE4IIWxfkSUzXMqFbUxVEgkHKmfQ&amp;upload_protocol=resumable</t>
  </si>
  <si>
    <t>asoares@tribanco.com.br;carlosadcj@algartech.com;cynthiaf@tripag.com.br;kamilap@tripag.com.br;leonardoao@algartech.com;lfonseca@tripag.com.br;lrocha@tribanco.com.br;lucasfs@tribanco.com.br;lucianarba@algartecnologia.com.br;marcosnf@tripag.com.br;robertaib@algartech.com;victorsm@algartech.com;</t>
  </si>
  <si>
    <t>asoares@tribanco.com.br,carlosadcj@algartech.com,cynthiaf@tripag.com.br,kamilap@tripag.com.br,leonardoao@algartech.com,lfonseca@tripag.com.br,lrocha@tribanco.com.br,lucasfs@tribanco.com.br,lucianarba@algartecnologia.com.br,marcosnf@tripag.com.br,robertaib@algartech.com,victorsm@algartech.com</t>
  </si>
  <si>
    <t>mail.google.com/_/upload?authuser=0&amp;dcp=asu-n&amp;upload_id=AEnB2UqM-yEA5y6PeAFPgQ4tkUutmc2vQKLxCkCwanxHjvOi0FgmeR8K_mun2WPglTUp9JXh6PehhSJWOLk3hqdMpJF2ePmNxQ&amp;upload_protocol=resumable</t>
  </si>
  <si>
    <t>afecab2d-70ac-462f-8ba3-93d8263f25e9.tmp</t>
  </si>
  <si>
    <t>\\acsfs\profiles$\DALVADFB\Downloads\afecab2d-70ac-462f-8ba3-93d8263f25e9.tmp</t>
  </si>
  <si>
    <t>4b932bfe-2585-4022-bc67-299da6970701.tmp</t>
  </si>
  <si>
    <t>\\acsfs\profiles$\sarahbal\Downloads\4b932bfe-2585-4022-bc67-299da6970701.tmp</t>
  </si>
  <si>
    <t>\\acsfs\DEPTOS\Operacao\Banco_Votorantim\Supervisao\SUPERS BV CARTÕES\ADILSON\</t>
  </si>
  <si>
    <t>Escala Sábado Supervisores.xlsx</t>
  </si>
  <si>
    <t>\\acsfs\DEPTOS\Operacao\Banco_Votorantim\Supervisao\SUPERS BV CARTÕES\ADILSON\Escala Sábado Supervisores.xlsx</t>
  </si>
  <si>
    <t>44d70983-5fb1-40fc-a670-621a5f5f5575.tmp</t>
  </si>
  <si>
    <t>\\acsfs\profiles$\larissaad\Downloads\44d70983-5fb1-40fc-a670-621a5f5f5575.tmp</t>
  </si>
  <si>
    <t>490cca20-0d31-4c03-baaa-7d2d2896c913.tmp</t>
  </si>
  <si>
    <t>\\acsfs\profiles$\raicabog\Downloads\490cca20-0d31-4c03-baaa-7d2d2896c913.tmp</t>
  </si>
  <si>
    <t>Compras Ecommerce Boticario.xlsx</t>
  </si>
  <si>
    <t>Componentes digitais.xlsx</t>
  </si>
  <si>
    <t>b8231703-ae82-490a-9655-b5f73d0537be.tmp</t>
  </si>
  <si>
    <t>\\acsfs\profiles$\gabrielafs\Downloads\b8231703-ae82-490a-9655-b5f73d0537be.tmp</t>
  </si>
  <si>
    <t>LINKS SAC.CONSIGNADO.txt</t>
  </si>
  <si>
    <t>\\acsfs\DEPTOS\Operacao\Banco_Votorantim\Qualidade\LINKS SAC.CONSIGNADO.txt</t>
  </si>
  <si>
    <t>b85a62b4-3e3c-4dc6-999c-c9922fde3317.tmp</t>
  </si>
  <si>
    <t>\\acsfs\profiles$\KARENDSR\Downloads\b85a62b4-3e3c-4dc6-999c-c9922fde3317.tmp</t>
  </si>
  <si>
    <t>2b7d49fb-2fcd-4eb9-8b77-6614c9153e13.tmp</t>
  </si>
  <si>
    <t>\\acsfs\profiles$\gabrielarb\Downloads\2b7d49fb-2fcd-4eb9-8b77-6614c9153e13.tmp</t>
  </si>
  <si>
    <t>C:\Users\elainemdlp\OD\_Projetos\Em andamento\Lei do Bem\Projetos\</t>
  </si>
  <si>
    <t>MIGRACAO RCP PJ.xlsx</t>
  </si>
  <si>
    <t>f4a7626b-9a7d-4668-85f9-c5c07fe183e1.tmp</t>
  </si>
  <si>
    <t>\\acsfs\profiles$\raicabog\Downloads\f4a7626b-9a7d-4668-85f9-c5c07fe183e1.tmp</t>
  </si>
  <si>
    <t>f6d83443-061c-42d6-9728-cfa5aa4808aa.tmp</t>
  </si>
  <si>
    <t>\\acsfs\profiles$\raicabog\Downloads\f6d83443-061c-42d6-9728-cfa5aa4808aa.tmp</t>
  </si>
  <si>
    <t>mail.google.com/_/upload?authuser=2&amp;dcp=asu-n&amp;upload_id=AEnB2Up9FPcGGcsNqqq-f5hj91IfQzDJgetwRAc-Kf41j6GxsFfNIIr5KR3zWmVkRBH0Yo-v_n4y9DxRc6dhi7MAIB5WMPat5w&amp;upload_protocol=resumable</t>
  </si>
  <si>
    <t>next - Acompanhamento Produtividade Oficial - DEZ.xlsx</t>
  </si>
  <si>
    <t>Importar_Quadro_Colaboradores_Sinergy - Quille (1).xlsx</t>
  </si>
  <si>
    <t>ef60f94e-6d3b-4f62-81b0-e86fab6998ca.tmp</t>
  </si>
  <si>
    <t>\\acsfs\profiles$\isabellegtds\Downloads\ef60f94e-6d3b-4f62-81b0-e86fab6998ca.tmp</t>
  </si>
  <si>
    <t>1f3eb5c6-8793-4c74-848b-7f8a52f9c9fb.tmp</t>
  </si>
  <si>
    <t>\\acsfs\profiles$\DALVADFB\Downloads\1f3eb5c6-8793-4c74-848b-7f8a52f9c9fb.tmp</t>
  </si>
  <si>
    <t>792bde68-0e6d-4b65-8747-492417514bfe.tmp</t>
  </si>
  <si>
    <t>\\acsfs\profiles$\gabrielafs\Downloads\792bde68-0e6d-4b65-8747-492417514bfe.tmp</t>
  </si>
  <si>
    <t>c2c52580-4cca-4793-ae58-82aca1d932a4.tmp</t>
  </si>
  <si>
    <t>\\acsfs\profiles$\deboraaa\Downloads\c2c52580-4cca-4793-ae58-82aca1d932a4.tmp</t>
  </si>
  <si>
    <t>ALERTA ERRO FATAL VIVIAN.PNG</t>
  </si>
  <si>
    <t>\\acsfs\DEPTOS\Operacao\Banco_Votorantim\Qualidade\Eliane\ALERTA ERRO FATAL VIVIAN.PNG</t>
  </si>
  <si>
    <t>\\acsfs\DEPTOS\Operacao\Banco_Votorantim\Supervisao\SUPERS BV CARTÕES\ADILSON\Vendas\</t>
  </si>
  <si>
    <t>Controle Vendas Dezembro.xlsx</t>
  </si>
  <si>
    <t>\\acsfs\DEPTOS\Operacao\Banco_Votorantim\Supervisao\SUPERS BV CARTÕES\ADILSON\Vendas\Controle Vendas Dezembro.xlsx</t>
  </si>
  <si>
    <t>a6e9ab40-3385-455b-85a4-b397fce5f648.tmp</t>
  </si>
  <si>
    <t>\\acsfs\profiles$\gabrielafs\Downloads\a6e9ab40-3385-455b-85a4-b397fce5f648.tmp</t>
  </si>
  <si>
    <t>1b6ba196-cf8b-4898-9b96-399de1ef9dc5.tmp</t>
  </si>
  <si>
    <t>\\acsfs\profiles$\gabrielarb\Downloads\1b6ba196-cf8b-4898-9b96-399de1ef9dc5.tmp</t>
  </si>
  <si>
    <t>mail.google.com/_/upload?authuser=1&amp;dcp=asu-n&amp;upload_id=AEnB2Uo_d8q0wKYww7ESe_CgDISsmSDSObT3rkI8elt-SAgzD0WEy78k2DoQAxdBsAHm3vk5pL-U0zvIifjug57WhZ2YgJ-5OD-Hv7QLdj3_-7HfALqLuXU&amp;upload_protocol=resumable</t>
  </si>
  <si>
    <t>\\acsfs\DEPTOS\Operacao\Banco_Votorantim\Supervisao\SUPERS BV CARTÕES\Thumbs.db</t>
  </si>
  <si>
    <t>f0c17bf8-d796-4653-bd62-1b48ae6a931e.tmp</t>
  </si>
  <si>
    <t>\\acsfs\profiles$\larissaad\Downloads\f0c17bf8-d796-4653-bd62-1b48ae6a931e.tmp</t>
  </si>
  <si>
    <t>\\udpimgap01\Base de Conhecimento Data Center\02 - Arquivos Comuns\2.4 - Suporte Backup e Restore\Equipe Backup Restore\2.4.1 - Documentacao\2.5.6 Políticas de Backup\COMFRIO\</t>
  </si>
  <si>
    <t>Política Backup COMFRIO - CAMPINAS.xlsx</t>
  </si>
  <si>
    <t>RES: Painel Regulamentado PJ - Prazo SACL</t>
  </si>
  <si>
    <t>Operação PJ BACEN.xlsx</t>
  </si>
  <si>
    <t>96a50af9-bc41-43d9-a081-544781e77d0c.tmp</t>
  </si>
  <si>
    <t>\\acsfs\profiles$\KARENDSR\Downloads\96a50af9-bc41-43d9-a081-544781e77d0c.tmp</t>
  </si>
  <si>
    <t>mail.google.com/sync/u/0/i/s?hl=pt-BR&amp;c=19</t>
  </si>
  <si>
    <t>c79cb77f-b348-436c-b202-5955167e41f0.tmp</t>
  </si>
  <si>
    <t>\\acsfs\profiles$\paulovadc\Downloads\c79cb77f-b348-436c-b202-5955167e41f0.tmp</t>
  </si>
  <si>
    <t>be776fcd-d164-4f40-a4fd-ebc2e462af3d.tmp</t>
  </si>
  <si>
    <t>\\acsfs\profiles$\adrielyas\Downloads\be776fcd-d164-4f40-a4fd-ebc2e462af3d.tmp</t>
  </si>
  <si>
    <t>10.200.66.89</t>
  </si>
  <si>
    <t>D0-94-66-B5-5D-62</t>
  </si>
  <si>
    <t>VOTORANT-ACB013</t>
  </si>
  <si>
    <t>valeriasda</t>
  </si>
  <si>
    <t>\\acsfs\profiles$\valeriasda\Downloads\</t>
  </si>
  <si>
    <t>b545cc2e-a8ab-416b-95d5-d8b8ce029b3f.tmp</t>
  </si>
  <si>
    <t>\\acsfs\profiles$\valeriasda\Downloads\b545cc2e-a8ab-416b-95d5-d8b8ce029b3f.tmp</t>
  </si>
  <si>
    <t>efae666b-6c08-4268-8988-903c2ade7eba.tmp</t>
  </si>
  <si>
    <t>\\acsfs\profiles$\valeriasda\Downloads\efae666b-6c08-4268-8988-903c2ade7eba.tmp</t>
  </si>
  <si>
    <t>faf8acd5-2a5a-40c7-928b-6c9d9a8edad5.tmp</t>
  </si>
  <si>
    <t>\\acsfs\profiles$\valeriasda\Downloads\faf8acd5-2a5a-40c7-928b-6c9d9a8edad5.tmp</t>
  </si>
  <si>
    <t>10.16.72.116</t>
  </si>
  <si>
    <t>mail.google.com/_/upload?authuser=0&amp;dcp=asu-n&amp;upload_id=AEnB2UrqRzdZtOn1zJMapJUn7KMiUmtcKMYdutvdK1EjEAAFwbr7ljfISbnHwsLfTnMPfj5D8Ffn7Dc7PI4Bh2RnaDVkV3Vrng&amp;upload_protocol=resumable</t>
  </si>
  <si>
    <t>CHEVES ANF-31 J.xlsx</t>
  </si>
  <si>
    <t>evertonpdsr@algartech.com.br;renatass@algartech.com.br;</t>
  </si>
  <si>
    <t>ENC: Inclusão Empresas na UNE Amex - 11/12</t>
  </si>
  <si>
    <t>29 - CONSOLIDADO INCLUSÃO UNE AMEX - 11.12.19.xlsx</t>
  </si>
  <si>
    <t>evertonpdsr@algartech.com.br,renatass@algartech.com.br</t>
  </si>
  <si>
    <t>1710c392-e1b1-4cb9-ad72-827a9773cf40.tmp</t>
  </si>
  <si>
    <t>\\acsfs\profiles$\gabrielhca\Downloads\1710c392-e1b1-4cb9-ad72-827a9773cf40.tmp</t>
  </si>
  <si>
    <t>6ed19755-7c5a-48bb-847c-63bc0371aa7c.tmp</t>
  </si>
  <si>
    <t>\\acsfs\profiles$\kellzylenneasr\Downloads\6ed19755-7c5a-48bb-847c-63bc0371aa7c.tmp</t>
  </si>
  <si>
    <t>10.200.66.216</t>
  </si>
  <si>
    <t>D0-94-66-B5-4E-72</t>
  </si>
  <si>
    <t>VOTORANT-AFB021</t>
  </si>
  <si>
    <t>dd6209fb-efe4-4b09-9e72-19f644eb7d99.tmp</t>
  </si>
  <si>
    <t>\\acsfs\profiles$\YASMINSC\Downloads\dd6209fb-efe4-4b09-9e72-19f644eb7d99.tmp</t>
  </si>
  <si>
    <t>10.12.242.229</t>
  </si>
  <si>
    <t>/o=exchangelabs/ou=exchange administrative group (fydibohf23spdlt)/cn=recipients/cn=2b68c5c9701540eb8fd871ac41d57b98-michael vic;/o=exchangelabs/ou=exchange administrative group (fydibohf23spdlt)/cn=recipients/cn=b284454839e94314a90d49e7ec00864f-antonio car;/o=exchangelabs/ou=exchange administrative group (fydibohf23spdlt)/cn=recipients/cn=b712c36eebee42428d3790abe2696417-romario gom;</t>
  </si>
  <si>
    <t>ENC: Envio de imagem rede segregada next</t>
  </si>
  <si>
    <t>ENC Rede Segregada .msg\s1\</t>
  </si>
  <si>
    <t>/o=exchangelabs/ou=exchange administrative group (fydibohf23spdlt)/cn=recipients/cn=2b68c5c9701540eb8fd871ac41d57b98-michael vic,/o=exchangelabs/ou=exchange administrative group (fydibohf23spdlt)/cn=recipients/cn=b284454839e94314a90d49e7ec00864f-antonio car,/o=exchangelabs/ou=exchange administrative group (fydibohf23spdlt)/cn=recipients/cn=b712c36eebee42428d3790abe2696417-romario gom</t>
  </si>
  <si>
    <t>https://webpoolbl20a29.infra.lync.com/webticket/webticketservice.svc/oauth</t>
  </si>
  <si>
    <t>f0a6cd23-5fb3-4e54-bd2c-c17e1024b7ea.tmp</t>
  </si>
  <si>
    <t>\\acsfs\profiles$\marcellewdl\Downloads\f0a6cd23-5fb3-4e54-bd2c-c17e1024b7ea.tmp</t>
  </si>
  <si>
    <t>374df611-7d54-4ad0-a332-e1a015a02806.tmp</t>
  </si>
  <si>
    <t>\\acsfs\profiles$\kellzylenneasr\Downloads\374df611-7d54-4ad0-a332-e1a015a02806.tmp</t>
  </si>
  <si>
    <t>15652f52-49e2-43a3-897b-9e053218610f.tmp</t>
  </si>
  <si>
    <t>\\acsfs\profiles$\isabellegtds\Downloads\15652f52-49e2-43a3-897b-9e053218610f.tmp</t>
  </si>
  <si>
    <t>f17f21f8-f1b9-4377-a462-1b780e44bdf1.tmp</t>
  </si>
  <si>
    <t>\\acsfs\profiles$\isabellegtds\Downloads\f17f21f8-f1b9-4377-a462-1b780e44bdf1.tmp</t>
  </si>
  <si>
    <t>23797ac1-cd92-4094-ab02-ac8be21e1d80.tmp</t>
  </si>
  <si>
    <t>\\acsfs\profiles$\larissaad\Downloads\23797ac1-cd92-4094-ab02-ac8be21e1d80.tmp</t>
  </si>
  <si>
    <t>mail.google.com/_/upload?authuser=0&amp;dcp=asu-n&amp;upload_id=AEnB2Ur9AX0YoxjebpUnwjK44oJ4IyVrTk0n8Eswz0JBoJqqj5v9K2xUx9iGXQxHhJXYoLjKMM9aP87Vpr5ALGLyKb-7hu6X0Q&amp;upload_protocol=resumable</t>
  </si>
  <si>
    <t>C:\Users\leandrom\Desktop\RUFF.zip\RUFF\</t>
  </si>
  <si>
    <t>Report-RDS-RUFF-03-12-2019-Disabled.csv</t>
  </si>
  <si>
    <t>Report-RDS-RUFF-03-12-2019-lastlogin.csv</t>
  </si>
  <si>
    <t>Report-RDS-RUFF-03-12-2019-LocalGroups.csv</t>
  </si>
  <si>
    <t>Report-RDS-RUFF-03-12-2019-ROLES.csv</t>
  </si>
  <si>
    <t>Report-RDS-RUFF-12-12-2019-Disabled.csv</t>
  </si>
  <si>
    <t>Report-RDS-RUFF-12-12-2019-lastlogin.csv</t>
  </si>
  <si>
    <t>Report-RDS-RUFF-12-12-2019-LocalGroups.csv</t>
  </si>
  <si>
    <t>Report-RDS-RUFF-12-12-2019-ROLES.csv</t>
  </si>
  <si>
    <t>Report-RUFF-Domain Admins.csv</t>
  </si>
  <si>
    <t>Report-RUFF-Enterprise_Admins.csv</t>
  </si>
  <si>
    <t>Report-RUFF-Terminal Server Computers.csv</t>
  </si>
  <si>
    <t>Report-RUFF-Terminal Service Client.csv</t>
  </si>
  <si>
    <t>Report-RUFF-Usuarios.csv</t>
  </si>
  <si>
    <t>cadc8167-aca9-442c-8acc-77f4782cd98d.tmp</t>
  </si>
  <si>
    <t>\\acsfs\profiles$\geovannasm\Downloads\cadc8167-aca9-442c-8acc-77f4782cd98d.tmp</t>
  </si>
  <si>
    <t>da956996-f0f5-46f3-b03e-ff6c5f1b95e0.tmp</t>
  </si>
  <si>
    <t>\\acsfs\profiles$\geovannasm\Downloads\da956996-f0f5-46f3-b03e-ff6c5f1b95e0.tmp</t>
  </si>
  <si>
    <t>6983dcbc-5bd9-4b29-a31b-74c5b8742c59.tmp</t>
  </si>
  <si>
    <t>\\acsfs\profiles$\isabellegtds\Downloads\6983dcbc-5bd9-4b29-a31b-74c5b8742c59.tmp</t>
  </si>
  <si>
    <t>c18bec09-255b-4b6a-9f6a-35166b68cce9.tmp</t>
  </si>
  <si>
    <t>\\acsfs\profiles$\isabellegtds\Downloads\c18bec09-255b-4b6a-9f6a-35166b68cce9.tmp</t>
  </si>
  <si>
    <t>42073f0a-0ebf-43af-aca6-ada38a2b4ec1.tmp</t>
  </si>
  <si>
    <t>\\acsfs\profiles$\isabellegtds\Downloads\42073f0a-0ebf-43af-aca6-ada38a2b4ec1.tmp</t>
  </si>
  <si>
    <t>7d2f742e-512f-479a-b9b0-7af34e198a86.tmp</t>
  </si>
  <si>
    <t>\\acsfs\profiles$\felipetds\Downloads\7d2f742e-512f-479a-b9b0-7af34e198a86.tmp</t>
  </si>
  <si>
    <t>9970b15e-675e-4dbb-8186-7e624dfbcd23.tmp</t>
  </si>
  <si>
    <t>\\acsfs\profiles$\leticiala\Downloads\9970b15e-675e-4dbb-8186-7e624dfbcd23.tmp</t>
  </si>
  <si>
    <t>f440a1bc-8ac3-4f5b-8268-7a4d97cada11.tmp</t>
  </si>
  <si>
    <t>\\acsfs\profiles$\geovannasm\Downloads\f440a1bc-8ac3-4f5b-8268-7a4d97cada11.tmp</t>
  </si>
  <si>
    <t>d931a66e-9a55-4ec1-873a-05518beec2db.tmp</t>
  </si>
  <si>
    <t>\\acsfs\profiles$\geovannasm\Downloads\d931a66e-9a55-4ec1-873a-05518beec2db.tmp</t>
  </si>
  <si>
    <t>C:\Users\raicdf\Downloads\</t>
  </si>
  <si>
    <t>image2019-12-12-104821 (1).pdf</t>
  </si>
  <si>
    <t>53ea0ae5-3155-47fd-970f-2824997e6716.tmp</t>
  </si>
  <si>
    <t>\\acsfs\profiles$\DALVADFB\Downloads\53ea0ae5-3155-47fd-970f-2824997e6716.tmp</t>
  </si>
  <si>
    <t>dcc75242-cc39-44ac-9785-e45de11b605b.tmp</t>
  </si>
  <si>
    <t>\\acsfs\profiles$\DALVADFB\Downloads\dcc75242-cc39-44ac-9785-e45de11b605b.tmp</t>
  </si>
  <si>
    <t>10.200.66.179</t>
  </si>
  <si>
    <t>64-1C-67-9D-1E-C2</t>
  </si>
  <si>
    <t>VOTORANT-LB013</t>
  </si>
  <si>
    <t>jessykacal</t>
  </si>
  <si>
    <t>\\acsfs\profiles$\jessykacal\Favorites\Dashboard - SinergyRH.url\</t>
  </si>
  <si>
    <t>\\acsfs\profiles$\jessykacal\Favorites\Dashboard - SinergyRH.url\:favicon:$DATA</t>
  </si>
  <si>
    <t>\\acsfs\profiles$\jessykacal\Favorites\</t>
  </si>
  <si>
    <t>Dashboard - SinergyRH.url</t>
  </si>
  <si>
    <t>\\acsfs\profiles$\jessykacal\Favorites\Dashboard - SinergyRH.url</t>
  </si>
  <si>
    <t>Holerite_122019_2106646 (4).pdf.x6nxgw4.partial</t>
  </si>
  <si>
    <t>\\acsfs\profiles$\leticiala\Downloads\Holerite_122019_2106646 (4).pdf.x6nxgw4.partial</t>
  </si>
  <si>
    <t>Template horas - PA Inteligente.xlsx</t>
  </si>
  <si>
    <t>Anexo.txt</t>
  </si>
  <si>
    <t>\\acsfs\profiles$\gabrielafs\Anexo.txt</t>
  </si>
  <si>
    <t>53b019cd-07ff-4466-be4f-c3191ff8db31.tmp</t>
  </si>
  <si>
    <t>\\acsfs\profiles$\marcellewdl\Downloads\53b019cd-07ff-4466-be4f-c3191ff8db31.tmp</t>
  </si>
  <si>
    <t>481f77f5-2e86-40fa-b214-6ec6156654bd.tmp</t>
  </si>
  <si>
    <t>\\acsfs\profiles$\marcellewdl\Downloads\481f77f5-2e86-40fa-b214-6ec6156654bd.tmp</t>
  </si>
  <si>
    <t>80505d37-f386-4bc7-9993-dffd31e40d56.tmp</t>
  </si>
  <si>
    <t>\\acsfs\profiles$\marcellewdl\Downloads\80505d37-f386-4bc7-9993-dffd31e40d56.tmp</t>
  </si>
  <si>
    <t>0e8535fa-84b4-45e0-a457-8933a24a54ea.tmp</t>
  </si>
  <si>
    <t>\\acsfs\profiles$\yurics\Downloads\0e8535fa-84b4-45e0-a457-8933a24a54ea.tmp</t>
  </si>
  <si>
    <t>https://cscatende.algarnet.com.br/html/hd/hdscriptresposta/request/uploadincidentattachment.php?cdclassificacao=7&amp;action=1&amp;lastpositionattachement=undefined&amp;cdquestao=9885&amp;idmaisanexos=t</t>
  </si>
  <si>
    <t>44382;</t>
  </si>
  <si>
    <t>\\acsfs\engeset\CPV_ULA\ADMINISTRATIVO\CONTROLE ADMINISTRATIVO\CADASTROS\</t>
  </si>
  <si>
    <t>Template_-_Consulta_de_Nota_Fiscal_Problema.xlsx</t>
  </si>
  <si>
    <t>https://44382</t>
  </si>
  <si>
    <t>mail.google.com/_/upload?authuser=0&amp;dcp=asu-n&amp;upload_id=AEnB2UqVNrjpk3SYw5y1UWXvz5fWtnh-owfD4x4HQQwmbpvD7oLV6zTbACmXRKaWkVfdmIgy0jWo90W4IH3qMfPmGjbfiN3akQ&amp;upload_protocol=resumable</t>
  </si>
  <si>
    <t>maicon_morata_algar@whirlpool.com;</t>
  </si>
  <si>
    <t>Resultado Operações Nov.19 - Aline.xls</t>
  </si>
  <si>
    <t>maicon_morata_algar@whirlpool.com</t>
  </si>
  <si>
    <t>DEBORA.txt</t>
  </si>
  <si>
    <t>\\acsfs\profiles$\deboraaa\My Documents\DEBORA.txt</t>
  </si>
  <si>
    <t>cd951c81-6d17-487c-b7db-a02ac750dda6.tmp</t>
  </si>
  <si>
    <t>\\acsfs\profiles$\deboraaa\Downloads\cd951c81-6d17-487c-b7db-a02ac750dda6.tmp</t>
  </si>
  <si>
    <t>10.200.66.71</t>
  </si>
  <si>
    <t>78-2B-CB-C1-06-33</t>
  </si>
  <si>
    <t>VOTORANT-SB005</t>
  </si>
  <si>
    <t>3708d15f-7e35-4cac-9a34-7ad9d2c9992c.tmp</t>
  </si>
  <si>
    <t>\\acsfs\profiles$\luanaldsi\Downloads\3708d15f-7e35-4cac-9a34-7ad9d2c9992c.tmp</t>
  </si>
  <si>
    <t>1445dc06-630b-416c-983d-60c165f420d2.tmp</t>
  </si>
  <si>
    <t>\\acsfs\profiles$\luanaldsi\Downloads\1445dc06-630b-416c-983d-60c165f420d2.tmp</t>
  </si>
  <si>
    <t>6341ae8a-04c5-4aad-80c4-91532f8c3e60.tmp</t>
  </si>
  <si>
    <t>\\acsfs\profiles$\luanaldsi\Downloads\6341ae8a-04c5-4aad-80c4-91532f8c3e60.tmp</t>
  </si>
  <si>
    <t>mail.google.com/_/upload?authuser=1&amp;dcp=asu-n&amp;upload_id=AEnB2UquWF2egL5A8KIsm9i8R4GfxdiDD1C-uTJjQyyKNS_hUFRffoJbo4spZCTNa4hg0hHZZyR8riGIfHZ-8NW5ELT2AnMm17kgDS0FoBAuVx3PLwOHXY0&amp;upload_protocol=resumable</t>
  </si>
  <si>
    <t>Escala Operadores Natal e Ano Novo Alterações.xlsx</t>
  </si>
  <si>
    <t>\\acsfs\DEPTOS\Operacao\Banco_Votorantim\Supervisao\SUPERS BV CARTÕES\ADILSON\Escala Operadores Natal e Ano Novo Alterações.xlsx</t>
  </si>
  <si>
    <t>C:\Users\davimvs\AppData\Roaming\Adobe\LogTransport2\Logs\</t>
  </si>
  <si>
    <t>ulog_Acrobat12_Reader_a9473871-eb7b-4719-ba46-35125c58e0e7_1c1a6c40-e1b1-4140-8911-4d8d2c92bdfe_0.log</t>
  </si>
  <si>
    <t>C:\Users\davimvs\AppData\Roaming\Adobe\LogTransport2\Logs\ulog_Acrobat12_Reader_a9473871-eb7b-4719-ba46-35125c58e0e7_1c1a6c40-e1b1-4140-8911-4d8d2c92bdfe_0.log\</t>
  </si>
  <si>
    <t>ulog_HeadlightsOptinProductFamily_HeadlightsOptinProduct_00000000-0000-0000-0000-000000000000_a45f5e0a-4339-4dff-a7a9-2bd503f67d50.log</t>
  </si>
  <si>
    <t>C:\Users\davimvs\AppData\Roaming\Adobe\LogTransport2\Logs\ulog_HeadlightsOptinProductFamily_HeadlightsOptinProduct_00000000-0000-0000-0000-000000000000_a45f5e0a-4339-4dff-a7a9-2bd503f67d50.log\</t>
  </si>
  <si>
    <t>10.200.58.188</t>
  </si>
  <si>
    <t>/o=exchangelabs/ou=exchange administrative group (fydibohf23spdlt)/cn=recipients/cn=01dd947fa5e64c6cb9bbbb6c6ff21082-amanda silv;/o=exchangelabs/ou=exchange administrative group (fydibohf23spdlt)/cn=recipients/cn=06eba9dd66a84d6dac3305733f375dfa-mariana cas;/o=exchangelabs/ou=exchange administrative group (fydibohf23spdlt)/cn=recipients/cn=086b170a09044ccdba122e7be04d9f61-flavia viei;/o=exchangelabs/ou=exchange administrative group (fydibohf23spdlt)/cn=recipients/cn=0cbce90bdb1a497884c650ccf6bb3f11-denise marq;/o=exchangelabs/ou=exchange administrative group (fydibohf23spdlt)/cn=recipients/cn=0fb0c89521ca4e3ea59ebb5875735cbc-luiz guilhe;/o=exchangelabs/ou=exchange administrative group (fydibohf23spdlt)/cn=recipients/cn=1240e848bce64e59af49d023f1dd86c6-aline carol;/o=exchangelabs/ou=exchange administrative group (fydibohf23spdlt)/cn=recipients/cn=191451e2fbde4ab1bf9afab3d1c50cc6-viviane gon;/o=exchangelabs/ou=exchange administrative group (fydibohf23spdlt)/cn=recipients/cn=1959867b12eb4c37a852b7cf1cfb6ab2-vane</t>
  </si>
  <si>
    <t>/o=exchangelabs/ou=exchange administrative group (fydibohf23spdlt)/cn=recipients/cn=01dd947fa5e64c6cb9bbbb6c6ff21082-amanda silv,/o=exchangelabs/ou=exchange administrative group (fydibohf23spdlt)/cn=recipients/cn=06eba9dd66a84d6dac3305733f375dfa-mariana cas,/o=exchangelabs/ou=exchange administrative group (fydibohf23spdlt)/cn=recipients/cn=086b170a09044ccdba122e7be04d9f61-flavia viei,/o=exchangelabs/ou=exchange administrative group (fydibohf23spdlt)/cn=recipients/cn=0cbce90bdb1a497884c650ccf6bb3f11-denise marq,/o=exchangelabs/ou=exchange administrative group (fydibohf23spdlt)/cn=recipients/cn=0fb0c89521ca4e3ea59ebb5875735cbc-luiz guilhe,/o=exchangelabs/ou=exchange administrative group (fydibohf23spdlt)/cn=recipients/cn=1240e848bce64e59af49d023f1dd86c6-aline carol,/o=exchangelabs/ou=exchange administrative group (fydibohf23spdlt)/cn=recipients/cn=191451e2fbde4ab1bf9afab3d1c50cc6-viviane gon,/o=exchangelabs/ou=exchange administrative group (fydibohf23spdlt)/cn=recipients/cn=1959867b12eb4c37a852b7cf1cfb6ab2-vane</t>
  </si>
  <si>
    <t>Gamification - Coordenadore2.xlsm</t>
  </si>
  <si>
    <t>lu8016105r76.tmp</t>
  </si>
  <si>
    <t>\\acsfs\profiles$\kamillacr\My Documents\lu8016105r76.tmp</t>
  </si>
  <si>
    <t>\\acsfs\profiles$\kamillacr\My Documents\lu8016105r76.tmp\</t>
  </si>
  <si>
    <t>\\acsfs\profiles$\kamillacr\My Documents\lu8016105r76.tmp\META-INF\</t>
  </si>
  <si>
    <t>\\acsfs\profiles$\kamillacr\My Documents\lu8016105r76.tmp\Thumbnails\</t>
  </si>
  <si>
    <t>4ed86782-bb50-4eb7-88b1-5294d10f9c5b.tmp</t>
  </si>
  <si>
    <t>\\acsfs\profiles$\deborahsi\Downloads\4ed86782-bb50-4eb7-88b1-5294d10f9c5b.tmp</t>
  </si>
  <si>
    <t>8b08c330-3b44-49ad-a1fb-22a55fa88c90.tmp</t>
  </si>
  <si>
    <t>\\acsfs\profiles$\alicecpbc\Downloads\8b08c330-3b44-49ad-a1fb-22a55fa88c90.tmp</t>
  </si>
  <si>
    <t>f2221dd6-641c-475e-ab68-0ff49718c36d.tmp</t>
  </si>
  <si>
    <t>\\acsfs\profiles$\alicecpbc\Downloads\f2221dd6-641c-475e-ab68-0ff49718c36d.tmp</t>
  </si>
  <si>
    <t>mail.google.com/sync/u/0/i/s?hl=pt-BR&amp;c=27</t>
  </si>
  <si>
    <t>03861ff5-9db3-47c3-b132-b58a8285abee.tmp</t>
  </si>
  <si>
    <t>\\acsfs\profiles$\YASMINSC\Downloads\03861ff5-9db3-47c3-b132-b58a8285abee.tmp</t>
  </si>
  <si>
    <t>51340ef5-647c-4b21-9f00-334e1fe9f292.tmp</t>
  </si>
  <si>
    <t>\\acsfs\profiles$\raicabog\Downloads\51340ef5-647c-4b21-9f00-334e1fe9f292.tmp</t>
  </si>
  <si>
    <t>d59ba63d-98a1-40a9-afeb-275b7afa9373.tmp</t>
  </si>
  <si>
    <t>\\acsfs\profiles$\raicabog\Downloads\d59ba63d-98a1-40a9-afeb-275b7afa9373.tmp</t>
  </si>
  <si>
    <t>987f9fa6-e164-4ef3-841b-cb360d67eaad.tmp</t>
  </si>
  <si>
    <t>\\acsfs\profiles$\paulovadc\Downloads\987f9fa6-e164-4ef3-841b-cb360d67eaad.tmp</t>
  </si>
  <si>
    <t>backup_restore@algartech.com;csavino@algartech.com;rafaelbdt@algartech.com;sollero@algartech.com;thiagoscr@algartech.com;</t>
  </si>
  <si>
    <t>backup_restore@algartech.com,csavino@algartech.com,rafaelbdt@algartech.com,sollero@algartech.com,thiagoscr@algartech.com</t>
  </si>
  <si>
    <t>mail.google.com/_/upload?authuser=0&amp;dcp=asu-n&amp;upload_id=AEnB2UrEqDu2ZgzwdrWWAE8hryCu9-_lUy3DtE3E1KaRy-f9wJgybtgNQxV2KQ54b7G6hEARvk6-NP7Dvqdty-iTfofG3Soptw&amp;upload_protocol=resumable</t>
  </si>
  <si>
    <t>C:\Users\lucianabo\Desktop\2019\10 - Outubro\FECHAMENTO CONTÁBIL\RELATÓRIOS\</t>
  </si>
  <si>
    <t>mail.google.com/_/upload?authuser=0&amp;dcp=asu-n&amp;upload_id=AEnB2Urd5LceJT3YyDzkDjhkOBEVfT202bQ24iUqH5oVdA6rj-7sfOhulntc0CgJztDM4Q_5770B0HjIlJguyXB4yJU2fUOf3w&amp;upload_protocol=resumable</t>
  </si>
  <si>
    <t>9010f8ea-57e4-4c34-9798-6ea1e0052a1a.tmp</t>
  </si>
  <si>
    <t>\\acsfs\profiles$\gabrielafs\Downloads\9010f8ea-57e4-4c34-9798-6ea1e0052a1a.tmp</t>
  </si>
  <si>
    <t>180c7da4-09c1-4fff-8a90-02d6ef1e9e40.tmp</t>
  </si>
  <si>
    <t>\\acsfs\profiles$\deboraaa\Downloads\180c7da4-09c1-4fff-8a90-02d6ef1e9e40.tmp</t>
  </si>
  <si>
    <t>mail.google.com/_/upload?authuser=0&amp;dcp=asu-n&amp;upload_id=AEnB2Upgxd5QTK92gT6uObIG9DXK2UrSH7r7jBf4dcjG8hk8NzJ2Q3VNgtq-JhdZkz4CkOPNGP6aEN90NOcHnvh88HyW8IkoTShwNb0jLz-E8XQlXLgIb60&amp;upload_protocol=resumable</t>
  </si>
  <si>
    <t>alessiors@algartech.com;patriciaars@algartech.com;</t>
  </si>
  <si>
    <t>207414 - NETFLIX SAC 24 Plan Precificacao C018 B018 rev4.xlsb</t>
  </si>
  <si>
    <t>alessiors@algartech.com,patriciaars@algartech.com</t>
  </si>
  <si>
    <t>\\acsfs\deptos\CAS - Coordenação de Arquitetura de Soluções\Projetos\2019\NetFlix\207414 - NETFLIX - SAC\Preço\207414 - NETFLIX SAC 24 Plan Precificacao C018 B018 rev4.xlsb\</t>
  </si>
  <si>
    <t>mail.google.com/sync/u/0/i/s?hl=pt-BR&amp;c=96</t>
  </si>
  <si>
    <t>mail.google.com/sync/u/0/i/s?hl=pt-BR&amp;c=100</t>
  </si>
  <si>
    <t>mail.google.com/sync/u/0/i/s?hl=pt-BR&amp;c=102</t>
  </si>
  <si>
    <t>mail.google.com/sync/u/0/i/s?hl=pt-BR&amp;c=106</t>
  </si>
  <si>
    <t>mail.google.com/sync/u/0/i/s?hl=pt-BR&amp;c=115</t>
  </si>
  <si>
    <t>mail.google.com/sync/u/0/i/s?hl=pt-BR&amp;c=121</t>
  </si>
  <si>
    <t>mail.google.com/sync/u/0/i/s?hl=pt-BR&amp;c=123</t>
  </si>
  <si>
    <t>mail.google.com/sync/u/0/i/s?hl=pt-BR&amp;c=125</t>
  </si>
  <si>
    <t>mail.google.com/sync/u/0/i/s?hl=pt-BR&amp;c=128</t>
  </si>
  <si>
    <t>mail.google.com/sync/u/0/i/s?hl=pt-BR&amp;c=130</t>
  </si>
  <si>
    <t>Painel Casos Especiais</t>
  </si>
  <si>
    <t>baab6721-ec3a-489d-9b72-b1def066a92a.tmp</t>
  </si>
  <si>
    <t>\\acsfs\profiles$\luanaldsi\Downloads\baab6721-ec3a-489d-9b72-b1def066a92a.tmp</t>
  </si>
  <si>
    <t>1b041745-4919-41b6-9983-7f312c55890d.tmp</t>
  </si>
  <si>
    <t>\\acsfs\profiles$\luanaldsi\Downloads\1b041745-4919-41b6-9983-7f312c55890d.tmp</t>
  </si>
  <si>
    <t>a2d66661-d752-4508-b539-d49252b9a29d.tmp</t>
  </si>
  <si>
    <t>\\acsfs\profiles$\luanaldsi\Downloads\a2d66661-d752-4508-b539-d49252b9a29d.tmp</t>
  </si>
  <si>
    <t>mail.google.com/sync/u/0/i/s?hl=pt-BR&amp;c=132</t>
  </si>
  <si>
    <t>mail.google.com/sync/u/0/i/s?hl=pt-BR&amp;c=134</t>
  </si>
  <si>
    <t>mail.google.com/sync/u/0/i/s?hl=pt-BR&amp;c=137</t>
  </si>
  <si>
    <t>mail.google.com/sync/u/0/i/s?hl=pt-BR&amp;c=140</t>
  </si>
  <si>
    <t>mail.google.com/sync/u/0/i/s?hl=pt-BR&amp;c=142</t>
  </si>
  <si>
    <t>mail.google.com/sync/u/0/i/s?hl=pt-BR&amp;c=145</t>
  </si>
  <si>
    <t>mail.google.com/sync/u/0/i/s?hl=pt-BR&amp;c=147</t>
  </si>
  <si>
    <t>mail.google.com/sync/u/0/i/s?hl=pt-BR&amp;c=149</t>
  </si>
  <si>
    <t>mail.google.com/sync/u/0/i/s?hl=pt-BR&amp;c=153</t>
  </si>
  <si>
    <t>12fb6735-8de3-425a-9df6-0aee2cc55219.tmp</t>
  </si>
  <si>
    <t>\\acsfs\profiles$\paulovadc\Downloads\12fb6735-8de3-425a-9df6-0aee2cc55219.tmp</t>
  </si>
  <si>
    <t>6946dab1-1d78-4bb5-99fa-d96a5a2c3313.tmp</t>
  </si>
  <si>
    <t>\\acsfs\profiles$\gabrielafs\Downloads\6946dab1-1d78-4bb5-99fa-d96a5a2c3313.tmp</t>
  </si>
  <si>
    <t>C:\Users\simoneesm\Downloads\</t>
  </si>
  <si>
    <t>Repactuação Média Salarial v2 (sal18-19) (1).xlsx</t>
  </si>
  <si>
    <t>mail.google.com/sync/u/0/i/s?hl=pt-BR&amp;c=157</t>
  </si>
  <si>
    <t>mail.google.com/sync/u/0/i/s?hl=pt-BR&amp;c=164</t>
  </si>
  <si>
    <t>mail.google.com/sync/u/0/i/s?hl=pt-BR&amp;c=167</t>
  </si>
  <si>
    <t>MONITORIA DEZEMBRO12-12.docx</t>
  </si>
  <si>
    <t>\\acsfs\Deptos\Operacao\Banco_Votorantim\Qualidade\Fernanda\MONITORIAS DEZEMBRO\MONITORIA DEZEMBRO12-12.docx</t>
  </si>
  <si>
    <t>21e2d4c9-57f6-48ec-8a3e-ed029a01671d.tmp</t>
  </si>
  <si>
    <t>\\acsfs\profiles$\leticiala\Downloads\21e2d4c9-57f6-48ec-8a3e-ed029a01671d.tmp</t>
  </si>
  <si>
    <t>1c3eaff1-0bd4-4d67-b75d-218be4ba5abc.tmp</t>
  </si>
  <si>
    <t>\\acsfs\profiles$\luanaldsi\Downloads\1c3eaff1-0bd4-4d67-b75d-218be4ba5abc.tmp</t>
  </si>
  <si>
    <t>8b803d48-322b-4808-a4e3-a5f397fb9048.tmp</t>
  </si>
  <si>
    <t>\\acsfs\profiles$\gabrielarb\Downloads\8b803d48-322b-4808-a4e3-a5f397fb9048.tmp</t>
  </si>
  <si>
    <t>Mascara UCB</t>
  </si>
  <si>
    <t>Fila Temponet</t>
  </si>
  <si>
    <t>Filas UCB.xlsx</t>
  </si>
  <si>
    <t>e4f673f5-5e52-4963-be5a-f8e861d3343f.tmp</t>
  </si>
  <si>
    <t>\\acsfs\profiles$\adrielyas\Downloads\e4f673f5-5e52-4963-be5a-f8e861d3343f.tmp</t>
  </si>
  <si>
    <t>C:\Users\diegoodz\Desktop\Formulario TTV\</t>
  </si>
  <si>
    <t>Formulário TTV - Lançamento de Atraso de Jornada (1) Dayane.xlsx</t>
  </si>
  <si>
    <t>7060e7df-eb4f-4cd6-8a9d-27bad6625cfb.tmp</t>
  </si>
  <si>
    <t>\\acsfs\profiles$\adrielyas\Downloads\7060e7df-eb4f-4cd6-8a9d-27bad6625cfb.tmp</t>
  </si>
  <si>
    <t>37e1bdd2-968b-4800-b6f6-0692282ab8de.tmp</t>
  </si>
  <si>
    <t>\\acsfs\profiles$\adrielyas\Downloads\37e1bdd2-968b-4800-b6f6-0692282ab8de.tmp</t>
  </si>
  <si>
    <t>08285b95-6969-45ed-a5d6-68dcd05614c8.tmp</t>
  </si>
  <si>
    <t>\\acsfs\profiles$\cintiadcf\Downloads\08285b95-6969-45ed-a5d6-68dcd05614c8.tmp</t>
  </si>
  <si>
    <t>f1b06be7-5e4a-45ea-b63a-5c205c24c5f2.tmp</t>
  </si>
  <si>
    <t>\\acsfs\profiles$\adrielyas\Downloads\f1b06be7-5e4a-45ea-b63a-5c205c24c5f2.tmp</t>
  </si>
  <si>
    <t>f176ace4-35eb-47b4-b4ac-3a9a232be112.tmp</t>
  </si>
  <si>
    <t>\\acsfs\profiles$\adrielyas\Downloads\f176ace4-35eb-47b4-b4ac-3a9a232be112.tmp</t>
  </si>
  <si>
    <t>9a03154c-6742-4d31-9c7e-994699c9be5c.tmp</t>
  </si>
  <si>
    <t>\\acsfs\profiles$\adrielyas\Downloads\9a03154c-6742-4d31-9c7e-994699c9be5c.tmp</t>
  </si>
  <si>
    <t>163ac122-4871-47d9-98ab-48323656facc.tmp</t>
  </si>
  <si>
    <t>\\acsfs\profiles$\adrielyas\Downloads\163ac122-4871-47d9-98ab-48323656facc.tmp</t>
  </si>
  <si>
    <t>1de2dfb3-41df-4dd1-95de-a4e362850034.tmp</t>
  </si>
  <si>
    <t>\\acsfs\profiles$\adrielyas\Downloads\1de2dfb3-41df-4dd1-95de-a4e362850034.tmp</t>
  </si>
  <si>
    <t>\\acsfs\profiles$\jessykacal\Favorites\total view.url\</t>
  </si>
  <si>
    <t>\\acsfs\profiles$\jessykacal\Favorites\total view.url\:favicon:$DATA</t>
  </si>
  <si>
    <t>total view.url</t>
  </si>
  <si>
    <t>\\acsfs\profiles$\jessykacal\Favorites\total view.url</t>
  </si>
  <si>
    <t>\\acsfs\profiles$\jessykacal\Downloads\</t>
  </si>
  <si>
    <t>script.txt</t>
  </si>
  <si>
    <t>\\acsfs\profiles$\jessykacal\Downloads\script.txt</t>
  </si>
  <si>
    <t>1e43b759-973d-44bf-9056-7598ff113808.tmp</t>
  </si>
  <si>
    <t>\\acsfs\profiles$\gabrielarb\Downloads\1e43b759-973d-44bf-9056-7598ff113808.tmp</t>
  </si>
  <si>
    <t>mail.google.com/sync/u/0/i/s?hl=pt-BR&amp;c=211</t>
  </si>
  <si>
    <t>mail.google.com/sync/u/0/i/s?hl=pt-BR&amp;c=217</t>
  </si>
  <si>
    <t>mail.google.com/sync/u/0/i/s?hl=pt-BR&amp;c=219</t>
  </si>
  <si>
    <t>mail.google.com/sync/u/0/i/s?hl=pt-BR&amp;c=226</t>
  </si>
  <si>
    <t>mail.google.com/sync/u/0/i/s?hl=pt-BR&amp;c=230</t>
  </si>
  <si>
    <t>mail.google.com/sync/u/0/i/s?hl=pt-BR&amp;c=232</t>
  </si>
  <si>
    <t>d1622775-d3ba-4b4e-ab75-bb5f38950ff1.tmp</t>
  </si>
  <si>
    <t>\\acsfs\profiles$\adrielyas\Downloads\d1622775-d3ba-4b4e-ab75-bb5f38950ff1.tmp</t>
  </si>
  <si>
    <t>mail.google.com/sync/u/0/i/s?hl=pt-BR&amp;c=236</t>
  </si>
  <si>
    <t>mail.google.com/sync/u/0/i/s?hl=pt-BR&amp;c=238</t>
  </si>
  <si>
    <t>mail.google.com/sync/u/0/i/s?hl=pt-BR&amp;c=243</t>
  </si>
  <si>
    <t>mail.google.com/sync/u/0/i/s?hl=pt-BR&amp;c=246</t>
  </si>
  <si>
    <t>mail.google.com/sync/u/0/i/s?hl=pt-BR&amp;c=248</t>
  </si>
  <si>
    <t>mail.google.com/sync/u/0/i/s?hl=pt-BR&amp;c=250</t>
  </si>
  <si>
    <t>mail.google.com/sync/u/0/i/s?hl=pt-BR&amp;c=252</t>
  </si>
  <si>
    <t>mail.google.com/sync/u/0/i/s?hl=pt-BR&amp;c=254</t>
  </si>
  <si>
    <t>mail.google.com/sync/u/0/i/s?hl=pt-BR&amp;c=256</t>
  </si>
  <si>
    <t>mail.google.com/sync/u/0/i/s?hl=pt-BR&amp;c=258</t>
  </si>
  <si>
    <t>mail.google.com/sync/u/0/i/s?hl=pt-BR&amp;c=260</t>
  </si>
  <si>
    <t>mail.google.com/sync/u/0/i/s?hl=pt-BR&amp;c=262</t>
  </si>
  <si>
    <t>mail.google.com/sync/u/0/i/s?hl=pt-BR&amp;c=266</t>
  </si>
  <si>
    <t>mail.google.com/sync/u/0/i/s?hl=pt-BR&amp;c=268</t>
  </si>
  <si>
    <t>mail.google.com/sync/u/0/i/s?hl=pt-BR&amp;c=270</t>
  </si>
  <si>
    <t>mail.google.com/sync/u/0/i/s?hl=pt-BR&amp;c=272</t>
  </si>
  <si>
    <t>mail.google.com/sync/u/0/i/s?hl=pt-BR&amp;c=274</t>
  </si>
  <si>
    <t>mail.google.com/sync/u/0/i/s?hl=pt-BR&amp;c=277</t>
  </si>
  <si>
    <t>dc3681a3-a358-4044-8fb6-d614e3cd2977.tmp</t>
  </si>
  <si>
    <t>\\acsfs\profiles$\deborahsi\Downloads\dc3681a3-a358-4044-8fb6-d614e3cd2977.tmp</t>
  </si>
  <si>
    <t>d49110d0-a1aa-49cd-8d12-da41b900fc93.tmp</t>
  </si>
  <si>
    <t>\\acsfs\profiles$\adrielyas\Downloads\d49110d0-a1aa-49cd-8d12-da41b900fc93.tmp</t>
  </si>
  <si>
    <t>e40f1b2c-92c6-4f9d-bb11-1ca636cc3ef2.tmp</t>
  </si>
  <si>
    <t>\\acsfs\profiles$\YASMINSC\Downloads\e40f1b2c-92c6-4f9d-bb11-1ca636cc3ef2.tmp</t>
  </si>
  <si>
    <t>C:\Temp\CollectIT\</t>
  </si>
  <si>
    <t>51ff0ae0-3da8-4b76-a327-2d65b2ecdc8c.tmp</t>
  </si>
  <si>
    <t>\\acsfs\profiles$\DALVADFB\Downloads\51ff0ae0-3da8-4b76-a327-2d65b2ecdc8c.tmp</t>
  </si>
  <si>
    <t>25445561-a070-453a-948d-b9b519b4f665.tmp</t>
  </si>
  <si>
    <t>\\acsfs\profiles$\DALVADFB\Downloads\25445561-a070-453a-948d-b9b519b4f665.tmp</t>
  </si>
  <si>
    <t>5fa0ae41-04cd-4a97-a35e-629ba433f3d9.tmp</t>
  </si>
  <si>
    <t>\\acsfs\profiles$\geovannasm\Downloads\5fa0ae41-04cd-4a97-a35e-629ba433f3d9.tmp</t>
  </si>
  <si>
    <t>bc6b58d2-736a-4a69-9f9a-84f4bea5dec2.tmp</t>
  </si>
  <si>
    <t>\\acsfs\profiles$\geovannasm\Downloads\bc6b58d2-736a-4a69-9f9a-84f4bea5dec2.tmp</t>
  </si>
  <si>
    <t>e57c72e9-6e94-47f5-9cbd-4608f106e783.tmp</t>
  </si>
  <si>
    <t>\\acsfs\profiles$\adrielyas\Downloads\e57c72e9-6e94-47f5-9cbd-4608f106e783.tmp</t>
  </si>
  <si>
    <t>bab412c4-f229-45fe-afba-e54f62e7425d.tmp</t>
  </si>
  <si>
    <t>\\acsfs\profiles$\gabrielarb\Downloads\bab412c4-f229-45fe-afba-e54f62e7425d.tmp</t>
  </si>
  <si>
    <t>11d2d580-4bd2-4386-a82b-a8866ed6d7e7.tmp</t>
  </si>
  <si>
    <t>\\acsfs\profiles$\DALVADFB\Downloads\11d2d580-4bd2-4386-a82b-a8866ed6d7e7.tmp</t>
  </si>
  <si>
    <t>106f71a5-85c3-4774-95cd-db2f684ced8a.tmp</t>
  </si>
  <si>
    <t>\\acsfs\profiles$\gabrielafs\Downloads\106f71a5-85c3-4774-95cd-db2f684ced8a.tmp</t>
  </si>
  <si>
    <t>4348e3fc-c779-4f62-9dbc-1613aa25d785.tmp</t>
  </si>
  <si>
    <t>\\acsfs\profiles$\gabrielafs\Downloads\4348e3fc-c779-4f62-9dbc-1613aa25d785.tmp</t>
  </si>
  <si>
    <t>d221a346-2b64-4f21-a2d9-186f6faa514c.tmp</t>
  </si>
  <si>
    <t>\\acsfs\profiles$\adrielyas\Downloads\d221a346-2b64-4f21-a2d9-186f6faa514c.tmp</t>
  </si>
  <si>
    <t>6462386f-a77c-41ed-8ddd-bcf5d10385bb.tmp</t>
  </si>
  <si>
    <t>\\acsfs\profiles$\adrielyas\Downloads\6462386f-a77c-41ed-8ddd-bcf5d10385bb.tmp</t>
  </si>
  <si>
    <t>c:\users\t-olivar\onedrive - grupo algar\documentos\mte\2019\projeto diversidade +\governança do projeto\evento lançamento\</t>
  </si>
  <si>
    <t>lista presença.xlsx</t>
  </si>
  <si>
    <t>C:\Users\t-olivar\OneDrive - Grupo Algar\Documentos\MTE\2019\PROJETO DIVERSIDADE +\Governança do Projeto\Evento Lançamento\</t>
  </si>
  <si>
    <t>Lista Presença.xlsx</t>
  </si>
  <si>
    <t>C:\Users\t-olivar\OneDrive - Grupo Algar\Documentos\MTE\2019\PROJETO DIVERSIDADE +\Governança do Projeto\Reuniões Lideranças\PROJETO DIVERSIDADE + REUNIÃO 14-11 Líderes.pptx\</t>
  </si>
  <si>
    <t>C:\Users\t-olivar\OneDrive - Grupo Algar\Documentos\MTE\2019\PROJETO DIVERSIDADE +\Governança do Projeto\Reuniões Lideranças\PROJETO DIVERSIDADE + REUNIÃO 06-12.pptx\</t>
  </si>
  <si>
    <t>C:\Users\t-olivar\Downloads\</t>
  </si>
  <si>
    <t>Contagem Listas PLR (1).xlsx</t>
  </si>
  <si>
    <t>C:\Users\t-olivar\OneDrive - Grupo Algar\Documentos\Sindicato\2020\Reunião Cida e Ana Paula-Dissídio.pptx\</t>
  </si>
  <si>
    <t>995e62d4-3d97-4709-a0fb-ebf8df2f42cb.tmp</t>
  </si>
  <si>
    <t>\\acsfs\profiles$\alicecpbc\Downloads\995e62d4-3d97-4709-a0fb-ebf8df2f42cb.tmp</t>
  </si>
  <si>
    <t>9385b353-4a62-44b3-a423-bb281ce1b4b3.tmp</t>
  </si>
  <si>
    <t>\\acsfs\profiles$\isabellegtds\Downloads\9385b353-4a62-44b3-a423-bb281ce1b4b3.tmp</t>
  </si>
  <si>
    <t>XLOG_Angelicacldr_12122019_094128.log</t>
  </si>
  <si>
    <t>\\acsfs\profiles$\Angelicacldr\My Documents\xworkcenter\logs\XLOG_Angelicacldr_12122019_094128.log</t>
  </si>
  <si>
    <t>242f800f-5551-48f6-bbda-063238357a72.tmp</t>
  </si>
  <si>
    <t>\\acsfs\profiles$\luanaldsi\Downloads\242f800f-5551-48f6-bbda-063238357a72.tmp</t>
  </si>
  <si>
    <t>a3fe604c-c221-458d-bfec-d2eccfcd3257.tmp</t>
  </si>
  <si>
    <t>\\acsfs\profiles$\isabellegtds\Downloads\a3fe604c-c221-458d-bfec-d2eccfcd3257.tmp</t>
  </si>
  <si>
    <t>dd558dc8-3fb6-4647-8dc8-20f474145aa5.tmp</t>
  </si>
  <si>
    <t>\\acsfs\profiles$\sarahbal\Downloads\dd558dc8-3fb6-4647-8dc8-20f474145aa5.tmp</t>
  </si>
  <si>
    <t>mail.google.com/_/upload?authuser=1&amp;dcp=asu-n&amp;upload_id=AEnB2UoRta9Ebe_YqOUD2gQRvKbUo9fKi9yIMB3eE49vFYkBdMc1Vij0noDQzRsKp0bxygtt9PWErpV_lJW97UQlatazE8LBQA7DsQ0MnYzEcgpJV-Y6ni0&amp;upload_protocol=resumable</t>
  </si>
  <si>
    <t>RELATÓRIO SOLICITAÇÃO DE EQUIPAMENTOS .xlsx</t>
  </si>
  <si>
    <t>32df2c20-7460-4450-bc6e-85b892ad5cd6.tmp</t>
  </si>
  <si>
    <t>\\acsfs\profiles$\KARENJSS\Downloads\32df2c20-7460-4450-bc6e-85b892ad5cd6.tmp</t>
  </si>
  <si>
    <t>977b06f4-ec3e-4c5a-82a3-c155896e9cec.tmp</t>
  </si>
  <si>
    <t>\\acsfs\profiles$\gabrielarb\Downloads\977b06f4-ec3e-4c5a-82a3-c155896e9cec.tmp</t>
  </si>
  <si>
    <t>dbf526ad-0da3-4f2b-a7a3-596770869e2c.tmp</t>
  </si>
  <si>
    <t>\\acsfs\profiles$\brendadsl\Downloads\dbf526ad-0da3-4f2b-a7a3-596770869e2c.tmp</t>
  </si>
  <si>
    <t>9bc8ed7d-bd71-4ece-87ba-19f1bc2462f4.tmp</t>
  </si>
  <si>
    <t>\\acsfs\profiles$\brendadsl\Downloads\9bc8ed7d-bd71-4ece-87ba-19f1bc2462f4.tmp</t>
  </si>
  <si>
    <t>982cc720-4fb6-4379-a5a2-ccca01de02d9.tmp</t>
  </si>
  <si>
    <t>\\acsfs\profiles$\brendadsl\Downloads\982cc720-4fb6-4379-a5a2-ccca01de02d9.tmp</t>
  </si>
  <si>
    <t>f1494ff9-9cef-4f3c-b872-bf4cf06635fc.tmp</t>
  </si>
  <si>
    <t>\\acsfs\profiles$\brendadsl\Downloads\f1494ff9-9cef-4f3c-b872-bf4cf06635fc.tmp</t>
  </si>
  <si>
    <t>c73fa8ce-6d47-44b0-95fc-b4c8647876c1.tmp</t>
  </si>
  <si>
    <t>\\acsfs\profiles$\brendadsl\Downloads\c73fa8ce-6d47-44b0-95fc-b4c8647876c1.tmp</t>
  </si>
  <si>
    <t>Bloco 12122019.txt</t>
  </si>
  <si>
    <t>\\acsfs\profiles$\brendadsl\My Documents\Blocos\Blocos Dezembro 2019\Bloco 12122019.txt</t>
  </si>
  <si>
    <t>896a3142-a11c-455d-8f68-bc86f200f4ed.tmp</t>
  </si>
  <si>
    <t>\\acsfs\profiles$\brendadsl\Downloads\896a3142-a11c-455d-8f68-bc86f200f4ed.tmp</t>
  </si>
  <si>
    <t>Orquestra - Due Dilligence - Contingências atualizadas set.xlsx</t>
  </si>
  <si>
    <t>2a8a9aa0-159f-4cd2-bb6c-9e63e24eb40f.tmp</t>
  </si>
  <si>
    <t>\\acsfs\profiles$\KARENJSS\Downloads\2a8a9aa0-159f-4cd2-bb6c-9e63e24eb40f.tmp</t>
  </si>
  <si>
    <t>55d54e88-a004-4863-a4e7-1ec8e0a1b0f0.tmp</t>
  </si>
  <si>
    <t>\\acsfs\profiles$\regisadsa\Downloads\55d54e88-a004-4863-a4e7-1ec8e0a1b0f0.tmp</t>
  </si>
  <si>
    <t>187cbfda-8d80-4d2d-9144-9133b83ac623.tmp</t>
  </si>
  <si>
    <t>\\acsfs\profiles$\regisadsa\Downloads\187cbfda-8d80-4d2d-9144-9133b83ac623.tmp</t>
  </si>
  <si>
    <t>cc834fbf-fbed-49a2-b4f8-7e19ca7ed048.tmp</t>
  </si>
  <si>
    <t>\\acsfs\profiles$\bernardopcm\Downloads\cc834fbf-fbed-49a2-b4f8-7e19ca7ed048.tmp</t>
  </si>
  <si>
    <t>61940df1-e299-4d79-a0cc-a46551ee7021.tmp</t>
  </si>
  <si>
    <t>\\acsfs\profiles$\bernardopcm\Downloads\61940df1-e299-4d79-a0cc-a46551ee7021.tmp</t>
  </si>
  <si>
    <t>53f17779-ab1e-4f62-8762-405ff78007c2.tmp</t>
  </si>
  <si>
    <t>\\acsfs\profiles$\bernardopcm\Downloads\53f17779-ab1e-4f62-8762-405ff78007c2.tmp</t>
  </si>
  <si>
    <t>Template_Registro_FTE_Realizado_Dezembro.xlsb</t>
  </si>
  <si>
    <t>eaa99685-ad13-4dc7-a16e-c2dfae85bf33.tmp</t>
  </si>
  <si>
    <t>\\acsfs\profiles$\gabrielamdp\Downloads\eaa99685-ad13-4dc7-a16e-c2dfae85bf33.tmp</t>
  </si>
  <si>
    <t>23bca884-d314-4ac8-a3d9-c598f6847b38.tmp</t>
  </si>
  <si>
    <t>\\acsfs\profiles$\brendadsl\Downloads\23bca884-d314-4ac8-a3d9-c598f6847b38.tmp</t>
  </si>
  <si>
    <t>Horas Extras GRC.xls</t>
  </si>
  <si>
    <t>\\acsfs\profiles$\gabrielbmdl\Documents\anotações\</t>
  </si>
  <si>
    <t>\\acsfs\profiles$\gabrielbmdl\Documents\anotações\script.txt</t>
  </si>
  <si>
    <t>mail.google.com/_/upload?authuser=1&amp;dcp=asu-n&amp;upload_id=AEnB2UqP0CJFIZ-zUAl3j_FhwopJtUG2J5QQrH0GPK9-nheNmQVdSocVUDXJ3TZu_MLmJfg8PwDkkGCexbApuVJUN8Xm47W1IA&amp;upload_protocol=resumable</t>
  </si>
  <si>
    <t>C:\Users\alexsandrodmju\Documents\Documentos\DRC\Relatórios\12.2019\</t>
  </si>
  <si>
    <t>Base 11.12.csv</t>
  </si>
  <si>
    <t>c5de233b-a6a1-433c-9937-708365de0667.tmp</t>
  </si>
  <si>
    <t>\\acsfs\profiles$\regisadsa\Downloads\c5de233b-a6a1-433c-9937-708365de0667.tmp</t>
  </si>
  <si>
    <t>04a010ea-77d9-4968-906e-4aa8962f71db.tmp</t>
  </si>
  <si>
    <t>\\acsfs\profiles$\regisadsa\Downloads\04a010ea-77d9-4968-906e-4aa8962f71db.tmp</t>
  </si>
  <si>
    <t>e19e42a9-cbdf-43e9-afc3-672d44f981e2.tmp</t>
  </si>
  <si>
    <t>\\acsfs\profiles$\bernardopcm\Downloads\e19e42a9-cbdf-43e9-afc3-672d44f981e2.tmp</t>
  </si>
  <si>
    <t>33c444b8-4e56-45be-8e28-2bab015f53fa.tmp</t>
  </si>
  <si>
    <t>\\acsfs\profiles$\bernardopcm\Downloads\33c444b8-4e56-45be-8e28-2bab015f53fa.tmp</t>
  </si>
  <si>
    <t>a0ff46e2-048e-4259-8dd2-68bac4ab43e4.tmp</t>
  </si>
  <si>
    <t>\\acsfs\profiles$\felipetds\Downloads\a0ff46e2-048e-4259-8dd2-68bac4ab43e4.tmp</t>
  </si>
  <si>
    <t>b8213417-9dee-43bb-90f9-08fc6d9eeddb.tmp</t>
  </si>
  <si>
    <t>\\acsfs\profiles$\larissaad\Downloads\b8213417-9dee-43bb-90f9-08fc6d9eeddb.tmp</t>
  </si>
  <si>
    <t>f64c60aa-1ad8-4805-953d-0c3377625b53.tmp</t>
  </si>
  <si>
    <t>\\acsfs\profiles$\gabrielamdp\Downloads\f64c60aa-1ad8-4805-953d-0c3377625b53.tmp</t>
  </si>
  <si>
    <t>1c8910d2-f33f-4d1c-a23c-dbc1a07a2937.tmp</t>
  </si>
  <si>
    <t>\\acsfs\profiles$\gabrielamdp\Downloads\1c8910d2-f33f-4d1c-a23c-dbc1a07a2937.tmp</t>
  </si>
  <si>
    <t>b7cebdb2-424d-449b-883e-e522af6e4c45.tmp</t>
  </si>
  <si>
    <t>\\acsfs\profiles$\gabrielamdp\Downloads\b7cebdb2-424d-449b-883e-e522af6e4c45.tmp</t>
  </si>
  <si>
    <t>eed5d507-80fd-4f92-a8d9-52a0b4499e3b.tmp</t>
  </si>
  <si>
    <t>\\acsfs\profiles$\gabrielamdp\Downloads\eed5d507-80fd-4f92-a8d9-52a0b4499e3b.tmp</t>
  </si>
  <si>
    <t>2aa0fe99-4eda-4cb2-89af-e27fc98d3bb3.tmp</t>
  </si>
  <si>
    <t>\\acsfs\profiles$\KARENJSS\Downloads\2aa0fe99-4eda-4cb2-89af-e27fc98d3bb3.tmp</t>
  </si>
  <si>
    <t>12 - Quebra Diária - Chat Compra Certa _Dezembro 2019.xlsx</t>
  </si>
  <si>
    <t>mail.google.com/_/upload?authuser=0&amp;dcp=asu-n&amp;upload_id=AEnB2UqTw2YuKcMCUiH6GSKN5D94K3IVDvfpK02rHjWbkJ9dsoDjpWxBW5MJWDvhsubcTLTx1vW6E_VS7onlRR3ozequKXfJWg&amp;upload_protocol=resumable</t>
  </si>
  <si>
    <t>alessandroam@algartech.com;andrelps@algartech.com;daniloasb@algartech.com;hugobsa@algartech.com;rafaelg@algartech.com;si@algartech.com;wesleydal@algartech.com;</t>
  </si>
  <si>
    <t>alessandroam@algartech.com,andrelps@algartech.com,daniloasb@algartech.com,hugobsa@algartech.com,rafaelg@algartech.com,si@algartech.com,wesleydal@algartech.com</t>
  </si>
  <si>
    <t>1ca8f907-fc9b-4889-be8e-8470ba3a0fcf.tmp</t>
  </si>
  <si>
    <t>\\acsfs\profiles$\leticiala\Downloads\1ca8f907-fc9b-4889-be8e-8470ba3a0fcf.tmp</t>
  </si>
  <si>
    <t>dioniziorn@algartech.com;sherleyce@algartech.com;</t>
  </si>
  <si>
    <t>\\acsfs\engeset\CPV_ULA\ADMINISTRATIVO\CONTROLE ADMINISTRATIVO\DOCUMENTAÇÃO PARA HABILITAÇÃO\Algar Tecnologia\2019\000000 - BANCO VOTORANTIM - SC 217561 - BACK OFFICE - 02.12.2019\</t>
  </si>
  <si>
    <t>SC 217561 - Questionamentos.xlsx</t>
  </si>
  <si>
    <t>dioniziorn@algartech.com,sherleyce@algartech.com</t>
  </si>
  <si>
    <t>798e233b-a486-43cc-9a71-b6e2979f8ae2.tmp</t>
  </si>
  <si>
    <t>\\acsfs\profiles$\sarahbal\Downloads\798e233b-a486-43cc-9a71-b6e2979f8ae2.tmp</t>
  </si>
  <si>
    <t>f3a8819b-f2e2-419f-bb42-769f32bbd613.tmp</t>
  </si>
  <si>
    <t>\\acsfs\profiles$\larissaad\Downloads\f3a8819b-f2e2-419f-bb42-769f32bbd613.tmp</t>
  </si>
  <si>
    <t>c8295e6d-f941-4a4c-b229-49f8b0a0f588.tmp</t>
  </si>
  <si>
    <t>\\acsfs\profiles$\geovannasm\Downloads\c8295e6d-f941-4a4c-b229-49f8b0a0f588.tmp</t>
  </si>
  <si>
    <t>e35f56e8-f2fb-4ecb-a78e-0aff5edc4580.tmp</t>
  </si>
  <si>
    <t>\\acsfs\profiles$\geovannasm\Downloads\e35f56e8-f2fb-4ecb-a78e-0aff5edc4580.tmp</t>
  </si>
  <si>
    <t>dd6e3af5-cf95-4ebf-aa31-897d8e8a339a.tmp</t>
  </si>
  <si>
    <t>\\acsfs\profiles$\adrielyas\Downloads\dd6e3af5-cf95-4ebf-aa31-897d8e8a339a.tmp</t>
  </si>
  <si>
    <t>ulog_AcroARM2_Reader_a9473871-eb7b-4719-ba46-35125c58e0e7_0340638e-801d-4b57-8331-92097cf1a84d_0.log</t>
  </si>
  <si>
    <t>C:\Users\davimvs\AppData\Roaming\Adobe\LogTransport2\Logs\ulog_AcroARM2_Reader_a9473871-eb7b-4719-ba46-35125c58e0e7_0340638e-801d-4b57-8331-92097cf1a84d_0.log\</t>
  </si>
  <si>
    <t>ulog_AcroARM2_Reader_a9473871-eb7b-4719-ba46-35125c58e0e7_cdaed967-a0c9-45ec-a67f-ec1c01522e65_0.log</t>
  </si>
  <si>
    <t>C:\Users\davimvs\AppData\Roaming\Adobe\LogTransport2\Logs\ulog_AcroARM2_Reader_a9473871-eb7b-4719-ba46-35125c58e0e7_cdaed967-a0c9-45ec-a67f-ec1c01522e65_0.log\</t>
  </si>
  <si>
    <t>2dad96fb-2895-46ad-983b-ca08b71f204f.tmp</t>
  </si>
  <si>
    <t>\\acsfs\profiles$\KARENDSR\Downloads\2dad96fb-2895-46ad-983b-ca08b71f204f.tmp</t>
  </si>
  <si>
    <t>mail.google.com/_/upload?authuser=1&amp;dcp=asu-n&amp;upload_id=AEnB2Uqm3oaLRr1e-htSA-pgM9c-HUwJnuCEx4d07mkow7hOeUmxONVCHxEgpPKIlECyL5MSylnMpL07PVFgjzevcO6rxKdPEQ&amp;upload_protocol=resumable</t>
  </si>
  <si>
    <t>UPGRADE.xlsx</t>
  </si>
  <si>
    <t>\\acsfs\DEPTOS\Operacao\Banco_Votorantim\Supervisao\SUPERS BV CARTÕES\ADILSON\Vendas\UPGRADE.xlsx</t>
  </si>
  <si>
    <t>320c8181-7652-42c9-a2b7-a66736688168.tmp</t>
  </si>
  <si>
    <t>\\acsfs\profiles$\gabrielamdp\Downloads\320c8181-7652-42c9-a2b7-a66736688168.tmp</t>
  </si>
  <si>
    <t>aa0fa358-2a98-48c4-913a-671fd2f824ad.tmp</t>
  </si>
  <si>
    <t>\\acsfs\profiles$\geovannasm\Downloads\aa0fa358-2a98-48c4-913a-671fd2f824ad.tmp</t>
  </si>
  <si>
    <t>230fefc0-666b-43d2-b388-ef70bd16d0cf.tmp</t>
  </si>
  <si>
    <t>\\acsfs\profiles$\DALVADFB\Downloads\230fefc0-666b-43d2-b388-ef70bd16d0cf.tmp</t>
  </si>
  <si>
    <t>597ea9d0-2896-436e-9f36-061534419ca3.tmp</t>
  </si>
  <si>
    <t>\\acsfs\profiles$\paulovadc\Downloads\597ea9d0-2896-436e-9f36-061534419ca3.tmp</t>
  </si>
  <si>
    <t>lu87683szqj.tmp</t>
  </si>
  <si>
    <t>\\acsfs\profiles$\CINTIADCF\lu87683szqj.tmp</t>
  </si>
  <si>
    <t>\\acsfs\profiles$\CINTIADCF\lu87683szqj.tmp\</t>
  </si>
  <si>
    <t>\\acsfs\profiles$\CINTIADCF\lu87683szqj.tmp\META-INF\</t>
  </si>
  <si>
    <t>\\acsfs\profiles$\CINTIADCF\lu87683szqj.tmp\Thumbnails\</t>
  </si>
  <si>
    <t>diegocp@algartech.com;lazarosc@algartech.com;maicowjp@algartech.com;renatobrl@algartech.com;sustentacao_bradesco@algartech.com.br;</t>
  </si>
  <si>
    <t>12-12.xlsx</t>
  </si>
  <si>
    <t>diegocp@algartech.com,lazarosc@algartech.com,maicowjp@algartech.com,renatobrl@algartech.com,sustentacao_bradesco@algartech.com.br</t>
  </si>
  <si>
    <t>mail.google.com/sync/u/0/i/s?hl=pt-BR&amp;c=341</t>
  </si>
  <si>
    <t>Resumo Gerencial Bacen Procedente Amex até 11/12</t>
  </si>
  <si>
    <t>9127cbba-be46-4679-a9b7-ce715caae5cb.tmp</t>
  </si>
  <si>
    <t>\\acsfs\profiles$\deborahsi\Downloads\9127cbba-be46-4679-a9b7-ce715caae5cb.tmp</t>
  </si>
  <si>
    <t>2fd1a091-9369-4510-bf3c-410f840502d1.tmp</t>
  </si>
  <si>
    <t>\\acsfs\profiles$\deborahsi\Downloads\2fd1a091-9369-4510-bf3c-410f840502d1.tmp</t>
  </si>
  <si>
    <t>0b1d9f77-7a16-4b69-ba2d-32ceafffd67f.tmp</t>
  </si>
  <si>
    <t>\\acsfs\profiles$\alinepp\Downloads\0b1d9f77-7a16-4b69-ba2d-32ceafffd67f.tmp</t>
  </si>
  <si>
    <t>mail.google.com/_/upload?authuser=1&amp;dcp=asu-n&amp;upload_id=AEnB2UoB8PdaL6LZo-KECin6DL0WC2jRTNF3wNEGiijBI6BIWvymkA58KdH9JlHgwM7UdtddTaG-VCoCxQQTBLYKd7FGyVP6fRk4aM6-GZ39eG8VAnHPzOA&amp;upload_protocol=resumable</t>
  </si>
  <si>
    <t>mail.google.com/_/upload?authuser=1&amp;dcp=asu-n&amp;upload_id=AEnB2UpY4H3AfsVQcuAPQJvhlTh59mnXiijYqW-xKYlZtIHR5WoV_56i2P_9ixV1--sFaH_IHOQcR7KQzAWaTBxGopXGZPBcew&amp;upload_protocol=resumable</t>
  </si>
  <si>
    <t>Melhorias BOT - Ana (1).xlsx</t>
  </si>
  <si>
    <t>.~lock.Vendas Adriely.ods#</t>
  </si>
  <si>
    <t>\\acsfs\profiles$\adrielyas\My Documents\.~lock.Vendas Adriely.ods#</t>
  </si>
  <si>
    <t>adrielyas vendas.txt</t>
  </si>
  <si>
    <t>\\acsfs\profiles$\adrielyas\My Documents\adrielyas vendas.txt</t>
  </si>
  <si>
    <t>lu138761223v8.tmp</t>
  </si>
  <si>
    <t>\\acsfs\profiles$\luanarda\lu138761223v8.tmp</t>
  </si>
  <si>
    <t>\\acsfs\profiles$\luanarda\lu138761223v8.tmp\</t>
  </si>
  <si>
    <t>\\acsfs\profiles$\luanarda\lu138761223v8.tmp\META-INF\</t>
  </si>
  <si>
    <t>\\acsfs\profiles$\luanarda\lu138761223v8.tmp\Thumbnails\</t>
  </si>
  <si>
    <t>f234e36d-98c6-438e-ab6e-9e8035af6f87.tmp</t>
  </si>
  <si>
    <t>\\acsfs\profiles$\KARENDSR\Downloads\f234e36d-98c6-438e-ab6e-9e8035af6f87.tmp</t>
  </si>
  <si>
    <t>55120872-f5b0-4fe3-a779-1ae45215ce2d.tmp</t>
  </si>
  <si>
    <t>\\acsfs\profiles$\alinepp\Downloads\55120872-f5b0-4fe3-a779-1ae45215ce2d.tmp</t>
  </si>
  <si>
    <t>c4eec6d5-a746-40e6-bfe4-e1a7a25fb2a6.tmp</t>
  </si>
  <si>
    <t>\\acsfs\profiles$\alinepp\Downloads\c4eec6d5-a746-40e6-bfe4-e1a7a25fb2a6.tmp</t>
  </si>
  <si>
    <t>9e751901-9f86-4565-b922-cfec99bd486e.tmp</t>
  </si>
  <si>
    <t>\\acsfs\profiles$\alinepp\Downloads\9e751901-9f86-4565-b922-cfec99bd486e.tmp</t>
  </si>
  <si>
    <t>5d58307d-01b6-490d-b3fb-100850e5ceeb.tmp</t>
  </si>
  <si>
    <t>\\acsfs\profiles$\henriqueco\Downloads\5d58307d-01b6-490d-b3fb-100850e5ceeb.tmp</t>
  </si>
  <si>
    <t>54ba7781-ce6a-4010-967a-204ef0665ba1.tmp</t>
  </si>
  <si>
    <t>\\acsfs\profiles$\henriqueco\Downloads\54ba7781-ce6a-4010-967a-204ef0665ba1.tmp</t>
  </si>
  <si>
    <t>73bd6918-1463-4abf-a1ff-4fc71c57ba2f.tmp</t>
  </si>
  <si>
    <t>\\acsfs\profiles$\layonmof\Downloads\73bd6918-1463-4abf-a1ff-4fc71c57ba2f.tmp</t>
  </si>
  <si>
    <t>bd7c325e-9505-41ac-bf91-db2b71c4f717.tmp</t>
  </si>
  <si>
    <t>\\acsfs\profiles$\layonmof\Downloads\bd7c325e-9505-41ac-bf91-db2b71c4f717.tmp</t>
  </si>
  <si>
    <t>10.200.66.192</t>
  </si>
  <si>
    <t>78-2B-CB-C1-07-32</t>
  </si>
  <si>
    <t>VOTORANT-GB037</t>
  </si>
  <si>
    <t>5d927d5d-4e20-498d-bbbc-3bdf9d36ddfb.tmp</t>
  </si>
  <si>
    <t>\\acsfs\profiles$\vivianibfs\Downloads\5d927d5d-4e20-498d-bbbc-3bdf9d36ddfb.tmp</t>
  </si>
  <si>
    <t>c2a09054-f1c0-43bf-b4ca-330eeca901e7.tmp</t>
  </si>
  <si>
    <t>\\acsfs\profiles$\vivianibfs\Downloads\c2a09054-f1c0-43bf-b4ca-330eeca901e7.tmp</t>
  </si>
  <si>
    <t>372833c4-640c-498e-b4e8-33f38ec0061d.tmp</t>
  </si>
  <si>
    <t>\\acsfs\profiles$\vivianibfs\Downloads\372833c4-640c-498e-b4e8-33f38ec0061d.tmp</t>
  </si>
  <si>
    <t>7cea0b63-7379-425f-b286-d06e648efd32.tmp</t>
  </si>
  <si>
    <t>\\acsfs\profiles$\deborahsi\Downloads\7cea0b63-7379-425f-b286-d06e648efd32.tmp</t>
  </si>
  <si>
    <t>c5e8cfd2-dde6-4bf3-a7ab-e3066d550e09.tmp</t>
  </si>
  <si>
    <t>\\acsfs\profiles$\deborahsi\Downloads\c5e8cfd2-dde6-4bf3-a7ab-e3066d550e09.tmp</t>
  </si>
  <si>
    <t>a43c98a3-564c-4db4-8ccb-37fffe2d264c.tmp</t>
  </si>
  <si>
    <t>\\acsfs\profiles$\deborahsi\Downloads\a43c98a3-564c-4db4-8ccb-37fffe2d264c.tmp</t>
  </si>
  <si>
    <t>8af28bf3-b212-45d9-ba5b-6048e968e3f6.tmp</t>
  </si>
  <si>
    <t>\\acsfs\profiles$\geovannasm\Downloads\8af28bf3-b212-45d9-ba5b-6048e968e3f6.tmp</t>
  </si>
  <si>
    <t>b5c9f357-8ce1-4933-a635-1b42183734c0.tmp</t>
  </si>
  <si>
    <t>\\acsfs\profiles$\geovannasm\Downloads\b5c9f357-8ce1-4933-a635-1b42183734c0.tmp</t>
  </si>
  <si>
    <t>cae7d1cc-6484-4ebd-8275-eef3b398b34b.tmp</t>
  </si>
  <si>
    <t>\\acsfs\profiles$\geovannasm\Downloads\cae7d1cc-6484-4ebd-8275-eef3b398b34b.tmp</t>
  </si>
  <si>
    <t>mail.google.com/_/upload?authuser=0&amp;dcp=asu-n&amp;upload_id=AEnB2UqfLgIqlA6fze3HNbUM50bH510YFtCWzyiLsBk6_UWrrGA2g2GVjVr44-e0hFiBb1BuE9_1ohKhX0V2FUghVa3Ro99YA9m6yKPf9yhionFTbTk4bMo&amp;upload_protocol=resumable</t>
  </si>
  <si>
    <t>11-Memória de Cálculo Faturamento 100% Variável -ALGAR - Novembro.xlsx</t>
  </si>
  <si>
    <t>439f934c-d69a-4f6e-b651-d2f1fe0a42b1.tmp</t>
  </si>
  <si>
    <t>\\acsfs\profiles$\gabrielamdp\Downloads\439f934c-d69a-4f6e-b651-d2f1fe0a42b1.tmp</t>
  </si>
  <si>
    <t>9366118e-531c-4b3e-ba6b-94be762a6be7.tmp</t>
  </si>
  <si>
    <t>\\acsfs\profiles$\layonmof\Downloads\9366118e-531c-4b3e-ba6b-94be762a6be7.tmp</t>
  </si>
  <si>
    <t>a44a48d9-799b-455a-802c-a1cd679bbe01.tmp</t>
  </si>
  <si>
    <t>\\acsfs\profiles$\layonmof\Downloads\a44a48d9-799b-455a-802c-a1cd679bbe01.tmp</t>
  </si>
  <si>
    <t>a5a144d0-9d54-4ad2-bfdc-66db871de4de.tmp</t>
  </si>
  <si>
    <t>\\acsfs\profiles$\layonmof\Downloads\a5a144d0-9d54-4ad2-bfdc-66db871de4de.tmp</t>
  </si>
  <si>
    <t>287bb433-3a6b-4aad-9f5d-5f3cb2407a65.tmp</t>
  </si>
  <si>
    <t>\\acsfs\profiles$\layonmof\Downloads\287bb433-3a6b-4aad-9f5d-5f3cb2407a65.tmp</t>
  </si>
  <si>
    <t>bc0cd547-584e-4aa6-9da4-746553b3a817.tmp</t>
  </si>
  <si>
    <t>\\acsfs\profiles$\vivianibfs\Downloads\bc0cd547-584e-4aa6-9da4-746553b3a817.tmp</t>
  </si>
  <si>
    <t>paulotdsf@algartech.com</t>
  </si>
  <si>
    <t>mail.google.com/sync/u/0/i/s?hl=pt-BR&amp;c=1</t>
  </si>
  <si>
    <t>mail.google.com/sync/u/0/i/s?hl=pt-BR&amp;c=3</t>
  </si>
  <si>
    <t>mail.google.com/sync/u/0/i/s?hl=pt-BR&amp;c=5</t>
  </si>
  <si>
    <t>mail.google.com/sync/u/0/i/s?hl=pt-BR&amp;c=8</t>
  </si>
  <si>
    <t>mail.google.com/sync/u/0/i/s?hl=pt-BR&amp;c=10</t>
  </si>
  <si>
    <t>mail.google.com/sync/u/0/i/s?hl=pt-BR&amp;c=12</t>
  </si>
  <si>
    <t>mail.google.com/sync/u/0/i/s?hl=pt-BR&amp;c=18</t>
  </si>
  <si>
    <t>mail.google.com/sync/u/0/i/s?hl=pt-BR&amp;c=22</t>
  </si>
  <si>
    <t>mail.google.com/sync/u/0/i/s?hl=pt-BR&amp;c=24</t>
  </si>
  <si>
    <t>mail.google.com/sync/u/0/i/s?hl=pt-BR&amp;c=40</t>
  </si>
  <si>
    <t>mail.google.com/sync/u/0/i/s?hl=pt-BR&amp;c=42</t>
  </si>
  <si>
    <t>mail.google.com/sync/u/0/i/s?hl=pt-BR&amp;c=46</t>
  </si>
  <si>
    <t>85d604e8-231b-4b16-9319-e9d4beb8f5c3.tmp</t>
  </si>
  <si>
    <t>\\acsfs\profiles$\geovannasm\Downloads\85d604e8-231b-4b16-9319-e9d4beb8f5c3.tmp</t>
  </si>
  <si>
    <t>9f087a01-c5c2-4e28-8a9a-2b546e481984.tmp</t>
  </si>
  <si>
    <t>\\acsfs\profiles$\valeriasda\Downloads\9f087a01-c5c2-4e28-8a9a-2b546e481984.tmp</t>
  </si>
  <si>
    <t>88c5b523-d134-42e5-bead-ae6e0b512e11.tmp</t>
  </si>
  <si>
    <t>\\acsfs\profiles$\brendadsl\Downloads\88c5b523-d134-42e5-bead-ae6e0b512e11.tmp</t>
  </si>
  <si>
    <t>f672c735-613e-4d7e-935e-8a4af0f3f01b.tmp</t>
  </si>
  <si>
    <t>\\acsfs\profiles$\gabrielafs\Downloads\f672c735-613e-4d7e-935e-8a4af0f3f01b.tmp</t>
  </si>
  <si>
    <t>88aabb3f-0866-4870-9751-06a49a6f5b1b.tmp</t>
  </si>
  <si>
    <t>\\acsfs\profiles$\gabrielafs\Downloads\88aabb3f-0866-4870-9751-06a49a6f5b1b.tmp</t>
  </si>
  <si>
    <t>10.200.67.189</t>
  </si>
  <si>
    <t>391f3616-2cff-460e-9ac5-a627c8e75141.tmp</t>
  </si>
  <si>
    <t>\\acsfs\profiles$\victorgl\Downloads\391f3616-2cff-460e-9ac5-a627c8e75141.tmp</t>
  </si>
  <si>
    <t>df6e453e-723c-47b2-ba7a-27bd98b29848.tmp</t>
  </si>
  <si>
    <t>\\acsfs\profiles$\victorgl\Downloads\df6e453e-723c-47b2-ba7a-27bd98b29848.tmp</t>
  </si>
  <si>
    <t>Painel Bacen Procedente GOV 20191211.xlsx</t>
  </si>
  <si>
    <t>Painel Bacen Procedente 20191211.xlsx</t>
  </si>
  <si>
    <t>2a723e20-76a0-416a-8c03-c2ba2db8e6db.tmp</t>
  </si>
  <si>
    <t>\\acsfs\profiles$\adrielyas\Downloads\2a723e20-76a0-416a-8c03-c2ba2db8e6db.tmp</t>
  </si>
  <si>
    <t>C:\Users\heliorg\OneDrive - Grupo Algar\Squad\URAs\8 - Nespresso\</t>
  </si>
  <si>
    <t>57d3e2ca-3023-46f0-bb66-236776d0671e.tmp</t>
  </si>
  <si>
    <t>\\acsfs\profiles$\alinepp\Downloads\57d3e2ca-3023-46f0-bb66-236776d0671e.tmp</t>
  </si>
  <si>
    <t>mail.google.com/_/upload?authuser=1&amp;dcp=asu-n&amp;upload_id=AEnB2UpHYJZ62VxgzSyY3Nc6l2YRbElvCHsEHx3ALgAiD71QOunNq9UPG1HveadKUcYDkMu_DPlmrEkfczzDCDWCB4e9xB4M-Q&amp;upload_protocol=resumable</t>
  </si>
  <si>
    <t>10.200.67.54</t>
  </si>
  <si>
    <t>78-2B-CB-C1-06-4C</t>
  </si>
  <si>
    <t>VOTORANT-PB005</t>
  </si>
  <si>
    <t>\\acsfs\profiles$\leonardobb\Downloads\</t>
  </si>
  <si>
    <t>e2c74160-82e1-41ec-bf5c-62b7282c3f06.tmp</t>
  </si>
  <si>
    <t>\\acsfs\profiles$\leonardobb\Downloads\e2c74160-82e1-41ec-bf5c-62b7282c3f06.tmp</t>
  </si>
  <si>
    <t>56cfb0f9-1f35-468a-8560-94dd6abec0f5.tmp</t>
  </si>
  <si>
    <t>\\acsfs\profiles$\victorgl\Downloads\56cfb0f9-1f35-468a-8560-94dd6abec0f5.tmp</t>
  </si>
  <si>
    <t>c66ff7b7-cb15-4fc3-b2be-3dcc8d3ca8bb.tmp</t>
  </si>
  <si>
    <t>\\acsfs\profiles$\victorgl\Downloads\c66ff7b7-cb15-4fc3-b2be-3dcc8d3ca8bb.tmp</t>
  </si>
  <si>
    <t>89ef0994-8174-41e1-a71c-13274fff6806.tmp</t>
  </si>
  <si>
    <t>\\acsfs\profiles$\geovannasm\Downloads\89ef0994-8174-41e1-a71c-13274fff6806.tmp</t>
  </si>
  <si>
    <t>e09be2c6-859b-4a9a-84c6-bffb1c7ea07a.tmp</t>
  </si>
  <si>
    <t>\\acsfs\profiles$\leonardobb\Downloads\e09be2c6-859b-4a9a-84c6-bffb1c7ea07a.tmp</t>
  </si>
  <si>
    <t>b4c2c3c1-49ea-48ee-8642-fd1c6b4adb62.tmp</t>
  </si>
  <si>
    <t>\\acsfs\profiles$\leonardobb\Downloads\b4c2c3c1-49ea-48ee-8642-fd1c6b4adb62.tmp</t>
  </si>
  <si>
    <t>\\acsfs\profiles$\brunalas\My Documents\My Pictures\</t>
  </si>
  <si>
    <t>\\acsfs\profiles$\brunalas\My Documents\My Videos\desktop.ini</t>
  </si>
  <si>
    <t>\\acsfs\profiles$\brunalas\My Documents\My Videos\</t>
  </si>
  <si>
    <t>\\acsfs\profiles$\brunalas\My Documents\My Music\</t>
  </si>
  <si>
    <t>\\acsfs\profiles$\brunalas\My Documents\My Pictures\desktop.ini</t>
  </si>
  <si>
    <t>\\acsfs\profiles$\brunalas\Contacts\</t>
  </si>
  <si>
    <t>\\acsfs\profiles$\brunalas\Contacts\desktop.ini</t>
  </si>
  <si>
    <t>\\acsfs\profiles$\brunalas\My Documents\</t>
  </si>
  <si>
    <t>\\acsfs\profiles$\brunalas\Favorites\desktop.ini</t>
  </si>
  <si>
    <t>\\acsfs\profiles$\brunalas\My Documents\My Music\desktop.ini</t>
  </si>
  <si>
    <t>\\acsfs\profiles$\brunalas\Searches\</t>
  </si>
  <si>
    <t>\\acsfs\profiles$\brunalas\Searches\desktop.ini</t>
  </si>
  <si>
    <t>\\acsfs\profiles$\brunalas\Downloads\desktop.ini</t>
  </si>
  <si>
    <t>\\acsfs\profiles$\brunalas\Favorites\</t>
  </si>
  <si>
    <t>\\acsfs\profiles$\brunalas\My Documents\desktop.ini</t>
  </si>
  <si>
    <t>\\acsfs\profiles$\brunalas\Saved Games\desktop.ini</t>
  </si>
  <si>
    <t>winrt--{S-1-5-21-602162358-764733703-839522115-358561}-.searchconnector-ms</t>
  </si>
  <si>
    <t>\\acsfs\profiles$\brunalas\Searches\winrt--{S-1-5-21-602162358-764733703-839522115-358561}-.searchconnector-ms</t>
  </si>
  <si>
    <t>47e60030-0543-441c-aa52-ef34bd55779a.tmp</t>
  </si>
  <si>
    <t>\\acsfs\profiles$\rosileiam\Downloads\47e60030-0543-441c-aa52-ef34bd55779a.tmp</t>
  </si>
  <si>
    <t>ed916006-073b-4a7c-8363-a638fa2175aa.tmp</t>
  </si>
  <si>
    <t>\\acsfs\profiles$\rosileiam\Downloads\ed916006-073b-4a7c-8363-a638fa2175aa.tmp</t>
  </si>
  <si>
    <t>4170e284-4faa-4e53-892c-434aa0022251.tmp</t>
  </si>
  <si>
    <t>\\acsfs\profiles$\wenderbnm\Downloads\4170e284-4faa-4e53-892c-434aa0022251.tmp</t>
  </si>
  <si>
    <t>mail.google.com/_/upload?authuser=1&amp;dcp=asu-n&amp;upload_id=AEnB2Uo0MQ-c1SU6TxwsUlcKWaudoMCxcfDOtinpwy1V447EDIiCOyNKud8H__jdRnLVg48LPlJ1uVOFFPo6hvBxdxsx3-tF6g&amp;upload_protocol=resumable</t>
  </si>
  <si>
    <t>\\acsfs\DEPTOS\Gestão de Projetos\3 - Projetos\10 - Projetos 2019\EXPANSÃO CAIXA\</t>
  </si>
  <si>
    <t>206389 Detalhamento_de_itens_EXPANSÃO CAIXA_V2.xlsx</t>
  </si>
  <si>
    <t>mail.google.com/_/upload?authuser=1&amp;dcp=asu-n&amp;upload_id=AEnB2UpoY_RyI7n50lpKRhxrG_zqov1gURc7hllmYfM6zyYC0fk19unnBNRTSYry7BxEcLVGJg2w_sZlg5G_yQgrrMsZUYWMKQ&amp;upload_protocol=resumable</t>
  </si>
  <si>
    <t>mail.google.com/_/upload?authuser=0&amp;dcp=asu-n&amp;upload_id=AEnB2UoFXEbdxjD2tk2B2FZpdQAj9Ev9fJAXXxWtWOClZrfZwAzt9FehpXYNjTmRW6Iv3_quY139xGCSBR3OXSrbm1gT1T4csw&amp;upload_protocol=resumable</t>
  </si>
  <si>
    <t>ENVIO PRÉVIA CLIENTES - DEZ.19.xlsx</t>
  </si>
  <si>
    <t>10.200.67.33</t>
  </si>
  <si>
    <t>64-1C-67-9D-1E-20</t>
  </si>
  <si>
    <t>VOTORANT-FB009</t>
  </si>
  <si>
    <t>anacdos</t>
  </si>
  <si>
    <t>\\acsfs\profiles$\anacdos\My Documents\xworkcenter\lex\</t>
  </si>
  <si>
    <t>\\acsfs\profiles$\anacdos\My Documents\xworkcenter\lex\temp.tlx</t>
  </si>
  <si>
    <t>\\acsfs\DEPTOS\Controladoria\Planejamento\Reuniao Gerencial\2020\PROJETO CNPJ\OFICIAL\Arquivos Base\CSC\</t>
  </si>
  <si>
    <t>ANALISE_ECONOMICO_CSC.xlsx</t>
  </si>
  <si>
    <t>616b56fa-c104-4707-b3d2-4c1276790bbd.tmp</t>
  </si>
  <si>
    <t>\\acsfs\profiles$\victorgl\Downloads\616b56fa-c104-4707-b3d2-4c1276790bbd.tmp</t>
  </si>
  <si>
    <t>521c47e1-ec3d-4ee6-af1c-dd313e68cb7a.tmp</t>
  </si>
  <si>
    <t>\\acsfs\profiles$\brunalas\Downloads\521c47e1-ec3d-4ee6-af1c-dd313e68cb7a.tmp</t>
  </si>
  <si>
    <t>869a7fb5-5ed6-4516-ae41-dfcb96b83b2b.tmp</t>
  </si>
  <si>
    <t>\\acsfs\profiles$\brunalas\Downloads\869a7fb5-5ed6-4516-ae41-dfcb96b83b2b.tmp</t>
  </si>
  <si>
    <t>0ff67ca7-9c97-4c20-8bd6-1a244c2e29cc.tmp</t>
  </si>
  <si>
    <t>\\acsfs\profiles$\gabrielarb\Downloads\0ff67ca7-9c97-4c20-8bd6-1a244c2e29cc.tmp</t>
  </si>
  <si>
    <t>87cae77d-15fc-4cee-a58d-52b6291eedad.tmp</t>
  </si>
  <si>
    <t>\\acsfs\profiles$\wenderbnm\Downloads\87cae77d-15fc-4cee-a58d-52b6291eedad.tmp</t>
  </si>
  <si>
    <t>mail.google.com/sync/u/0/i/s?hl=pt-BR&amp;c=411</t>
  </si>
  <si>
    <t>mail.google.com/sync/u/0/i/s?hl=pt-BR&amp;c=414</t>
  </si>
  <si>
    <t>mail.google.com/sync/u/0/i/s?hl=pt-BR&amp;c=416</t>
  </si>
  <si>
    <t>mail.google.com/sync/u/0/i/s?hl=pt-BR&amp;c=419</t>
  </si>
  <si>
    <t>mail.google.com/sync/u/0/i/s?hl=pt-BR&amp;c=422</t>
  </si>
  <si>
    <t>mail.google.com/sync/u/0/i/s?hl=pt-BR&amp;c=425</t>
  </si>
  <si>
    <t>C:\Users\rodrigombu\OneDrive - Grupo Algar\Whirlpool\2019\12 - Dezembro\Arquivos\ACOMPANHAMENTO BO\</t>
  </si>
  <si>
    <t>Acompanhamento Produtividade BKO - Parcial - Dez-2019 - Com desconsiderações.xlsx</t>
  </si>
  <si>
    <t>mail.google.com/sync/u/0/i/s?hl=pt-BR&amp;c=427</t>
  </si>
  <si>
    <t>mail.google.com/sync/u/0/i/s?hl=pt-BR&amp;c=431</t>
  </si>
  <si>
    <t>9895d1e7-53b0-4f0a-917b-445648784b07.tmp</t>
  </si>
  <si>
    <t>\\acsfs\profiles$\gabrielafs\Downloads\9895d1e7-53b0-4f0a-917b-445648784b07.tmp</t>
  </si>
  <si>
    <t>9e5ad47a-c254-495b-bd24-dd679ee87a5e.tmp</t>
  </si>
  <si>
    <t>\\acsfs\profiles$\DALVADFB\Downloads\9e5ad47a-c254-495b-bd24-dd679ee87a5e.tmp</t>
  </si>
  <si>
    <t>cintiadjl</t>
  </si>
  <si>
    <t>\\acsfs\profiles$\cintiadjl\My Documents\My Pictures\</t>
  </si>
  <si>
    <t>\\acsfs\profiles$\cintiadjl\My Documents\My Videos\desktop.ini</t>
  </si>
  <si>
    <t>\\acsfs\profiles$\cintiadjl\My Documents\My Videos\</t>
  </si>
  <si>
    <t>\\acsfs\profiles$\cintiadjl\My Documents\My Music\</t>
  </si>
  <si>
    <t>\\acsfs\profiles$\cintiadjl\My Documents\My Pictures\desktop.ini</t>
  </si>
  <si>
    <t>\\acsfs\profiles$\cintiadjl\Contacts\</t>
  </si>
  <si>
    <t>\\acsfs\profiles$\cintiadjl\Contacts\desktop.ini</t>
  </si>
  <si>
    <t>\\acsfs\profiles$\cintiadjl\My Documents\</t>
  </si>
  <si>
    <t>\\acsfs\profiles$\cintiadjl\Favorites\desktop.ini</t>
  </si>
  <si>
    <t>\\acsfs\profiles$\cintiadjl\My Documents\My Music\desktop.ini</t>
  </si>
  <si>
    <t>\\acsfs\profiles$\cintiadjl\Searches\</t>
  </si>
  <si>
    <t>\\acsfs\profiles$\cintiadjl\Searches\desktop.ini</t>
  </si>
  <si>
    <t>\\acsfs\profiles$\cintiadjl\Downloads\</t>
  </si>
  <si>
    <t>\\acsfs\profiles$\cintiadjl\Downloads\desktop.ini</t>
  </si>
  <si>
    <t>\\acsfs\profiles$\cintiadjl\Favorites\</t>
  </si>
  <si>
    <t>\\acsfs\profiles$\cintiadjl\My Documents\desktop.ini</t>
  </si>
  <si>
    <t>\\acsfs\profiles$\cintiadjl\Saved Games\desktop.ini</t>
  </si>
  <si>
    <t>winrt--{S-1-5-21-602162358-764733703-839522115-352950}-.searchconnector-ms</t>
  </si>
  <si>
    <t>\\acsfs\profiles$\cintiadjl\Searches\winrt--{S-1-5-21-602162358-764733703-839522115-352950}-.searchconnector-ms</t>
  </si>
  <si>
    <t>mail.google.com/sync/u/0/i/s?hl=pt-BR&amp;c=438</t>
  </si>
  <si>
    <t>mail.google.com/sync/u/0/i/s?hl=pt-BR&amp;c=441</t>
  </si>
  <si>
    <t>mail.google.com/sync/u/0/i/s?hl=pt-BR&amp;c=444</t>
  </si>
  <si>
    <t>12/12/2019;</t>
  </si>
  <si>
    <t>mail.google.com/sync/u/0/i/s?hl=pt-BR&amp;c=446</t>
  </si>
  <si>
    <t>mail.google.com/sync/u/0/i/s?hl=pt-BR&amp;c=448</t>
  </si>
  <si>
    <t>mail.google.com/sync/u/0/i/s?hl=pt-BR&amp;c=450</t>
  </si>
  <si>
    <t>\\acsfs\DEPTOS\Operacao\Banco_Votorantim\Supervisao\ROBSON ÁLVARES MEDEIROS\</t>
  </si>
  <si>
    <t>Frases XGEN - Migração--.xlsx</t>
  </si>
  <si>
    <t>Brazil: CNPJ - Cadastro Nacional da Pessoa Jurídica (National Registry of Legal Entities)</t>
  </si>
  <si>
    <t>\\acsfs\DEPTOS\Operacao\Banco_Votorantim\Supervisao\ROBSON ÁLVARES MEDEIROS\Frases XGEN - Migração--.xlsx</t>
  </si>
  <si>
    <t>https://outlook.office365.com/owa/qualidadealgarbv@algartech.com/service.svc?action=createitem&amp;app=mail&amp;n=97</t>
  </si>
  <si>
    <t>c_cliente_algar;</t>
  </si>
  <si>
    <t>https://c_cliente_algar</t>
  </si>
  <si>
    <t>/o=exchangelabs/ou=exchange administrative group (fydibohf23spdlt)/cn=recipients/cn=822f65115a2046059fff20a916dd90e9-thais marti;marcelodsd@algartech.com;</t>
  </si>
  <si>
    <t>RES: [Backoffice] Atualização do Dashboard - Algar Tech - BackOffice (Visão Serviço)</t>
  </si>
  <si>
    <t>/o=exchangelabs/ou=exchange administrative group (fydibohf23spdlt)/cn=recipients/cn=822f65115a2046059fff20a916dd90e9-thais marti,marcelodsd@algartech.com</t>
  </si>
  <si>
    <t>roteiros de atendimento.txt</t>
  </si>
  <si>
    <t>\\acsfs\profiles$\regisadsa\My Documents\roteiros de atendimento.txt</t>
  </si>
  <si>
    <t>793ef490-43a7-41cd-87e0-677c344005f4.tmp</t>
  </si>
  <si>
    <t>\\acsfs\profiles$\cintiadjl\Downloads\793ef490-43a7-41cd-87e0-677c344005f4.tmp</t>
  </si>
  <si>
    <t>07df15ea-37a0-41dd-a07b-a406bf4c3938.tmp</t>
  </si>
  <si>
    <t>\\acsfs\profiles$\brendadsl\Downloads\07df15ea-37a0-41dd-a07b-a406bf4c3938.tmp</t>
  </si>
  <si>
    <t>https://outlook.office365.com/owa/qualidadealgarbv@algartech.com/service.svc?action=updateitem&amp;app=mail&amp;n=132</t>
  </si>
  <si>
    <t>https://outlook.office365.com/owa/qualidadealgarbv@algartech.com/service.svc?action=updateitem&amp;app=mail&amp;n=142</t>
  </si>
  <si>
    <t>paulacn@algartech.com</t>
  </si>
  <si>
    <t>\\acsfs\Deptos\Operacao\Banco_Votorantim\Qualidade\Fernanda\</t>
  </si>
  <si>
    <t>ILHA FLAG - ATUALIZADO Flag Contestação de Despesas.pdf</t>
  </si>
  <si>
    <t>\\acsfs\Deptos\Operacao\Banco_Votorantim\Qualidade\Fernanda\ILHA FLAG - ATUALIZADO Flag Contestação de Despesas.pdf</t>
  </si>
  <si>
    <t>michelecdc@algartech.com.br;</t>
  </si>
  <si>
    <t>RES: _ Graficos apresentação Pesquisa de Satisfação</t>
  </si>
  <si>
    <t>michelecdc@algartech.com.br</t>
  </si>
  <si>
    <t>C:\Users\rosilenedlf\Downloads\</t>
  </si>
  <si>
    <t>Indicadores Algar - Versão Final ECH - Set a Nov-2019 (1).xlsx</t>
  </si>
  <si>
    <t>Política de Gratificação BV Cartões - Dezembro.ppt</t>
  </si>
  <si>
    <t>\\acsfs\DEPTOS\Operacao\Banco_Votorantim\Supervisao\SUPERS BV CARTÕES\Política de Gratificação BV Cartões - Dezembro.ppt</t>
  </si>
  <si>
    <t>\\acsfs\DEPTOS\Operacao\Banco_Votorantim\Supervisao\SUPERS BV CARTÕES\ADILSON\Política de Gratificação BV Cartões - Dezembro.ppt\s4\</t>
  </si>
  <si>
    <t>PowerPoint.MetroBlob5.pptx</t>
  </si>
  <si>
    <t>PowerPoint.MetroBlob4.pptx</t>
  </si>
  <si>
    <t>f03561bf-4128-4d0c-a128-54fab15ed26d.tmp</t>
  </si>
  <si>
    <t>\\acsfs\profiles$\cintiadjl\Downloads\f03561bf-4128-4d0c-a128-54fab15ed26d.tmp</t>
  </si>
  <si>
    <t>mail.google.com/_/upload?authuser=0&amp;dcp=asu-n&amp;upload_id=AEnB2UrTvjuQQDG46wPv0chlMQXy3-szoPEvcGXVf5_rjkU_XA8vHxcjhhezsSlrYRDXZcAdxw90NV-vpJqKgr-zCPvMxcKK6KqEzEHwvK9XmB_1PvVqIJA&amp;upload_protocol=resumable</t>
  </si>
  <si>
    <t>\\acsfs\DEPTOS\Operacao\Banco_Votorantim\Qualidade\Anderson\Jose\Alerta.xlsx\</t>
  </si>
  <si>
    <t>hdphoto1.wdp</t>
  </si>
  <si>
    <t>\\acsfs\DEPTOS\Operacao\Banco_Votorantim\Qualidade\Anderson\Jose\Alerta.xlsx</t>
  </si>
  <si>
    <t>hdphoto2.wdp</t>
  </si>
  <si>
    <t>Alerta.xlsx</t>
  </si>
  <si>
    <t>/o=exchangelabs/ou=exchange administrative group (fydibohf23spdlt)/cn=recipients/cn=086b170a09044ccdba122e7be04d9f61-flavia viei;/o=exchangelabs/ou=exchange administrative group (fydibohf23spdlt)/cn=recipients/cn=flavia rodrigues soares;gizele.pires@bradesco.com.br;lucibeth.crispim@bradesco.com.br;</t>
  </si>
  <si>
    <t>ENC: Formulário de Aderência WFM</t>
  </si>
  <si>
    <t>Formulário TTV - Aderência Ex..xlsx</t>
  </si>
  <si>
    <t>/o=exchangelabs/ou=exchange administrative group (fydibohf23spdlt)/cn=recipients/cn=086b170a09044ccdba122e7be04d9f61-flavia viei,/o=exchangelabs/ou=exchange administrative group (fydibohf23spdlt)/cn=recipients/cn=flavia rodrigues soares,gizele.pires@bradesco.com.br,lucibeth.crispim@bradesco.com.br</t>
  </si>
  <si>
    <t>jessicanes</t>
  </si>
  <si>
    <t>\\acsfs\profiles$\jessicanes\My Documents\</t>
  </si>
  <si>
    <t>Download.pdf</t>
  </si>
  <si>
    <t>\\acsfs\profiles$\jessicanes\My Documents\Download.pdf</t>
  </si>
  <si>
    <t>mail.google.com/sync/u/0/i/s?hl=pt-BR&amp;c=597</t>
  </si>
  <si>
    <t>anavbg@algartech.com;bvcartes-supervisores@algarnet.onmicrosoft.com;thiagordu@algartech.com;</t>
  </si>
  <si>
    <t>anavbg@algartech.com,bvcartes-supervisores@algarnet.onmicrosoft.com,thiagordu@algartech.com</t>
  </si>
  <si>
    <t>mail.google.com/sync/u/0/i/s?hl=pt-BR&amp;c=602</t>
  </si>
  <si>
    <t>mail.google.com/sync/u/0/i/s?hl=pt-BR&amp;c=607</t>
  </si>
  <si>
    <t>Cronometria N1 Speaking.xlsx</t>
  </si>
  <si>
    <t>Alerta flavia.txt</t>
  </si>
  <si>
    <t>\\acsfs\DEPTOS\Operacao\Banco_Votorantim\Qualidade\Anderson\Jose\Alerta flavia.txt</t>
  </si>
  <si>
    <t>b677060f-8659-4bcd-9900-b07e415e848b.tmp</t>
  </si>
  <si>
    <t>\\acsfs\profiles$\alessandraan\Downloads\b677060f-8659-4bcd-9900-b07e415e848b.tmp</t>
  </si>
  <si>
    <t>mail.google.com/sync/u/0/i/s?hl=pt-BR&amp;c=617</t>
  </si>
  <si>
    <t>mail.google.com/sync/u/0/i/s?hl=pt-BR&amp;c=645</t>
  </si>
  <si>
    <t>mail.google.com/sync/u/0/i/s?hl=pt-BR&amp;c=650</t>
  </si>
  <si>
    <t>mail.google.com/sync/u/0/i/s?hl=pt-BR&amp;c=655</t>
  </si>
  <si>
    <t>7d4b4665-ee84-445c-acdc-73d55edf562c.tmp</t>
  </si>
  <si>
    <t>\\acsfs\profiles$\cintiadjl\Downloads\7d4b4665-ee84-445c-acdc-73d55edf562c.tmp</t>
  </si>
  <si>
    <t>43513f72-027d-4ca3-a6b8-c8aaef578b28.tmp</t>
  </si>
  <si>
    <t>\\acsfs\profiles$\cintiadjl\Downloads\43513f72-027d-4ca3-a6b8-c8aaef578b28.tmp</t>
  </si>
  <si>
    <t>https://outlook.office365.com/owa/qualidadealgarbv@algartech.com/service.svc?action=createitem&amp;app=mail&amp;n=177</t>
  </si>
  <si>
    <t>https://outlook.office365.com/owa/qualidadealgarbv@algartech.com/service.svc?action=updateitem&amp;app=mail&amp;n=182</t>
  </si>
  <si>
    <t>https://outlook.office365.com/owa/qualidadealgarbv@algartech.com/service.svc?action=updateitem&amp;app=mail&amp;n=195</t>
  </si>
  <si>
    <t>https://outlook.office365.com/owa/qualidadealgarbv@algartech.com/service.svc?action=updateitem&amp;app=mail&amp;n=199</t>
  </si>
  <si>
    <t>5b3d1e29-f798-4108-a6c7-b11eb924af47.tmp</t>
  </si>
  <si>
    <t>\\acsfs\profiles$\DALVADFB\Downloads\5b3d1e29-f798-4108-a6c7-b11eb924af47.tmp</t>
  </si>
  <si>
    <t>ulog_AcroARM2_ARM2Update_a9473871-eb7b-4719-ba46-35125c58e0e7_80f67f54-4f47-496a-9fe5-165ff4adabd7_0.log</t>
  </si>
  <si>
    <t>C:\Users\davimvs\AppData\Roaming\Adobe\LogTransport2\Logs\ulog_AcroARM2_ARM2Update_a9473871-eb7b-4719-ba46-35125c58e0e7_80f67f54-4f47-496a-9fe5-165ff4adabd7_0.log\</t>
  </si>
  <si>
    <t>ulog_AcroARM2_Reader_a9473871-eb7b-4719-ba46-35125c58e0e7_1ea4e754-384f-4cfb-9b68-68a6ca997276_0.log</t>
  </si>
  <si>
    <t>C:\Users\davimvs\AppData\Roaming\Adobe\LogTransport2\Logs\ulog_AcroARM2_Reader_a9473871-eb7b-4719-ba46-35125c58e0e7_1ea4e754-384f-4cfb-9b68-68a6ca997276_0.log\</t>
  </si>
  <si>
    <t>ulog_AcroARM2_Reader_a9473871-eb7b-4719-ba46-35125c58e0e7_30f47963-4fee-4ccb-80ce-7152d5eff4f6_0.log</t>
  </si>
  <si>
    <t>C:\Users\davimvs\AppData\Roaming\Adobe\LogTransport2\Logs\ulog_AcroARM2_Reader_a9473871-eb7b-4719-ba46-35125c58e0e7_30f47963-4fee-4ccb-80ce-7152d5eff4f6_0.log\</t>
  </si>
  <si>
    <t>ulog_HeadlightsOptinProductFamily_HeadlightsOptinProduct_00000000-0000-0000-0000-000000000000_43b86cf8-4675-4559-ac24-7ce980cd2440.log</t>
  </si>
  <si>
    <t>C:\Users\davimvs\AppData\Roaming\Adobe\LogTransport2\Logs\ulog_HeadlightsOptinProductFamily_HeadlightsOptinProduct_00000000-0000-0000-0000-000000000000_43b86cf8-4675-4559-ac24-7ce980cd2440.log\</t>
  </si>
  <si>
    <t>ulog_HeadlightsOptinProductFamily_HeadlightsOptinProduct_00000000-0000-0000-0000-000000000000_4e2fe92a-20b0-4532-b5aa-236a26397933.log</t>
  </si>
  <si>
    <t>C:\Users\davimvs\AppData\Roaming\Adobe\LogTransport2\Logs\ulog_HeadlightsOptinProductFamily_HeadlightsOptinProduct_00000000-0000-0000-0000-000000000000_4e2fe92a-20b0-4532-b5aa-236a26397933.log\</t>
  </si>
  <si>
    <t>thaynaracsl</t>
  </si>
  <si>
    <t>\\acsfs\profiles$\thaynaracsl\My Documents\My Pictures\</t>
  </si>
  <si>
    <t>\\acsfs\profiles$\thaynaracsl\My Documents\My Videos\desktop.ini</t>
  </si>
  <si>
    <t>\\acsfs\profiles$\thaynaracsl\My Documents\My Videos\</t>
  </si>
  <si>
    <t>\\acsfs\profiles$\thaynaracsl\My Documents\My Music\</t>
  </si>
  <si>
    <t>\\acsfs\profiles$\thaynaracsl\My Documents\My Pictures\desktop.ini</t>
  </si>
  <si>
    <t>\\acsfs\profiles$\thaynaracsl\Contacts\</t>
  </si>
  <si>
    <t>\\acsfs\profiles$\thaynaracsl\Contacts\desktop.ini</t>
  </si>
  <si>
    <t>\\acsfs\profiles$\thaynaracsl\My Documents\</t>
  </si>
  <si>
    <t>\\acsfs\profiles$\thaynaracsl\Favorites\desktop.ini</t>
  </si>
  <si>
    <t>\\acsfs\profiles$\thaynaracsl\My Documents\My Music\desktop.ini</t>
  </si>
  <si>
    <t>\\acsfs\profiles$\thaynaracsl\Searches\</t>
  </si>
  <si>
    <t>\\acsfs\profiles$\thaynaracsl\Searches\desktop.ini</t>
  </si>
  <si>
    <t>\\acsfs\profiles$\thaynaracsl\Downloads\</t>
  </si>
  <si>
    <t>\\acsfs\profiles$\thaynaracsl\Downloads\desktop.ini</t>
  </si>
  <si>
    <t>\\acsfs\profiles$\thaynaracsl\Favorites\</t>
  </si>
  <si>
    <t>\\acsfs\profiles$\thaynaracsl\My Documents\desktop.ini</t>
  </si>
  <si>
    <t>\\acsfs\profiles$\thaynaracsl\Saved Games\desktop.ini</t>
  </si>
  <si>
    <t>12e5f8be-a360-42ad-8e3e-2604d051dc94.tmp</t>
  </si>
  <si>
    <t>\\acsfs\profiles$\wenderbnm\Downloads\12e5f8be-a360-42ad-8e3e-2604d051dc94.tmp</t>
  </si>
  <si>
    <t>86156d69-8ce5-4aea-a11c-460b24aeb08e.tmp</t>
  </si>
  <si>
    <t>\\acsfs\profiles$\cintiadjl\Downloads\86156d69-8ce5-4aea-a11c-460b24aeb08e.tmp</t>
  </si>
  <si>
    <t>98d5ec0e-0cf3-4c69-b118-4d98ccc7a676.tmp</t>
  </si>
  <si>
    <t>\\acsfs\profiles$\victorgl\Downloads\98d5ec0e-0cf3-4c69-b118-4d98ccc7a676.tmp</t>
  </si>
  <si>
    <t>\\acsfs\profiles$\juceliaoda\My Documents\My Pictures\</t>
  </si>
  <si>
    <t>\\acsfs\profiles$\juceliaoda\My Documents\My Videos\desktop.ini</t>
  </si>
  <si>
    <t>\\acsfs\profiles$\juceliaoda\My Documents\My Videos\</t>
  </si>
  <si>
    <t>\\acsfs\profiles$\juceliaoda\My Documents\My Music\</t>
  </si>
  <si>
    <t>\\acsfs\profiles$\juceliaoda\My Documents\My Pictures\desktop.ini</t>
  </si>
  <si>
    <t>\\acsfs\profiles$\juceliaoda\Contacts\</t>
  </si>
  <si>
    <t>\\acsfs\profiles$\juceliaoda\Contacts\desktop.ini</t>
  </si>
  <si>
    <t>\\acsfs\profiles$\juceliaoda\My Documents\</t>
  </si>
  <si>
    <t>\\acsfs\profiles$\juceliaoda\Favorites\desktop.ini</t>
  </si>
  <si>
    <t>\\acsfs\profiles$\juceliaoda\My Documents\My Music\desktop.ini</t>
  </si>
  <si>
    <t>\\acsfs\profiles$\juceliaoda\Searches\desktop.ini</t>
  </si>
  <si>
    <t>\\acsfs\profiles$\juceliaoda\Downloads\</t>
  </si>
  <si>
    <t>\\acsfs\profiles$\juceliaoda\Downloads\desktop.ini</t>
  </si>
  <si>
    <t>\\acsfs\profiles$\juceliaoda\Favorites\</t>
  </si>
  <si>
    <t>\\acsfs\profiles$\juceliaoda\My Documents\desktop.ini</t>
  </si>
  <si>
    <t>\\acsfs\profiles$\juceliaoda\Saved Games\desktop.ini</t>
  </si>
  <si>
    <t>julianeas</t>
  </si>
  <si>
    <t>\\acsfs\profiles$\julianeas\My Documents\My Pictures\</t>
  </si>
  <si>
    <t>\\acsfs\profiles$\julianeas\My Documents\My Videos\desktop.ini</t>
  </si>
  <si>
    <t>\\acsfs\profiles$\julianeas\My Documents\My Videos\</t>
  </si>
  <si>
    <t>\\acsfs\profiles$\julianeas\My Documents\My Music\</t>
  </si>
  <si>
    <t>\\acsfs\profiles$\julianeas\My Documents\My Pictures\desktop.ini</t>
  </si>
  <si>
    <t>\\acsfs\profiles$\julianeas\Contacts\</t>
  </si>
  <si>
    <t>\\acsfs\profiles$\julianeas\Contacts\desktop.ini</t>
  </si>
  <si>
    <t>\\acsfs\profiles$\julianeas\My Documents\</t>
  </si>
  <si>
    <t>\\acsfs\profiles$\julianeas\Favorites\desktop.ini</t>
  </si>
  <si>
    <t>\\acsfs\profiles$\julianeas\My Documents\My Music\desktop.ini</t>
  </si>
  <si>
    <t>\\acsfs\profiles$\julianeas\Searches\</t>
  </si>
  <si>
    <t>\\acsfs\profiles$\julianeas\Searches\desktop.ini</t>
  </si>
  <si>
    <t>\\acsfs\profiles$\julianeas\Downloads\</t>
  </si>
  <si>
    <t>\\acsfs\profiles$\julianeas\Downloads\desktop.ini</t>
  </si>
  <si>
    <t>\\acsfs\profiles$\julianeas\Favorites\</t>
  </si>
  <si>
    <t>\\acsfs\profiles$\julianeas\My Documents\desktop.ini</t>
  </si>
  <si>
    <t>\\acsfs\profiles$\julianeas\Saved Games\desktop.ini</t>
  </si>
  <si>
    <t>winrt--{S-1-5-21-602162358-764733703-839522115-358578}-.searchconnector-ms</t>
  </si>
  <si>
    <t>\\acsfs\profiles$\julianeas\Searches\winrt--{S-1-5-21-602162358-764733703-839522115-358578}-.searchconnector-ms</t>
  </si>
  <si>
    <t>https://algar.folhasinergyrh.com.br/afastamento/upload?id=0&amp;idsolicitacao=14691</t>
  </si>
  <si>
    <t>11/12/2019;</t>
  </si>
  <si>
    <t>image2019-12-12-104935.pdf</t>
  </si>
  <si>
    <t>https://11/12/2019</t>
  </si>
  <si>
    <t>16a34f90-5073-4131-ae85-7d7cd07bb3c0.tmp</t>
  </si>
  <si>
    <t>\\acsfs\profiles$\geovannasm\Downloads\16a34f90-5073-4131-ae85-7d7cd07bb3c0.tmp</t>
  </si>
  <si>
    <t>620ba962-a55f-4141-8e47-e6f5e54c9c04.tmp</t>
  </si>
  <si>
    <t>\\acsfs\profiles$\bernardopcm\Downloads\620ba962-a55f-4141-8e47-e6f5e54c9c04.tmp</t>
  </si>
  <si>
    <t>6b7cdf18-aa4c-43c2-bd1b-b5c7b4bbc585.tmp</t>
  </si>
  <si>
    <t>\\acsfs\profiles$\bernardopcm\Downloads\6b7cdf18-aa4c-43c2-bd1b-b5c7b4bbc585.tmp</t>
  </si>
  <si>
    <t>669a5dd2-afe7-4205-b559-7628c70b4757.tmp</t>
  </si>
  <si>
    <t>\\acsfs\profiles$\DALVADFB\Downloads\669a5dd2-afe7-4205-b559-7628c70b4757.tmp</t>
  </si>
  <si>
    <t>1bbf0d0d-2294-46ea-b272-5d3251dcf213.tmp</t>
  </si>
  <si>
    <t>\\acsfs\profiles$\felipetds\Downloads\1bbf0d0d-2294-46ea-b272-5d3251dcf213.tmp</t>
  </si>
  <si>
    <t>https://outlook.office365.com/owa/qualidadealgarbv@algartech.com/service.svc?action=updateitem&amp;app=mail&amp;n=334</t>
  </si>
  <si>
    <t>https://outlook.office365.com/owa/qualidadealgarbv@algartech.com/service.svc?action=updateitem&amp;app=mail&amp;n=340</t>
  </si>
  <si>
    <t>https://caey.fa.us2.oraclecloud.com/crmui/faces/fusewelcome?_adf.ctrl-state=66cwi5jrv_5</t>
  </si>
  <si>
    <t>C:\Users\ricardobal\Downloads\</t>
  </si>
  <si>
    <t>CENARIO TECH _ ENVIAR.xlsx</t>
  </si>
  <si>
    <t>vendas juliane.txt</t>
  </si>
  <si>
    <t>\\acsfs\profiles$\julianeas\My Documents\vendas juliane.txt</t>
  </si>
  <si>
    <t>Vendas em valores mes de Dezembro.txt</t>
  </si>
  <si>
    <t>\\acsfs\profiles$\julianeas\My Documents\Vendas em valores mes de Dezembro.txt</t>
  </si>
  <si>
    <t>d4768d97-e41e-43f2-8f27-bfc7493e7277.tmp</t>
  </si>
  <si>
    <t>\\acsfs\profiles$\leticiala\Downloads\d4768d97-e41e-43f2-8f27-bfc7493e7277.tmp</t>
  </si>
  <si>
    <t>Pedidos de demissão - Dez..xlsx</t>
  </si>
  <si>
    <t>/o=exchangelabs/ou=exchange administrative group (fydibohf23spdlt)/cn=recipients/cn=2b68c5c9701540eb8fd871ac41d57b98-michael vic;/o=exchangelabs/ou=exchange administrative group (fydibohf23spdlt)/cn=recipients/cn=49df841081c647dfa3c968230c8e613c-sabrina gon;/o=exchangelabs/ou=exchange administrative group (fydibohf23spdlt)/cn=recipients/cn=adf42ba9e8dc4ab9b40a818a0be4bdba-laurabsg_al;/o=exchangelabs/ou=exchange administrative group (fydibohf23spdlt)/cn=recipients/cn=b712c36eebee42428d3790abe2696417-romario gom;/o=exchangelabs/ou=exchange administrative group (fydibohf23spdlt)/cn=recipients/cn=e4dbda4121b54299b4a719c6aa694894-algar tech;cynnarapns@algartech.com.br;patrickfsb@algartech.com.br;thiagosfer@algartech.com.br;</t>
  </si>
  <si>
    <t>01 - PLANEJAMENTO_NEXT_MANIFESTAÇÕES-2020</t>
  </si>
  <si>
    <t>01 - PLANEJAMENTO_NEXT_MANIFESTAÇÕES-2020.xlsx</t>
  </si>
  <si>
    <t>/o=exchangelabs/ou=exchange administrative group (fydibohf23spdlt)/cn=recipients/cn=2b68c5c9701540eb8fd871ac41d57b98-michael vic,/o=exchangelabs/ou=exchange administrative group (fydibohf23spdlt)/cn=recipients/cn=49df841081c647dfa3c968230c8e613c-sabrina gon,/o=exchangelabs/ou=exchange administrative group (fydibohf23spdlt)/cn=recipients/cn=adf42ba9e8dc4ab9b40a818a0be4bdba-laurabsg_al,/o=exchangelabs/ou=exchange administrative group (fydibohf23spdlt)/cn=recipients/cn=b712c36eebee42428d3790abe2696417-romario gom,/o=exchangelabs/ou=exchange administrative group (fydibohf23spdlt)/cn=recipients/cn=e4dbda4121b54299b4a719c6aa694894-algar tech,cynnarapns@algartech.com.br,patrickfsb@algartech.com.br,thiagosfer@algartech.com.br</t>
  </si>
  <si>
    <t>5edfda56-c278-4d28-b40d-4f7cb02be6e9.tmp</t>
  </si>
  <si>
    <t>\\acsfs\profiles$\gabrielafs\Downloads\5edfda56-c278-4d28-b40d-4f7cb02be6e9.tmp</t>
  </si>
  <si>
    <t>mail.google.com/sync/u/0/i/s?hl=pt-BR&amp;c=251</t>
  </si>
  <si>
    <t>mail.google.com/sync/u/0/i/s?hl=pt-BR&amp;c=253</t>
  </si>
  <si>
    <t>mail.google.com/sync/u/0/i/s?hl=pt-BR&amp;c=255</t>
  </si>
  <si>
    <t>mail.google.com/sync/u/0/i/s?hl=pt-BR&amp;c=257</t>
  </si>
  <si>
    <t>mail.google.com/sync/u/0/i/s?hl=pt-BR&amp;c=259</t>
  </si>
  <si>
    <t>mail.google.com/sync/u/0/i/s?hl=pt-BR&amp;c=275</t>
  </si>
  <si>
    <t>mail.google.com/sync/u/0/i/s?hl=pt-BR&amp;c=279</t>
  </si>
  <si>
    <t>310891a0-ae25-4e39-b3f8-6ea408a269d9.tmp</t>
  </si>
  <si>
    <t>\\acsfs\profiles$\deborahsi\Downloads\310891a0-ae25-4e39-b3f8-6ea408a269d9.tmp</t>
  </si>
  <si>
    <t>mail.google.com/sync/u/0/i/s?hl=pt-BR&amp;c=303</t>
  </si>
  <si>
    <t>mail.google.com/sync/u/0/i/s?hl=pt-BR&amp;c=305</t>
  </si>
  <si>
    <t>mail.google.com/sync/u/0/i/s?hl=pt-BR&amp;c=307</t>
  </si>
  <si>
    <t>mail.google.com/sync/u/0/i/s?hl=pt-BR&amp;c=309</t>
  </si>
  <si>
    <t>mail.google.com/sync/u/0/i/s?hl=pt-BR&amp;c=312</t>
  </si>
  <si>
    <t>mail.google.com/sync/u/0/i/s?hl=pt-BR&amp;c=314</t>
  </si>
  <si>
    <t>mail.google.com/sync/u/0/i/s?hl=pt-BR&amp;c=316</t>
  </si>
  <si>
    <t>mail.google.com/sync/u/0/i/s?hl=pt-BR&amp;c=321</t>
  </si>
  <si>
    <t>https://outlook.office365.com/owa/qualidadealgarbv@algartech.com/service.svc?action=updateitem&amp;app=mail&amp;n=389</t>
  </si>
  <si>
    <t>19;</t>
  </si>
  <si>
    <t>https://19</t>
  </si>
  <si>
    <t>9cf1e4d7-f117-4b7a-8f90-3b229f7f030f.tmp</t>
  </si>
  <si>
    <t>\\acsfs\profiles$\gabrielarb\Downloads\9cf1e4d7-f117-4b7a-8f90-3b229f7f030f.tmp</t>
  </si>
  <si>
    <t>759742a6-3abb-4163-a93d-713248ad1a42.tmp</t>
  </si>
  <si>
    <t>\\acsfs\profiles$\wenderbnm\Downloads\759742a6-3abb-4163-a93d-713248ad1a42.tmp</t>
  </si>
  <si>
    <t>7d4d8439-7a91-4bea-90fe-2431574f1945.tmp</t>
  </si>
  <si>
    <t>\\acsfs\profiles$\wenderbnm\Downloads\7d4d8439-7a91-4bea-90fe-2431574f1945.tmp</t>
  </si>
  <si>
    <t>Algar_Tech-12-12-2019-customers_dispatch_report-aqEXj.csv</t>
  </si>
  <si>
    <t>joycemmdl</t>
  </si>
  <si>
    <t>\\acsfs\profiles$\joycemmdl\Downloads\</t>
  </si>
  <si>
    <t>80f677bd-4693-4d5d-a4d7-e15c71fc46ce.tmp</t>
  </si>
  <si>
    <t>\\acsfs\profiles$\joycemmdl\Downloads\80f677bd-4693-4d5d-a4d7-e15c71fc46ce.tmp</t>
  </si>
  <si>
    <t>Unconfirmed 25365.crdownload</t>
  </si>
  <si>
    <t>\\acsfs\profiles$\joycemmdl\Downloads\Unconfirmed 25365.crdownload</t>
  </si>
  <si>
    <t>d9983877-4b80-455d-a555-7b5ccd1a63a6.tmp</t>
  </si>
  <si>
    <t>\\acsfs\profiles$\joycemmdl\Downloads\d9983877-4b80-455d-a555-7b5ccd1a63a6.tmp</t>
  </si>
  <si>
    <t>e23fc32e-2030-4138-953f-ce4c4fac1389.tmp</t>
  </si>
  <si>
    <t>\\acsfs\profiles$\joycemmdl\Downloads\e23fc32e-2030-4138-953f-ce4c4fac1389.tmp</t>
  </si>
  <si>
    <t>1365d616-ba13-4733-9c70-9921671de3d4.tmp</t>
  </si>
  <si>
    <t>\\acsfs\profiles$\felipetds\Downloads\1365d616-ba13-4733-9c70-9921671de3d4.tmp</t>
  </si>
  <si>
    <t>https://outlook.office365.com/mapi/nspi/?mailboxid=72ff94cc-38be-4102-b180-a6ad5c6232a9@algartech.com</t>
  </si>
  <si>
    <t>ulog_AcroARM2_ARM2Update_a9473871-eb7b-4719-ba46-35125c58e0e7_72520ee4-7ede-4112-8177-2a04d6b1fed6_0.log</t>
  </si>
  <si>
    <t>C:\Users\davimvs\AppData\Roaming\Adobe\LogTransport2\Logs\ulog_AcroARM2_ARM2Update_a9473871-eb7b-4719-ba46-35125c58e0e7_72520ee4-7ede-4112-8177-2a04d6b1fed6_0.log\</t>
  </si>
  <si>
    <t>ulog_AcroARM2_Reader_a9473871-eb7b-4719-ba46-35125c58e0e7_0373a2dd-b7b2-4222-8bfb-51146a22548b_0.log</t>
  </si>
  <si>
    <t>C:\Users\davimvs\AppData\Roaming\Adobe\LogTransport2\Logs\ulog_AcroARM2_Reader_a9473871-eb7b-4719-ba46-35125c58e0e7_0373a2dd-b7b2-4222-8bfb-51146a22548b_0.log\</t>
  </si>
  <si>
    <t>ulog_Acrobat12_Reader_a9473871-eb7b-4719-ba46-35125c58e0e7_b964c148-969e-440b-9f02-f3dd5c389981_0.log</t>
  </si>
  <si>
    <t>C:\Users\davimvs\AppData\Roaming\Adobe\LogTransport2\Logs\ulog_Acrobat12_Reader_a9473871-eb7b-4719-ba46-35125c58e0e7_b964c148-969e-440b-9f02-f3dd5c389981_0.log\</t>
  </si>
  <si>
    <t>C:\Users\renatofol\OneDrive - Grupo Algar\ALGAR_-_Transformação Digital\Consultoria CX\Documentações\TIME CX\Clientes\Netflix\Apresentacao Netflix Final.pptx\</t>
  </si>
  <si>
    <t>https://outlook.office365.com/owa/qualidadealgarbv@algartech.com/service.svc?action=updateitem&amp;app=mail&amp;n=409</t>
  </si>
  <si>
    <t>https://outlook.office365.com/owa/qualidadealgarbv@algartech.com/service.svc?action=updateitem&amp;app=mail&amp;n=422</t>
  </si>
  <si>
    <t>10.200.66.7</t>
  </si>
  <si>
    <t>64-1C-67-9D-1E-2E</t>
  </si>
  <si>
    <t>VOTORANT-JB013</t>
  </si>
  <si>
    <t>joaopsan</t>
  </si>
  <si>
    <t>XLOG_ellencds_12122019_082524.log</t>
  </si>
  <si>
    <t>\\acsfs\profiles$\ellencds\My Documents\xworkcenter\logs\XLOG_ellencds_12122019_082524.log</t>
  </si>
  <si>
    <t>e704bb24-cadb-4402-8758-1c88cca16653.tmp</t>
  </si>
  <si>
    <t>\\acsfs\profiles$\geovannasm\Downloads\e704bb24-cadb-4402-8758-1c88cca16653.tmp</t>
  </si>
  <si>
    <t>mail.google.com/sync/u/0/i/s?hl=pt-BR&amp;c=78</t>
  </si>
  <si>
    <t>\\acsfs\DEPTOS\Controladoria\32.Tesouraria\1 - Fluxo de Caixa\Caixa 2019\1 - Fluxo de Caixa\1 - Apresentação\12 - Dezembro\091219\</t>
  </si>
  <si>
    <t>Enviar Colombia.xlsx</t>
  </si>
  <si>
    <t>mail.google.com/sync/u/0/i/s?hl=pt-BR&amp;c=350</t>
  </si>
  <si>
    <t>mail.google.com/sync/u/0/i/s?hl=pt-BR&amp;c=352</t>
  </si>
  <si>
    <t>mail.google.com/sync/u/0/i/s?hl=pt-BR&amp;c=354</t>
  </si>
  <si>
    <t>mail.google.com/sync/u/0/i/s?hl=pt-BR&amp;c=356</t>
  </si>
  <si>
    <t>mail.google.com/sync/u/0/i/s?hl=pt-BR&amp;c=358</t>
  </si>
  <si>
    <t>mail.google.com/sync/u/0/i/s?hl=pt-BR&amp;c=360</t>
  </si>
  <si>
    <t>mail.google.com/sync/u/0/i/s?hl=pt-BR&amp;c=363</t>
  </si>
  <si>
    <t>mail.google.com/sync/u/0/i/s?hl=pt-BR&amp;c=365</t>
  </si>
  <si>
    <t>mail.google.com/sync/u/0/i/s?hl=pt-BR&amp;c=367</t>
  </si>
  <si>
    <t>mail.google.com/sync/u/0/i/s?hl=pt-BR&amp;c=369</t>
  </si>
  <si>
    <t>mail.google.com/sync/u/0/i/s?hl=pt-BR&amp;c=372</t>
  </si>
  <si>
    <t>742887c5-8a89-4f85-977e-9a6aa1977f49.tmp</t>
  </si>
  <si>
    <t>\\acsfs\profiles$\leticiala\Downloads\742887c5-8a89-4f85-977e-9a6aa1977f49.tmp</t>
  </si>
  <si>
    <t>alexandremdo@algartech.com;amauryspj@algartech.com;carlosasr@algartech.com;mariliafsc@algartech.com;patriciaac@algartech.com;paulohm@algartech.com;vivianeppe@algartech.com;</t>
  </si>
  <si>
    <t>alexandremdo@algartech.com,amauryspj@algartech.com,carlosasr@algartech.com,mariliafsc@algartech.com,patriciaac@algartech.com,paulohm@algartech.com,vivianeppe@algartech.com</t>
  </si>
  <si>
    <t>12.txt</t>
  </si>
  <si>
    <t>\\acsfs\profiles$\marcelacdss\My Documents\ATENDIMENTOS\DEZEMBRO\12.txt</t>
  </si>
  <si>
    <t>\\acsfs\profiles$\anacdos\My Documents\xworkcenter\logs\</t>
  </si>
  <si>
    <t>XLOG_anacdos_12122019_144628.log</t>
  </si>
  <si>
    <t>\\acsfs\profiles$\anacdos\My Documents\xworkcenter\logs\XLOG_anacdos_12122019_144628.log</t>
  </si>
  <si>
    <t>2f753206-cf7b-4c0b-aa0e-2a6a50dea7b9.tmp</t>
  </si>
  <si>
    <t>\\acsfs\profiles$\gabrielafs\Downloads\2f753206-cf7b-4c0b-aa0e-2a6a50dea7b9.tmp</t>
  </si>
  <si>
    <t>mail.google.com/sync/u/0/i/s?hl=pt-BR&amp;c=374</t>
  </si>
  <si>
    <t>mail.google.com/sync/u/0/i/s?hl=pt-BR&amp;c=376</t>
  </si>
  <si>
    <t>mail.google.com/sync/u/0/i/s?hl=pt-BR&amp;c=378</t>
  </si>
  <si>
    <t>mail.google.com/sync/u/0/i/s?hl=pt-BR&amp;c=380</t>
  </si>
  <si>
    <t>mail.google.com/_/upload?authuser=0&amp;dcp=asu-n&amp;upload_id=AEnB2UryHayp_SD_2iOUgw2bpV4dCcnqPMdAMdW-fD7BgWAP0S1XxbQytBkEkxrvycl5JGbJKTGmmt3pvv88mESjM2iewbWzJOkTOSrS8tSx2MIJEYP7SjY&amp;upload_protocol=resumable</t>
  </si>
  <si>
    <t>\\acsfs\engeset\FINANCEIRO_ULA\FATURAMENTO\</t>
  </si>
  <si>
    <t>PETROBRAS.xlsx</t>
  </si>
  <si>
    <t>40ae8cf6-4e8f-4a9e-96c8-5653c118ba35.tmp</t>
  </si>
  <si>
    <t>\\acsfs\profiles$\cintiadjl\Downloads\40ae8cf6-4e8f-4a9e-96c8-5653c118ba35.tmp</t>
  </si>
  <si>
    <t>44d356b4-e276-416a-bfbf-b5f78ffd0412.tmp</t>
  </si>
  <si>
    <t>\\acsfs\profiles$\gabrielamdp\Downloads\44d356b4-e276-416a-bfbf-b5f78ffd0412.tmp</t>
  </si>
  <si>
    <t>vendas dezembro3.txt</t>
  </si>
  <si>
    <t>\\acsfs\profiles$\thaynaracsl\My Documents\vendas dezembro3.txt</t>
  </si>
  <si>
    <t>17d324ac-ce7f-4979-b216-3987372fc226.tmp</t>
  </si>
  <si>
    <t>\\acsfs\profiles$\rosileiam\Downloads\17d324ac-ce7f-4979-b216-3987372fc226.tmp</t>
  </si>
  <si>
    <t>mail.google.com/_/upload?authuser=0&amp;dcp=asu-n&amp;upload_id=AEnB2UplN5xkEcaF8hEXBaIrPMbP5GzEqkOHvsdB2-6NLUV7dtXULftSZbbsP4CTcm_pMzH3ybBzaRzCBBhc-BliMgOszQZjgg&amp;upload_protocol=resumable</t>
  </si>
  <si>
    <t>CRONOGRAMA PERFORMANCE 2020.xlsx</t>
  </si>
  <si>
    <t>\\acsfs\profiles$\larissaad\My Documents\</t>
  </si>
  <si>
    <t>Scripts.txt</t>
  </si>
  <si>
    <t>\\acsfs\profiles$\larissaad\My Documents\Scripts.txt</t>
  </si>
  <si>
    <t>8bda47d3-da57-4d1d-ab18-f9df03c29580.tmp</t>
  </si>
  <si>
    <t>\\acsfs\profiles$\gabrielafs\Downloads\8bda47d3-da57-4d1d-ab18-f9df03c29580.tmp</t>
  </si>
  <si>
    <t>280611a1-6e1a-4a7f-880d-69d332c9d9e9.tmp</t>
  </si>
  <si>
    <t>\\acsfs\profiles$\anafaes\Downloads\280611a1-6e1a-4a7f-880d-69d332c9d9e9.tmp</t>
  </si>
  <si>
    <t>4f372b35-d7f6-4504-b74f-7866bb6b2a78.tmp</t>
  </si>
  <si>
    <t>\\acsfs\profiles$\anafaes\Downloads\4f372b35-d7f6-4504-b74f-7866bb6b2a78.tmp</t>
  </si>
  <si>
    <t>109a4aeb-26de-4ece-9555-e279c201fcc2.tmp</t>
  </si>
  <si>
    <t>\\acsfs\profiles$\anafaes\Downloads\109a4aeb-26de-4ece-9555-e279c201fcc2.tmp</t>
  </si>
  <si>
    <t>2b9bde09-654f-4942-9132-7d4a3892df1d.tmp</t>
  </si>
  <si>
    <t>\\acsfs\profiles$\anafaes\Downloads\2b9bde09-654f-4942-9132-7d4a3892df1d.tmp</t>
  </si>
  <si>
    <t>278bf98d-330e-4746-a241-fc129eb416fd.tmp</t>
  </si>
  <si>
    <t>\\acsfs\profiles$\anafaes\Downloads\278bf98d-330e-4746-a241-fc129eb416fd.tmp</t>
  </si>
  <si>
    <t>mail.google.com/sync/u/0/i/s?hl=pt-BR&amp;c=825</t>
  </si>
  <si>
    <t>brunop@algartech.com;bvcartes-supervisores@algarnet.onmicrosoft.com;joaogvc@algartech.com;leonardoao@algartech.com;mirianppb@algartech.com;paulacn@algartech.com;rafaelggs@algartech.com;talmaiardo@algartech.com;taysdss@algartech.com;tayss@algartech.com;thiagordu@algartech.com;viniciussg@algartech.com;</t>
  </si>
  <si>
    <t>brunop@algartech.com,bvcartes-supervisores@algarnet.onmicrosoft.com,joaogvc@algartech.com,leonardoao@algartech.com,mirianppb@algartech.com,paulacn@algartech.com,rafaelggs@algartech.com,talmaiardo@algartech.com,taysdss@algartech.com,tayss@algartech.com,thiagordu@algartech.com,viniciussg@algartech.com</t>
  </si>
  <si>
    <t>1adaa6ab-bff6-4395-82e6-512ac1d3a093.tmp</t>
  </si>
  <si>
    <t>\\acsfs\profiles$\henriqueco\Downloads\1adaa6ab-bff6-4395-82e6-512ac1d3a093.tmp</t>
  </si>
  <si>
    <t>mail.google.com/_/upload?authuser=0&amp;dcp=asu-n&amp;upload_id=AEnB2UpAQJQfdjUv9i2_vDoicC5BF-nBgHoNK-tEFiXb7waBF0yEv0JetbR-pqPPBTc83h0HpQGhMVCWnjBbQ96VGqXi6ICzvg&amp;upload_protocol=resumable</t>
  </si>
  <si>
    <t>Ana Paula Cruz.xlsx</t>
  </si>
  <si>
    <t>http:///batch?%24ct=multipart%2Fmixed%3B%20boundary%3D%22%3D%3D%3D%3D%3Dvnzm5hpgfikk%3D%3D%3D%3D%3D%22&amp;key=AIzaSyAy9VVXHSpS2IJpptzYtGbLP3-3_l0aBk4</t>
  </si>
  <si>
    <t>containsunsubscribedchildren;displayname;domain;emailaddress;filesize;hasthumbnail;hasvisitorpermissions;id;id);items(kind;ken;lastmodifyinguser(kind;lastviewedbymedate;modifiedbymedate;modifieddate;ontainsunsubscribedchildren;owners(kind;permission;permissionid;picture;shared;sharedwithme;thumbnailversion;title;workspaceids;</t>
  </si>
  <si>
    <t>http://containsunsubscribedchildren,displayname,domain,emailaddress,filesize,hasthumbnail,hasvisitorpermissions,id,id),items(kind,ken,lastmodifyinguser(kind,lastviewedbymedate,modifiedbymedate,modifieddate,ontainsunsubscribedchildren,owners(kind,permission,permissionid,picture,shared,sharedwithme,thumbnailversion,title,workspaceids</t>
  </si>
  <si>
    <t>http:///batch?%24ct=multipart%2Fmixed%3B%20boundary%3D%22%3D%3D%3D%3D%3Dee9tq74sif67%3D%3D%3D%3D%3D%22&amp;key=AIzaSyAy9VVXHSpS2IJpptzYtGbLP3-3_l0aBk4</t>
  </si>
  <si>
    <t>containsunsubscribedchildren;displayname;domain;emailaddress;filesize;hasthumbnail;hasvisitorpermissions;id;id);items(kind;ken;lastmodifyinguser(kind;lastviewedbymedate;modifiedbymedate;modifieddate;ontainsunsubscribedchildren;owners(kind;permission;permissionid;picture;picture�;shared;sharedwithme;thumbnailversion;title;workspaceids;</t>
  </si>
  <si>
    <t>http://containsunsubscribedchildren,displayname,domain,emailaddress,filesize,hasthumbnail,hasvisitorpermissions,id,id),items(kind,ken,lastmodifyinguser(kind,lastviewedbymedate,modifiedbymedate,modifieddate,ontainsunsubscribedchildren,owners(kind,permission,permissionid,picture,picture�,shared,sharedwithme,thumbnailversion,title,workspaceids</t>
  </si>
  <si>
    <t>http:///batch?%24ct=multipart%2Fmixed%3B%20boundary%3D%22%3D%3D%3D%3D%3D8puss04eojsl%3D%3D%3D%3D%3D%22&amp;key=AIzaSyAy9VVXHSpS2IJpptzYtGbLP3-3_l0aBk4</t>
  </si>
  <si>
    <t>containsunsubscribedchildren;dis;displayname;domain;emailaddress;filesize;hasthumbnail;hasvisitorpermissions;id;id);items(kind;ken;lastmodifyi;lastmodifyinguser(kind;lastviewedbymedate;modifiedbymedate;modifieddate;ontainsunsubscribedchildren;owners(kind;permission;permissionid;picture;picture�;rpermissions;shared;sharedwithme;thumbnailversion;title;workspaceids;</t>
  </si>
  <si>
    <t>http://containsunsubscribedchildren,dis,displayname,domain,emailaddress,filesize,hasthumbnail,hasvisitorpermissions,id,id),items(kind,ken,lastmodifyi,lastmodifyinguser(kind,lastviewedbymedate,modifiedbymedate,modifieddate,ontainsunsubscribedchildren,owners(kind,permission,permissionid,picture,picture�,rpermissions,shared,sharedwithme,thumbnailversion,title,workspaceids</t>
  </si>
  <si>
    <t>http:///batch?%24ct=multipart%2Fmixed%3B%20boundary%3D%22%3D%3D%3D%3D%3Dn59klb4nwlox%3D%3D%3D%3D%3D%22&amp;key=AIzaSyAy9VVXHSpS2IJpptzYtGbLP3-3_l0aBk4</t>
  </si>
  <si>
    <t>containsunsubscribedchildren;dis;displayname;domain;emailaddress;explicitlytrashed;file(kind;fileid;filesize;hasthumbnail;hasvisitorpermissions;id;id);items(deleted;items(kind;ken;kind;lastmodifyi;lastmodifyinguser(kind;lastviewedbymedate;mimetype;modifiedbymedate;modifieddate;ontainsunsubscribedchildren;owners(kind;per;permission;permissionid;picture;picture�;quot;rpermissions;shared;sharedwithme;sharedwithmedate;thumbnailversion;title;userpermission(role);workspaceids;</t>
  </si>
  <si>
    <t>http://containsunsubscribedchildren,dis,displayname,domain,emailaddress,explicitlytrashed,file(kind,fileid,filesize,hasthumbnail,hasvisitorpermissions,id,id),items(deleted,items(kind,ken,kind,lastmodifyi,lastmodifyinguser(kind,lastviewedbymedate,mimetype,modifiedbymedate,modifieddate,ontainsunsubscribedchildren,owners(kind,per,permission,permissionid,picture,picture�,quot,rpermissions,shared,sharedwithme,sharedwithmedate,thumbnailversion,title,userpermission(role),workspaceids</t>
  </si>
  <si>
    <t>http:///batch?%24ct=multipart%2Fmixed%3B%20boundary%3D%22%3D%3D%3D%3D%3D1m7g5l1yubwl%3D%3D%3D%3D%3D%22&amp;key=AIzaSyAy9VVXHSpS2IJpptzYtGbLP3-3_l0aBk4</t>
  </si>
  <si>
    <t>http:///batch?%24ct=multipart%2Fmixed%3B%20boundary%3D%22%3D%3D%3D%3D%3Dmabfe5fhrk9v%3D%3D%3D%3D%3D%22&amp;key=AIzaSyAy9VVXHSpS2IJpptzYtGbLP3-3_l0aBk4</t>
  </si>
  <si>
    <t>http:///batch?%24ct=multipart%2Fmixed%3B%20boundary%3D%22%3D%3D%3D%3D%3D60vai4pe6rnm%3D%3D%3D%3D%3D%22&amp;key=AIzaSyAy9VVXHSpS2IJpptzYtGbLP3-3_l0aBk4</t>
  </si>
  <si>
    <t>talmaiardo@algartech.com;</t>
  </si>
  <si>
    <t>talmaiardo@algartech.com</t>
  </si>
  <si>
    <t>mail.google.com/sync/u/0/i/s?hl=pt-BR&amp;c=23</t>
  </si>
  <si>
    <t>marcoab@algartech.com</t>
  </si>
  <si>
    <t>RFI - Explanação da Rotina Atual.xlsx</t>
  </si>
  <si>
    <t>Volumetrias.xlsx</t>
  </si>
  <si>
    <t>clientes.txt</t>
  </si>
  <si>
    <t>\\acsfs\profiles$\gabrielafs\clientes.txt</t>
  </si>
  <si>
    <t>10.200.66.54</t>
  </si>
  <si>
    <t>78-2B-CB-C1-06-DA</t>
  </si>
  <si>
    <t>VOTORANT-WB005</t>
  </si>
  <si>
    <t>gabrieleods</t>
  </si>
  <si>
    <t>\\acsfs\profiles$\gabrieleods\Downloads\</t>
  </si>
  <si>
    <t>f8622494-25e0-40e4-844e-659fd3638b09.tmp</t>
  </si>
  <si>
    <t>\\acsfs\profiles$\gabrieleods\Downloads\f8622494-25e0-40e4-844e-659fd3638b09.tmp</t>
  </si>
  <si>
    <t>b4b4e26e-0617-491a-a78d-99becc678e97.tmp</t>
  </si>
  <si>
    <t>\\acsfs\profiles$\brendadsl\Downloads\b4b4e26e-0617-491a-a78d-99becc678e97.tmp</t>
  </si>
  <si>
    <t>mail.google.com/_/upload?authuser=0&amp;dcp=asu-n&amp;upload_id=AEnB2UpcyB90iPzUE0LwSP6ZvdAn_4ExYozzosNay8f0FERYFewHsq5qUCZFoI7QntlMe24UrB4jOUdDHPjDeD8rWWq1USJGhg&amp;upload_protocol=resumable</t>
  </si>
  <si>
    <t>\\acsfs\ACS\Suporte à Operações\02 - Faturamento\2019\12 - Dezembro\FACEBOOK\</t>
  </si>
  <si>
    <t>ACOMPANHAMENTO POs FACEBOOK.xlsb</t>
  </si>
  <si>
    <t>mail.google.com/sync/u/0/i/s?hl=pt-BR&amp;c=888</t>
  </si>
  <si>
    <t>bvcartes-supervisores@algarnet.onmicrosoft.com;</t>
  </si>
  <si>
    <t>bvcartes-supervisores@algarnet.onmicrosoft.com</t>
  </si>
  <si>
    <t>mail.google.com/sync/u/0/i/s?hl=pt-BR&amp;c=890</t>
  </si>
  <si>
    <t>bvcartes-supervisores@algarnet.onmicrosoft.com;thiagord@algartech.com;</t>
  </si>
  <si>
    <t>bvcartes-supervisores@algarnet.onmicrosoft.com,thiagord@algartech.com</t>
  </si>
  <si>
    <t>mail.google.com/sync/u/0/i/s?hl=pt-BR&amp;c=893</t>
  </si>
  <si>
    <t>mail.google.com/sync/u/0/i/s?hl=pt-BR&amp;c=895</t>
  </si>
  <si>
    <t>mail.google.com/sync/u/0/i/s?hl=pt-BR&amp;c=897</t>
  </si>
  <si>
    <t>mail.google.com/sync/u/0/i/s?hl=pt-BR&amp;c=906</t>
  </si>
  <si>
    <t>mail.google.com/sync/u/0/i/s?hl=pt-BR&amp;c=908</t>
  </si>
  <si>
    <t>mail.google.com/sync/u/0/i/s?hl=pt-BR&amp;c=910</t>
  </si>
  <si>
    <t>5de25a8f-0431-4a04-8501-859de9ef410c.tmp</t>
  </si>
  <si>
    <t>\\acsfs\profiles$\anafaes\Downloads\5de25a8f-0431-4a04-8501-859de9ef410c.tmp</t>
  </si>
  <si>
    <t>C:\Users\adilsonloj\Downloads\</t>
  </si>
  <si>
    <t>IMG_0590.jpg</t>
  </si>
  <si>
    <t>Controle Equipe Adilson BV.xls</t>
  </si>
  <si>
    <t>\\acsfs\DEPTOS\Operacao\Banco_Votorantim\Supervisao\SUPERS BV CARTÕES\ADILSON\Controle Equipe Adilson BV.xls</t>
  </si>
  <si>
    <t>mail.google.com/_/upload?authuser=1&amp;dcp=asu-n&amp;upload_id=AEnB2Uru-P1-99uBzf0bTKmrr5A3svvZRFIaj8lx-g8nsRiPHi6zXkdsWkaXbCtTEGSkHyyOHMsP2Yvu_e_CpxEsTbXbOGRIsQ&amp;upload_protocol=resumable</t>
  </si>
  <si>
    <t>mail.google.com/_/upload?authuser=1&amp;dcp=asu-n&amp;upload_id=AEnB2UqWHe_kRuSiwgohBjFzGU2fYNkGeqBPGe6kOICH-IFw3MrES1vEjHYjYd1BYtPrbib6GBC0mENEo9fdxUDLTSNnyMwZXA&amp;upload_protocol=resumable</t>
  </si>
  <si>
    <t>mail.google.com/_/upload?authuser=0&amp;dcp=asu-n&amp;upload_id=AEnB2Ur4BCLLsZAopHz1ul-lrksdqQ0USlvAtlhIKcsoVUD2xnE8HnQSB_vC6tCehYhG01F7aiYba067w_FPJC9Z6FzEPFgpV4uuiUaQ4dPRM7WPmHYT0I8&amp;upload_protocol=resumable</t>
  </si>
  <si>
    <t>senildapdo@algartech.com;</t>
  </si>
  <si>
    <t>Operadores Egain.xlsx</t>
  </si>
  <si>
    <t>a82760df-12cd-4b50-b1f4-82a45aa9b156.tmp</t>
  </si>
  <si>
    <t>\\acsfs\profiles$\cintiadjl\Downloads\a82760df-12cd-4b50-b1f4-82a45aa9b156.tmp</t>
  </si>
  <si>
    <t>d97acd0c-7075-4966-ab4a-14b7bf044068.tmp</t>
  </si>
  <si>
    <t>\\acsfs\profiles$\henriqueco\Downloads\d97acd0c-7075-4966-ab4a-14b7bf044068.tmp</t>
  </si>
  <si>
    <t>b55bdda6-77a7-4299-9dbe-1bb2f8e68761.tmp</t>
  </si>
  <si>
    <t>\\acsfs\profiles$\gabrieleods\Downloads\b55bdda6-77a7-4299-9dbe-1bb2f8e68761.tmp</t>
  </si>
  <si>
    <t>Formulário TTV - Criação de Agente (2).xlsx</t>
  </si>
  <si>
    <t>\\acsfs\profiles$\ciceraads\Downloads\</t>
  </si>
  <si>
    <t>a4816263-11be-4ed3-b7ec-ccbbb28babe6.tmp</t>
  </si>
  <si>
    <t>\\acsfs\profiles$\ciceraads\Downloads\a4816263-11be-4ed3-b7ec-ccbbb28babe6.tmp</t>
  </si>
  <si>
    <t>Não confirmado 451136.crdownload</t>
  </si>
  <si>
    <t>\\acsfs\profiles$\ciceraads\Downloads\Não confirmado 451136.crdownload</t>
  </si>
  <si>
    <t>9995e408-f48e-4b06-b9fc-3c5d6a447aeb.tmp</t>
  </si>
  <si>
    <t>\\acsfs\profiles$\ciceraads\Downloads\9995e408-f48e-4b06-b9fc-3c5d6a447aeb.tmp</t>
  </si>
  <si>
    <t>Não confirmado 369657.crdownload</t>
  </si>
  <si>
    <t>\\acsfs\profiles$\ciceraads\Downloads\Não confirmado 369657.crdownload</t>
  </si>
  <si>
    <t>dae4cdde-fecd-4b75-bbaa-243bd4d183bd.tmp</t>
  </si>
  <si>
    <t>\\acsfs\profiles$\cintiadjl\Downloads\dae4cdde-fecd-4b75-bbaa-243bd4d183bd.tmp</t>
  </si>
  <si>
    <t>22873271-3ec1-4343-9b09-1bb9cfe414e8.tmp</t>
  </si>
  <si>
    <t>\\acsfs\profiles$\layonmof\Downloads\22873271-3ec1-4343-9b09-1bb9cfe414e8.tmp</t>
  </si>
  <si>
    <t>mail.google.com/_/upload?authuser=0&amp;dcp=asu-n&amp;upload_id=AEnB2UoEubyVyKp_cDSVMtdlXYwODfDTLxTlwqLRfjtzH27SMdO-1Q8oH6o3dEwz-pE_ItIYtLbjyp6BDhaPL0xRAEbqbOQgMZsthN85o1IZt9dtYiY_6AY&amp;upload_protocol=resumable</t>
  </si>
  <si>
    <t>\\acsfs\deptos\CAS - Coordenação de Arquitetura de Soluções\Projetos\2019\NetFlix\207414 - NETFLIX - SAC\Documentos\</t>
  </si>
  <si>
    <t>Brazil RFP PORTUGUES vs Ing.xlsx</t>
  </si>
  <si>
    <t>vendas dezembro4.txt</t>
  </si>
  <si>
    <t>\\acsfs\profiles$\thaynaracsl\My Documents\vendas dezembro4.txt</t>
  </si>
  <si>
    <t>59495fdf-b189-4237-9428-2e6bf9c9ed24.tmp</t>
  </si>
  <si>
    <t>\\acsfs\profiles$\alinepp\Downloads\59495fdf-b189-4237-9428-2e6bf9c9ed24.tmp</t>
  </si>
  <si>
    <t>0ff47f2e-2ca4-46dd-84ee-2105539597ac.tmp</t>
  </si>
  <si>
    <t>\\acsfs\profiles$\cintiadjl\Downloads\0ff47f2e-2ca4-46dd-84ee-2105539597ac.tmp</t>
  </si>
  <si>
    <t>https://algar.folhasinergyrh.com.br/afastamento/upload?id=0&amp;idsolicitacao=14755</t>
  </si>
  <si>
    <t>29/11/2019;</t>
  </si>
  <si>
    <t>BRUNA ROCHA.zip</t>
  </si>
  <si>
    <t>https://29/11/2019</t>
  </si>
  <si>
    <t>https://algar.folhasinergyrh.com.br/afastamento/upload?id=0&amp;idsolicitacao=14756</t>
  </si>
  <si>
    <t>monitorias 12-12-19 a tarde.txt</t>
  </si>
  <si>
    <t>\\acsfs\Deptos\Operacao\Banco_Votorantim\Qualidade\Fernanda\MONITORIAS DEZEMBRO\monitorias 12-12-19 a tarde.txt</t>
  </si>
  <si>
    <t>326919c8-5ac4-4aaa-8c2c-8549c40ebfcb.tmp</t>
  </si>
  <si>
    <t>\\acsfs\profiles$\alinepp\Downloads\326919c8-5ac4-4aaa-8c2c-8549c40ebfcb.tmp</t>
  </si>
  <si>
    <t>c1085178-71b3-4c9e-be2f-2fe86d74508c.tmp</t>
  </si>
  <si>
    <t>\\acsfs\profiles$\joycemmdl\Downloads\c1085178-71b3-4c9e-be2f-2fe86d74508c.tmp</t>
  </si>
  <si>
    <t>7fbd2f15-b191-4b88-ab56-49cf0d43e1d7.tmp</t>
  </si>
  <si>
    <t>\\acsfs\profiles$\joycemmdl\Downloads\7fbd2f15-b191-4b88-ab56-49cf0d43e1d7.tmp</t>
  </si>
  <si>
    <t>mail.google.com/_/upload?authuser=0&amp;dcp=asu-n&amp;upload_id=AEnB2Upx35r3sEexwrEc0HNvKIy0Y_ofv7nGBhBikXsucB23hO5lRWqTwe2LyMI9L5J6ZdljDkishXjYwxrubqurb6ByBVMc4A&amp;upload_protocol=resumable</t>
  </si>
  <si>
    <t>C:\Users\lucianabo\Desktop\2019\REPORTS TRANSFORMAÇÃO\</t>
  </si>
  <si>
    <t>11-2019 - Caixa Capitalização.xlsx</t>
  </si>
  <si>
    <t>4b8759d5-932f-49c9-9c2a-08247222b89f.tmp</t>
  </si>
  <si>
    <t>\\acsfs\profiles$\gabrielamdp\Downloads\4b8759d5-932f-49c9-9c2a-08247222b89f.tmp</t>
  </si>
  <si>
    <t>mail.google.com/sync/u/0/i/s?hl=pt-BR&amp;c=484</t>
  </si>
  <si>
    <t>"othe;0;0.272;0.326;0.333;0.362;0.371];0.383;0.442;0.462];0.476;0.523;0.549;0.653];0.667;0.669];0.683];0.693];0.772;0.897];0.927;0.928;0.937];0.938];0];0b4vk1nej0x-0cdlwthrfwnzusnpnv2f3re9tnxvdbwl6bznr;1;1.051;1.103;1.137];1.575];1.81];1.8726591760299625];10;1008;109.75999999936903;11;11.212;11.358;11427;1148.8749999989523;1176.12999999983;1177.4349999977858;1177.4499999992258;1178.5049999998591;11969.020000000455;11989;12.049;12.049];12.324;12.344;12.344];1208.3499999971536;12097.484999998414;1212.1150000020862;1212.279999999737;1213.500000001659;12140.419999999722;12142.185000000609;12158.699999999953;12420.634999998583;12514.380000000529;126.06500000038068;126.15000000005239;1272;1272];128.36500000048545;128.57999999687308;12817.654999998922;12822.174999997515;129.80999999854248;13.774999999441206;130.47999999980675;130.74000000051456;13022.539999998116;13211.124999997992;13259.26999999865;13261.304999999993;13319.289999999455;13319.579999999405;13319.83499999842;13319149;13320.024999997258;13320.179999998</t>
  </si>
  <si>
    <t>"othe,0,0.272,0.326,0.333,0.362,0.371],0.383,0.442,0.462],0.476,0.523,0.549,0.653],0.667,0.669],0.683],0.693],0.772,0.897],0.927,0.928,0.937],0.938],0],0b4vk1nej0x-0cdlwthrfwnzusnpnv2f3re9tnxvdbwl6bznr,1,1.051,1.103,1.137],1.575],1.81],1.8726591760299625],10,1008,109.75999999936903,11,11.212,11.358,11427,1148.8749999989523,1176.12999999983,1177.4349999977858,1177.4499999992258,1178.5049999998591,11969.020000000455,11989,12.049,12.049],12.324,12.344,12.344],1208.3499999971536,12097.484999998414,1212.1150000020862,1212.279999999737,1213.500000001659,12140.419999999722,12142.185000000609,12158.699999999953,12420.634999998583,12514.380000000529,126.06500000038068,126.15000000005239,1272,1272],128.36500000048545,128.57999999687308,12817.654999998922,12822.174999997515,129.80999999854248,13.774999999441206,130.47999999980675,130.74000000051456,13022.539999998116,13211.124999997992,13259.26999999865,13261.304999999993,13319.289999999455,13319.579999999405,13319.83499999842,13319149,13320.024999997258,13320.179999998</t>
  </si>
  <si>
    <t>mail.google.com/sync/u/0/i/s?hl=pt-BR&amp;c=487</t>
  </si>
  <si>
    <t>mail.google.com/sync/u/0/i/s?hl=pt-BR&amp;c=489</t>
  </si>
  <si>
    <t>mail.google.com/sync/u/0/i/s?hl=pt-BR&amp;c=491</t>
  </si>
  <si>
    <t>mail.google.com/sync/u/0/i/s?hl=pt-BR&amp;c=493</t>
  </si>
  <si>
    <t>mail.google.com/sync/u/0/i/s?hl=pt-BR&amp;c=495</t>
  </si>
  <si>
    <t>b594871e-8fca-4bc9-887a-d33ce4366dd6.tmp</t>
  </si>
  <si>
    <t>\\acsfs\profiles$\brendadsl\Downloads\b594871e-8fca-4bc9-887a-d33ce4366dd6.tmp</t>
  </si>
  <si>
    <t>renatoads@algartech.com</t>
  </si>
  <si>
    <t>cpccontroldeskwhirlpool@algartech.com;</t>
  </si>
  <si>
    <t>cpccontroldeskwhirlpool@algartech.com</t>
  </si>
  <si>
    <t>ulog_AcroARM2_Reader_a9473871-eb7b-4719-ba46-35125c58e0e7_9456adf7-906c-4a91-bb82-d4ccbc8b9c2b_0.log</t>
  </si>
  <si>
    <t>C:\Users\davimvs\AppData\Roaming\Adobe\LogTransport2\Logs\ulog_AcroARM2_Reader_a9473871-eb7b-4719-ba46-35125c58e0e7_9456adf7-906c-4a91-bb82-d4ccbc8b9c2b_0.log\</t>
  </si>
  <si>
    <t>f9670b8b-5db1-4650-8e80-550dae4d5d9c.tmp</t>
  </si>
  <si>
    <t>\\acsfs\profiles$\layonmof\Downloads\f9670b8b-5db1-4650-8e80-550dae4d5d9c.tmp</t>
  </si>
  <si>
    <t>9c3853d0-6047-4e51-8b07-b47be65d2d8d.tmp</t>
  </si>
  <si>
    <t>\\acsfs\profiles$\layonmof\Downloads\9c3853d0-6047-4e51-8b07-b47be65d2d8d.tmp</t>
  </si>
  <si>
    <t>mail.google.com/sync/u/0/i/s?hl=pt-BR&amp;c=53</t>
  </si>
  <si>
    <t>mail.google.com/sync/u/0/i/s?hl=pt-BR&amp;c=63</t>
  </si>
  <si>
    <t>mail.google.com/sync/u/0/i/s?hl=pt-BR&amp;c=66</t>
  </si>
  <si>
    <t>mail.google.com/sync/u/0/i/s?hl=pt-BR&amp;c=68</t>
  </si>
  <si>
    <t>mail.google.com/sync/u/0/i/s?hl=pt-BR&amp;c=70</t>
  </si>
  <si>
    <t>mail.google.com/sync/u/0/i/s?hl=pt-BR&amp;c=72</t>
  </si>
  <si>
    <t>mail.google.com/sync/u/0/i/s?hl=pt-BR&amp;c=74</t>
  </si>
  <si>
    <t>dde38cb6-6286-481e-830c-6df75c457e06.tmp</t>
  </si>
  <si>
    <t>\\acsfs\profiles$\victorgl\Downloads\dde38cb6-6286-481e-830c-6df75c457e06.tmp</t>
  </si>
  <si>
    <t>historico cassiano20.txt</t>
  </si>
  <si>
    <t>\\acsfs\profiles$\cassianogc\My Documents\historico cassiano20.txt</t>
  </si>
  <si>
    <t>91175273-eede-4c29-83d0-b61338576be6.tmp</t>
  </si>
  <si>
    <t>\\acsfs\profiles$\gabrielamdp\Downloads\91175273-eede-4c29-83d0-b61338576be6.tmp</t>
  </si>
  <si>
    <t>c0c5e7f2-9014-4c38-95a2-4342d53cb964.tmp</t>
  </si>
  <si>
    <t>\\acsfs\profiles$\gabrielamdp\Downloads\c0c5e7f2-9014-4c38-95a2-4342d53cb964.tmp</t>
  </si>
  <si>
    <t>cd6e0b2d-5140-488d-9026-231ee9bf86e7.tmp</t>
  </si>
  <si>
    <t>\\acsfs\profiles$\gabrielamdp\Downloads\cd6e0b2d-5140-488d-9026-231ee9bf86e7.tmp</t>
  </si>
  <si>
    <t>bcf5d35d-8efd-4f6c-80e7-a5141bbf1026.tmp</t>
  </si>
  <si>
    <t>\\acsfs\profiles$\gabrielamdp\Downloads\bcf5d35d-8efd-4f6c-80e7-a5141bbf1026.tmp</t>
  </si>
  <si>
    <t>12-12 QUINTA.txt</t>
  </si>
  <si>
    <t>\\acsfs\profiles$\gabrielamdp\My Documents\12-12 QUINTA.txt</t>
  </si>
  <si>
    <t>f62f0c94-37cb-466f-9db3-2c8b1d61f7a6.tmp</t>
  </si>
  <si>
    <t>\\acsfs\profiles$\gabrielamdp\Downloads\f62f0c94-37cb-466f-9db3-2c8b1d61f7a6.tmp</t>
  </si>
  <si>
    <t>f1bf6fb4-369a-44c0-b8a5-87ad045ebe30.tmp</t>
  </si>
  <si>
    <t>\\acsfs\profiles$\brendadsl\Downloads\f1bf6fb4-369a-44c0-b8a5-87ad045ebe30.tmp</t>
  </si>
  <si>
    <t>\\acsfs\profiles$\gabrielamdp\Contacts\</t>
  </si>
  <si>
    <t>GABRIELA MELICEGENES DE PAULA (17713).contact</t>
  </si>
  <si>
    <t>\\acsfs\profiles$\gabrielamdp\Contacts\GABRIELA MELICEGENES DE PAULA (17713).contact</t>
  </si>
  <si>
    <t>\\acsfs\profiles$\gabrielamdp\My Documents\My Videos\</t>
  </si>
  <si>
    <t>\\acsfs\profiles$\gabrielamdp\My Documents\My Videos\desktop.ini</t>
  </si>
  <si>
    <t>\\acsfs\profiles$\gabrielamdp\My Documents\My Pictures\</t>
  </si>
  <si>
    <t>\\acsfs\profiles$\gabrielamdp\My Documents\My Pictures\desktop.ini</t>
  </si>
  <si>
    <t>\\acsfs\profiles$\gabrielamdp\Contacts\desktop.ini</t>
  </si>
  <si>
    <t>\\acsfs\profiles$\gabrielamdp\Favorites\</t>
  </si>
  <si>
    <t>\\acsfs\profiles$\gabrielamdp\Favorites\desktop.ini</t>
  </si>
  <si>
    <t>\\acsfs\profiles$\gabrielamdp\My Documents\My Music\</t>
  </si>
  <si>
    <t>\\acsfs\profiles$\gabrielamdp\My Documents\My Music\desktop.ini</t>
  </si>
  <si>
    <t>\\acsfs\profiles$\gabrielamdp\Searches\</t>
  </si>
  <si>
    <t>\\acsfs\profiles$\gabrielamdp\Searches\desktop.ini</t>
  </si>
  <si>
    <t>\\acsfs\profiles$\gabrielamdp\Downloads\desktop.ini</t>
  </si>
  <si>
    <t>\\acsfs\profiles$\gabrielamdp\My Documents\desktop.ini</t>
  </si>
  <si>
    <t>\\acsfs\profiles$\gabrielamdp\Saved Games\</t>
  </si>
  <si>
    <t>\\acsfs\profiles$\gabrielamdp\Saved Games\desktop.ini</t>
  </si>
  <si>
    <t>\\acsfs\profiles$\gabrielamdp\Favorites\Links for Brasil\</t>
  </si>
  <si>
    <t>\\acsfs\profiles$\gabrielamdp\Favorites\Links for Brasil\desktop.ini</t>
  </si>
  <si>
    <t>\\acsfs\profiles$\gabrielamdp\Favorites\Links for Brasil\Microsoft Brasil.url</t>
  </si>
  <si>
    <t>\\acsfs\profiles$\gabrielamdp\Favorites\Links for Brasil\Windows Brasil.url</t>
  </si>
  <si>
    <t>\\acsfs\profiles$\gabrielamdp\Favorites\Links for Brasil\MSN Brasil.url</t>
  </si>
  <si>
    <t>7fc417d0-8bf4-46d7-bd0c-d7913d05ea12.tmp</t>
  </si>
  <si>
    <t>\\acsfs\profiles$\brunalas\Downloads\7fc417d0-8bf4-46d7-bd0c-d7913d05ea12.tmp</t>
  </si>
  <si>
    <t>3008f076-1776-4fd4-a3c2-181d655b9153.tmp</t>
  </si>
  <si>
    <t>\\acsfs\profiles$\gabrielamdp\Downloads\3008f076-1776-4fd4-a3c2-181d655b9153.tmp</t>
  </si>
  <si>
    <t>892e6479-eef9-4eb6-bfc9-45a7eb745d07.tmp</t>
  </si>
  <si>
    <t>\\acsfs\profiles$\gabrielamdp\Downloads\892e6479-eef9-4eb6-bfc9-45a7eb745d07.tmp</t>
  </si>
  <si>
    <t>ca2947f3-e1a4-4af1-9a67-3b193797935f.tmp</t>
  </si>
  <si>
    <t>\\acsfs\profiles$\gabrielamdp\Downloads\ca2947f3-e1a4-4af1-9a67-3b193797935f.tmp</t>
  </si>
  <si>
    <t>c798a5ae-f39e-4269-b775-857dc60acb59.tmp</t>
  </si>
  <si>
    <t>\\acsfs\profiles$\gabrielamdp\Downloads\c798a5ae-f39e-4269-b775-857dc60acb59.tmp</t>
  </si>
  <si>
    <t>c2a6a71a-211c-43ed-8b19-0d2fcbb0133b.tmp</t>
  </si>
  <si>
    <t>\\acsfs\profiles$\alinepp\Downloads\c2a6a71a-211c-43ed-8b19-0d2fcbb0133b.tmp</t>
  </si>
  <si>
    <t>10.200.39.114</t>
  </si>
  <si>
    <t>\\acsfs\suporte$\Sup Storage\REPORT_LUN_CLIENTES\SDM\ROYAL FIC\</t>
  </si>
  <si>
    <t>Levantamento-ROYAL_2019-12-12.xlsx</t>
  </si>
  <si>
    <t>35264135-7b59-48d7-8020-617a3ad4f30c.tmp</t>
  </si>
  <si>
    <t>\\acsfs\profiles$\brendadsl\Downloads\35264135-7b59-48d7-8020-617a3ad4f30c.tmp</t>
  </si>
  <si>
    <t>15b4d743-67b6-4fad-93c3-59fa15c441ea.tmp</t>
  </si>
  <si>
    <t>\\acsfs\profiles$\rosileiam\Downloads\15b4d743-67b6-4fad-93c3-59fa15c441ea.tmp</t>
  </si>
  <si>
    <t>9a811ed8-27ee-4516-b6d4-20829ecf3be6.tmp</t>
  </si>
  <si>
    <t>\\acsfs\profiles$\gabrielamdp\Downloads\9a811ed8-27ee-4516-b6d4-20829ecf3be6.tmp</t>
  </si>
  <si>
    <t>4fd1d521-36bb-4e5c-b7ad-b4429f7ba7e8.tmp</t>
  </si>
  <si>
    <t>\\acsfs\profiles$\rosileiam\Downloads\4fd1d521-36bb-4e5c-b7ad-b4429f7ba7e8.tmp</t>
  </si>
  <si>
    <t>f5a11462-4ad3-4256-814a-0d7d11ed33d6.tmp</t>
  </si>
  <si>
    <t>\\acsfs\profiles$\rosileiam\Downloads\f5a11462-4ad3-4256-814a-0d7d11ed33d6.tmp</t>
  </si>
  <si>
    <t>f15f87bb-5468-4e54-999c-c241049d665c.tmp</t>
  </si>
  <si>
    <t>\\acsfs\profiles$\layonmof\Downloads\f15f87bb-5468-4e54-999c-c241049d665c.tmp</t>
  </si>
  <si>
    <t>d1078ffd-082e-4c37-9d33-f6f9b1ecac1f.tmp</t>
  </si>
  <si>
    <t>\\acsfs\profiles$\layonmof\Downloads\d1078ffd-082e-4c37-9d33-f6f9b1ecac1f.tmp</t>
  </si>
  <si>
    <t>cc15a5b4-ef2f-4cb0-a96e-e7cd8706f82d.tmp</t>
  </si>
  <si>
    <t>\\acsfs\profiles$\layonmof\Downloads\cc15a5b4-ef2f-4cb0-a96e-e7cd8706f82d.tmp</t>
  </si>
  <si>
    <t>vendas dezembro2.txt</t>
  </si>
  <si>
    <t>\\acsfs\profiles$\thaynaracsl\My Documents\vendas dezembro2.txt</t>
  </si>
  <si>
    <t>layonmof@bv.algartech.com</t>
  </si>
  <si>
    <t>https://udpmailboxap01/h/search?si=2&amp;so=0&amp;sc=42875&amp;st=conversation&amp;action=compose&amp;paction=paneview2</t>
  </si>
  <si>
    <t>flaviacno@algartech.com;</t>
  </si>
  <si>
    <t>https://flaviacno@algartech.com</t>
  </si>
  <si>
    <t>55fb3293-c6a4-48ea-91f2-8012f43434d4.tmp</t>
  </si>
  <si>
    <t>\\acsfs\profiles$\alinepp\Downloads\55fb3293-c6a4-48ea-91f2-8012f43434d4.tmp</t>
  </si>
  <si>
    <t>b095e7a9-9bc4-48e8-b415-04e690ad2d80.tmp</t>
  </si>
  <si>
    <t>\\acsfs\profiles$\alinepp\Downloads\b095e7a9-9bc4-48e8-b415-04e690ad2d80.tmp</t>
  </si>
  <si>
    <t>66e13619-6f7d-4884-95aa-861f52a0bb04.tmp</t>
  </si>
  <si>
    <t>\\acsfs\profiles$\victorgl\Downloads\66e13619-6f7d-4884-95aa-861f52a0bb04.tmp</t>
  </si>
  <si>
    <t>cc359106-63c5-4e4e-bfde-fdd04e55d23b.tmp</t>
  </si>
  <si>
    <t>\\acsfs\profiles$\gabrielamdp\Downloads\cc359106-63c5-4e4e-bfde-fdd04e55d23b.tmp</t>
  </si>
  <si>
    <t>8361def0-877e-48a4-9273-1640dd99f822.tmp</t>
  </si>
  <si>
    <t>\\acsfs\profiles$\KARENJSS\Downloads\8361def0-877e-48a4-9273-1640dd99f822.tmp</t>
  </si>
  <si>
    <t>d587fe00-2020-4ae5-b154-a6463dce9e37.tmp</t>
  </si>
  <si>
    <t>\\acsfs\profiles$\KARENJSS\Downloads\d587fe00-2020-4ae5-b154-a6463dce9e37.tmp</t>
  </si>
  <si>
    <t>67b56b23-51b6-474b-897b-8e5870dc9d28.tmp</t>
  </si>
  <si>
    <t>\\acsfs\profiles$\KARENJSS\Downloads\67b56b23-51b6-474b-897b-8e5870dc9d28.tmp</t>
  </si>
  <si>
    <t>3b491700-495f-4c6c-bc81-8ef677ae1d84.tmp</t>
  </si>
  <si>
    <t>\\acsfs\profiles$\KARENJSS\Downloads\3b491700-495f-4c6c-bc81-8ef677ae1d84.tmp</t>
  </si>
  <si>
    <t>78-2B-CB-C1-05-4B</t>
  </si>
  <si>
    <t>VOTORANT-LB004</t>
  </si>
  <si>
    <t>\\acsfs\Deptos\Operacao\Banco_Votorantim\Atendimento\thaisdss\Documents\dbxwc\</t>
  </si>
  <si>
    <t>\\acsfs\Deptos\Operacao\Banco_Votorantim\Atendimento\thaisdss\Documents\dbxwc\dbxwc.xwc</t>
  </si>
  <si>
    <t>72171673-951a-4fa5-8410-8142e13f68e5.tmp</t>
  </si>
  <si>
    <t>\\acsfs\profiles$\alinepp\Downloads\72171673-951a-4fa5-8410-8142e13f68e5.tmp</t>
  </si>
  <si>
    <t>18530e1c-4c57-428d-81b2-658ea2f61409.tmp</t>
  </si>
  <si>
    <t>\\acsfs\profiles$\cintiadjl\Downloads\18530e1c-4c57-428d-81b2-658ea2f61409.tmp</t>
  </si>
  <si>
    <t>d5aba8f4-3651-4ffb-b5cc-b8abaa8217e3.tmp</t>
  </si>
  <si>
    <t>\\acsfs\profiles$\alinepp\Downloads\d5aba8f4-3651-4ffb-b5cc-b8abaa8217e3.tmp</t>
  </si>
  <si>
    <t>a380050e-b29d-407b-adc3-bda69712d5f5.tmp</t>
  </si>
  <si>
    <t>\\acsfs\profiles$\gabrielamdp\Downloads\a380050e-b29d-407b-adc3-bda69712d5f5.tmp</t>
  </si>
  <si>
    <t>697cf7f2-cabb-47cc-b56a-d2f40495c435.tmp</t>
  </si>
  <si>
    <t>\\acsfs\profiles$\paulohaf\Downloads\697cf7f2-cabb-47cc-b56a-d2f40495c435.tmp</t>
  </si>
  <si>
    <t>93207905-9081-43ca-9102-5dcc7267b3cc.tmp</t>
  </si>
  <si>
    <t>\\acsfs\profiles$\paulohaf\Downloads\93207905-9081-43ca-9102-5dcc7267b3cc.tmp</t>
  </si>
  <si>
    <t>0e62e56e-0ba9-4753-a7fc-eabe630057e5.tmp</t>
  </si>
  <si>
    <t>\\acsfs\profiles$\brendadsl\Downloads\0e62e56e-0ba9-4753-a7fc-eabe630057e5.tmp</t>
  </si>
  <si>
    <t>ecbd8241-b9d6-4b33-8feb-5d6c3d77022e.tmp</t>
  </si>
  <si>
    <t>\\acsfs\profiles$\paulohaf\Downloads\ecbd8241-b9d6-4b33-8feb-5d6c3d77022e.tmp</t>
  </si>
  <si>
    <t>42a86633-d9e0-4e4d-91d4-1cf785b962ad.tmp</t>
  </si>
  <si>
    <t>\\acsfs\profiles$\KARENJSS\Downloads\42a86633-d9e0-4e4d-91d4-1cf785b962ad.tmp</t>
  </si>
  <si>
    <t>ulog_AcroARM2_ARM2Update_a9473871-eb7b-4719-ba46-35125c58e0e7_fb92db0d-6aa0-4afa-8172-0f4f794068d4_0.log</t>
  </si>
  <si>
    <t>C:\Users\davimvs\AppData\Roaming\Adobe\LogTransport2\Logs\ulog_AcroARM2_ARM2Update_a9473871-eb7b-4719-ba46-35125c58e0e7_fb92db0d-6aa0-4afa-8172-0f4f794068d4_0.log\</t>
  </si>
  <si>
    <t>ulog_AcroARM2_Reader_a9473871-eb7b-4719-ba46-35125c58e0e7_52bbe138-7262-401e-8ee8-8ad5c62f3165_0.log</t>
  </si>
  <si>
    <t>C:\Users\davimvs\AppData\Roaming\Adobe\LogTransport2\Logs\ulog_AcroARM2_Reader_a9473871-eb7b-4719-ba46-35125c58e0e7_52bbe138-7262-401e-8ee8-8ad5c62f3165_0.log\</t>
  </si>
  <si>
    <t>ulog_AcroARM2_Reader_a9473871-eb7b-4719-ba46-35125c58e0e7_d96fa0c2-558b-4eac-9871-eb7af55572f4_0.log</t>
  </si>
  <si>
    <t>C:\Users\davimvs\AppData\Roaming\Adobe\LogTransport2\Logs\ulog_AcroARM2_Reader_a9473871-eb7b-4719-ba46-35125c58e0e7_d96fa0c2-558b-4eac-9871-eb7af55572f4_0.log\</t>
  </si>
  <si>
    <t>12/13/2019 00:03:20</t>
  </si>
  <si>
    <t>12/13/2019 00:03:43</t>
  </si>
  <si>
    <t>12/13/2019 00:02:35</t>
  </si>
  <si>
    <t>12/13/2019 00:07:43</t>
  </si>
  <si>
    <t>12/13/2019 00:07:33</t>
  </si>
  <si>
    <t>12/13/2019 00:08:43</t>
  </si>
  <si>
    <t>12/13/2019 00:07:55</t>
  </si>
  <si>
    <t>12/13/2019 00:09:43</t>
  </si>
  <si>
    <t>12/13/2019 00:07:52</t>
  </si>
  <si>
    <t>12/13/2019 00:11:08</t>
  </si>
  <si>
    <t>12/13/2019 00:12:43</t>
  </si>
  <si>
    <t>12/13/2019 00:10:27</t>
  </si>
  <si>
    <t>12/13/2019 00:14:43</t>
  </si>
  <si>
    <t>12/13/2019 00:12:01</t>
  </si>
  <si>
    <t>12/13/2019 00:11:07</t>
  </si>
  <si>
    <t>12/13/2019 00:15:43</t>
  </si>
  <si>
    <t>12/13/2019 00:13:18</t>
  </si>
  <si>
    <t>12/13/2019 00:18:43</t>
  </si>
  <si>
    <t>12/13/2019 00:15:52</t>
  </si>
  <si>
    <t>12/13/2019 00:20:43</t>
  </si>
  <si>
    <t>12/13/2019 00:25:42</t>
  </si>
  <si>
    <t>12/13/2019 00:29:03</t>
  </si>
  <si>
    <t>12/13/2019 00:29:43</t>
  </si>
  <si>
    <t>12/13/2019 00:28:24</t>
  </si>
  <si>
    <t>12/13/2019 00:33:43</t>
  </si>
  <si>
    <t>12/13/2019 00:32:42</t>
  </si>
  <si>
    <t>12/13/2019 00:36:36</t>
  </si>
  <si>
    <t>12/13/2019 00:39:42</t>
  </si>
  <si>
    <t>12/13/2019 00:55:01</t>
  </si>
  <si>
    <t>12/13/2019 00:58:43</t>
  </si>
  <si>
    <t>12/13/2019 00:57:13</t>
  </si>
  <si>
    <t>12/13/2019 00:59:43</t>
  </si>
  <si>
    <t>12/13/2019 01:00:37</t>
  </si>
  <si>
    <t>12/13/2019 01:12:42</t>
  </si>
  <si>
    <t>12/13/2019 01:14:19</t>
  </si>
  <si>
    <t>12/13/2019 01:14:42</t>
  </si>
  <si>
    <t>12/13/2019 01:15:43</t>
  </si>
  <si>
    <t>12/13/2019 01:16:49</t>
  </si>
  <si>
    <t>12/13/2019 01:19:43</t>
  </si>
  <si>
    <t>12/13/2019 01:38:53</t>
  </si>
  <si>
    <t>12/13/2019 01:43:44</t>
  </si>
  <si>
    <t>12/13/2019 02:03:32</t>
  </si>
  <si>
    <t>12/13/2019 02:05:43</t>
  </si>
  <si>
    <t>ulog_AcroARM2_ARM2Update_a9473871-eb7b-4719-ba46-35125c58e0e7_865376e9-30c8-460a-ad2d-42d89b72b3d7_0.log</t>
  </si>
  <si>
    <t>C:\Users\davimvs\AppData\Roaming\Adobe\LogTransport2\Logs\ulog_AcroARM2_ARM2Update_a9473871-eb7b-4719-ba46-35125c58e0e7_865376e9-30c8-460a-ad2d-42d89b72b3d7_0.log\</t>
  </si>
  <si>
    <t>ulog_AcroARM2_Reader_a9473871-eb7b-4719-ba46-35125c58e0e7_c479ecfd-812b-4b83-ad6e-74861c545cb8_0.log</t>
  </si>
  <si>
    <t>C:\Users\davimvs\AppData\Roaming\Adobe\LogTransport2\Logs\ulog_AcroARM2_Reader_a9473871-eb7b-4719-ba46-35125c58e0e7_c479ecfd-812b-4b83-ad6e-74861c545cb8_0.log\</t>
  </si>
  <si>
    <t>ulog_AcroARM2_Reader_a9473871-eb7b-4719-ba46-35125c58e0e7_e0f29631-d12e-48ea-8dd8-98161063ce1a_0.log</t>
  </si>
  <si>
    <t>C:\Users\davimvs\AppData\Roaming\Adobe\LogTransport2\Logs\ulog_AcroARM2_Reader_a9473871-eb7b-4719-ba46-35125c58e0e7_e0f29631-d12e-48ea-8dd8-98161063ce1a_0.log\</t>
  </si>
  <si>
    <t>12/13/2019 02:04:37</t>
  </si>
  <si>
    <t>12/13/2019 02:09:42</t>
  </si>
  <si>
    <t>12/13/2019 02:10:01</t>
  </si>
  <si>
    <t>12/13/2019 02:12:43</t>
  </si>
  <si>
    <t>12/13/2019 02:11:36</t>
  </si>
  <si>
    <t>12/13/2019 02:15:43</t>
  </si>
  <si>
    <t>12/13/2019 02:30:53</t>
  </si>
  <si>
    <t>12/13/2019 02:32:42</t>
  </si>
  <si>
    <t>12/13/2019 02:31:37</t>
  </si>
  <si>
    <t>12/13/2019 02:34:42</t>
  </si>
  <si>
    <t>12/13/2019 03:07:28</t>
  </si>
  <si>
    <t>12/13/2019 03:10:44</t>
  </si>
  <si>
    <t>12/13/2019 03:11:30</t>
  </si>
  <si>
    <t>12/13/2019 03:13:45</t>
  </si>
  <si>
    <t>12/13/2019 03:27:38</t>
  </si>
  <si>
    <t>12/13/2019 03:28:44</t>
  </si>
  <si>
    <t>12/13/2019 03:27:45</t>
  </si>
  <si>
    <t>12/13/2019 03:30:44</t>
  </si>
  <si>
    <t>12/13/2019 03:29:30</t>
  </si>
  <si>
    <t>12/13/2019 03:34:44</t>
  </si>
  <si>
    <t>12/13/2019 03:36:44</t>
  </si>
  <si>
    <t>12/13/2019 03:38:43</t>
  </si>
  <si>
    <t>12/13/2019 03:38:42</t>
  </si>
  <si>
    <t>12/13/2019 03:40:44</t>
  </si>
  <si>
    <t>12/13/2019 03:40:32</t>
  </si>
  <si>
    <t>12/13/2019 03:43:43</t>
  </si>
  <si>
    <t>12/13/2019 03:42:01</t>
  </si>
  <si>
    <t>12/13/2019 03:44:43</t>
  </si>
  <si>
    <t>12/13/2019 03:40:58</t>
  </si>
  <si>
    <t>12/13/2019 03:43:21</t>
  </si>
  <si>
    <t>12/13/2019 03:48:43</t>
  </si>
  <si>
    <t>12/13/2019 03:52:11</t>
  </si>
  <si>
    <t>12/13/2019 03:54:44</t>
  </si>
  <si>
    <t>12/13/2019 03:54:47</t>
  </si>
  <si>
    <t>12/13/2019 03:58:43</t>
  </si>
  <si>
    <t>12/13/2019 03:56:37</t>
  </si>
  <si>
    <t>12/13/2019 03:56:24</t>
  </si>
  <si>
    <t>12/13/2019 04:00:44</t>
  </si>
  <si>
    <t>12/13/2019 04:00:43</t>
  </si>
  <si>
    <t>12/13/2019 04:04:44</t>
  </si>
  <si>
    <t>12/13/2019 04:03:13</t>
  </si>
  <si>
    <t>12/13/2019 04:08:43</t>
  </si>
  <si>
    <t>12/13/2019 04:10:38</t>
  </si>
  <si>
    <t>12/13/2019 04:13:44</t>
  </si>
  <si>
    <t>12/13/2019 04:24:53</t>
  </si>
  <si>
    <t>12/13/2019 04:25:44</t>
  </si>
  <si>
    <t>12/13/2019 04:26:55</t>
  </si>
  <si>
    <t>12/13/2019 04:28:43</t>
  </si>
  <si>
    <t>12/13/2019 04:26:13</t>
  </si>
  <si>
    <t>12/13/2019 04:29:44</t>
  </si>
  <si>
    <t>12/13/2019 04:25:22</t>
  </si>
  <si>
    <t>12/13/2019 04:30:43</t>
  </si>
  <si>
    <t>12/13/2019 04:31:25</t>
  </si>
  <si>
    <t>12/13/2019 04:34:44</t>
  </si>
  <si>
    <t>12/13/2019 04:37:56</t>
  </si>
  <si>
    <t>12/13/2019 04:38:43</t>
  </si>
  <si>
    <t>12/13/2019 04:40:43</t>
  </si>
  <si>
    <t>12/13/2019 04:40:25</t>
  </si>
  <si>
    <t>12/13/2019 04:45:43</t>
  </si>
  <si>
    <t>12/13/2019 04:46:13</t>
  </si>
  <si>
    <t>12/13/2019 04:48:44</t>
  </si>
  <si>
    <t>12/13/2019 04:51:05</t>
  </si>
  <si>
    <t>12/13/2019 04:54:44</t>
  </si>
  <si>
    <t>12/13/2019 04:55:10</t>
  </si>
  <si>
    <t>12/13/2019 04:57:44</t>
  </si>
  <si>
    <t>12/13/2019 05:16:56</t>
  </si>
  <si>
    <t>12/13/2019 05:19:45</t>
  </si>
  <si>
    <t>12/13/2019 05:22:37</t>
  </si>
  <si>
    <t>12/13/2019 05:25:44</t>
  </si>
  <si>
    <t>12/13/2019 05:26:38</t>
  </si>
  <si>
    <t>12/13/2019 05:28:44</t>
  </si>
  <si>
    <t>12/13/2019 05:34:03</t>
  </si>
  <si>
    <t>12/13/2019 05:35:44</t>
  </si>
  <si>
    <t>ulog_AcroARM2_ARM2Update_a9473871-eb7b-4719-ba46-35125c58e0e7_be0005b6-25f6-44e6-b368-a88cef11ac18_0.log</t>
  </si>
  <si>
    <t>C:\Users\davimvs\AppData\Roaming\Adobe\LogTransport2\Logs\ulog_AcroARM2_ARM2Update_a9473871-eb7b-4719-ba46-35125c58e0e7_be0005b6-25f6-44e6-b368-a88cef11ac18_0.log\</t>
  </si>
  <si>
    <t>ulog_AcroARM2_Reader_a9473871-eb7b-4719-ba46-35125c58e0e7_54d0478c-128d-4301-87c0-cbe533e8ef76_0.log</t>
  </si>
  <si>
    <t>C:\Users\davimvs\AppData\Roaming\Adobe\LogTransport2\Logs\ulog_AcroARM2_Reader_a9473871-eb7b-4719-ba46-35125c58e0e7_54d0478c-128d-4301-87c0-cbe533e8ef76_0.log\</t>
  </si>
  <si>
    <t>ulog_AcroARM2_Reader_a9473871-eb7b-4719-ba46-35125c58e0e7_c2bd32bc-359b-4bde-9516-89686dbd38f0_0.log</t>
  </si>
  <si>
    <t>C:\Users\davimvs\AppData\Roaming\Adobe\LogTransport2\Logs\ulog_AcroARM2_Reader_a9473871-eb7b-4719-ba46-35125c58e0e7_c2bd32bc-359b-4bde-9516-89686dbd38f0_0.log\</t>
  </si>
  <si>
    <t>12/13/2019 05:40:20</t>
  </si>
  <si>
    <t>12/13/2019 05:44:43</t>
  </si>
  <si>
    <t>12/13/2019 05:54:59</t>
  </si>
  <si>
    <t>12/13/2019 05:59:44</t>
  </si>
  <si>
    <t>12/13/2019 06:11:14</t>
  </si>
  <si>
    <t>12/13/2019 06:12:45</t>
  </si>
  <si>
    <t>12/13/2019 06:26:07</t>
  </si>
  <si>
    <t>12/13/2019 06:29:44</t>
  </si>
  <si>
    <t>12/13/2019 06:35:54</t>
  </si>
  <si>
    <t>12/13/2019 06:39:44</t>
  </si>
  <si>
    <t>12/13/2019 06:42:01</t>
  </si>
  <si>
    <t>12/13/2019 06:44:44</t>
  </si>
  <si>
    <t>12/13/2019 06:49:16</t>
  </si>
  <si>
    <t>12/13/2019 06:53:44</t>
  </si>
  <si>
    <t>12/13/2019 06:53:22</t>
  </si>
  <si>
    <t>12/13/2019 06:56:44</t>
  </si>
  <si>
    <t>12/13/2019 06:54:43</t>
  </si>
  <si>
    <t>12/13/2019 06:57:43</t>
  </si>
  <si>
    <t>\\acsfs\profiles$\jessykacal\Favorites\citrix.url\</t>
  </si>
  <si>
    <t>\\acsfs\profiles$\jessykacal\Favorites\citrix.url\:favicon:$DATA</t>
  </si>
  <si>
    <t>\\acsfs\profiles$\jessykacal\Favorites\citrix.url</t>
  </si>
  <si>
    <t>12/13/2019 06:58:04</t>
  </si>
  <si>
    <t>12/13/2019 07:02:43</t>
  </si>
  <si>
    <t>12/13/2019 07:04:19</t>
  </si>
  <si>
    <t>12/13/2019 07:06:43</t>
  </si>
  <si>
    <t>https://outlook.office365.com/owa/qualidadealgarbv@algartech.com/service.svc?action=updateitem&amp;app=mail&amp;n=95</t>
  </si>
  <si>
    <t>12/13/2019 07:04:47</t>
  </si>
  <si>
    <t>https://outlook.office365.com/owa/qualidadealgarbv@algartech.com/service.svc?action=updateitem&amp;app=mail&amp;n=101</t>
  </si>
  <si>
    <t>12/13/2019 07:05:17</t>
  </si>
  <si>
    <t>https://outlook.office365.com/owa/qualidadealgarbv@algartech.com/service.svc?action=updateitem&amp;app=mail&amp;n=104</t>
  </si>
  <si>
    <t>12/13/2019 07:02:12</t>
  </si>
  <si>
    <t>12/13/2019 07:04:05</t>
  </si>
  <si>
    <t>12/13/2019 07:09:43</t>
  </si>
  <si>
    <t>12/13/2019 07:04:06</t>
  </si>
  <si>
    <t>12/13/2019 07:04:07</t>
  </si>
  <si>
    <t>12/13/2019 07:04:08</t>
  </si>
  <si>
    <t>12/13/2019 07:04:22</t>
  </si>
  <si>
    <t>12/13/2019 07:04:23</t>
  </si>
  <si>
    <t>12/13/2019 07:04:24</t>
  </si>
  <si>
    <t>12/13/2019 07:04:26</t>
  </si>
  <si>
    <t>12/13/2019 07:04:27</t>
  </si>
  <si>
    <t>12/13/2019 07:04:30</t>
  </si>
  <si>
    <t>12/13/2019 07:04:44</t>
  </si>
  <si>
    <t>12/13/2019 07:04:45</t>
  </si>
  <si>
    <t>12/13/2019 07:04:54</t>
  </si>
  <si>
    <t>12/13/2019 07:05:00</t>
  </si>
  <si>
    <t>12/13/2019 07:05:47</t>
  </si>
  <si>
    <t>12/13/2019 07:11:43</t>
  </si>
  <si>
    <t>https://outlook.office365.com/owa/qualidadealgarbv@algartech.com/service.svc?action=updateitem&amp;app=mail&amp;n=106</t>
  </si>
  <si>
    <t>12/13/2019 07:06:17</t>
  </si>
  <si>
    <t>https://outlook.office365.com/owa/qualidadealgarbv@algartech.com/service.svc?action=updateitem&amp;app=mail&amp;n=111</t>
  </si>
  <si>
    <t>12/13/2019 07:06:46</t>
  </si>
  <si>
    <t>https://outlook.office365.com/owa/qualidadealgarbv@algartech.com/service.svc?action=updateitem&amp;app=mail&amp;n=119</t>
  </si>
  <si>
    <t>12/13/2019 07:07:16</t>
  </si>
  <si>
    <t>https://outlook.office365.com/owa/qualidadealgarbv@algartech.com/service.svc?action=updateitem&amp;app=mail&amp;n=127</t>
  </si>
  <si>
    <t>12/13/2019 07:07:46</t>
  </si>
  <si>
    <t>https://outlook.office365.com/owa/qualidadealgarbv@algartech.com/service.svc?action=updateitem&amp;app=mail&amp;n=135</t>
  </si>
  <si>
    <t>12/13/2019 07:09:40</t>
  </si>
  <si>
    <t>12/13/2019 07:14:43</t>
  </si>
  <si>
    <t>12/13/2019 07:10:40</t>
  </si>
  <si>
    <t>12/13/2019 07:12:28</t>
  </si>
  <si>
    <t>12/13/2019 07:16:44</t>
  </si>
  <si>
    <t>12/13/2019 07:12:31</t>
  </si>
  <si>
    <t>12/13/2019 07:13:45</t>
  </si>
  <si>
    <t>0a45daf7-1a79-4529-802c-340f3fda3905.tmp</t>
  </si>
  <si>
    <t>\\acsfs\profiles$\deboraaa\Downloads\0a45daf7-1a79-4529-802c-340f3fda3905.tmp</t>
  </si>
  <si>
    <t>12/13/2019 07:15:21</t>
  </si>
  <si>
    <t>2e4e86dd-ca32-402f-b853-0c3183dcce82.tmp</t>
  </si>
  <si>
    <t>\\acsfs\profiles$\deboraaa\Downloads\2e4e86dd-ca32-402f-b853-0c3183dcce82.tmp</t>
  </si>
  <si>
    <t>12/13/2019 07:14:10</t>
  </si>
  <si>
    <t>12/13/2019 07:17:43</t>
  </si>
  <si>
    <t>12/13/2019 07:16:54</t>
  </si>
  <si>
    <t>12/13/2019 07:16:05</t>
  </si>
  <si>
    <t>12/13/2019 07:18:44</t>
  </si>
  <si>
    <t>12/13/2019 07:15:40</t>
  </si>
  <si>
    <t>12/13/2019 07:19:43</t>
  </si>
  <si>
    <t>12/13/2019 07:16:40</t>
  </si>
  <si>
    <t>12/13/2019 07:16:46</t>
  </si>
  <si>
    <t>12/13/2019 07:21:44</t>
  </si>
  <si>
    <t>7cd58d0f-e816-495e-828f-f20163dc9dcd.tmp</t>
  </si>
  <si>
    <t>\\acsfs\profiles$\deboraaa\Downloads\7cd58d0f-e816-495e-828f-f20163dc9dcd.tmp</t>
  </si>
  <si>
    <t>12/13/2019 07:21:40</t>
  </si>
  <si>
    <t>12/13/2019 07:24:44</t>
  </si>
  <si>
    <t>12/13/2019 07:22:40</t>
  </si>
  <si>
    <t>12/13/2019 07:19:36</t>
  </si>
  <si>
    <t>12/13/2019 07:25:44</t>
  </si>
  <si>
    <t>\\acsfs\DEPTOS\Operacao\Banco_Votorantim\Qualidade\Anderson\ALERTA DE ATENDIMENTO (2).xlsx\</t>
  </si>
  <si>
    <t>\\acsfs\DEPTOS\Operacao\Banco_Votorantim\Qualidade\Anderson\ALERTA DE ATENDIMENTO (2).xlsx</t>
  </si>
  <si>
    <t>hdphoto3.wdp</t>
  </si>
  <si>
    <t>hdphoto4.wdp</t>
  </si>
  <si>
    <t>hdphoto5.wdp</t>
  </si>
  <si>
    <t>hdphoto6.wdp</t>
  </si>
  <si>
    <t>\\acsfs\DEPTOS\Operacao\Banco_Votorantim\Qualidade\Anderson\</t>
  </si>
  <si>
    <t>ALERTA DE ATENDIMENTO (2).xlsx</t>
  </si>
  <si>
    <t>12/13/2019 07:19:47</t>
  </si>
  <si>
    <t>12/13/2019 07:22:19</t>
  </si>
  <si>
    <t>12/13/2019 07:26:44</t>
  </si>
  <si>
    <t>7f0dd617-8a62-490c-8a04-f87ca8a20c0a.tmp</t>
  </si>
  <si>
    <t>\\acsfs\profiles$\deboraaa\Downloads\7f0dd617-8a62-490c-8a04-f87ca8a20c0a.tmp</t>
  </si>
  <si>
    <t>12/13/2019 07:23:09</t>
  </si>
  <si>
    <t>12/13/2019 07:27:45</t>
  </si>
  <si>
    <t>/o=exchangelabs/ou=exchange administrative group (fydibohf23spdlt)/cn=recipients/cn=5cff907b7abb465c8dbe10257a462656-diego iure;/o=exchangelabs/ou=exchange administrative group (fydibohf23spdlt)/cn=recipients/cn=aff8c3b9538840fe9b9778861292fbea-everton pau;/o=exchangelabs/ou=exchange administrative group (fydibohf23spdlt)/cn=recipients/cn=f00c439d0d474c0586a503a0209ed1f2-bruno wande;diegoiao@algartech.com.br;juliogp@algartech.com.br;patriciaars@algartech.com;</t>
  </si>
  <si>
    <t>RES: Dúvidas</t>
  </si>
  <si>
    <t>01 - Dimensionamento SAC.xlsm</t>
  </si>
  <si>
    <t>/o=exchangelabs/ou=exchange administrative group (fydibohf23spdlt)/cn=recipients/cn=5cff907b7abb465c8dbe10257a462656-diego iure,/o=exchangelabs/ou=exchange administrative group (fydibohf23spdlt)/cn=recipients/cn=aff8c3b9538840fe9b9778861292fbea-everton pau,/o=exchangelabs/ou=exchange administrative group (fydibohf23spdlt)/cn=recipients/cn=f00c439d0d474c0586a503a0209ed1f2-bruno wande,diegoiao@algartech.com.br,juliogp@algartech.com.br,patriciaars@algartech.com</t>
  </si>
  <si>
    <t>12/13/2019 07:28:08</t>
  </si>
  <si>
    <t>12/13/2019 07:29:44</t>
  </si>
  <si>
    <t>12/13/2019 07:26:03</t>
  </si>
  <si>
    <t>7d551e54-3deb-489e-84e6-74d5e626155b.tmp</t>
  </si>
  <si>
    <t>\\acsfs\profiles$\sarahbal\Downloads\7d551e54-3deb-489e-84e6-74d5e626155b.tmp</t>
  </si>
  <si>
    <t>12/13/2019 07:26:12</t>
  </si>
  <si>
    <t>e932ebca-f4ef-4afd-9c24-dd54ef4201b5.tmp</t>
  </si>
  <si>
    <t>\\acsfs\profiles$\sarahbal\Downloads\e932ebca-f4ef-4afd-9c24-dd54ef4201b5.tmp</t>
  </si>
  <si>
    <t>12/13/2019 07:27:20</t>
  </si>
  <si>
    <t>2d3d1e6d-608e-4510-9a38-bc705dab6b98.tmp</t>
  </si>
  <si>
    <t>\\acsfs\profiles$\sarahbal\Downloads\2d3d1e6d-608e-4510-9a38-bc705dab6b98.tmp</t>
  </si>
  <si>
    <t>12/13/2019 07:28:02</t>
  </si>
  <si>
    <t>c32ff7d0-91e0-4c18-a4a4-8ec0e4885370.tmp</t>
  </si>
  <si>
    <t>\\acsfs\profiles$\sarahbal\Downloads\c32ff7d0-91e0-4c18-a4a4-8ec0e4885370.tmp</t>
  </si>
  <si>
    <t>12/13/2019 07:27:40</t>
  </si>
  <si>
    <t>12/13/2019 07:28:40</t>
  </si>
  <si>
    <t>12/13/2019 07:29:47</t>
  </si>
  <si>
    <t>12/13/2019 07:31:44</t>
  </si>
  <si>
    <t>b5408a0a-c0d4-4f6a-84ef-f40bc51e5955.tmp</t>
  </si>
  <si>
    <t>\\acsfs\profiles$\deboraaa\Downloads\b5408a0a-c0d4-4f6a-84ef-f40bc51e5955.tmp</t>
  </si>
  <si>
    <t>12/13/2019 07:28:46</t>
  </si>
  <si>
    <t>12/13/2019 07:33:44</t>
  </si>
  <si>
    <t>12/13/2019 07:30:40</t>
  </si>
  <si>
    <t>12/13/2019 07:31:04</t>
  </si>
  <si>
    <t>12/13/2019 07:34:45</t>
  </si>
  <si>
    <t>12/13/2019 07:29:34</t>
  </si>
  <si>
    <t>75ebfac8-6570-4da0-b188-250b02bc283e.tmp</t>
  </si>
  <si>
    <t>\\acsfs\profiles$\cintiadcf\Downloads\75ebfac8-6570-4da0-b188-250b02bc283e.tmp</t>
  </si>
  <si>
    <t>12/13/2019 07:29:43</t>
  </si>
  <si>
    <t>eb423e8f-a54c-4db1-b526-062e08175fc4.tmp</t>
  </si>
  <si>
    <t>\\acsfs\profiles$\cintiadcf\Downloads\eb423e8f-a54c-4db1-b526-062e08175fc4.tmp</t>
  </si>
  <si>
    <t>1406e5b5-1451-4f1d-a3b1-893f36a42ad0.tmp</t>
  </si>
  <si>
    <t>\\acsfs\profiles$\cintiadcf\Downloads\1406e5b5-1451-4f1d-a3b1-893f36a42ad0.tmp</t>
  </si>
  <si>
    <t>12/13/2019 07:33:40</t>
  </si>
  <si>
    <t>12/13/2019 07:36:24</t>
  </si>
  <si>
    <t>12/13/2019 07:38:44</t>
  </si>
  <si>
    <t>a860de67-9a6f-4218-bab4-f607b1e7064e.tmp</t>
  </si>
  <si>
    <t>\\acsfs\profiles$\deborahsi\Downloads\a860de67-9a6f-4218-bab4-f607b1e7064e.tmp</t>
  </si>
  <si>
    <t>12/13/2019 07:37:14</t>
  </si>
  <si>
    <t>f17fd2f4-6f74-47fb-9bd9-6269307ecc0a.tmp</t>
  </si>
  <si>
    <t>\\acsfs\profiles$\deborahsi\Downloads\f17fd2f4-6f74-47fb-9bd9-6269307ecc0a.tmp</t>
  </si>
  <si>
    <t>12/13/2019 07:34:40</t>
  </si>
  <si>
    <t>12/13/2019 07:39:44</t>
  </si>
  <si>
    <t>12/13/2019 07:39:08</t>
  </si>
  <si>
    <t>12/13/2019 07:42:44</t>
  </si>
  <si>
    <t>12/13/2019 07:41:05</t>
  </si>
  <si>
    <t>12/13/2019 07:44:44</t>
  </si>
  <si>
    <t>12/13/2019 07:39:40</t>
  </si>
  <si>
    <t>12/13/2019 07:40:40</t>
  </si>
  <si>
    <t>12/13/2019 07:40:33</t>
  </si>
  <si>
    <t>12/13/2019 07:45:44</t>
  </si>
  <si>
    <t>12/13/2019 07:41:37</t>
  </si>
  <si>
    <t>Tréplica 4° ciclo NOVEMBRO.txt</t>
  </si>
  <si>
    <t>\\acsfs\DEPTOS\Operacao\Banco_Votorantim\Qualidade\Eliane\Tréplica NOVEMBRO\Tréplica 4° ciclo NOVEMBRO.txt</t>
  </si>
  <si>
    <t>12/13/2019 07:43:20</t>
  </si>
  <si>
    <t>12/13/2019 07:46:44</t>
  </si>
  <si>
    <t>12/13/2019 07:43:30</t>
  </si>
  <si>
    <t>12/13/2019 07:43:08</t>
  </si>
  <si>
    <t>12/13/2019 07:47:44</t>
  </si>
  <si>
    <t>12/13/2019 07:47:11</t>
  </si>
  <si>
    <t>12/13/2019 07:48:44</t>
  </si>
  <si>
    <t>6871c7cf-ab04-4c2e-aa89-b92d411613ed.tmp</t>
  </si>
  <si>
    <t>\\acsfs\profiles$\deborahsi\Downloads\6871c7cf-ab04-4c2e-aa89-b92d411613ed.tmp</t>
  </si>
  <si>
    <t>12/13/2019 07:46:52</t>
  </si>
  <si>
    <t>12/13/2019 07:49:44</t>
  </si>
  <si>
    <t>12/13/2019 07:45:40</t>
  </si>
  <si>
    <t>12/13/2019 07:46:40</t>
  </si>
  <si>
    <t>12/13/2019 07:49:57</t>
  </si>
  <si>
    <t>12/13/2019 07:52:44</t>
  </si>
  <si>
    <t>12/13/2019 07:51:52</t>
  </si>
  <si>
    <t>64767086-0cc0-4e52-97fe-c91276f15286.tmp</t>
  </si>
  <si>
    <t>\\acsfs\profiles$\marcellewdl\Downloads\64767086-0cc0-4e52-97fe-c91276f15286.tmp</t>
  </si>
  <si>
    <t>12/13/2019 07:49:16</t>
  </si>
  <si>
    <t>12/13/2019 07:53:44</t>
  </si>
  <si>
    <t>84fa913f-6b41-43bb-b13f-19823d720222.tmp</t>
  </si>
  <si>
    <t>\\acsfs\profiles$\deborahsi\Downloads\84fa913f-6b41-43bb-b13f-19823d720222.tmp</t>
  </si>
  <si>
    <t>12/13/2019 07:51:18</t>
  </si>
  <si>
    <t>12/13/2019 07:54:44</t>
  </si>
  <si>
    <t>12/13/2019 07:51:40</t>
  </si>
  <si>
    <t>12/13/2019 07:52:40</t>
  </si>
  <si>
    <t>12/13/2019 07:51:05</t>
  </si>
  <si>
    <t>12/13/2019 07:55:45</t>
  </si>
  <si>
    <t>12/13/2019 07:51:57</t>
  </si>
  <si>
    <t>7ab30f2d-fffe-41b0-9af9-a5ab1aadaeee.tmp</t>
  </si>
  <si>
    <t>\\acsfs\profiles$\felipetds\Downloads\7ab30f2d-fffe-41b0-9af9-a5ab1aadaeee.tmp</t>
  </si>
  <si>
    <t>12/13/2019 07:52:41</t>
  </si>
  <si>
    <t>12/13/2019 07:56:44</t>
  </si>
  <si>
    <t>mail.google.com/_/upload?authuser=0&amp;dcp=asu-n&amp;upload_id=AEnB2Uo8kpUbyuQTQRd3ggkHZbcvo6OZ9INw0w5U5GqDXiT4KlDZbeaMjtNYNCVqRONYttSRMQnySlmRI5S6q-4Z9oaci6R1Rw&amp;upload_protocol=resumable</t>
  </si>
  <si>
    <t>12/13/2019 07:53:13</t>
  </si>
  <si>
    <t>12/13/2019 07:57:45</t>
  </si>
  <si>
    <t>12/13/2019 07:56:08</t>
  </si>
  <si>
    <t>f907e241-efd9-4056-825c-e72726c1d896.tmp</t>
  </si>
  <si>
    <t>\\acsfs\profiles$\alicecpbc\Downloads\f907e241-efd9-4056-825c-e72726c1d896.tmp</t>
  </si>
  <si>
    <t>12/13/2019 07:56:16</t>
  </si>
  <si>
    <t>a62f9edf-ba05-4796-94a7-ad80f2701596.tmp</t>
  </si>
  <si>
    <t>\\acsfs\profiles$\alicecpbc\Downloads\a62f9edf-ba05-4796-94a7-ad80f2701596.tmp</t>
  </si>
  <si>
    <t>12/13/2019 07:53:16</t>
  </si>
  <si>
    <t>46c0d5c7-144a-4702-985e-04fb20923395.tmp</t>
  </si>
  <si>
    <t>\\acsfs\profiles$\marcellewdl\Downloads\46c0d5c7-144a-4702-985e-04fb20923395.tmp</t>
  </si>
  <si>
    <t>12/13/2019 07:55:32</t>
  </si>
  <si>
    <t>12/13/2019 07:58:44</t>
  </si>
  <si>
    <t>12/13/2019 07:56:20</t>
  </si>
  <si>
    <t>bc6eefe9-8ea9-42f9-ae8a-7aff6b985388.tmp</t>
  </si>
  <si>
    <t>\\acsfs\profiles$\raicabog\Downloads\bc6eefe9-8ea9-42f9-ae8a-7aff6b985388.tmp</t>
  </si>
  <si>
    <t>12/13/2019 07:56:46</t>
  </si>
  <si>
    <t>9697e15b-d281-414b-b34c-873e922deb80.tmp</t>
  </si>
  <si>
    <t>\\acsfs\profiles$\raicabog\Downloads\9697e15b-d281-414b-b34c-873e922deb80.tmp</t>
  </si>
  <si>
    <t>12/13/2019 07:57:24</t>
  </si>
  <si>
    <t>edb2c899-9f51-40ab-bd56-ef7fb116a5bb.tmp</t>
  </si>
  <si>
    <t>\\acsfs\profiles$\raicabog\Downloads\edb2c899-9f51-40ab-bd56-ef7fb116a5bb.tmp</t>
  </si>
  <si>
    <t>12/13/2019 07:57:40</t>
  </si>
  <si>
    <t>12/13/2019 07:59:45</t>
  </si>
  <si>
    <t>12/13/2019 07:58:40</t>
  </si>
  <si>
    <t>12/13/2019 07:55:43</t>
  </si>
  <si>
    <t>12/13/2019 08:00:44</t>
  </si>
  <si>
    <t>a6902b40-ce1d-4856-9ac0-54cba4478c45.tmp</t>
  </si>
  <si>
    <t>\\acsfs\profiles$\paulovadc\Downloads\a6902b40-ce1d-4856-9ac0-54cba4478c45.tmp</t>
  </si>
  <si>
    <t>12/13/2019 07:57:25</t>
  </si>
  <si>
    <t>d517ae31-0b51-4349-bb90-ebbacf20efbb.tmp</t>
  </si>
  <si>
    <t>\\acsfs\profiles$\paulovadc\Downloads\d517ae31-0b51-4349-bb90-ebbacf20efbb.tmp</t>
  </si>
  <si>
    <t>12/13/2019 08:00:05</t>
  </si>
  <si>
    <t>ulog_AcroARM2_Reader_22bb18ef-a0cc-4985-b2f1-d8449a05e1d0_94de0d76-7e54-4cd0-a6bf-993ded6d2494_0.log</t>
  </si>
  <si>
    <t>C:\Users\Jordanarb\AppData\Roaming\Adobe\LogTransport2\Logs\ulog_AcroARM2_Reader_22bb18ef-a0cc-4985-b2f1-d8449a05e1d0_94de0d76-7e54-4cd0-a6bf-993ded6d2494_0.log\</t>
  </si>
  <si>
    <t>12/13/2019 07:57:17</t>
  </si>
  <si>
    <t>12/13/2019 08:01:45</t>
  </si>
  <si>
    <t>12/13/2019 07:59:58</t>
  </si>
  <si>
    <t>12/13/2019 08:03:45</t>
  </si>
  <si>
    <t>12/13/2019 08:00:51</t>
  </si>
  <si>
    <t>50d2fa98-2e56-4519-8848-3f8b6cc79774.tmp</t>
  </si>
  <si>
    <t>\\acsfs\profiles$\dhiulliananads\Downloads\50d2fa98-2e56-4519-8848-3f8b6cc79774.tmp</t>
  </si>
  <si>
    <t>12/13/2019 08:02:16</t>
  </si>
  <si>
    <t>ff680037-a391-4517-b59f-1047e9060cea.tmp</t>
  </si>
  <si>
    <t>\\acsfs\profiles$\luanarda\Downloads\ff680037-a391-4517-b59f-1047e9060cea.tmp</t>
  </si>
  <si>
    <t>12/13/2019 07:59:29</t>
  </si>
  <si>
    <t>12/13/2019 08:04:44</t>
  </si>
  <si>
    <t>77f8e9ef-8e0e-4963-9795-425325cc5e34.tmp</t>
  </si>
  <si>
    <t>\\acsfs\profiles$\gabrielarb\Downloads\77f8e9ef-8e0e-4963-9795-425325cc5e34.tmp</t>
  </si>
  <si>
    <t>fac2cb9d-16ad-4bbc-8200-c155c5c0c5d4.tmp</t>
  </si>
  <si>
    <t>\\acsfs\profiles$\gabrielarb\Downloads\fac2cb9d-16ad-4bbc-8200-c155c5c0c5d4.tmp</t>
  </si>
  <si>
    <t>12/13/2019 08:00:20</t>
  </si>
  <si>
    <t>232f0228-5d82-49be-9b8d-694b18bab422.tmp</t>
  </si>
  <si>
    <t>\\acsfs\profiles$\gabrielarb\Downloads\232f0228-5d82-49be-9b8d-694b18bab422.tmp</t>
  </si>
  <si>
    <t>12/13/2019 08:01:23</t>
  </si>
  <si>
    <t>f61c04fc-92bd-419c-84ab-6cba7c0a27bb.tmp</t>
  </si>
  <si>
    <t>\\acsfs\profiles$\gabrielarb\Downloads\f61c04fc-92bd-419c-84ab-6cba7c0a27bb.tmp</t>
  </si>
  <si>
    <t>12/13/2019 08:03:40</t>
  </si>
  <si>
    <t>12/13/2019 08:04:36</t>
  </si>
  <si>
    <t>12/13/2019 08:05:45</t>
  </si>
  <si>
    <t>https://udpmailboxap01.acs.com.br:8443/h/search;jsessionid=xkzo0i7qyoxh19ocbqp4hnmu8?si=0&amp;so=0&amp;sc=42948&amp;st=conversation&amp;action=compose</t>
  </si>
  <si>
    <t>12/13/2019 08:02:35</t>
  </si>
  <si>
    <t>3fc3776e-5b6e-4c27-b9b3-85fd09d5d13d.tmp</t>
  </si>
  <si>
    <t>\\acsfs\profiles$\felipetds\Downloads\3fc3776e-5b6e-4c27-b9b3-85fd09d5d13d.tmp</t>
  </si>
  <si>
    <t>12/13/2019 08:03:59</t>
  </si>
  <si>
    <t>12/13/2019 08:03:28</t>
  </si>
  <si>
    <t>12/13/2019 08:03:32</t>
  </si>
  <si>
    <t>12/13/2019 08:03:37</t>
  </si>
  <si>
    <t>mail.google.com/sync/u/0/i/s?hl=pt-BR&amp;c=7</t>
  </si>
  <si>
    <t>mail.google.com/sync/u/0/i/s?hl=pt-BR&amp;c=9</t>
  </si>
  <si>
    <t>12/13/2019 08:03:43</t>
  </si>
  <si>
    <t>12/13/2019 08:04:13</t>
  </si>
  <si>
    <t>12/13/2019 08:04:17</t>
  </si>
  <si>
    <t>12/13/2019 08:04:20</t>
  </si>
  <si>
    <t>12/13/2019 08:05:06</t>
  </si>
  <si>
    <t>12/13/2019 08:05:24</t>
  </si>
  <si>
    <t>12/13/2019 08:02:25</t>
  </si>
  <si>
    <t>12/13/2019 08:06:44</t>
  </si>
  <si>
    <t>12/13/2019 08:03:30</t>
  </si>
  <si>
    <t>12/13/2019 08:08:44</t>
  </si>
  <si>
    <t>33db3b48-ebdc-449d-9b1d-f1eb7e6d3211.tmp</t>
  </si>
  <si>
    <t>\\acsfs\profiles$\dhiulliananads\Downloads\33db3b48-ebdc-449d-9b1d-f1eb7e6d3211.tmp</t>
  </si>
  <si>
    <t>12/13/2019 08:04:54</t>
  </si>
  <si>
    <t>12/13/2019 08:05:30</t>
  </si>
  <si>
    <t>12/13/2019 08:05:31</t>
  </si>
  <si>
    <t>lu17180no6zw.tmp</t>
  </si>
  <si>
    <t>\\acsfs\profiles$\dhiulliananads\My Documents\lu17180no6zw.tmp</t>
  </si>
  <si>
    <t>\\acsfs\profiles$\dhiulliananads\My Documents\lu17180no6zw.tmp\</t>
  </si>
  <si>
    <t>\\acsfs\profiles$\dhiulliananads\My Documents\lu17180no6zw.tmp\META-INF\</t>
  </si>
  <si>
    <t>\\acsfs\profiles$\dhiulliananads\My Documents\lu17180no6zw.tmp\Thumbnails\</t>
  </si>
  <si>
    <t>12/13/2019 08:05:42</t>
  </si>
  <si>
    <t>12/13/2019 08:03:24</t>
  </si>
  <si>
    <t>9aa6257b-c602-4aa7-8d39-31bcf8d9953b.tmp</t>
  </si>
  <si>
    <t>\\acsfs\profiles$\luanarda\Downloads\9aa6257b-c602-4aa7-8d39-31bcf8d9953b.tmp</t>
  </si>
  <si>
    <t>12/13/2019 08:08:11</t>
  </si>
  <si>
    <t>12/13/2019 08:07:44</t>
  </si>
  <si>
    <t>764e7b19-bd28-414f-a323-9181965323d5.tmp</t>
  </si>
  <si>
    <t>\\acsfs\profiles$\raicabog\Downloads\764e7b19-bd28-414f-a323-9181965323d5.tmp</t>
  </si>
  <si>
    <t>12/13/2019 08:04:37</t>
  </si>
  <si>
    <t>12/13/2019 08:09:44</t>
  </si>
  <si>
    <t>5fed7c71-9498-4285-85f3-52d5a4736b5f.tmp</t>
  </si>
  <si>
    <t>\\acsfs\profiles$\gabrielarb\Downloads\5fed7c71-9498-4285-85f3-52d5a4736b5f.tmp</t>
  </si>
  <si>
    <t>12/13/2019 08:04:40</t>
  </si>
  <si>
    <t>12/13/2019 08:08:32</t>
  </si>
  <si>
    <t>12/13/2019 08:10:44</t>
  </si>
  <si>
    <t>12/13/2019 08:08:42</t>
  </si>
  <si>
    <t>D:\OneDrive\AlgarTech\Pré-Vendas\Cliente\2019\Elcano\XXXX - VM Protegidas Adicionais\</t>
  </si>
  <si>
    <t>12/13/2019 08:08:43</t>
  </si>
  <si>
    <t>D:\OneDrive\AlgarTech\Pré-Vendas\Cliente\2019\Prudential\220395 - Sustentação de Storage e Backup\</t>
  </si>
  <si>
    <t>12/13/2019 08:08:20</t>
  </si>
  <si>
    <t>bb535afe-fd97-4741-b634-93708f478c3f.tmp</t>
  </si>
  <si>
    <t>\\acsfs\profiles$\paulovadc\Downloads\bb535afe-fd97-4741-b634-93708f478c3f.tmp</t>
  </si>
  <si>
    <t>12/13/2019 08:09:12</t>
  </si>
  <si>
    <t>12/13/2019 08:05:40</t>
  </si>
  <si>
    <t>12/13/2019 08:05:59</t>
  </si>
  <si>
    <t>12/13/2019 08:06:02</t>
  </si>
  <si>
    <t>12/13/2019 08:06:33</t>
  </si>
  <si>
    <t>12/13/2019 08:06:34</t>
  </si>
  <si>
    <t>12/13/2019 08:06:39</t>
  </si>
  <si>
    <t>12/13/2019 08:06:49</t>
  </si>
  <si>
    <t>12/13/2019 08:07:05</t>
  </si>
  <si>
    <t>12/13/2019 08:07:54</t>
  </si>
  <si>
    <t>12/13/2019 08:08:34</t>
  </si>
  <si>
    <t>12/13/2019 08:09:06</t>
  </si>
  <si>
    <t>mail.google.com/sync/u/0/i/s?hl=pt-BR&amp;c=51</t>
  </si>
  <si>
    <t>12/13/2019 08:09:19</t>
  </si>
  <si>
    <t>12/13/2019 08:09:53</t>
  </si>
  <si>
    <t>mail.google.com/sync/u/0/i/s?hl=pt-BR&amp;c=56</t>
  </si>
  <si>
    <t>12/13/2019 08:10:05</t>
  </si>
  <si>
    <t>12/13/2019 08:10:20</t>
  </si>
  <si>
    <t>12/13/2019 08:11:03</t>
  </si>
  <si>
    <t>12/13/2019 08:13:44</t>
  </si>
  <si>
    <t>12/13/2019 08:11:13</t>
  </si>
  <si>
    <t>12/13/2019 08:14:44</t>
  </si>
  <si>
    <t>a228ab1b-c573-4e22-882f-62bbfaaca8f0.tmp</t>
  </si>
  <si>
    <t>\\acsfs\profiles$\DALVADFB\Downloads\a228ab1b-c573-4e22-882f-62bbfaaca8f0.tmp</t>
  </si>
  <si>
    <t>12/13/2019 08:13:26</t>
  </si>
  <si>
    <t>8401f597-7a5d-477b-af52-056741f429c7.tmp</t>
  </si>
  <si>
    <t>\\acsfs\profiles$\DALVADFB\Downloads\8401f597-7a5d-477b-af52-056741f429c7.tmp</t>
  </si>
  <si>
    <t>12/13/2019 08:13:27</t>
  </si>
  <si>
    <t>ae3646bb-bc6b-49c7-b747-e890a4e9aa9a.tmp</t>
  </si>
  <si>
    <t>\\acsfs\profiles$\DALVADFB\Downloads\ae3646bb-bc6b-49c7-b747-e890a4e9aa9a.tmp</t>
  </si>
  <si>
    <t>12/13/2019 08:13:38</t>
  </si>
  <si>
    <t>e352c6ea-62bc-4a45-a04d-3d51af9b1c2a.tmp</t>
  </si>
  <si>
    <t>\\acsfs\profiles$\DALVADFB\Downloads\e352c6ea-62bc-4a45-a04d-3d51af9b1c2a.tmp</t>
  </si>
  <si>
    <t>12/13/2019 08:14:05</t>
  </si>
  <si>
    <t>10723b19-2914-472e-85b7-32d177bea957.tmp</t>
  </si>
  <si>
    <t>\\acsfs\profiles$\sarahbal\Downloads\10723b19-2914-472e-85b7-32d177bea957.tmp</t>
  </si>
  <si>
    <t>12/13/2019 08:09:40</t>
  </si>
  <si>
    <t>12/13/2019 08:10:41</t>
  </si>
  <si>
    <t>12/13/2019 08:13:24</t>
  </si>
  <si>
    <t>andrelpsa@algartech.com;supervisaobancovotorantim@algartech.com;talmaiardo@algartech.com;</t>
  </si>
  <si>
    <t>andrelpsa@algartech.com,supervisaobancovotorantim@algartech.com,talmaiardo@algartech.com</t>
  </si>
  <si>
    <t>12/13/2019 08:13:55</t>
  </si>
  <si>
    <t>12/13/2019 08:12:06</t>
  </si>
  <si>
    <t>12/13/2019 08:15:44</t>
  </si>
  <si>
    <t>12/13/2019 08:14:15</t>
  </si>
  <si>
    <t>12/13/2019 08:10:27</t>
  </si>
  <si>
    <t>12/13/2019 08:10:35</t>
  </si>
  <si>
    <t>mail.google.com/sync/u/0/i/s?hl=pt-BR&amp;c=65</t>
  </si>
  <si>
    <t>12/13/2019 08:10:50</t>
  </si>
  <si>
    <t>12/13/2019 08:11:04</t>
  </si>
  <si>
    <t>12/13/2019 08:15:18</t>
  </si>
  <si>
    <t>MUTANT FEEDBACK.PNG</t>
  </si>
  <si>
    <t>\\acsfs\DEPTOS\Operacao\Banco_Votorantim\Qualidade\Eliane\MUTANT FEEDBACK.PNG</t>
  </si>
  <si>
    <t>12/13/2019 08:14:20</t>
  </si>
  <si>
    <t>12/13/2019 08:16:44</t>
  </si>
  <si>
    <t>10.200.66.16</t>
  </si>
  <si>
    <t>78-2B-CB-C1-06-76</t>
  </si>
  <si>
    <t>VOTORANT-GB040</t>
  </si>
  <si>
    <t>MILENA ANDREIA SOARES (6529).contact</t>
  </si>
  <si>
    <t>\\acsfs\profiles$\milenaas\Contacts\MILENA ANDREIA SOARES (6529).contact</t>
  </si>
  <si>
    <t>12/13/2019 08:14:35</t>
  </si>
  <si>
    <t>12/13/2019 08:14:36</t>
  </si>
  <si>
    <t>12/13/2019 08:14:37</t>
  </si>
  <si>
    <t>12/13/2019 08:14:38</t>
  </si>
  <si>
    <t>12/13/2019 08:14:39</t>
  </si>
  <si>
    <t>12/13/2019 08:14:40</t>
  </si>
  <si>
    <t>12/13/2019 08:14:41</t>
  </si>
  <si>
    <t>12/13/2019 08:14:42</t>
  </si>
  <si>
    <t>12/13/2019 08:14:43</t>
  </si>
  <si>
    <t>12/13/2019 08:14:57</t>
  </si>
  <si>
    <t>12/13/2019 08:14:58</t>
  </si>
  <si>
    <t>12/13/2019 08:14:55</t>
  </si>
  <si>
    <t>12/13/2019 08:19:44</t>
  </si>
  <si>
    <t>12/13/2019 08:15:34</t>
  </si>
  <si>
    <t>12/13/2019 08:15:35</t>
  </si>
  <si>
    <t>12/13/2019 08:15:36</t>
  </si>
  <si>
    <t>12/13/2019 08:15:37</t>
  </si>
  <si>
    <t>12/13/2019 08:15:38</t>
  </si>
  <si>
    <t>12/13/2019 08:15:39</t>
  </si>
  <si>
    <t>12/13/2019 08:15:40</t>
  </si>
  <si>
    <t>12/13/2019 08:15:41</t>
  </si>
  <si>
    <t>12/13/2019 08:15:42</t>
  </si>
  <si>
    <t>12/13/2019 08:15:43</t>
  </si>
  <si>
    <t>12/13/2019 08:15:45</t>
  </si>
  <si>
    <t>12/13/2019 08:15:46</t>
  </si>
  <si>
    <t>12/13/2019 08:15:47</t>
  </si>
  <si>
    <t>12/13/2019 08:15:48</t>
  </si>
  <si>
    <t>12/13/2019 08:15:49</t>
  </si>
  <si>
    <t>12/13/2019 08:15:50</t>
  </si>
  <si>
    <t>12/13/2019 08:15:51</t>
  </si>
  <si>
    <t>12/13/2019 08:15:52</t>
  </si>
  <si>
    <t>12/13/2019 08:15:53</t>
  </si>
  <si>
    <t>12/13/2019 08:15:54</t>
  </si>
  <si>
    <t>da6dc930-d907-4244-ada4-5ca86d40c9ee.tmp</t>
  </si>
  <si>
    <t>\\acsfs\profiles$\DALVADFB\Downloads\da6dc930-d907-4244-ada4-5ca86d40c9ee.tmp</t>
  </si>
  <si>
    <t>4c86795c-4f8f-412e-863f-fbd8c978beaf.tmp</t>
  </si>
  <si>
    <t>\\acsfs\profiles$\DALVADFB\Downloads\4c86795c-4f8f-412e-863f-fbd8c978beaf.tmp</t>
  </si>
  <si>
    <t>12/13/2019 08:16:23</t>
  </si>
  <si>
    <t>12/13/2019 08:20:43</t>
  </si>
  <si>
    <t>424b5910-0a4d-4558-a8a9-17fb4ea0e1af.tmp</t>
  </si>
  <si>
    <t>\\acsfs\profiles$\valeriasda\Downloads\424b5910-0a4d-4558-a8a9-17fb4ea0e1af.tmp</t>
  </si>
  <si>
    <t>12/13/2019 08:17:44</t>
  </si>
  <si>
    <t>af3fb8e8-8f58-457b-a028-7797ebb58bb4.tmp</t>
  </si>
  <si>
    <t>\\acsfs\profiles$\valeriasda\Downloads\af3fb8e8-8f58-457b-a028-7797ebb58bb4.tmp</t>
  </si>
  <si>
    <t>12/13/2019 08:19:09</t>
  </si>
  <si>
    <t>d1699813-ffe3-48a2-a3be-951cb977717a.tmp</t>
  </si>
  <si>
    <t>\\acsfs\profiles$\valeriasda\Downloads\d1699813-ffe3-48a2-a3be-951cb977717a.tmp</t>
  </si>
  <si>
    <t>12/13/2019 08:19:25</t>
  </si>
  <si>
    <t>7df77724-119e-426d-9970-e45d0d7b0816.tmp</t>
  </si>
  <si>
    <t>\\acsfs\profiles$\valeriasda\Downloads\7df77724-119e-426d-9970-e45d0d7b0816.tmp</t>
  </si>
  <si>
    <t>12/13/2019 08:15:59</t>
  </si>
  <si>
    <t>\\acsfs\DEPTOS\Operacao\Banco_Votorantim\Qualidade\Mariane\</t>
  </si>
  <si>
    <t>12/13/2019 08:16:16</t>
  </si>
  <si>
    <t>12/13/2019 08:16:56</t>
  </si>
  <si>
    <t>mail.google.com/sync/u/0/i/s?hl=pt-BR&amp;c=86</t>
  </si>
  <si>
    <t>12/13/2019 08:17:13</t>
  </si>
  <si>
    <t>mail.google.com/sync/u/0/i/s?hl=pt-BR&amp;c=88</t>
  </si>
  <si>
    <t>12/13/2019 08:17:59</t>
  </si>
  <si>
    <t>mail.google.com/sync/u/0/i/s?hl=pt-BR&amp;c=91</t>
  </si>
  <si>
    <t>12/13/2019 08:18:32</t>
  </si>
  <si>
    <t>12/13/2019 08:18:53</t>
  </si>
  <si>
    <t>12/13/2019 08:19:03</t>
  </si>
  <si>
    <t>12/13/2019 08:19:28</t>
  </si>
  <si>
    <t>12/13/2019 08:19:45</t>
  </si>
  <si>
    <t>12/13/2019 08:19:54</t>
  </si>
  <si>
    <t>12/13/2019 08:20:18</t>
  </si>
  <si>
    <t>12/13/2019 08:19:58</t>
  </si>
  <si>
    <t>12/13/2019 08:19:59</t>
  </si>
  <si>
    <t>12/13/2019 08:20:00</t>
  </si>
  <si>
    <t>12/13/2019 08:20:01</t>
  </si>
  <si>
    <t>12/13/2019 08:20:02</t>
  </si>
  <si>
    <t>12/13/2019 08:20:03</t>
  </si>
  <si>
    <t>12/13/2019 08:20:04</t>
  </si>
  <si>
    <t>12/13/2019 08:20:05</t>
  </si>
  <si>
    <t>12/13/2019 08:20:06</t>
  </si>
  <si>
    <t>12/13/2019 08:21:43</t>
  </si>
  <si>
    <t>12/13/2019 08:20:07</t>
  </si>
  <si>
    <t>12/13/2019 08:20:08</t>
  </si>
  <si>
    <t>12/13/2019 08:20:09</t>
  </si>
  <si>
    <t>12/13/2019 08:20:10</t>
  </si>
  <si>
    <t>12/13/2019 08:20:11</t>
  </si>
  <si>
    <t>12/13/2019 08:20:12</t>
  </si>
  <si>
    <t>12/13/2019 08:20:13</t>
  </si>
  <si>
    <t>12/13/2019 08:20:14</t>
  </si>
  <si>
    <t>12/13/2019 08:20:15</t>
  </si>
  <si>
    <t>12/13/2019 08:20:16</t>
  </si>
  <si>
    <t>12/13/2019 08:20:17</t>
  </si>
  <si>
    <t>12/13/2019 08:20:19</t>
  </si>
  <si>
    <t>12/13/2019 08:20:20</t>
  </si>
  <si>
    <t>12/13/2019 08:20:21</t>
  </si>
  <si>
    <t>12/13/2019 08:20:22</t>
  </si>
  <si>
    <t>12/13/2019 08:20:23</t>
  </si>
  <si>
    <t>12/13/2019 08:15:20</t>
  </si>
  <si>
    <t>mail.google.com/_/upload?authuser=0&amp;dcp=asu-n&amp;upload_id=AEnB2Up_zUXej6dIssNuQPIkmH5jQwvl1nhk6ggRDhODBlx6pljRE_-o0hp_wT8xb7qJy4sOdMT44I5NRVYKVhlgH6eQzWuxwK2Xvsd0ray4TErqt_0l6ps&amp;upload_protocol=resumable</t>
  </si>
  <si>
    <t>larrynirmads@algartech.com;paulohdoc@algartech.com;</t>
  </si>
  <si>
    <t>\\acsfs\deptos\Operacao\Unica\2. Ilhas\2.2 Credenciadora\2.2.12 Controle de Negociação Especial\</t>
  </si>
  <si>
    <t>Controle de Negociação Especial - Relacionamento.xlsx</t>
  </si>
  <si>
    <t>larrynirmads@algartech.com,paulohdoc@algartech.com</t>
  </si>
  <si>
    <t>12/13/2019 08:21:57</t>
  </si>
  <si>
    <t>12/13/2019 08:23:43</t>
  </si>
  <si>
    <t>a33d3cdc-9475-430e-9eb7-8f1c475aaea2.tmp</t>
  </si>
  <si>
    <t>\\acsfs\profiles$\geovannasm\Downloads\a33d3cdc-9475-430e-9eb7-8f1c475aaea2.tmp</t>
  </si>
  <si>
    <t>12/13/2019 08:22:13</t>
  </si>
  <si>
    <t>d1465190-deee-4c08-9564-2a74ee5e2df6.tmp</t>
  </si>
  <si>
    <t>\\acsfs\profiles$\geovannasm\Downloads\d1465190-deee-4c08-9564-2a74ee5e2df6.tmp</t>
  </si>
  <si>
    <t>12/13/2019 08:22:25</t>
  </si>
  <si>
    <t>a36dd655-a25f-475f-93d0-ab382095f1b3.tmp</t>
  </si>
  <si>
    <t>\\acsfs\profiles$\geovannasm\Downloads\a36dd655-a25f-475f-93d0-ab382095f1b3.tmp</t>
  </si>
  <si>
    <t>12/13/2019 08:18:54</t>
  </si>
  <si>
    <t>12/13/2019 08:20:53</t>
  </si>
  <si>
    <t>12/13/2019 08:24:44</t>
  </si>
  <si>
    <t>jonatanls</t>
  </si>
  <si>
    <t>\\acsfs\profiles$\jonatanls\My Documents\My Pictures\</t>
  </si>
  <si>
    <t>\\acsfs\profiles$\jonatanls\My Documents\My Videos\desktop.ini</t>
  </si>
  <si>
    <t>12/13/2019 08:20:54</t>
  </si>
  <si>
    <t>\\acsfs\profiles$\jonatanls\My Documents\My Videos\</t>
  </si>
  <si>
    <t>12/13/2019 08:20:55</t>
  </si>
  <si>
    <t>12/13/2019 08:20:59</t>
  </si>
  <si>
    <t>12/13/2019 08:21:02</t>
  </si>
  <si>
    <t>12/13/2019 08:21:08</t>
  </si>
  <si>
    <t>\\acsfs\profiles$\jonatanls\My Documents\My Music\</t>
  </si>
  <si>
    <t>\\acsfs\profiles$\jonatanls\My Documents\My Pictures\desktop.ini</t>
  </si>
  <si>
    <t>12/13/2019 08:21:10</t>
  </si>
  <si>
    <t>12/13/2019 08:21:11</t>
  </si>
  <si>
    <t>12/13/2019 08:21:12</t>
  </si>
  <si>
    <t>\\acsfs\profiles$\jonatanls\Contacts\</t>
  </si>
  <si>
    <t>\\acsfs\profiles$\jonatanls\Contacts\desktop.ini</t>
  </si>
  <si>
    <t>12/13/2019 08:21:14</t>
  </si>
  <si>
    <t>12/13/2019 08:21:15</t>
  </si>
  <si>
    <t>12/13/2019 08:21:16</t>
  </si>
  <si>
    <t>12/13/2019 08:21:20</t>
  </si>
  <si>
    <t>12/13/2019 08:21:22</t>
  </si>
  <si>
    <t>\\acsfs\profiles$\jonatanls\My Documents\</t>
  </si>
  <si>
    <t>\\acsfs\profiles$\jonatanls\Favorites\desktop.ini</t>
  </si>
  <si>
    <t>12/13/2019 08:21:23</t>
  </si>
  <si>
    <t>12/13/2019 08:21:24</t>
  </si>
  <si>
    <t>12/13/2019 08:21:25</t>
  </si>
  <si>
    <t>12/13/2019 08:21:29</t>
  </si>
  <si>
    <t>12/13/2019 08:21:30</t>
  </si>
  <si>
    <t>12/13/2019 08:21:32</t>
  </si>
  <si>
    <t>12/13/2019 08:21:35</t>
  </si>
  <si>
    <t>\\acsfs\profiles$\jonatanls\My Documents\My Music\desktop.ini</t>
  </si>
  <si>
    <t>12/13/2019 08:21:36</t>
  </si>
  <si>
    <t>12/13/2019 08:21:37</t>
  </si>
  <si>
    <t>12/13/2019 08:21:42</t>
  </si>
  <si>
    <t>12/13/2019 08:21:45</t>
  </si>
  <si>
    <t>\\acsfs\profiles$\jonatanls\Searches\</t>
  </si>
  <si>
    <t>\\acsfs\profiles$\jonatanls\Searches\desktop.ini</t>
  </si>
  <si>
    <t>12/13/2019 08:21:47</t>
  </si>
  <si>
    <t>12/13/2019 08:21:54</t>
  </si>
  <si>
    <t>12/13/2019 08:21:56</t>
  </si>
  <si>
    <t>12/13/2019 08:22:00</t>
  </si>
  <si>
    <t>\\acsfs\profiles$\jonatanls\Downloads\</t>
  </si>
  <si>
    <t>\\acsfs\profiles$\jonatanls\Downloads\desktop.ini</t>
  </si>
  <si>
    <t>12/13/2019 08:22:01</t>
  </si>
  <si>
    <t>12/13/2019 08:22:02</t>
  </si>
  <si>
    <t>\\acsfs\profiles$\jonatanls\My Documents\desktop.ini</t>
  </si>
  <si>
    <t>12/13/2019 08:22:03</t>
  </si>
  <si>
    <t>12/13/2019 08:22:05</t>
  </si>
  <si>
    <t>12/13/2019 08:22:08</t>
  </si>
  <si>
    <t>12/13/2019 08:22:09</t>
  </si>
  <si>
    <t>12/13/2019 08:22:10</t>
  </si>
  <si>
    <t>\\acsfs\profiles$\jonatanls\Favorites\</t>
  </si>
  <si>
    <t>\\acsfs\profiles$\jonatanls\Saved Games\desktop.ini</t>
  </si>
  <si>
    <t>12/13/2019 08:22:15</t>
  </si>
  <si>
    <t>12/13/2019 08:22:41</t>
  </si>
  <si>
    <t>winrt--{S-1-5-21-602162358-764733703-839522115-330969}-.searchconnector-ms</t>
  </si>
  <si>
    <t>\\acsfs\profiles$\jonatanls\Searches\winrt--{S-1-5-21-602162358-764733703-839522115-330969}-.searchconnector-ms</t>
  </si>
  <si>
    <t>12/13/2019 08:20:56</t>
  </si>
  <si>
    <t>62065f4b-6a60-40c4-8e33-47259d87da4c.tmp</t>
  </si>
  <si>
    <t>\\acsfs\profiles$\DALVADFB\Downloads\62065f4b-6a60-40c4-8e33-47259d87da4c.tmp</t>
  </si>
  <si>
    <t>12/13/2019 08:23:40</t>
  </si>
  <si>
    <t>c43a8e54-8f79-4c50-9374-f15f1767b192.tmp</t>
  </si>
  <si>
    <t>\\acsfs\profiles$\sarahbal\Downloads\c43a8e54-8f79-4c50-9374-f15f1767b192.tmp</t>
  </si>
  <si>
    <t>12/13/2019 08:23:38</t>
  </si>
  <si>
    <t>12/13/2019 08:25:44</t>
  </si>
  <si>
    <t>mail.google.com/sync/u/0/i/s?hl=pt-BR&amp;c=1213</t>
  </si>
  <si>
    <t>12/13/2019 08:23:13</t>
  </si>
  <si>
    <t>12/13/2019 08:23:36</t>
  </si>
  <si>
    <t>12/13/2019 08:24:06</t>
  </si>
  <si>
    <t>12/13/2019 08:21:09</t>
  </si>
  <si>
    <t>12/13/2019 08:20:40</t>
  </si>
  <si>
    <t>mail.google.com/sync/u/0/i/s?hl=pt-BR&amp;c=112</t>
  </si>
  <si>
    <t>mail.google.com/sync/u/0/i/s?hl=pt-BR&amp;c=118</t>
  </si>
  <si>
    <t>IMPROCEDÊNCIA MUTANT.PNG</t>
  </si>
  <si>
    <t>\\acsfs\DEPTOS\Operacao\Banco_Votorantim\Qualidade\Eliane\IMPROCEDÊNCIA MUTANT.PNG</t>
  </si>
  <si>
    <t>12/13/2019 08:21:58</t>
  </si>
  <si>
    <t>12/13/2019 08:22:30</t>
  </si>
  <si>
    <t>mail.google.com/sync/u/0/i/s?hl=pt-BR&amp;c=124</t>
  </si>
  <si>
    <t>12/13/2019 08:23:02</t>
  </si>
  <si>
    <t>mail.google.com/sync/u/0/i/s?hl=pt-BR&amp;c=126</t>
  </si>
  <si>
    <t>12/13/2019 08:23:27</t>
  </si>
  <si>
    <t>12/13/2019 08:23:46</t>
  </si>
  <si>
    <t>mail.google.com/sync/u/0/i/s?hl=pt-BR&amp;c=131</t>
  </si>
  <si>
    <t>12/13/2019 08:23:58</t>
  </si>
  <si>
    <t>mail.google.com/sync/u/0/i/s?hl=pt-BR&amp;c=133</t>
  </si>
  <si>
    <t>12/13/2019 08:24:16</t>
  </si>
  <si>
    <t>mail.google.com/sync/u/0/i/s?hl=pt-BR&amp;c=135</t>
  </si>
  <si>
    <t>12/13/2019 08:24:28</t>
  </si>
  <si>
    <t>12/13/2019 08:24:35</t>
  </si>
  <si>
    <t>mail.google.com/sync/u/0/i/s?hl=pt-BR&amp;c=141</t>
  </si>
  <si>
    <t>12/13/2019 08:24:37</t>
  </si>
  <si>
    <t>12/13/2019 08:25:19</t>
  </si>
  <si>
    <t>mail.google.com/sync/u/0/i/s?hl=pt-BR&amp;c=143</t>
  </si>
  <si>
    <t>12/13/2019 08:26:44</t>
  </si>
  <si>
    <t>12/13/2019 08:20:24</t>
  </si>
  <si>
    <t>12/13/2019 08:22:34</t>
  </si>
  <si>
    <t>12/13/2019 08:25:17</t>
  </si>
  <si>
    <t>c1f0fed9-4ac9-4689-9f63-a66438824c89.tmp</t>
  </si>
  <si>
    <t>\\acsfs\profiles$\milenaas\Downloads\c1f0fed9-4ac9-4689-9f63-a66438824c89.tmp</t>
  </si>
  <si>
    <t>12/13/2019 08:25:59</t>
  </si>
  <si>
    <t>12/13/2019 08:27:44</t>
  </si>
  <si>
    <t>9f6a7acd-436e-4a23-b198-61ff4955279f.tmp</t>
  </si>
  <si>
    <t>\\acsfs\profiles$\ERICALSR\Downloads\9f6a7acd-436e-4a23-b198-61ff4955279f.tmp</t>
  </si>
  <si>
    <t>12/13/2019 08:26:35</t>
  </si>
  <si>
    <t>12/13/2019 08:23:47</t>
  </si>
  <si>
    <t>12/13/2019 08:28:44</t>
  </si>
  <si>
    <t>lu17180no702.tmp</t>
  </si>
  <si>
    <t>\\acsfs\profiles$\dhiulliananads\My Documents\lu17180no702.tmp</t>
  </si>
  <si>
    <t>\\acsfs\profiles$\dhiulliananads\My Documents\lu17180no702.tmp\</t>
  </si>
  <si>
    <t>\\acsfs\profiles$\dhiulliananads\My Documents\lu17180no702.tmp\META-INF\</t>
  </si>
  <si>
    <t>\\acsfs\profiles$\dhiulliananads\My Documents\lu17180no702.tmp\Thumbnails\</t>
  </si>
  <si>
    <t>12/13/2019 08:23:23</t>
  </si>
  <si>
    <t>5197e9e2-48de-4cea-b049-65fbcad326cb.tmp</t>
  </si>
  <si>
    <t>\\acsfs\profiles$\geovannasm\Downloads\5197e9e2-48de-4cea-b049-65fbcad326cb.tmp</t>
  </si>
  <si>
    <t>12/13/2019 08:26:52</t>
  </si>
  <si>
    <t>704f6fbe-9ad8-4f67-b3e4-234d0effdb25.tmp</t>
  </si>
  <si>
    <t>\\acsfs\profiles$\geovannasm\Downloads\704f6fbe-9ad8-4f67-b3e4-234d0effdb25.tmp</t>
  </si>
  <si>
    <t>12/13/2019 08:26:54</t>
  </si>
  <si>
    <t>fbd5a617-050f-4985-a6fe-3ae521756d8e.tmp</t>
  </si>
  <si>
    <t>\\acsfs\profiles$\geovannasm\Downloads\fbd5a617-050f-4985-a6fe-3ae521756d8e.tmp</t>
  </si>
  <si>
    <t>mail.google.com/_/upload?authuser=0&amp;dcp=asu-n&amp;upload_id=AEnB2UpyE14wh_QNh2TkkQ_2CEdK6f6--bXfslFKhs5W2DmDnrIYVWWIbUdvLuLeKh-paXTYuWVAVOgZS84c3DGTG_CN2jdKBhrQUwvKV48VDPXhbzTe-Eg&amp;upload_protocol=resumable</t>
  </si>
  <si>
    <t>sandyyd@algartech.com;</t>
  </si>
  <si>
    <t>C:\Users\eduardost\OneDrive - Grupo Algar\2019\MESA\Algar Tech - Mesas Digitais.pptx\</t>
  </si>
  <si>
    <t>sandyyd@algartech.com</t>
  </si>
  <si>
    <t>12/13/2019 08:25:30</t>
  </si>
  <si>
    <t>12/13/2019 08:29:43</t>
  </si>
  <si>
    <t>073757d7-15bf-4323-bb5a-4346faf33f48.tmp</t>
  </si>
  <si>
    <t>\\acsfs\profiles$\isabellegtds\Downloads\073757d7-15bf-4323-bb5a-4346faf33f48.tmp</t>
  </si>
  <si>
    <t>12/13/2019 08:27:49</t>
  </si>
  <si>
    <t>edea8234-c874-4221-9502-d5426300f8a0.tmp</t>
  </si>
  <si>
    <t>\\acsfs\profiles$\isabellegtds\Downloads\edea8234-c874-4221-9502-d5426300f8a0.tmp</t>
  </si>
  <si>
    <t>12/13/2019 08:25:36</t>
  </si>
  <si>
    <t>12/13/2019 08:29:06</t>
  </si>
  <si>
    <t>12/13/2019 08:30:43</t>
  </si>
  <si>
    <t>12/13/2019 08:29:36</t>
  </si>
  <si>
    <t>12/13/2019 08:25:47</t>
  </si>
  <si>
    <t>mail.google.com/sync/u/0/i/s?hl=pt-BR&amp;c=146</t>
  </si>
  <si>
    <t>12/13/2019 08:25:50</t>
  </si>
  <si>
    <t>mail.google.com/sync/u/0/i/s?hl=pt-BR&amp;c=148</t>
  </si>
  <si>
    <t>12/13/2019 08:26:05</t>
  </si>
  <si>
    <t>mail.google.com/sync/u/0/i/s?hl=pt-BR&amp;c=150</t>
  </si>
  <si>
    <t>12/13/2019 08:26:20</t>
  </si>
  <si>
    <t>12/13/2019 08:26:26</t>
  </si>
  <si>
    <t>mail.google.com/sync/u/0/i/s?hl=pt-BR&amp;c=155</t>
  </si>
  <si>
    <t>12/13/2019 08:26:38</t>
  </si>
  <si>
    <t>mail.google.com/sync/u/0/i/s?hl=pt-BR&amp;c=158</t>
  </si>
  <si>
    <t>12/13/2019 08:27:02</t>
  </si>
  <si>
    <t>mail.google.com/sync/u/0/i/s?hl=pt-BR&amp;c=160</t>
  </si>
  <si>
    <t>12/13/2019 08:27:13</t>
  </si>
  <si>
    <t>mail.google.com/sync/u/0/i/s?hl=pt-BR&amp;c=162</t>
  </si>
  <si>
    <t>12/13/2019 08:27:28</t>
  </si>
  <si>
    <t>12/13/2019 08:27:50</t>
  </si>
  <si>
    <t>12/13/2019 08:27:55</t>
  </si>
  <si>
    <t>12/13/2019 08:28:21</t>
  </si>
  <si>
    <t>mail.google.com/sync/u/0/i/s?hl=pt-BR&amp;c=172</t>
  </si>
  <si>
    <t>12/13/2019 08:29:17</t>
  </si>
  <si>
    <t>12/13/2019 08:31:44</t>
  </si>
  <si>
    <t>1f6367e0-a257-464f-9bce-ee303203df0d.tmp</t>
  </si>
  <si>
    <t>\\acsfs\profiles$\milenaas\Downloads\1f6367e0-a257-464f-9bce-ee303203df0d.tmp</t>
  </si>
  <si>
    <t>4866912b-c512-4573-a92a-24d175a37eaf.tmp</t>
  </si>
  <si>
    <t>\\acsfs\profiles$\milenaas\Downloads\4866912b-c512-4573-a92a-24d175a37eaf.tmp</t>
  </si>
  <si>
    <t>12/13/2019 08:28:19</t>
  </si>
  <si>
    <t>963899ac-c197-49f2-844b-9093e6479a65.tmp</t>
  </si>
  <si>
    <t>\\acsfs\profiles$\milenaas\Downloads\963899ac-c197-49f2-844b-9093e6479a65.tmp</t>
  </si>
  <si>
    <t>12/13/2019 08:26:50</t>
  </si>
  <si>
    <t>12/13/2019 08:32:43</t>
  </si>
  <si>
    <t>bddbd82a-d31c-46d6-b8ee-94ed4ba0d261.tmp</t>
  </si>
  <si>
    <t>\\acsfs\profiles$\ERICALSR\Downloads\bddbd82a-d31c-46d6-b8ee-94ed4ba0d261.tmp</t>
  </si>
  <si>
    <t>12/13/2019 08:30:58</t>
  </si>
  <si>
    <t>12/13/2019 08:28:17</t>
  </si>
  <si>
    <t>12/13/2019 08:33:44</t>
  </si>
  <si>
    <t>d0a4218f-4942-40d4-b3b8-b7b4a7bfe64c.tmp</t>
  </si>
  <si>
    <t>\\acsfs\profiles$\YASMINSC\Downloads\d0a4218f-4942-40d4-b3b8-b7b4a7bfe64c.tmp</t>
  </si>
  <si>
    <t>12/13/2019 08:30:34</t>
  </si>
  <si>
    <t>1e332a8e-d4c9-4374-bd38-5e0a35f820dc.tmp</t>
  </si>
  <si>
    <t>\\acsfs\profiles$\YASMINSC\Downloads\1e332a8e-d4c9-4374-bd38-5e0a35f820dc.tmp</t>
  </si>
  <si>
    <t>12/13/2019 08:32:06</t>
  </si>
  <si>
    <t>97ad7b0a-5c55-41d4-b24a-a7cfc07b18d2.tmp</t>
  </si>
  <si>
    <t>\\acsfs\profiles$\YASMINSC\Downloads\97ad7b0a-5c55-41d4-b24a-a7cfc07b18d2.tmp</t>
  </si>
  <si>
    <t>12/13/2019 08:31:37</t>
  </si>
  <si>
    <t>12/13/2019 08:34:43</t>
  </si>
  <si>
    <t>12/13/2019 08:30:21</t>
  </si>
  <si>
    <t>3eee35f1-2b97-46a8-be0c-abc3e57535f3.tmp</t>
  </si>
  <si>
    <t>\\acsfs\profiles$\wenderbnm\Downloads\3eee35f1-2b97-46a8-be0c-abc3e57535f3.tmp</t>
  </si>
  <si>
    <t>12/13/2019 08:31:58</t>
  </si>
  <si>
    <t>121a8ba6-8eca-432f-a2e4-bc1660d4f6ed.tmp</t>
  </si>
  <si>
    <t>\\acsfs\profiles$\wenderbnm\Downloads\121a8ba6-8eca-432f-a2e4-bc1660d4f6ed.tmp</t>
  </si>
  <si>
    <t>12/13/2019 08:33:32</t>
  </si>
  <si>
    <t>12/13/2019 08:35:44</t>
  </si>
  <si>
    <t>197937e7-1ea4-483c-b45c-2113150576dc.tmp</t>
  </si>
  <si>
    <t>\\acsfs\profiles$\kellzylenneasr\Downloads\197937e7-1ea4-483c-b45c-2113150576dc.tmp</t>
  </si>
  <si>
    <t>12/13/2019 08:33:54</t>
  </si>
  <si>
    <t>5cfd41cc-d996-4f5b-9632-b78c8ecebc7a.tmp</t>
  </si>
  <si>
    <t>\\acsfs\profiles$\kellzylenneasr\Downloads\5cfd41cc-d996-4f5b-9632-b78c8ecebc7a.tmp</t>
  </si>
  <si>
    <t>12/13/2019 08:34:21</t>
  </si>
  <si>
    <t>c12b13e8-c4fd-4346-818d-25f655e070c6.tmp</t>
  </si>
  <si>
    <t>\\acsfs\profiles$\larissaad\Downloads\c12b13e8-c4fd-4346-818d-25f655e070c6.tmp</t>
  </si>
  <si>
    <t>12/13/2019 08:34:25</t>
  </si>
  <si>
    <t>c813fda3-e2dc-47bc-a2dc-9db570c5056a.tmp</t>
  </si>
  <si>
    <t>\\acsfs\profiles$\larissaad\Downloads\c813fda3-e2dc-47bc-a2dc-9db570c5056a.tmp</t>
  </si>
  <si>
    <t>12/13/2019 08:31:09</t>
  </si>
  <si>
    <t>12/13/2019 08:32:04</t>
  </si>
  <si>
    <t>decba5b4-3c4b-4d87-90b2-4d91e2e001fb.tmp</t>
  </si>
  <si>
    <t>\\acsfs\profiles$\geovanaasa\Downloads\decba5b4-3c4b-4d87-90b2-4d91e2e001fb.tmp</t>
  </si>
  <si>
    <t>12/13/2019 08:34:12</t>
  </si>
  <si>
    <t>47368c79-bc5f-4a41-922a-0414f4e64f68.tmp</t>
  </si>
  <si>
    <t>\\acsfs\profiles$\geovanaasa\Downloads\47368c79-bc5f-4a41-922a-0414f4e64f68.tmp</t>
  </si>
  <si>
    <t>12/13/2019 08:32:00</t>
  </si>
  <si>
    <t>APLICAÇÃO DE FEED SUPER.PNG</t>
  </si>
  <si>
    <t>\\acsfs\DEPTOS\Operacao\Banco_Votorantim\Qualidade\Eliane\APLICAÇÃO DE FEED SUPER.PNG</t>
  </si>
  <si>
    <t>12/13/2019 08:32:23</t>
  </si>
  <si>
    <t>12/13/2019 08:32:36</t>
  </si>
  <si>
    <t>mail.google.com/sync/u/0/i/s?hl=pt-BR&amp;c=180</t>
  </si>
  <si>
    <t>12/13/2019 08:32:53</t>
  </si>
  <si>
    <t>mail.google.com/sync/u/0/i/s?hl=pt-BR&amp;c=182</t>
  </si>
  <si>
    <t>12/13/2019 08:33:22</t>
  </si>
  <si>
    <t>mail.google.com/sync/u/0/i/s?hl=pt-BR&amp;c=184</t>
  </si>
  <si>
    <t>12/13/2019 08:33:31</t>
  </si>
  <si>
    <t>mail.google.com/sync/u/0/i/s?hl=pt-BR&amp;c=187</t>
  </si>
  <si>
    <t>12/13/2019 08:33:37</t>
  </si>
  <si>
    <t>mail.google.com/sync/u/0/i/s?hl=pt-BR&amp;c=189</t>
  </si>
  <si>
    <t>12/13/2019 08:33:55</t>
  </si>
  <si>
    <t>mail.google.com/sync/u/0/i/s?hl=pt-BR&amp;c=191</t>
  </si>
  <si>
    <t>12/13/2019 08:34:05</t>
  </si>
  <si>
    <t>mail.google.com/sync/u/0/i/s?hl=pt-BR&amp;c=193</t>
  </si>
  <si>
    <t>12/13/2019 08:34:15</t>
  </si>
  <si>
    <t>12/13/2019 08:34:19</t>
  </si>
  <si>
    <t>mail.google.com/sync/u/0/i/s?hl=pt-BR&amp;c=196</t>
  </si>
  <si>
    <t>12/13/2019 08:34:46</t>
  </si>
  <si>
    <t>12/13/2019 08:34:54</t>
  </si>
  <si>
    <t>12/13/2019 08:35:17</t>
  </si>
  <si>
    <t>mail.google.com/sync/u/0/i/s?hl=pt-BR&amp;c=203</t>
  </si>
  <si>
    <t>12/13/2019 08:33:40</t>
  </si>
  <si>
    <t>12/13/2019 08:36:43</t>
  </si>
  <si>
    <t>Check List - BV CARTOES_.xlsx</t>
  </si>
  <si>
    <t>\\acsfs\DEPTOS\Operacao\Banco_Votorantim\Qualidade\Anderson\Jose\Check List - BV CARTOES_.xlsx</t>
  </si>
  <si>
    <t>12/13/2019 08:35:51</t>
  </si>
  <si>
    <t>12/13/2019 08:38:44</t>
  </si>
  <si>
    <t>73605f94-d34a-4955-beba-0c7a7699a6b1.tmp</t>
  </si>
  <si>
    <t>\\acsfs\profiles$\luanarda\Downloads\73605f94-d34a-4955-beba-0c7a7699a6b1.tmp</t>
  </si>
  <si>
    <t>1413d58b-bd2f-4a2d-be47-4acc7675928d.tmp</t>
  </si>
  <si>
    <t>\\acsfs\profiles$\geovannasm\Downloads\1413d58b-bd2f-4a2d-be47-4acc7675928d.tmp</t>
  </si>
  <si>
    <t>12/13/2019 08:38:31</t>
  </si>
  <si>
    <t>12/13/2019 08:40:44</t>
  </si>
  <si>
    <t>12/13/2019 08:39:14</t>
  </si>
  <si>
    <t>mail.google.com/sync/u/0/i/s?hl=pt-BR&amp;c=218</t>
  </si>
  <si>
    <t>12/13/2019 08:39:19</t>
  </si>
  <si>
    <t>mail.google.com/sync/u/0/i/s?hl=pt-BR&amp;c=220</t>
  </si>
  <si>
    <t>12/13/2019 08:40:23</t>
  </si>
  <si>
    <t>mail.google.com/sync/u/0/i/s?hl=pt-BR&amp;c=224</t>
  </si>
  <si>
    <t>12/13/2019 08:40:26</t>
  </si>
  <si>
    <t>12/13/2019 08:40:29</t>
  </si>
  <si>
    <t>12/13/2019 08:36:28</t>
  </si>
  <si>
    <t>12/13/2019 08:39:06</t>
  </si>
  <si>
    <t>12/13/2019 08:41:44</t>
  </si>
  <si>
    <t>a30ebd33-77d0-401c-8cfc-36e4f76d49a5.tmp</t>
  </si>
  <si>
    <t>\\acsfs\profiles$\deboraaa\Downloads\a30ebd33-77d0-401c-8cfc-36e4f76d49a5.tmp</t>
  </si>
  <si>
    <t>12/13/2019 08:39:26</t>
  </si>
  <si>
    <t>12/13/2019 08:42:44</t>
  </si>
  <si>
    <t>12/13/2019 08:41:41</t>
  </si>
  <si>
    <t>12/13/2019 08:41:33</t>
  </si>
  <si>
    <t>C:\Users\heliorg\OneDrive - Grupo Algar\6. Projetos GST\6.5 - Staff GST 4.0\</t>
  </si>
  <si>
    <t>12/13/2019 08:42:43</t>
  </si>
  <si>
    <t>12/13/2019 08:45:44</t>
  </si>
  <si>
    <t>c0ef7fdd-d6cb-4644-878e-16fc4ac504db.tmp</t>
  </si>
  <si>
    <t>\\acsfs\profiles$\larissaad\Downloads\c0ef7fdd-d6cb-4644-878e-16fc4ac504db.tmp</t>
  </si>
  <si>
    <t>12/13/2019 08:44:06</t>
  </si>
  <si>
    <t>12/13/2019 08:44:36</t>
  </si>
  <si>
    <t>12/13/2019 08:43:52</t>
  </si>
  <si>
    <t>12/13/2019 08:41:34</t>
  </si>
  <si>
    <t>12/13/2019 08:43:59</t>
  </si>
  <si>
    <t>mail.google.com/sync/u/0/i/s?hl=pt-BR&amp;c=235</t>
  </si>
  <si>
    <t>12/13/2019 08:48:12</t>
  </si>
  <si>
    <t>12/13/2019 08:50:43</t>
  </si>
  <si>
    <t>7c225832-dac5-4dea-b640-f470aa961ccc.tmp</t>
  </si>
  <si>
    <t>\\acsfs\profiles$\larissaad\Downloads\7c225832-dac5-4dea-b640-f470aa961ccc.tmp</t>
  </si>
  <si>
    <t>12/13/2019 08:45:06</t>
  </si>
  <si>
    <t>12/13/2019 08:46:36</t>
  </si>
  <si>
    <t>12/13/2019 08:47:06</t>
  </si>
  <si>
    <t>12/13/2019 08:49:36</t>
  </si>
  <si>
    <t>12/13/2019 08:46:07</t>
  </si>
  <si>
    <t>12/13/2019 08:49:20</t>
  </si>
  <si>
    <t>12/13/2019 08:48:25</t>
  </si>
  <si>
    <t>12/13/2019 08:53:44</t>
  </si>
  <si>
    <t>61ebfa6b-657b-4e37-ad84-bcadf232e4f4.tmp</t>
  </si>
  <si>
    <t>\\acsfs\profiles$\geovannasm\Downloads\61ebfa6b-657b-4e37-ad84-bcadf232e4f4.tmp</t>
  </si>
  <si>
    <t>12/13/2019 08:48:30</t>
  </si>
  <si>
    <t>c58401a9-51d2-4406-9563-a7f64fcb5d9a.tmp</t>
  </si>
  <si>
    <t>\\acsfs\profiles$\geovannasm\Downloads\c58401a9-51d2-4406-9563-a7f64fcb5d9a.tmp</t>
  </si>
  <si>
    <t>12/13/2019 08:49:37</t>
  </si>
  <si>
    <t>cfdd8c7c-d88e-4a69-91ff-e7102a8bd08a.tmp</t>
  </si>
  <si>
    <t>\\acsfs\profiles$\geovannasm\Downloads\cfdd8c7c-d88e-4a69-91ff-e7102a8bd08a.tmp</t>
  </si>
  <si>
    <t>12/13/2019 08:51:38</t>
  </si>
  <si>
    <t>a5918bfc-6112-4177-8583-935a3942e006.tmp</t>
  </si>
  <si>
    <t>\\acsfs\profiles$\KARENDSR\Downloads\a5918bfc-6112-4177-8583-935a3942e006.tmp</t>
  </si>
  <si>
    <t>12/13/2019 08:52:44</t>
  </si>
  <si>
    <t>25179f4e-761c-4db2-bb5e-404ae64b80e0.tmp</t>
  </si>
  <si>
    <t>\\acsfs\profiles$\KARENDSR\Downloads\25179f4e-761c-4db2-bb5e-404ae64b80e0.tmp</t>
  </si>
  <si>
    <t>12/13/2019 08:52:13</t>
  </si>
  <si>
    <t>12/13/2019 08:54:43</t>
  </si>
  <si>
    <t>12/13/2019 08:50:40</t>
  </si>
  <si>
    <t>12/13/2019 08:55:44</t>
  </si>
  <si>
    <t>0cd8f3f2-1647-4026-a5b3-4edab7db5294.tmp</t>
  </si>
  <si>
    <t>\\acsfs\profiles$\kellzylenneasr\Downloads\0cd8f3f2-1647-4026-a5b3-4edab7db5294.tmp</t>
  </si>
  <si>
    <t>12/13/2019 08:51:18</t>
  </si>
  <si>
    <t>4b3b57cb-2448-4a6a-8b61-976bc46dec38.tmp</t>
  </si>
  <si>
    <t>\\acsfs\profiles$\kellzylenneasr\Downloads\4b3b57cb-2448-4a6a-8b61-976bc46dec38.tmp</t>
  </si>
  <si>
    <t>12/13/2019 08:50:06</t>
  </si>
  <si>
    <t>12/13/2019 08:50:36</t>
  </si>
  <si>
    <t>12/13/2019 08:51:06</t>
  </si>
  <si>
    <t>12/13/2019 08:51:36</t>
  </si>
  <si>
    <t>12/13/2019 08:52:06</t>
  </si>
  <si>
    <t>12/13/2019 08:52:36</t>
  </si>
  <si>
    <t>12/13/2019 08:54:04</t>
  </si>
  <si>
    <t>https://udpmailboxap01.acs.com.br:8443/h/search;jsessionid=ofuoizv82zc91qp3tlu30albl?si=0&amp;so=0&amp;sc=43035&amp;st=conversation&amp;action=compose</t>
  </si>
  <si>
    <t>jo;</t>
  </si>
  <si>
    <t>https://jo</t>
  </si>
  <si>
    <t>12/13/2019 08:54:34</t>
  </si>
  <si>
    <t>jo;joaopsan@algartech.com;</t>
  </si>
  <si>
    <t>https://jo,joaopsan@algartech.com</t>
  </si>
  <si>
    <t>12/13/2019 08:54:56</t>
  </si>
  <si>
    <t>12/13/2019 08:56:15</t>
  </si>
  <si>
    <t>12/13/2019 08:57:44</t>
  </si>
  <si>
    <t>221ba6cf-171c-4cb1-9ba8-9b1e2cfae4ea.tmp</t>
  </si>
  <si>
    <t>\\acsfs\profiles$\gabrielhca\Downloads\221ba6cf-171c-4cb1-9ba8-9b1e2cfae4ea.tmp</t>
  </si>
  <si>
    <t>12/13/2019 08:55:58</t>
  </si>
  <si>
    <t>12/13/2019 08:58:43</t>
  </si>
  <si>
    <t>c93a79e7-bfa4-45f3-bb51-c50ad31e03b6.tmp</t>
  </si>
  <si>
    <t>\\acsfs\profiles$\yurics\Downloads\c93a79e7-bfa4-45f3-bb51-c50ad31e03b6.tmp</t>
  </si>
  <si>
    <t>12/13/2019 08:58:04</t>
  </si>
  <si>
    <t>12/13/2019 08:59:44</t>
  </si>
  <si>
    <t>4e63c9dd-c9fc-478b-bb8a-ff624d8690f5.tmp</t>
  </si>
  <si>
    <t>\\acsfs\profiles$\LUCASNS\Downloads\4e63c9dd-c9fc-478b-bb8a-ff624d8690f5.tmp</t>
  </si>
  <si>
    <t>12/13/2019 08:58:13</t>
  </si>
  <si>
    <t>0dde7ea8-6dc1-4489-949c-aef5eef99403.tmp</t>
  </si>
  <si>
    <t>\\acsfs\profiles$\LUCASNS\Downloads\0dde7ea8-6dc1-4489-949c-aef5eef99403.tmp</t>
  </si>
  <si>
    <t>12/13/2019 08:56:54</t>
  </si>
  <si>
    <t>12/13/2019 09:00:43</t>
  </si>
  <si>
    <t>12/13/2019 08:59:20</t>
  </si>
  <si>
    <t>bb8d755d-39c5-415f-b627-e3aa7eb66a9a.tmp</t>
  </si>
  <si>
    <t>\\acsfs\profiles$\PEDROHAB\Downloads\bb8d755d-39c5-415f-b627-e3aa7eb66a9a.tmp</t>
  </si>
  <si>
    <t>12/13/2019 08:59:21</t>
  </si>
  <si>
    <t>e741ebc2-21c8-4dd2-8824-d764027cb38b.tmp</t>
  </si>
  <si>
    <t>\\acsfs\profiles$\PEDROHAB\Downloads\e741ebc2-21c8-4dd2-8824-d764027cb38b.tmp</t>
  </si>
  <si>
    <t>12/13/2019 09:00:17</t>
  </si>
  <si>
    <t>ac6080bc-10af-4663-ab0a-3113a3d77015.tmp</t>
  </si>
  <si>
    <t>\\acsfs\profiles$\PEDROHAB\Downloads\ac6080bc-10af-4663-ab0a-3113a3d77015.tmp</t>
  </si>
  <si>
    <t>12/13/2019 09:00:47</t>
  </si>
  <si>
    <t>12/13/2019 09:02:43</t>
  </si>
  <si>
    <t>0b6db337-485b-4d52-a4eb-4924bea04e14.tmp</t>
  </si>
  <si>
    <t>\\acsfs\profiles$\matheushds\Downloads\0b6db337-485b-4d52-a4eb-4924bea04e14.tmp</t>
  </si>
  <si>
    <t>12/13/2019 08:57:11</t>
  </si>
  <si>
    <t>6e73e4a6-28cc-4965-b9e4-03f34ae5ba4c.tmp</t>
  </si>
  <si>
    <t>\\acsfs\profiles$\gabrielhca\Downloads\6e73e4a6-28cc-4965-b9e4-03f34ae5ba4c.tmp</t>
  </si>
  <si>
    <t>12/13/2019 08:59:07</t>
  </si>
  <si>
    <t>3643755e-a528-4d98-96c8-40ca520eb684.tmp</t>
  </si>
  <si>
    <t>\\acsfs\profiles$\gabrielhca\Downloads\3643755e-a528-4d98-96c8-40ca520eb684.tmp</t>
  </si>
  <si>
    <t>12/13/2019 08:59:11</t>
  </si>
  <si>
    <t>38141d2a-16d0-44e4-9d96-f9850b87f674.tmp</t>
  </si>
  <si>
    <t>\\acsfs\profiles$\gabrielhca\Downloads\38141d2a-16d0-44e4-9d96-f9850b87f674.tmp</t>
  </si>
  <si>
    <t>12/13/2019 08:59:17</t>
  </si>
  <si>
    <t>6095f3d8-2d6e-4ec2-9494-33476d9e7e7d.tmp</t>
  </si>
  <si>
    <t>\\acsfs\profiles$\gabrielhca\Downloads\6095f3d8-2d6e-4ec2-9494-33476d9e7e7d.tmp</t>
  </si>
  <si>
    <t>12/13/2019 08:59:38</t>
  </si>
  <si>
    <t>12/13/2019 09:03:44</t>
  </si>
  <si>
    <t>12/13/2019 08:59:04</t>
  </si>
  <si>
    <t>3de528e7-8e87-443a-8a02-a2ee76029b8b.tmp</t>
  </si>
  <si>
    <t>\\acsfs\profiles$\KARENDSR\Downloads\3de528e7-8e87-443a-8a02-a2ee76029b8b.tmp</t>
  </si>
  <si>
    <t>12/13/2019 08:59:10</t>
  </si>
  <si>
    <t>4badd737-efba-4893-8314-e6c70eee7b31.tmp</t>
  </si>
  <si>
    <t>\\acsfs\profiles$\KARENDSR\Downloads\4badd737-efba-4893-8314-e6c70eee7b31.tmp</t>
  </si>
  <si>
    <t>12/13/2019 09:00:10</t>
  </si>
  <si>
    <t>089a7069-1754-481f-93a6-7aef31948f6d.tmp</t>
  </si>
  <si>
    <t>\\acsfs\profiles$\raicabog\Downloads\089a7069-1754-481f-93a6-7aef31948f6d.tmp</t>
  </si>
  <si>
    <t>12/13/2019 09:02:06</t>
  </si>
  <si>
    <t>12/13/2019 09:05:44</t>
  </si>
  <si>
    <t>12/13/2019 09:03:32</t>
  </si>
  <si>
    <t>ulog_AcroARM2_ARM2Update_a9473871-eb7b-4719-ba46-35125c58e0e7_5359ed33-a50f-4ece-87d6-fbe12853fe0a_0.log</t>
  </si>
  <si>
    <t>C:\Users\davimvs\AppData\Roaming\Adobe\LogTransport2\Logs\ulog_AcroARM2_ARM2Update_a9473871-eb7b-4719-ba46-35125c58e0e7_5359ed33-a50f-4ece-87d6-fbe12853fe0a_0.log\</t>
  </si>
  <si>
    <t>12/13/2019 09:03:33</t>
  </si>
  <si>
    <t>ulog_AcroARM2_Reader_a9473871-eb7b-4719-ba46-35125c58e0e7_0d0d8bc0-3606-4e3c-8ac8-c630efb5809e_0.log</t>
  </si>
  <si>
    <t>C:\Users\davimvs\AppData\Roaming\Adobe\LogTransport2\Logs\ulog_AcroARM2_Reader_a9473871-eb7b-4719-ba46-35125c58e0e7_0d0d8bc0-3606-4e3c-8ac8-c630efb5809e_0.log\</t>
  </si>
  <si>
    <t>ulog_AcroARM2_Reader_a9473871-eb7b-4719-ba46-35125c58e0e7_8d058452-e8b5-4cb8-a825-22f6d830b43f_0.log</t>
  </si>
  <si>
    <t>C:\Users\davimvs\AppData\Roaming\Adobe\LogTransport2\Logs\ulog_AcroARM2_Reader_a9473871-eb7b-4719-ba46-35125c58e0e7_8d058452-e8b5-4cb8-a825-22f6d830b43f_0.log\</t>
  </si>
  <si>
    <t>C:\Users\Flavia\Desktop\BANCO DE HORAS\</t>
  </si>
  <si>
    <t>Sinttec MG.CSV</t>
  </si>
  <si>
    <t>Sitepd PR (Flex).CSV</t>
  </si>
  <si>
    <t>mail.google.com/_/upload?authuser=0&amp;dcp=asu-n&amp;upload_id=AEnB2UrQaurR6SFaBFnCj7djegX90WPaWDQcLIYSDR2y_ezBaZrq1_OcBVtmXkV3YYqCJp8XI43kj7rw9eaXCvtbN85OXiWw-g&amp;upload_protocol=resumable</t>
  </si>
  <si>
    <t>SPPD MS.CSV</t>
  </si>
  <si>
    <t>Sitepd PR.CSV</t>
  </si>
  <si>
    <t>Consolidado CONTA CORRENTE BANCO DE HORAS_028_029_DEZ.xlsm</t>
  </si>
  <si>
    <t>12/13/2019 09:04:33</t>
  </si>
  <si>
    <t>12/13/2019 09:06:43</t>
  </si>
  <si>
    <t>franciscoeag@algartech.com.br;marciellasn@algartech.com.br;vanusaos@algartech.com.br;</t>
  </si>
  <si>
    <t>RES: CARTÃO CORPORATIVO</t>
  </si>
  <si>
    <t>Rotina.xlsx</t>
  </si>
  <si>
    <t>franciscoeag@algartech.com.br,marciellasn@algartech.com.br,vanusaos@algartech.com.br</t>
  </si>
  <si>
    <t>12/13/2019 09:03:20</t>
  </si>
  <si>
    <t>12/13/2019 09:07:44</t>
  </si>
  <si>
    <t>12/13/2019 09:10:33</t>
  </si>
  <si>
    <t>12/13/2019 09:13:44</t>
  </si>
  <si>
    <t>12/13/2019 09:11:00</t>
  </si>
  <si>
    <t>8bad4f0c-311b-490a-aa6d-8942eaca62e5.tmp</t>
  </si>
  <si>
    <t>\\acsfs\profiles$\yurics\Downloads\8bad4f0c-311b-490a-aa6d-8942eaca62e5.tmp</t>
  </si>
  <si>
    <t>12/13/2019 09:11:30</t>
  </si>
  <si>
    <t>f73654a3-64ad-405c-b73f-0f15bcee5d11.tmp</t>
  </si>
  <si>
    <t>\\acsfs\profiles$\yurics\Downloads\f73654a3-64ad-405c-b73f-0f15bcee5d11.tmp</t>
  </si>
  <si>
    <t>12/13/2019 09:11:47</t>
  </si>
  <si>
    <t>378d2252-8a81-4237-b50f-8475260fbb5f.tmp</t>
  </si>
  <si>
    <t>\\acsfs\profiles$\yurics\Downloads\378d2252-8a81-4237-b50f-8475260fbb5f.tmp</t>
  </si>
  <si>
    <t>12/13/2019 09:11:48</t>
  </si>
  <si>
    <t>12/13/2019 09:10:38</t>
  </si>
  <si>
    <t>12/13/2019 09:14:43</t>
  </si>
  <si>
    <t>12/13/2019 09:11:43</t>
  </si>
  <si>
    <t>12/13/2019 09:12:04</t>
  </si>
  <si>
    <t>cb7c439a-9a17-4e6c-bc77-eddf59be9bcf.tmp</t>
  </si>
  <si>
    <t>\\acsfs\profiles$\sarahbal\Downloads\cb7c439a-9a17-4e6c-bc77-eddf59be9bcf.tmp</t>
  </si>
  <si>
    <t>12/13/2019 09:13:38</t>
  </si>
  <si>
    <t>12/13/2019 09:16:44</t>
  </si>
  <si>
    <t>mail.google.com/sync/u/0/i/s?hl=pt-BR&amp;c=589</t>
  </si>
  <si>
    <t>12/13/2019 09:13:41</t>
  </si>
  <si>
    <t>mail.google.com/sync/u/0/i/s?hl=pt-BR&amp;c=593</t>
  </si>
  <si>
    <t>12/13/2019 09:13:54</t>
  </si>
  <si>
    <t>mail.google.com/sync/u/0/i/s?hl=pt-BR&amp;c=595</t>
  </si>
  <si>
    <t>12/13/2019 09:14:29</t>
  </si>
  <si>
    <t>mail.google.com/sync/u/0/i/s?hl=pt-BR&amp;c=598</t>
  </si>
  <si>
    <t>12/13/2019 09:14:30</t>
  </si>
  <si>
    <t>mail.google.com/sync/u/0/i/s?hl=pt-BR&amp;c=601</t>
  </si>
  <si>
    <t>12/13/2019 09:14:45</t>
  </si>
  <si>
    <t>eb9a2f2f-7a15-477c-8fb2-37493091f5a6.tmp</t>
  </si>
  <si>
    <t>\\acsfs\profiles$\milenaas\Downloads\eb9a2f2f-7a15-477c-8fb2-37493091f5a6.tmp</t>
  </si>
  <si>
    <t>12/13/2019 09:18:44</t>
  </si>
  <si>
    <t>\\acsfs\Deptos\Engenharia\8 - Service Desk Data Center\</t>
  </si>
  <si>
    <t>\\acsfs\Deptos\Engenharia\8 - Service Desk Data Center\Thumbs.db</t>
  </si>
  <si>
    <t>\\acsfs\Deptos\Engenharia\8 - Service Desk Data Center\8.3 - Documentos Pessoais\Laralisa\Thumbs.db</t>
  </si>
  <si>
    <t>\\acsfs\Deptos\Engenharia\8 - Service Desk Data Center\8.3 - Documentos Pessoais\</t>
  </si>
  <si>
    <t>\\acsfs\Deptos\Engenharia\8 - Service Desk Data Center\8.3 - Documentos Pessoais\Thumbs.db</t>
  </si>
  <si>
    <t>12/13/2019 09:19:18</t>
  </si>
  <si>
    <t>12/13/2019 09:20:44</t>
  </si>
  <si>
    <t>Sistemas -.txt</t>
  </si>
  <si>
    <t>\\acsfs\profiles$\larissaad\My Documents\Sistemas -.txt</t>
  </si>
  <si>
    <t>12/13/2019 09:19:56</t>
  </si>
  <si>
    <t>12/13/2019 09:21:43</t>
  </si>
  <si>
    <t>12/13/2019 09:20:24</t>
  </si>
  <si>
    <t>12/13/2019 09:20:25</t>
  </si>
  <si>
    <t>12/13/2019 09:20:26</t>
  </si>
  <si>
    <t>12/13/2019 09:20:27</t>
  </si>
  <si>
    <t>12/13/2019 09:20:28</t>
  </si>
  <si>
    <t>12/13/2019 09:20:29</t>
  </si>
  <si>
    <t>12/13/2019 09:20:30</t>
  </si>
  <si>
    <t>12/13/2019 09:22:01</t>
  </si>
  <si>
    <t>12/13/2019 09:22:44</t>
  </si>
  <si>
    <t>901ff439-0b1a-4bfd-89a0-8261cff0e285.tmp</t>
  </si>
  <si>
    <t>\\acsfs\profiles$\leticiala\Downloads\901ff439-0b1a-4bfd-89a0-8261cff0e285.tmp</t>
  </si>
  <si>
    <t>12/13/2019 09:22:13</t>
  </si>
  <si>
    <t>b9a990a3-8a9e-4280-881a-6d5782b7db06.tmp</t>
  </si>
  <si>
    <t>\\acsfs\profiles$\leticiala\Downloads\b9a990a3-8a9e-4280-881a-6d5782b7db06.tmp</t>
  </si>
  <si>
    <t>12/13/2019 09:23:28</t>
  </si>
  <si>
    <t>12/13/2019 09:23:44</t>
  </si>
  <si>
    <t>2b242ff8-7026-41a9-ac05-dc777c2be790.tmp</t>
  </si>
  <si>
    <t>\\acsfs\profiles$\adrielyas\Downloads\2b242ff8-7026-41a9-ac05-dc777c2be790.tmp</t>
  </si>
  <si>
    <t>12/13/2019 09:24:44</t>
  </si>
  <si>
    <t>d2fd5d39-6dd3-47e7-9495-410c26a2fa04.tmp</t>
  </si>
  <si>
    <t>\\acsfs\profiles$\gabrielarb\Downloads\d2fd5d39-6dd3-47e7-9495-410c26a2fa04.tmp</t>
  </si>
  <si>
    <t>12/13/2019 09:23:39</t>
  </si>
  <si>
    <t>5866c895-87fc-4587-8298-eae89a9e0162.tmp</t>
  </si>
  <si>
    <t>\\acsfs\profiles$\LUCASNS\Downloads\5866c895-87fc-4587-8298-eae89a9e0162.tmp</t>
  </si>
  <si>
    <t>12/13/2019 09:22:40</t>
  </si>
  <si>
    <t>10.200.66.41</t>
  </si>
  <si>
    <t>76a39692-d183-41ca-9fa3-6cd57e77265b.tmp</t>
  </si>
  <si>
    <t>\\acsfs\profiles$\JOAOVAL\Downloads\76a39692-d183-41ca-9fa3-6cd57e77265b.tmp</t>
  </si>
  <si>
    <t>8e6344fd-b3d0-4f9d-8e4f-44e822149a54.tmp</t>
  </si>
  <si>
    <t>\\acsfs\profiles$\JOAOVAL\Downloads\8e6344fd-b3d0-4f9d-8e4f-44e822149a54.tmp</t>
  </si>
  <si>
    <t>12/13/2019 09:20:07</t>
  </si>
  <si>
    <t>6490a841-c22c-4335-bd44-1579a92b44fc.tmp</t>
  </si>
  <si>
    <t>\\acsfs\profiles$\sarahbal\Downloads\6490a841-c22c-4335-bd44-1579a92b44fc.tmp</t>
  </si>
  <si>
    <t>12/13/2019 09:23:52</t>
  </si>
  <si>
    <t>12/13/2019 09:25:44</t>
  </si>
  <si>
    <t>12/13/2019 09:24:05</t>
  </si>
  <si>
    <t>12/13/2019 09:24:35</t>
  </si>
  <si>
    <t>12/13/2019 09:25:06</t>
  </si>
  <si>
    <t>ed320cad-91bc-4f96-b003-650f555cfb16.tmp</t>
  </si>
  <si>
    <t>\\acsfs\profiles$\valeriasda\Downloads\ed320cad-91bc-4f96-b003-650f555cfb16.tmp</t>
  </si>
  <si>
    <t>12/13/2019 09:20:31</t>
  </si>
  <si>
    <t>12/13/2019 09:26:45</t>
  </si>
  <si>
    <t>12/13/2019 09:20:32</t>
  </si>
  <si>
    <t>12/13/2019 09:20:33</t>
  </si>
  <si>
    <t>12/13/2019 09:20:34</t>
  </si>
  <si>
    <t>12/13/2019 09:20:35</t>
  </si>
  <si>
    <t>12/13/2019 09:20:36</t>
  </si>
  <si>
    <t>12/13/2019 09:20:51</t>
  </si>
  <si>
    <t>12/13/2019 09:20:54</t>
  </si>
  <si>
    <t>12/13/2019 09:25:41</t>
  </si>
  <si>
    <t>12/13/2019 09:23:19</t>
  </si>
  <si>
    <t>12/13/2019 09:23:42</t>
  </si>
  <si>
    <t>12/13/2019 09:27:44</t>
  </si>
  <si>
    <t>bee13d3c-a5df-47e2-b07c-0f38c2cdf74e.tmp</t>
  </si>
  <si>
    <t>\\acsfs\profiles$\leticiala\Downloads\bee13d3c-a5df-47e2-b07c-0f38c2cdf74e.tmp</t>
  </si>
  <si>
    <t>12/13/2019 09:25:33</t>
  </si>
  <si>
    <t>12/13/2019 09:28:45</t>
  </si>
  <si>
    <t>012b5b34-40f5-4bd6-a194-fc3b197c9e50.tmp</t>
  </si>
  <si>
    <t>\\acsfs\profiles$\yurics\Downloads\012b5b34-40f5-4bd6-a194-fc3b197c9e50.tmp</t>
  </si>
  <si>
    <t>12/13/2019 09:25:50</t>
  </si>
  <si>
    <t>12/13/2019 09:29:44</t>
  </si>
  <si>
    <t>3768a802-1246-452d-94f1-fac727c7a4da.tmp</t>
  </si>
  <si>
    <t>\\acsfs\profiles$\sarahbal\Downloads\3768a802-1246-452d-94f1-fac727c7a4da.tmp</t>
  </si>
  <si>
    <t>12/13/2019 09:27:26</t>
  </si>
  <si>
    <t>D0-67-E5-FF-1C-3B</t>
  </si>
  <si>
    <t>VOTORANT-FB003</t>
  </si>
  <si>
    <t>12/13/2019 09:25:35</t>
  </si>
  <si>
    <t>12/13/2019 09:30:45</t>
  </si>
  <si>
    <t>12/13/2019 09:28:05</t>
  </si>
  <si>
    <t>12/13/2019 09:28:35</t>
  </si>
  <si>
    <t>12/13/2019 09:26:41</t>
  </si>
  <si>
    <t>12/13/2019 09:31:44</t>
  </si>
  <si>
    <t>12/13/2019 09:29:53</t>
  </si>
  <si>
    <t>12/13/2019 09:26:09</t>
  </si>
  <si>
    <t>12/13/2019 09:26:10</t>
  </si>
  <si>
    <t>lu7512zkci.tmp</t>
  </si>
  <si>
    <t>\\acsfs\profiles$\kamillacr\My Documents\lu7512zkci.tmp</t>
  </si>
  <si>
    <t>\\acsfs\profiles$\kamillacr\My Documents\lu7512zkci.tmp\</t>
  </si>
  <si>
    <t>\\acsfs\profiles$\kamillacr\My Documents\lu7512zkci.tmp\META-INF\</t>
  </si>
  <si>
    <t>\\acsfs\profiles$\kamillacr\My Documents\lu7512zkci.tmp\Thumbnails\</t>
  </si>
  <si>
    <t>12/13/2019 09:29:04</t>
  </si>
  <si>
    <t>12/13/2019 09:32:44</t>
  </si>
  <si>
    <t>d20d0279-3351-4922-a42f-532f7c36bf54.tmp</t>
  </si>
  <si>
    <t>\\acsfs\profiles$\JOAOVAL\Downloads\d20d0279-3351-4922-a42f-532f7c36bf54.tmp</t>
  </si>
  <si>
    <t>12/13/2019 09:31:05</t>
  </si>
  <si>
    <t>0c24be73-d520-40a5-8429-92279294a14f.tmp</t>
  </si>
  <si>
    <t>\\acsfs\profiles$\JOAOVAL\Downloads\0c24be73-d520-40a5-8429-92279294a14f.tmp</t>
  </si>
  <si>
    <t>12/13/2019 09:31:56</t>
  </si>
  <si>
    <t>12/13/2019 09:33:44</t>
  </si>
  <si>
    <t>\\acsfs\profiles$\deborahsi\My Documents\</t>
  </si>
  <si>
    <t>Textos hist..txt</t>
  </si>
  <si>
    <t>\\acsfs\profiles$\deborahsi\My Documents\Textos hist..txt</t>
  </si>
  <si>
    <t>12/13/2019 09:30:35</t>
  </si>
  <si>
    <t>12/13/2019 09:33:12</t>
  </si>
  <si>
    <t>anapscl@algartech.com;fabiolacc@algartecnologia.com.br;fredericobs@algartecnologia.com.br;michelecdc@algartech.com;micheless@algartech.com;rafaelaas@algartech.com;</t>
  </si>
  <si>
    <t>MIS Mesa de Decisão - Dezembro</t>
  </si>
  <si>
    <t>Relatório Mesa de Decisão.xlsx</t>
  </si>
  <si>
    <t>anapscl@algartech.com,fabiolacc@algartecnologia.com.br,fredericobs@algartecnologia.com.br,michelecdc@algartech.com,micheless@algartech.com,rafaelaas@algartech.com</t>
  </si>
  <si>
    <t>12/13/2019 09:31:52</t>
  </si>
  <si>
    <t>5e524e22-14f9-4c62-b1a3-1c5cbd84212d.tmp</t>
  </si>
  <si>
    <t>\\acsfs\profiles$\adrielyas\Downloads\5e524e22-14f9-4c62-b1a3-1c5cbd84212d.tmp</t>
  </si>
  <si>
    <t>12/13/2019 09:31:15</t>
  </si>
  <si>
    <t>12/13/2019 09:34:44</t>
  </si>
  <si>
    <t>2f708078-c947-4eb2-b906-de9671298e9a.tmp</t>
  </si>
  <si>
    <t>\\acsfs\profiles$\gabrielarb\Downloads\2f708078-c947-4eb2-b906-de9671298e9a.tmp</t>
  </si>
  <si>
    <t>12/13/2019 09:35:44</t>
  </si>
  <si>
    <t>12/13/2019 09:32:05</t>
  </si>
  <si>
    <t>12/13/2019 09:32:35</t>
  </si>
  <si>
    <t>12/13/2019 09:33:35</t>
  </si>
  <si>
    <t>12/13/2019 09:34:05</t>
  </si>
  <si>
    <t>12/13/2019 09:34:35</t>
  </si>
  <si>
    <t>12/13/2019 09:31:41</t>
  </si>
  <si>
    <t>12/13/2019 09:36:44</t>
  </si>
  <si>
    <t>12/13/2019 09:32:41</t>
  </si>
  <si>
    <t>12/13/2019 09:32:08</t>
  </si>
  <si>
    <t>12/13/2019 09:37:43</t>
  </si>
  <si>
    <t>dbae3d64-f237-4983-92aa-83e55e848b3f.tmp</t>
  </si>
  <si>
    <t>\\acsfs\profiles$\JOAOVAL\Downloads\dbae3d64-f237-4983-92aa-83e55e848b3f.tmp</t>
  </si>
  <si>
    <t>12/13/2019 09:37:25</t>
  </si>
  <si>
    <t>d8d371fa-9a2e-49f8-abf0-fa765cdcbc15.tmp</t>
  </si>
  <si>
    <t>\\acsfs\profiles$\luanaldsi\Downloads\d8d371fa-9a2e-49f8-abf0-fa765cdcbc15.tmp</t>
  </si>
  <si>
    <t>12/13/2019 09:37:27</t>
  </si>
  <si>
    <t>442eca47-5c2e-4f3f-a026-5ab0efa74909.tmp</t>
  </si>
  <si>
    <t>\\acsfs\profiles$\luanaldsi\Downloads\442eca47-5c2e-4f3f-a026-5ab0efa74909.tmp</t>
  </si>
  <si>
    <t>12/13/2019 09:37:28</t>
  </si>
  <si>
    <t>f7e87021-109c-480d-9656-10848cc64a74.tmp</t>
  </si>
  <si>
    <t>\\acsfs\profiles$\luanaldsi\Downloads\f7e87021-109c-480d-9656-10848cc64a74.tmp</t>
  </si>
  <si>
    <t>12/13/2019 09:36:51</t>
  </si>
  <si>
    <t>12/13/2019 09:38:44</t>
  </si>
  <si>
    <t>12/13/2019 09:36:56</t>
  </si>
  <si>
    <t>12/13/2019 09:39:44</t>
  </si>
  <si>
    <t>b8bc960a-cc7f-47e2-8b83-2e12998aea62.tmp</t>
  </si>
  <si>
    <t>\\acsfs\profiles$\alessandraan\Downloads\b8bc960a-cc7f-47e2-8b83-2e12998aea62.tmp</t>
  </si>
  <si>
    <t>f0f8d1ce-e45b-4431-8aa7-5f0acbc5e3c3.tmp</t>
  </si>
  <si>
    <t>\\acsfs\profiles$\alessandraan\Downloads\f0f8d1ce-e45b-4431-8aa7-5f0acbc5e3c3.tmp</t>
  </si>
  <si>
    <t>12/13/2019 09:36:57</t>
  </si>
  <si>
    <t>07e996a7-7f32-4eb7-a9a1-f14bdf0e35e1.tmp</t>
  </si>
  <si>
    <t>\\acsfs\profiles$\alessandraan\Downloads\07e996a7-7f32-4eb7-a9a1-f14bdf0e35e1.tmp</t>
  </si>
  <si>
    <t>12/13/2019 09:37:00</t>
  </si>
  <si>
    <t>960d86f1-d86c-45f8-b4d6-dc660c955eee.tmp</t>
  </si>
  <si>
    <t>\\acsfs\profiles$\alessandraan\Downloads\960d86f1-d86c-45f8-b4d6-dc660c955eee.tmp</t>
  </si>
  <si>
    <t>12/13/2019 09:38:06</t>
  </si>
  <si>
    <t>376871f1-9dc5-40d1-9426-a65877d4789f.tmp</t>
  </si>
  <si>
    <t>\\acsfs\profiles$\alessandraan\Downloads\376871f1-9dc5-40d1-9426-a65877d4789f.tmp</t>
  </si>
  <si>
    <t>12/13/2019 09:39:28</t>
  </si>
  <si>
    <t>12/13/2019 09:36:13</t>
  </si>
  <si>
    <t>12/13/2019 09:41:45</t>
  </si>
  <si>
    <t>12/13/2019 09:36:30</t>
  </si>
  <si>
    <t>12/13/2019 09:36:38</t>
  </si>
  <si>
    <t>12/13/2019 09:37:57</t>
  </si>
  <si>
    <t>12/13/2019 09:39:25</t>
  </si>
  <si>
    <t>\\acsfs\DEPTOS\Operacao\Banco_Votorantim\Comum\CONSIGNADO\</t>
  </si>
  <si>
    <t>\\acsfs\DEPTOS\Operacao\Banco_Votorantim\Comum\CHAT\Thumbs.db</t>
  </si>
  <si>
    <t>12/13/2019 09:39:51</t>
  </si>
  <si>
    <t>mail.google.com/_/upload?authuser=0&amp;dcp=asu-n&amp;upload_id=AEnB2UoribETF5rvQXv7XiVKdFLYbgThm8gY5Zy7EpTzTmyWUInCVo1SxypBlXuBewIZk962m25niIuIIuNZ49q_38mvqITl3PyaCcYJdkHJ5tKAn2-qs0A&amp;upload_protocol=resumable</t>
  </si>
  <si>
    <t>REPASSE KELLY BARRA.xlsx</t>
  </si>
  <si>
    <t>12/13/2019 09:39:19</t>
  </si>
  <si>
    <t>12/13/2019 09:42:45</t>
  </si>
  <si>
    <t>d557b52c-5069-4e51-bd00-0020b02e2966.tmp</t>
  </si>
  <si>
    <t>\\acsfs\profiles$\luanaldsi\Downloads\d557b52c-5069-4e51-bd00-0020b02e2966.tmp</t>
  </si>
  <si>
    <t>12/13/2019 09:40:37</t>
  </si>
  <si>
    <t>12/13/2019 09:44:45</t>
  </si>
  <si>
    <t>12/13/2019 09:41:01</t>
  </si>
  <si>
    <t>12/13/2019 09:41:29</t>
  </si>
  <si>
    <t>12/13/2019 09:41:47</t>
  </si>
  <si>
    <t>12/13/2019 09:46:45</t>
  </si>
  <si>
    <t>carla.campisi@bradesco.com.br;</t>
  </si>
  <si>
    <t>Filas CRC AMEX</t>
  </si>
  <si>
    <t>CRC AMEX.xlsx</t>
  </si>
  <si>
    <t>carla.campisi@bradesco.com.br</t>
  </si>
  <si>
    <t>12/13/2019 09:41:27</t>
  </si>
  <si>
    <t>12/13/2019 09:43:16</t>
  </si>
  <si>
    <t>12/13/2019 09:47:20</t>
  </si>
  <si>
    <t>12/13/2019 09:47:44</t>
  </si>
  <si>
    <t>12/13/2019 09:47:21</t>
  </si>
  <si>
    <t>12/13/2019 09:47:22</t>
  </si>
  <si>
    <t>12/13/2019 09:47:23</t>
  </si>
  <si>
    <t>12/13/2019 09:47:24</t>
  </si>
  <si>
    <t>12/13/2019 09:47:25</t>
  </si>
  <si>
    <t>12/13/2019 09:45:48</t>
  </si>
  <si>
    <t>12/13/2019 09:48:45</t>
  </si>
  <si>
    <t>10.200.67.157</t>
  </si>
  <si>
    <t>12/13/2019 09:45:49</t>
  </si>
  <si>
    <t>12/13/2019 09:49:44</t>
  </si>
  <si>
    <t>ba577393-7fc6-495c-9570-695cc5efc84c.tmp</t>
  </si>
  <si>
    <t>\\acsfs\profiles$\gabrielarb\Downloads\ba577393-7fc6-495c-9570-695cc5efc84c.tmp</t>
  </si>
  <si>
    <t>12/13/2019 09:48:38</t>
  </si>
  <si>
    <t>12/13/2019 09:48:39</t>
  </si>
  <si>
    <t>12/13/2019 09:48:40</t>
  </si>
  <si>
    <t>12/13/2019 09:48:41</t>
  </si>
  <si>
    <t>12/13/2019 09:48:42</t>
  </si>
  <si>
    <t>12/13/2019 09:48:59</t>
  </si>
  <si>
    <t>12/13/2019 09:49:01</t>
  </si>
  <si>
    <t>12/13/2019 09:49:02</t>
  </si>
  <si>
    <t>12/13/2019 09:49:05</t>
  </si>
  <si>
    <t>mail.google.com/mail/u/0/jserror?script=https://mail.google.com/mail/u/0/#inbox&amp;error=no&amp;line=not available&amp;txz=p</t>
  </si>
  <si>
    <t>12/13/2019 09:49:06</t>
  </si>
  <si>
    <t>12/13/2019 09:49:12</t>
  </si>
  <si>
    <t>mail.google.com/mail/u/0/jserror?script=https://mail.google.com/mail/u/0/#drafts&amp;error=no&amp;line=not available&amp;txz=p</t>
  </si>
  <si>
    <t>12/13/2019 09:46:53</t>
  </si>
  <si>
    <t>12/13/2019 09:46:55</t>
  </si>
  <si>
    <t>12/13/2019 09:46:59</t>
  </si>
  <si>
    <t>12/13/2019 09:47:43</t>
  </si>
  <si>
    <t>12/13/2019 09:50:45</t>
  </si>
  <si>
    <t>d829da34-1a64-4197-a1e2-39c789234a53.tmp</t>
  </si>
  <si>
    <t>\\acsfs\profiles$\larissaad\Downloads\d829da34-1a64-4197-a1e2-39c789234a53.tmp</t>
  </si>
  <si>
    <t>12/13/2019 09:46:35</t>
  </si>
  <si>
    <t>12/13/2019 09:47:05</t>
  </si>
  <si>
    <t>12/13/2019 09:49:35</t>
  </si>
  <si>
    <t>12/13/2019 09:47:17</t>
  </si>
  <si>
    <t>12/13/2019 09:48:46</t>
  </si>
  <si>
    <t>12/13/2019 09:51:45</t>
  </si>
  <si>
    <t>C:\Users\lucineiaale\Desktop\TAP E BP\</t>
  </si>
  <si>
    <t>OBZ – Renegociação Telefonia - BP 2020.xlsx</t>
  </si>
  <si>
    <t>ances,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missionid,pict,pictu,picture,quotabytesused,rpermissions,shar,shareable,shared,sharedw,sharedwithmedate,subscribed�,thumbnailversion,title,userpermission(role),userpermission(role)�,workspaceids</t>
  </si>
  <si>
    <t>12/13/2019 09:48:27</t>
  </si>
  <si>
    <t>12/13/2019 09:52:45</t>
  </si>
  <si>
    <t>ab9ab664-0ed6-4458-838c-f50d431c5875.tmp</t>
  </si>
  <si>
    <t>\\acsfs\profiles$\leticiala\Downloads\ab9ab664-0ed6-4458-838c-f50d431c5875.tmp</t>
  </si>
  <si>
    <t>12/13/2019 09:47:26</t>
  </si>
  <si>
    <t>12/13/2019 09:47:27</t>
  </si>
  <si>
    <t>12/13/2019 09:53:45</t>
  </si>
  <si>
    <t>12/13/2019 09:47:28</t>
  </si>
  <si>
    <t>12/13/2019 09:47:29</t>
  </si>
  <si>
    <t>12/13/2019 09:47:30</t>
  </si>
  <si>
    <t>12/13/2019 09:47:31</t>
  </si>
  <si>
    <t>12/13/2019 09:47:32</t>
  </si>
  <si>
    <t>12/13/2019 09:47:33</t>
  </si>
  <si>
    <t>12/13/2019 09:47:34</t>
  </si>
  <si>
    <t>12/13/2019 09:47:35</t>
  </si>
  <si>
    <t>12/13/2019 09:47:36</t>
  </si>
  <si>
    <t>12/13/2019 09:47:37</t>
  </si>
  <si>
    <t>12/13/2019 09:47:38</t>
  </si>
  <si>
    <t>12/13/2019 09:47:39</t>
  </si>
  <si>
    <t>12/13/2019 09:47:40</t>
  </si>
  <si>
    <t>12/13/2019 09:51:00</t>
  </si>
  <si>
    <t>12/13/2019 09:51:10</t>
  </si>
  <si>
    <t>12/13/2019 09:47:41</t>
  </si>
  <si>
    <t>12/13/2019 09:47:42</t>
  </si>
  <si>
    <t>12/13/2019 09:47:45</t>
  </si>
  <si>
    <t>12/13/2019 09:47:46</t>
  </si>
  <si>
    <t>12/13/2019 09:47:47</t>
  </si>
  <si>
    <t>12/13/2019 09:47:48</t>
  </si>
  <si>
    <t>12/13/2019 09:47:49</t>
  </si>
  <si>
    <t>12/13/2019 09:47:50</t>
  </si>
  <si>
    <t>12/13/2019 09:47:51</t>
  </si>
  <si>
    <t>12/13/2019 09:47:52</t>
  </si>
  <si>
    <t>12/13/2019 09:47:53</t>
  </si>
  <si>
    <t>12/13/2019 09:47:54</t>
  </si>
  <si>
    <t>12/13/2019 09:47:55</t>
  </si>
  <si>
    <t>12/13/2019 09:47:56</t>
  </si>
  <si>
    <t>12/13/2019 09:47:57</t>
  </si>
  <si>
    <t>12/13/2019 09:47:58</t>
  </si>
  <si>
    <t>12/13/2019 09:47:59</t>
  </si>
  <si>
    <t>12/13/2019 09:48:00</t>
  </si>
  <si>
    <t>12/13/2019 09:48:01</t>
  </si>
  <si>
    <t>12/13/2019 09:50:25</t>
  </si>
  <si>
    <t>8e329f37-622b-4cbd-a8c0-392738466033.tmp</t>
  </si>
  <si>
    <t>\\acsfs\profiles$\deborahsi\Downloads\8e329f37-622b-4cbd-a8c0-392738466033.tmp</t>
  </si>
  <si>
    <t>12/13/2019 09:49:36</t>
  </si>
  <si>
    <t>12/13/2019 09:54:45</t>
  </si>
  <si>
    <t>mail.google.com/sync/u/0/i/s?hl=pt-br&amp;c=34</t>
  </si>
  <si>
    <t>12/13/2019 09:49:42</t>
  </si>
  <si>
    <t>mail.google.com/sync/u/0/i/s?hl=pt-br&amp;c=39</t>
  </si>
  <si>
    <t>12/13/2019 09:50:15</t>
  </si>
  <si>
    <t>mail.google.com/sync/u/0/i/s?hl=pt-br&amp;c=44</t>
  </si>
  <si>
    <t>12/13/2019 09:50:19</t>
  </si>
  <si>
    <t>mail.google.com/sync/u/0/i/s?hl=pt-br&amp;c=47</t>
  </si>
  <si>
    <t>12/13/2019 09:50:22</t>
  </si>
  <si>
    <t>mail.google.com/sync/u/0/i/s?hl=pt-br&amp;c=50</t>
  </si>
  <si>
    <t>12/13/2019 09:50:27</t>
  </si>
  <si>
    <t>mail.google.com/mail/u/0/jserror?script=https://mail.google.com/mail/u/0/#inbox?compose=dmwnwrrrlzbkfmdxhfclnxbkkbcrwqftvxlmdsbnsxpfbtrhqlbmkpbvfqzsrssltfdqqmfzzhvv&amp;error=no&amp;line=not available&amp;txz=p</t>
  </si>
  <si>
    <t>mail.google.com/sync/u/0/i/s?hl=pt-br&amp;c=53</t>
  </si>
  <si>
    <t>12/13/2019 09:51:25</t>
  </si>
  <si>
    <t>12/13/2019 09:53:41</t>
  </si>
  <si>
    <t>12/13/2019 09:54:25</t>
  </si>
  <si>
    <t>mail.google.com/sync/u/0/i/s?hl=pt-br&amp;c=14</t>
  </si>
  <si>
    <t>12/13/2019 09:53:55</t>
  </si>
  <si>
    <t>12/13/2019 09:56:45</t>
  </si>
  <si>
    <t>12/13/2019 09:54:01</t>
  </si>
  <si>
    <t>12/13/2019 09:58:45</t>
  </si>
  <si>
    <t>\\acsfs\Deptos\Operacao\Banco_Votorantim\Qualidade\Fernanda\Pasta de ligaçoes para Mutant\</t>
  </si>
  <si>
    <t>Não confirmado 428821.crdownload</t>
  </si>
  <si>
    <t>\\acsfs\Deptos\Operacao\Banco_Votorantim\Qualidade\Fernanda\Pasta de ligaçoes para Mutant\Não confirmado 428821.crdownload</t>
  </si>
  <si>
    <t>12/13/2019 09:54:02</t>
  </si>
  <si>
    <t>VALERIA SENA DE ARAUJO.htm:Zone.Identifier</t>
  </si>
  <si>
    <t>\\acsfs\Deptos\Operacao\Banco_Votorantim\Qualidade\Fernanda\Pasta de ligaçoes para Mutant\VALERIA SENA DE ARAUJO.htm:Zone.Identifier</t>
  </si>
  <si>
    <t>12/13/2019 09:55:12</t>
  </si>
  <si>
    <t>Não confirmado 172184.crdownload</t>
  </si>
  <si>
    <t>\\acsfs\Deptos\Operacao\Banco_Votorantim\Qualidade\Fernanda\Pasta de ligaçoes para Mutant\Não confirmado 172184.crdownload</t>
  </si>
  <si>
    <t>12/13/2019 09:55:13</t>
  </si>
  <si>
    <t>view.htm:Zone.Identifier</t>
  </si>
  <si>
    <t>\\acsfs\Deptos\Operacao\Banco_Votorantim\Qualidade\Fernanda\Pasta de ligaçoes para Mutant\view.htm:Zone.Identifier</t>
  </si>
  <si>
    <t>12/13/2019 09:56:07</t>
  </si>
  <si>
    <t>ffcd9655-e4f5-44d4-be1d-9358271746ce.tmp</t>
  </si>
  <si>
    <t>\\acsfs\profiles$\dhiulliananads\Downloads\ffcd9655-e4f5-44d4-be1d-9358271746ce.tmp</t>
  </si>
  <si>
    <t>12/13/2019 09:53:25</t>
  </si>
  <si>
    <t>clau.sganzerla@algar.com.br;josycoa@algartech.com;marco.goncalves@algar.com.br;marco.richieri@bv.com.br;</t>
  </si>
  <si>
    <t>\\acsfs\DEPTOS\Governança da Estratégia\M&amp;A e Parcerias\Sell Side\Data Center\2019 - Nimbus\Q&amp;A\</t>
  </si>
  <si>
    <t>2019_12_11_QA_ODATA respostas BV.xlsx</t>
  </si>
  <si>
    <t>clau.sganzerla@algar.com.br,josycoa@algartech.com,marco.goncalves@algar.com.br,marco.richieri@bv.com.br</t>
  </si>
  <si>
    <t>12/13/2019 09:58:48</t>
  </si>
  <si>
    <t>12/13/2019 09:59:45</t>
  </si>
  <si>
    <t>12/13/2019 09:54:41</t>
  </si>
  <si>
    <t>12/13/2019 09:58:19</t>
  </si>
  <si>
    <t>12/13/2019 09:58:20</t>
  </si>
  <si>
    <t>12/13/2019 10:00:25</t>
  </si>
  <si>
    <t>12/13/2019 10:01:45</t>
  </si>
  <si>
    <t>12/13/2019 09:58:50</t>
  </si>
  <si>
    <t>12/13/2019 10:02:46</t>
  </si>
  <si>
    <t>holerite.url:favicon</t>
  </si>
  <si>
    <t>\\acsfs\profiles$\jessykacal\Favorites\holerite.url:favicon</t>
  </si>
  <si>
    <t>\\acsfs\profiles$\jessykacal\Favorites\holerite.url\</t>
  </si>
  <si>
    <t>\\acsfs\profiles$\jessykacal\Favorites\holerite.url\:favicon:$DATA</t>
  </si>
  <si>
    <t>holerite.url</t>
  </si>
  <si>
    <t>\\acsfs\profiles$\jessykacal\Favorites\holerite.url</t>
  </si>
  <si>
    <t>12/13/2019 10:00:29</t>
  </si>
  <si>
    <t>c15e5005-cb49-4ceb-9155-2ae14033f9a5.tmp</t>
  </si>
  <si>
    <t>\\acsfs\profiles$\jessykacal\Downloads\c15e5005-cb49-4ceb-9155-2ae14033f9a5.tmp</t>
  </si>
  <si>
    <t>12/13/2019 10:00:36</t>
  </si>
  <si>
    <t>e7192722-b4c4-48a1-81cf-9e524a7ad801.tmp</t>
  </si>
  <si>
    <t>\\acsfs\profiles$\jessykacal\Downloads\e7192722-b4c4-48a1-81cf-9e524a7ad801.tmp</t>
  </si>
  <si>
    <t>12/13/2019 09:57:53</t>
  </si>
  <si>
    <t>12/13/2019 10:03:45</t>
  </si>
  <si>
    <t>\\acsfs\Deptos\Operacao\Banco_Votorantim\Qualidade\Fernanda\ligaçoes para Mutant\</t>
  </si>
  <si>
    <t>Não confirmado 831774.crdownload</t>
  </si>
  <si>
    <t>\\acsfs\Deptos\Operacao\Banco_Votorantim\Qualidade\Fernanda\ligaçoes para Mutant\Não confirmado 831774.crdownload</t>
  </si>
  <si>
    <t>12/13/2019 09:57:54</t>
  </si>
  <si>
    <t>Rafaela Marques.htm:Zone.Identifier</t>
  </si>
  <si>
    <t>\\acsfs\Deptos\Operacao\Banco_Votorantim\Qualidade\Fernanda\ligaçoes para Mutant\Rafaela Marques.htm:Zone.Identifier</t>
  </si>
  <si>
    <t>12/13/2019 09:59:42</t>
  </si>
  <si>
    <t>12/13/2019 10:04:46</t>
  </si>
  <si>
    <t>12/13/2019 09:59:53</t>
  </si>
  <si>
    <t>https://collectit.softwatch.com/collectit/windows/browsing_info3.php</t>
  </si>
  <si>
    <t>browsinginfo.zip</t>
  </si>
  <si>
    <t>C:\temp\CollectIT\browsinginfo.zip\</t>
  </si>
  <si>
    <t>browsing_info.dat</t>
  </si>
  <si>
    <t>12/13/2019 10:00:41</t>
  </si>
  <si>
    <t>12/13/2019 10:03:10</t>
  </si>
  <si>
    <t>mail.google.com/mail/u/0/jserror?script=https://mail.google.com/mail/u/0/#inbox?compose=dmwnwrrrlzbkfmdxhfclnxbkkbcrwqftvxlmdsbnsxpfbtrhqlbmkpbvfqzsrssltfdqqmfzzhvv&amp;line=not available&amp;error_in_body=1&amp;txz=pe</t>
  </si>
  <si>
    <t>12/13/2019 10:03:17</t>
  </si>
  <si>
    <t>mail.google.com/sync/u/0/i/s?hl=pt-br&amp;c=55</t>
  </si>
  <si>
    <t>12/13/2019 10:03:30</t>
  </si>
  <si>
    <t>12/13/2019 10:03:37</t>
  </si>
  <si>
    <t>mail.google.com/sync/u/0/i/s?hl=pt-br&amp;c=61</t>
  </si>
  <si>
    <t>12/13/2019 10:03:57</t>
  </si>
  <si>
    <t>12/13/2019 10:04:01</t>
  </si>
  <si>
    <t>mail.google.com/sync/u/0/i/s?hl=pt-br&amp;c=65</t>
  </si>
  <si>
    <t>12/13/2019 10:04:06</t>
  </si>
  <si>
    <t>mail.google.com/sync/u/0/i/s?hl=pt-br&amp;c=67</t>
  </si>
  <si>
    <t>12/13/2019 10:04:18</t>
  </si>
  <si>
    <t>12/13/2019 10:04:21</t>
  </si>
  <si>
    <t>mail.google.com/sync/u/0/i/s?hl=pt-br&amp;c=70</t>
  </si>
  <si>
    <t>12/13/2019 10:04:22</t>
  </si>
  <si>
    <t>12/13/2019 10:05:45</t>
  </si>
  <si>
    <t>12/13/2019 10:01:06</t>
  </si>
  <si>
    <t>12/13/2019 10:01:36</t>
  </si>
  <si>
    <t>12/13/2019 10:02:06</t>
  </si>
  <si>
    <t>12/13/2019 10:02:17</t>
  </si>
  <si>
    <t>adrianimv@algartech.com.br;alandsfj@algartech.com.br;anapaps@algartech.com.br;cesaradsg@algartech.com.br;denisems@algartech.com.br;erikasl@algartech.com.br;fernandass@algartech.com.br;franciellemn@algartech.com.br;grizanibda@algartech.com.br;ideniraa@algartech.com.br;ludimilafd@algartech.com.br;mariaads@algartech.com.br;marinalsc@algartech.com.br;naianefo@algartech.com.br;quelencf@algartech.com.br;rosaliamfv@algartech.com.br;sauloss@algartech.com.br;talouanecsr@algartech.com.br;whelingtoncg@algartech.com.br;</t>
  </si>
  <si>
    <t>ENC: Relatório de pendencia EBTA/CPB - 13/12/2019</t>
  </si>
  <si>
    <t>2019-12-13_REGUA DE PENDENCIAS.xlsx</t>
  </si>
  <si>
    <t>adrianimv@algartech.com.br,alandsfj@algartech.com.br,anapaps@algartech.com.br,cesaradsg@algartech.com.br,denisems@algartech.com.br,erikasl@algartech.com.br,fernandass@algartech.com.br,franciellemn@algartech.com.br,grizanibda@algartech.com.br,ideniraa@algartech.com.br,ludimilafd@algartech.com.br,mariaads@algartech.com.br,marinalsc@algartech.com.br,naianefo@algartech.com.br,quelencf@algartech.com.br,rosaliamfv@algartech.com.br,sauloss@algartech.com.br,talouanecsr@algartech.com.br,whelingtoncg@algartech.com.br</t>
  </si>
  <si>
    <t>12/13/2019 10:02:56</t>
  </si>
  <si>
    <t>12/13/2019 10:07:45</t>
  </si>
  <si>
    <t>cc9c92a8-a50e-4b2f-a785-d048167c9d3d.tmp</t>
  </si>
  <si>
    <t>\\acsfs\profiles$\luanaldsi\Downloads\cc9c92a8-a50e-4b2f-a785-d048167c9d3d.tmp</t>
  </si>
  <si>
    <t>12/13/2019 10:09:45</t>
  </si>
  <si>
    <t>Relatório Exames Periódicos - 32ª Parcial 2019.xlsb</t>
  </si>
  <si>
    <t>12/13/2019 10:06:21</t>
  </si>
  <si>
    <t>42f020ff-2d53-4532-a368-adfe428ce028.tmp</t>
  </si>
  <si>
    <t>\\acsfs\profiles$\wenderbnm\Downloads\42f020ff-2d53-4532-a368-adfe428ce028.tmp</t>
  </si>
  <si>
    <t>12/13/2019 10:07:54</t>
  </si>
  <si>
    <t>thaisbrs@algartech.com</t>
  </si>
  <si>
    <t>C:\Users\thaisbrs\Desktop\</t>
  </si>
  <si>
    <t>12/13/2019 10:07:28</t>
  </si>
  <si>
    <t>12/13/2019 10:07:30</t>
  </si>
  <si>
    <t>12/13/2019 10:08:33</t>
  </si>
  <si>
    <t>12/13/2019 10:04:38</t>
  </si>
  <si>
    <t>12/13/2019 10:10:45</t>
  </si>
  <si>
    <t>mail.google.com/sync/u/0/i/s?hl=pt-br&amp;c=72</t>
  </si>
  <si>
    <t>12/13/2019 10:04:49</t>
  </si>
  <si>
    <t>12/13/2019 10:04:56</t>
  </si>
  <si>
    <t>mail.google.com/sync/u/0/i/s?hl=pt-br&amp;c=74</t>
  </si>
  <si>
    <t>12/13/2019 10:05:24</t>
  </si>
  <si>
    <t>12/13/2019 10:05:25</t>
  </si>
  <si>
    <t>12/13/2019 10:05:28</t>
  </si>
  <si>
    <t>mail.google.com/sync/u/0/i/s?hl=pt-br&amp;c=77</t>
  </si>
  <si>
    <t>12/13/2019 10:05:42</t>
  </si>
  <si>
    <t>12/13/2019 10:05:50</t>
  </si>
  <si>
    <t>12/13/2019 10:05:54</t>
  </si>
  <si>
    <t>mail.google.com/sync/u/0/i/s?hl=pt-br&amp;c=80</t>
  </si>
  <si>
    <t>12/13/2019 10:08:22</t>
  </si>
  <si>
    <t>9669b94c-fd91-4721-b118-de0000f2f823.tmp</t>
  </si>
  <si>
    <t>\\acsfs\profiles$\paulovadc\Downloads\9669b94c-fd91-4721-b118-de0000f2f823.tmp</t>
  </si>
  <si>
    <t>12/13/2019 10:05:58</t>
  </si>
  <si>
    <t>mail.google.com/sync/u/0/i/s?hl=pt-br&amp;c=82</t>
  </si>
  <si>
    <t>12/13/2019 10:06:12</t>
  </si>
  <si>
    <t>12/13/2019 10:06:13</t>
  </si>
  <si>
    <t>12/13/2019 10:06:16</t>
  </si>
  <si>
    <t>mail.google.com/sync/u/0/i/s?hl=pt-br&amp;c=86</t>
  </si>
  <si>
    <t>12/13/2019 10:06:27</t>
  </si>
  <si>
    <t>12/13/2019 10:06:28</t>
  </si>
  <si>
    <t>12/13/2019 10:06:32</t>
  </si>
  <si>
    <t>mail.google.com/sync/u/0/i/s?hl=pt-br&amp;c=92</t>
  </si>
  <si>
    <t>12/13/2019 10:06:37</t>
  </si>
  <si>
    <t>12/13/2019 10:06:38</t>
  </si>
  <si>
    <t>12/13/2019 10:06:40</t>
  </si>
  <si>
    <t>mail.google.com/sync/u/0/i/s?hl=pt-br&amp;c=98</t>
  </si>
  <si>
    <t>12/13/2019 10:06:42</t>
  </si>
  <si>
    <t>12/13/2019 10:06:48</t>
  </si>
  <si>
    <t>mail.google.com/sync/u/0/i/s?hl=pt-br&amp;c=100</t>
  </si>
  <si>
    <t>12/13/2019 10:07:18</t>
  </si>
  <si>
    <t>12/13/2019 10:07:27</t>
  </si>
  <si>
    <t>mail.google.com/sync/u/0/i/s?hl=pt-br&amp;c=103</t>
  </si>
  <si>
    <t>12/13/2019 10:07:31</t>
  </si>
  <si>
    <t>12/13/2019 10:06:06</t>
  </si>
  <si>
    <t>12/13/2019 10:07:33</t>
  </si>
  <si>
    <t>mail.google.com/sync/u/0/i/s?hl=pt-br&amp;c=105</t>
  </si>
  <si>
    <t>12/13/2019 10:07:36</t>
  </si>
  <si>
    <t>mail.google.com/sync/u/0/i/s?hl=pt-br&amp;c=108</t>
  </si>
  <si>
    <t>12/13/2019 10:07:39</t>
  </si>
  <si>
    <t>mail.google.com/sync/u/0/i/s?hl=pt-br&amp;c=110</t>
  </si>
  <si>
    <t>12/13/2019 10:07:15</t>
  </si>
  <si>
    <t>\\acsfs\profiles$\cristianodab\Contacts\</t>
  </si>
  <si>
    <t>CRISTIANO DE ANDRADE BARBOSA (12453).contact</t>
  </si>
  <si>
    <t>\\acsfs\profiles$\cristianodab\Contacts\CRISTIANO DE ANDRADE BARBOSA (12453).contact</t>
  </si>
  <si>
    <t>\\acsfs\profiles$\cristianodab\My Documents\My Videos\</t>
  </si>
  <si>
    <t>\\acsfs\profiles$\cristianodab\My Documents\My Videos\desktop.ini</t>
  </si>
  <si>
    <t>\\acsfs\profiles$\cristianodab\My Documents\My Pictures\</t>
  </si>
  <si>
    <t>\\acsfs\profiles$\cristianodab\My Documents\My Pictures\desktop.ini</t>
  </si>
  <si>
    <t>12/13/2019 10:07:29</t>
  </si>
  <si>
    <t>\\acsfs\profiles$\cristianodab\Contacts\desktop.ini</t>
  </si>
  <si>
    <t>\\acsfs\profiles$\cristianodab\Favorites\</t>
  </si>
  <si>
    <t>\\acsfs\profiles$\cristianodab\Favorites\desktop.ini</t>
  </si>
  <si>
    <t>\\acsfs\profiles$\cristianodab\My Documents\My Music\</t>
  </si>
  <si>
    <t>\\acsfs\profiles$\cristianodab\My Documents\My Music\desktop.ini</t>
  </si>
  <si>
    <t>\\acsfs\profiles$\cristianodab\Searches\</t>
  </si>
  <si>
    <t>\\acsfs\profiles$\cristianodab\Searches\desktop.ini</t>
  </si>
  <si>
    <t>12/13/2019 10:07:32</t>
  </si>
  <si>
    <t>\\acsfs\profiles$\cristianodab\Downloads\</t>
  </si>
  <si>
    <t>\\acsfs\profiles$\cristianodab\Downloads\desktop.ini</t>
  </si>
  <si>
    <t>\\acsfs\profiles$\cristianodab\My Documents\</t>
  </si>
  <si>
    <t>\\acsfs\profiles$\cristianodab\My Documents\desktop.ini</t>
  </si>
  <si>
    <t>\\acsfs\profiles$\cristianodab\Saved Games\</t>
  </si>
  <si>
    <t>\\acsfs\profiles$\cristianodab\Saved Games\desktop.ini</t>
  </si>
  <si>
    <t>\\acsfs\profiles$\cristianodab\Favorites\Links for Brasil\</t>
  </si>
  <si>
    <t>\\acsfs\profiles$\cristianodab\Favorites\Links for Brasil\desktop.ini</t>
  </si>
  <si>
    <t>\\acsfs\profiles$\cristianodab\Favorites\Links for Brasil\Microsoft Brasil.url</t>
  </si>
  <si>
    <t>\\acsfs\profiles$\cristianodab\Favorites\Links for Brasil\Windows Brasil.url</t>
  </si>
  <si>
    <t>\\acsfs\profiles$\cristianodab\Favorites\Links for Brasil\MSN Brasil.url</t>
  </si>
  <si>
    <t>12/13/2019 10:07:46</t>
  </si>
  <si>
    <t>12/13/2019 10:08:03</t>
  </si>
  <si>
    <t>mail.google.com/_/upload?authuser=0&amp;dcp=asu-n&amp;upload_id=AEnB2Uof6SWTH60XKdnvjPSppcMONPTLBZPw5aThGL3dsIQP1I430yzgVf61h-9m3R1kd_mtLFw_nYUXQJmtgAAyN3yflXOnnw&amp;upload_protocol=resumable</t>
  </si>
  <si>
    <t>SL XXXXX FACEBOOK - NOV E DEZ.19 - PARTE 1.xlsb</t>
  </si>
  <si>
    <t>12/13/2019 10:12:48</t>
  </si>
  <si>
    <t>12/13/2019 10:13:45</t>
  </si>
  <si>
    <t>12/13/2019 10:10:24</t>
  </si>
  <si>
    <t>lu17180no706.tmp</t>
  </si>
  <si>
    <t>\\acsfs\profiles$\dhiulliananads\My Documents\lu17180no706.tmp</t>
  </si>
  <si>
    <t>\\acsfs\profiles$\dhiulliananads\My Documents\lu17180no706.tmp\</t>
  </si>
  <si>
    <t>\\acsfs\profiles$\dhiulliananads\My Documents\lu17180no706.tmp\META-INF\</t>
  </si>
  <si>
    <t>\\acsfs\profiles$\dhiulliananads\My Documents\lu17180no706.tmp\Thumbnails\</t>
  </si>
  <si>
    <t>12/13/2019 10:10:12</t>
  </si>
  <si>
    <t>454f1999-b302-4d63-8b5b-96f8c263d902.tmp</t>
  </si>
  <si>
    <t>\\acsfs\profiles$\geovannasm\Downloads\454f1999-b302-4d63-8b5b-96f8c263d902.tmp</t>
  </si>
  <si>
    <t>12/13/2019 10:12:14</t>
  </si>
  <si>
    <t>12/13/2019 10:10:15</t>
  </si>
  <si>
    <t>12/13/2019 10:14:45</t>
  </si>
  <si>
    <t>79952b47-70ff-4b4f-b61d-56dce21eecd9.tmp</t>
  </si>
  <si>
    <t>\\acsfs\profiles$\cintiadcf\Downloads\79952b47-70ff-4b4f-b61d-56dce21eecd9.tmp</t>
  </si>
  <si>
    <t>12/13/2019 10:10:22</t>
  </si>
  <si>
    <t>12/13/2019 10:12:44</t>
  </si>
  <si>
    <t>12/13/2019 10:11:36</t>
  </si>
  <si>
    <t>12/13/2019 10:15:46</t>
  </si>
  <si>
    <t>12/13/2019 10:12:06</t>
  </si>
  <si>
    <t>12/13/2019 10:12:36</t>
  </si>
  <si>
    <t>12/13/2019 10:13:06</t>
  </si>
  <si>
    <t>12/13/2019 10:13:36</t>
  </si>
  <si>
    <t>12/13/2019 10:14:06</t>
  </si>
  <si>
    <t>12/13/2019 10:14:36</t>
  </si>
  <si>
    <t>12/13/2019 10:11:42</t>
  </si>
  <si>
    <t>12/13/2019 10:12:42</t>
  </si>
  <si>
    <t>12/13/2019 10:13:46</t>
  </si>
  <si>
    <t>mail.google.com/sync/u/0/i/s?hl=pt-br&amp;c=140</t>
  </si>
  <si>
    <t>supervisaobancovotorantim@algartech.com;talmaiardo@algartech.com;</t>
  </si>
  <si>
    <t>supervisaobancovotorantim@algartech.com,talmaiardo@algartech.com</t>
  </si>
  <si>
    <t>12/13/2019 10:14:50</t>
  </si>
  <si>
    <t>mail.google.com/sync/u/0/i/s?hl=pt-br&amp;c=143</t>
  </si>
  <si>
    <t>12/13/2019 10:13:26</t>
  </si>
  <si>
    <t>12/13/2019 10:16:45</t>
  </si>
  <si>
    <t>lu7512zkcm.tmp</t>
  </si>
  <si>
    <t>\\acsfs\profiles$\kamillacr\My Documents\lu7512zkcm.tmp</t>
  </si>
  <si>
    <t>\\acsfs\profiles$\kamillacr\My Documents\lu7512zkcm.tmp\</t>
  </si>
  <si>
    <t>\\acsfs\profiles$\kamillacr\My Documents\lu7512zkcm.tmp\META-INF\</t>
  </si>
  <si>
    <t>\\acsfs\profiles$\kamillacr\My Documents\lu7512zkcm.tmp\Thumbnails\</t>
  </si>
  <si>
    <t>12/13/2019 10:18:45</t>
  </si>
  <si>
    <t>78-2B-CB-C1-06-5B</t>
  </si>
  <si>
    <t>VOTORANT-IB006</t>
  </si>
  <si>
    <t>vanessacgs</t>
  </si>
  <si>
    <t>\\acsfs\profiles$\vanessacgs\Favorites\citrix.url\</t>
  </si>
  <si>
    <t>\\acsfs\profiles$\vanessacgs\Favorites\citrix.url\:favicon:$DATA</t>
  </si>
  <si>
    <t>12/13/2019 10:14:07</t>
  </si>
  <si>
    <t>\\acsfs\profiles$\vanessacgs\Favorites\</t>
  </si>
  <si>
    <t>\\acsfs\profiles$\vanessacgs\Favorites\citrix.url</t>
  </si>
  <si>
    <t>12/13/2019 10:16:19</t>
  </si>
  <si>
    <t>12/13/2019 10:19:45</t>
  </si>
  <si>
    <t>e6e6b117-61cf-4b5e-9900-8eead0b25ef0.tmp</t>
  </si>
  <si>
    <t>\\acsfs\profiles$\gabrielarb\Downloads\e6e6b117-61cf-4b5e-9900-8eead0b25ef0.tmp</t>
  </si>
  <si>
    <t>12/13/2019 10:15:25</t>
  </si>
  <si>
    <t>12/13/2019 10:15:26</t>
  </si>
  <si>
    <t>12/13/2019 10:15:27</t>
  </si>
  <si>
    <t>12/13/2019 10:15:39</t>
  </si>
  <si>
    <t>12/13/2019 10:15:06</t>
  </si>
  <si>
    <t>12/13/2019 10:20:45</t>
  </si>
  <si>
    <t>12/13/2019 10:15:36</t>
  </si>
  <si>
    <t>12/13/2019 10:18:07</t>
  </si>
  <si>
    <t>12/13/2019 10:19:37</t>
  </si>
  <si>
    <t>12/13/2019 10:15:51</t>
  </si>
  <si>
    <t>browsinginfo.zip\</t>
  </si>
  <si>
    <t>12/13/2019 10:17:42</t>
  </si>
  <si>
    <t>12/13/2019 10:18:42</t>
  </si>
  <si>
    <t>12/13/2019 10:21:31</t>
  </si>
  <si>
    <t>12/13/2019 10:21:46</t>
  </si>
  <si>
    <t>\\acsfs\profiles$\matheushds\My Documents\Download.pdf</t>
  </si>
  <si>
    <t>12/13/2019 10:23:38</t>
  </si>
  <si>
    <t>12/13/2019 10:24:45</t>
  </si>
  <si>
    <t>12/13/2019 10:20:56</t>
  </si>
  <si>
    <t>12/13/2019 10:19:36</t>
  </si>
  <si>
    <t>5230bc1e-d3b3-4869-b66b-256d2e8a350f.tmp</t>
  </si>
  <si>
    <t>\\acsfs\profiles$\sarahbal\Downloads\5230bc1e-d3b3-4869-b66b-256d2e8a350f.tmp</t>
  </si>
  <si>
    <t>12/13/2019 10:23:58</t>
  </si>
  <si>
    <t>30484874-8515-41c6-87e2-b80de1bfb948.tmp</t>
  </si>
  <si>
    <t>\\acsfs\profiles$\sarahbal\Downloads\30484874-8515-41c6-87e2-b80de1bfb948.tmp</t>
  </si>
  <si>
    <t>12/13/2019 10:20:07</t>
  </si>
  <si>
    <t>12/13/2019 10:25:45</t>
  </si>
  <si>
    <t>12/13/2019 10:21:07</t>
  </si>
  <si>
    <t>12/13/2019 10:21:38</t>
  </si>
  <si>
    <t>12/13/2019 10:22:08</t>
  </si>
  <si>
    <t>12/13/2019 10:24:08</t>
  </si>
  <si>
    <t>12/13/2019 10:24:38</t>
  </si>
  <si>
    <t>12/13/2019 10:23:42</t>
  </si>
  <si>
    <t>12/13/2019 10:24:42</t>
  </si>
  <si>
    <t>12/13/2019 10:21:49</t>
  </si>
  <si>
    <t>12/13/2019 10:26:45</t>
  </si>
  <si>
    <t>Horas Trabalhadas_Elaine.xlsx</t>
  </si>
  <si>
    <t>12/13/2019 10:23:47</t>
  </si>
  <si>
    <t>12/13/2019 10:24:53</t>
  </si>
  <si>
    <t>12/13/2019 10:24:33</t>
  </si>
  <si>
    <t>12/13/2019 10:27:44</t>
  </si>
  <si>
    <t>12/13/2019 10:24:36</t>
  </si>
  <si>
    <t>12/13/2019 10:28:45</t>
  </si>
  <si>
    <t>5b2e2c6b-fcc5-4aed-95a6-2e1ec1c0897b.tmp</t>
  </si>
  <si>
    <t>\\acsfs\profiles$\dhiulliananads\Downloads\5b2e2c6b-fcc5-4aed-95a6-2e1ec1c0897b.tmp</t>
  </si>
  <si>
    <t>12/13/2019 10:25:10</t>
  </si>
  <si>
    <t>12/13/2019 10:28:04</t>
  </si>
  <si>
    <t>12/13/2019 10:29:44</t>
  </si>
  <si>
    <t>37f411c4-e2e8-4198-9338-b6e8220d40a0.tmp</t>
  </si>
  <si>
    <t>\\acsfs\profiles$\isabellegtds\Downloads\37f411c4-e2e8-4198-9338-b6e8220d40a0.tmp</t>
  </si>
  <si>
    <t>12/13/2019 10:28:13</t>
  </si>
  <si>
    <t>9e433e4c-101c-472a-8004-e0dcea0d997f.tmp</t>
  </si>
  <si>
    <t>\\acsfs\profiles$\isabellegtds\Downloads\9e433e4c-101c-472a-8004-e0dcea0d997f.tmp</t>
  </si>
  <si>
    <t>12/13/2019 10:25:07</t>
  </si>
  <si>
    <t>12/13/2019 10:26:47</t>
  </si>
  <si>
    <t>12/13/2019 10:26:48</t>
  </si>
  <si>
    <t>12/13/2019 10:26:58</t>
  </si>
  <si>
    <t>12/13/2019 10:27:30</t>
  </si>
  <si>
    <t>12/13/2019 10:27:32</t>
  </si>
  <si>
    <t>12/13/2019 10:27:33</t>
  </si>
  <si>
    <t>12/13/2019 10:27:49</t>
  </si>
  <si>
    <t>12/13/2019 10:28:21</t>
  </si>
  <si>
    <t>12/13/2019 10:28:22</t>
  </si>
  <si>
    <t>12/13/2019 10:28:24</t>
  </si>
  <si>
    <t>12/13/2019 10:28:11</t>
  </si>
  <si>
    <t>12/13/2019 10:30:45</t>
  </si>
  <si>
    <t>d47fe0e7-b4b2-4a96-baef-a277686ec5a2.tmp</t>
  </si>
  <si>
    <t>\\acsfs\profiles$\larissaad\Downloads\d47fe0e7-b4b2-4a96-baef-a277686ec5a2.tmp</t>
  </si>
  <si>
    <t>12/13/2019 10:25:08</t>
  </si>
  <si>
    <t>12/13/2019 10:28:09</t>
  </si>
  <si>
    <t>12/13/2019 10:28:39</t>
  </si>
  <si>
    <t>12/13/2019 10:29:10</t>
  </si>
  <si>
    <t>12/13/2019 10:29:40</t>
  </si>
  <si>
    <t>12/13/2019 10:29:42</t>
  </si>
  <si>
    <t>12/13/2019 10:30:40</t>
  </si>
  <si>
    <t>12/13/2019 10:31:45</t>
  </si>
  <si>
    <t>12/13/2019 10:28:51</t>
  </si>
  <si>
    <t>12/13/2019 10:31:03</t>
  </si>
  <si>
    <t>12/13/2019 10:32:45</t>
  </si>
  <si>
    <t>4b4eea30-d7da-401a-b6f3-b81e2d1f4d0f.tmp</t>
  </si>
  <si>
    <t>\\acsfs\profiles$\marcellewdl\Downloads\4b4eea30-d7da-401a-b6f3-b81e2d1f4d0f.tmp</t>
  </si>
  <si>
    <t>12/13/2019 10:30:08</t>
  </si>
  <si>
    <t>12/13/2019 10:33:45</t>
  </si>
  <si>
    <t>12/13/2019 10:30:09</t>
  </si>
  <si>
    <t>lu17180no70b.tmp</t>
  </si>
  <si>
    <t>\\acsfs\profiles$\dhiulliananads\My Documents\lu17180no70b.tmp</t>
  </si>
  <si>
    <t>\\acsfs\profiles$\dhiulliananads\My Documents\lu17180no70b.tmp\</t>
  </si>
  <si>
    <t>\\acsfs\profiles$\dhiulliananads\My Documents\lu17180no70b.tmp\META-INF\</t>
  </si>
  <si>
    <t>\\acsfs\profiles$\dhiulliananads\My Documents\lu17180no70b.tmp\Thumbnails\</t>
  </si>
  <si>
    <t>12/13/2019 10:32:20</t>
  </si>
  <si>
    <t>lu17180no70g.tmp</t>
  </si>
  <si>
    <t>\\acsfs\profiles$\dhiulliananads\My Documents\lu17180no70g.tmp</t>
  </si>
  <si>
    <t>\\acsfs\profiles$\dhiulliananads\My Documents\lu17180no70g.tmp\</t>
  </si>
  <si>
    <t>\\acsfs\profiles$\dhiulliananads\My Documents\lu17180no70g.tmp\META-INF\</t>
  </si>
  <si>
    <t>\\acsfs\profiles$\dhiulliananads\My Documents\lu17180no70g.tmp\Thumbnails\</t>
  </si>
  <si>
    <t>12/13/2019 10:31:42</t>
  </si>
  <si>
    <t>12/13/2019 10:34:45</t>
  </si>
  <si>
    <t>12/13/2019 10:31:43</t>
  </si>
  <si>
    <t>12/13/2019 10:31:46</t>
  </si>
  <si>
    <t>12/13/2019 10:31:47</t>
  </si>
  <si>
    <t>12/13/2019 10:31:49</t>
  </si>
  <si>
    <t>12/13/2019 10:31:50</t>
  </si>
  <si>
    <t>12/13/2019 10:30:10</t>
  </si>
  <si>
    <t>12/13/2019 10:35:45</t>
  </si>
  <si>
    <t>12/13/2019 10:31:10</t>
  </si>
  <si>
    <t>12/13/2019 10:31:40</t>
  </si>
  <si>
    <t>12/13/2019 10:30:42</t>
  </si>
  <si>
    <t>12/13/2019 10:36:45</t>
  </si>
  <si>
    <t>12/13/2019 10:33:41</t>
  </si>
  <si>
    <t>47c85620-7736-4534-9b26-72a7a33271ce.tmp</t>
  </si>
  <si>
    <t>\\acsfs\profiles$\leonardobb\Downloads\47c85620-7736-4534-9b26-72a7a33271ce.tmp</t>
  </si>
  <si>
    <t>12/13/2019 10:35:15</t>
  </si>
  <si>
    <t>2faa1a15-ee47-4663-8936-b5748d77f070.tmp</t>
  </si>
  <si>
    <t>\\acsfs\profiles$\leonardobb\Downloads\2faa1a15-ee47-4663-8936-b5748d77f070.tmp</t>
  </si>
  <si>
    <t>12/13/2019 10:35:47</t>
  </si>
  <si>
    <t>d611422c-2f39-4f0c-8029-70fadc69f911.tmp</t>
  </si>
  <si>
    <t>\\acsfs\profiles$\leonardobb\Downloads\d611422c-2f39-4f0c-8029-70fadc69f911.tmp</t>
  </si>
  <si>
    <t>12/13/2019 10:36:07</t>
  </si>
  <si>
    <t>722ef262-149f-4df4-b882-2eef78ef2dba.tmp</t>
  </si>
  <si>
    <t>\\acsfs\profiles$\leonardobb\Downloads\722ef262-149f-4df4-b882-2eef78ef2dba.tmp</t>
  </si>
  <si>
    <t>12/13/2019 10:36:51</t>
  </si>
  <si>
    <t>12/13/2019 10:38:45</t>
  </si>
  <si>
    <t>12/13/2019 10:34:01</t>
  </si>
  <si>
    <t>12/13/2019 10:37:31</t>
  </si>
  <si>
    <t>12/13/2019 10:37:07</t>
  </si>
  <si>
    <t>lu17180no70l.tmp</t>
  </si>
  <si>
    <t>\\acsfs\profiles$\dhiulliananads\My Documents\lu17180no70l.tmp</t>
  </si>
  <si>
    <t>\\acsfs\profiles$\dhiulliananads\My Documents\lu17180no70l.tmp\</t>
  </si>
  <si>
    <t>\\acsfs\profiles$\dhiulliananads\My Documents\lu17180no70l.tmp\META-INF\</t>
  </si>
  <si>
    <t>\\acsfs\profiles$\dhiulliananads\My Documents\lu17180no70l.tmp\Thumbnails\</t>
  </si>
  <si>
    <t>12/13/2019 10:35:49</t>
  </si>
  <si>
    <t>12/13/2019 10:39:46</t>
  </si>
  <si>
    <t>12/13/2019 10:35:51</t>
  </si>
  <si>
    <t>12/13/2019 10:36:02</t>
  </si>
  <si>
    <t>12/13/2019 10:36:03</t>
  </si>
  <si>
    <t>12/13/2019 10:38:56</t>
  </si>
  <si>
    <t>12/13/2019 10:38:57</t>
  </si>
  <si>
    <t>12/13/2019 10:39:42</t>
  </si>
  <si>
    <t>12/13/2019 10:40:45</t>
  </si>
  <si>
    <t>c:\users\adilsonloj\desktop\</t>
  </si>
  <si>
    <t>formulário - feedback registrado desvio yasmin.doc</t>
  </si>
  <si>
    <t>12/13/2019 10:36:57</t>
  </si>
  <si>
    <t>12/13/2019 10:35:42</t>
  </si>
  <si>
    <t>12/13/2019 10:36:42</t>
  </si>
  <si>
    <t>12/13/2019 10:37:19</t>
  </si>
  <si>
    <t>mail.google.com/sync/u/0/i/s?hl=pt-br&amp;c=10</t>
  </si>
  <si>
    <t>12/13/2019 10:37:42</t>
  </si>
  <si>
    <t>mail.google.com/sync/u/0/i/s?hl=pt-br&amp;c=12</t>
  </si>
  <si>
    <t>12/13/2019 10:38:08</t>
  </si>
  <si>
    <t>mail.google.com/sync/u/0/i/s?hl=pt-br&amp;c=15</t>
  </si>
  <si>
    <t>12/13/2019 10:38:31</t>
  </si>
  <si>
    <t>mail.google.com/sync/u/0/i/s?hl=pt-br&amp;c=17</t>
  </si>
  <si>
    <t>12/13/2019 10:38:37</t>
  </si>
  <si>
    <t>mail.google.com/sync/u/0/i/s?hl=pt-br&amp;c=19</t>
  </si>
  <si>
    <t>12/13/2019 10:38:42</t>
  </si>
  <si>
    <t>mail.google.com/sync/u/0/i/s?hl=pt-br&amp;c=21</t>
  </si>
  <si>
    <t>mail.google.com/sync/u/0/i/s?hl=pt-br&amp;c=24</t>
  </si>
  <si>
    <t>12/13/2019 10:39:08</t>
  </si>
  <si>
    <t>mail.google.com/sync/u/0/i/s?hl=pt-br&amp;c=26</t>
  </si>
  <si>
    <t>12/13/2019 10:39:04</t>
  </si>
  <si>
    <t>mail.google.com/_/upload?authuser=0&amp;dcp=asu-n&amp;upload_id=AEnB2UoWtZNrsQW_ZUaG3o10KMGkmzdSA7x00Y3bn1qepKb7X1WJDq5qP1hTZVt7Bld_ixV2RBEdh-qAUaRMuRkZ9AD6WajwnQ&amp;upload_protocol=resumable</t>
  </si>
  <si>
    <t>alessandroam@algartech.com;si@algartech.com;sustentacao_bradesco@algartech.com.br;</t>
  </si>
  <si>
    <t>alessandroam@algartech.com,si@algartech.com,sustentacao_bradesco@algartech.com.br</t>
  </si>
  <si>
    <t>12/13/2019 10:36:29</t>
  </si>
  <si>
    <t>12/13/2019 10:41:45</t>
  </si>
  <si>
    <t>RES: ROTINA DIRETORIA Dez2019 - UCB</t>
  </si>
  <si>
    <t>Rotina Acompanhamento VIP.xlsx</t>
  </si>
  <si>
    <t>12/13/2019 10:41:26</t>
  </si>
  <si>
    <t>12/13/2019 10:42:45</t>
  </si>
  <si>
    <t>f935b095-f3e1-468c-871b-ddc6ec212164.tmp</t>
  </si>
  <si>
    <t>\\acsfs\profiles$\luanaldsi\Downloads\f935b095-f3e1-468c-871b-ddc6ec212164.tmp</t>
  </si>
  <si>
    <t>12/13/2019 10:38:50</t>
  </si>
  <si>
    <t>12/13/2019 10:43:45</t>
  </si>
  <si>
    <t>12/13/2019 10:40:19</t>
  </si>
  <si>
    <t>12/13/2019 10:44:45</t>
  </si>
  <si>
    <t>12/13/2019 10:40:24</t>
  </si>
  <si>
    <t>12/13/2019 10:40:28</t>
  </si>
  <si>
    <t>12/13/2019 10:42:28</t>
  </si>
  <si>
    <t>12/13/2019 10:42:30</t>
  </si>
  <si>
    <t>12/13/2019 10:40:21</t>
  </si>
  <si>
    <t>12/13/2019 10:45:45</t>
  </si>
  <si>
    <t>formulário - feedback registrado desvio pedro.doc</t>
  </si>
  <si>
    <t>12/13/2019 10:41:16</t>
  </si>
  <si>
    <t>formulário - feedback registrado desvio jonatan.doc</t>
  </si>
  <si>
    <t>12/13/2019 10:41:37</t>
  </si>
  <si>
    <t>formulário - feedback registrado desvio isabelle.doc</t>
  </si>
  <si>
    <t>12/13/2019 10:41:50</t>
  </si>
  <si>
    <t>formulário - aviso de 1ª advertência disciplinar valeria.doc</t>
  </si>
  <si>
    <t>12/13/2019 10:41:57</t>
  </si>
  <si>
    <t>formulário - aviso de 1ª advertência disciplinar quindaiza.doc</t>
  </si>
  <si>
    <t>12/13/2019 10:42:13</t>
  </si>
  <si>
    <t>formulário - aviso de 1ª advertência disciplinar thyago.doc</t>
  </si>
  <si>
    <t>12/13/2019 10:43:53</t>
  </si>
  <si>
    <t>12/13/2019 10:41:42</t>
  </si>
  <si>
    <t>12/13/2019 10:42:42</t>
  </si>
  <si>
    <t>12/13/2019 10:41:20</t>
  </si>
  <si>
    <t>5cf43daa-e834-4287-bb5e-2cbfdacb7656.tmp</t>
  </si>
  <si>
    <t>\\acsfs\profiles$\gabrielafs\Downloads\5cf43daa-e834-4287-bb5e-2cbfdacb7656.tmp</t>
  </si>
  <si>
    <t>12/13/2019 10:41:21</t>
  </si>
  <si>
    <t>4f013672-7ffa-4d42-9715-4361831f6484.tmp</t>
  </si>
  <si>
    <t>\\acsfs\profiles$\gabrielafs\Downloads\4f013672-7ffa-4d42-9715-4361831f6484.tmp</t>
  </si>
  <si>
    <t>12/13/2019 10:41:22</t>
  </si>
  <si>
    <t>9feb38ad-a3ee-47c8-8b96-bf168cf0b6ea.tmp</t>
  </si>
  <si>
    <t>\\acsfs\profiles$\gabrielafs\Downloads\9feb38ad-a3ee-47c8-8b96-bf168cf0b6ea.tmp</t>
  </si>
  <si>
    <t>12/13/2019 10:42:26</t>
  </si>
  <si>
    <t>86a60b03-9d8d-4206-948d-e1dc885d9582.tmp</t>
  </si>
  <si>
    <t>\\acsfs\profiles$\gabrielafs\Downloads\86a60b03-9d8d-4206-948d-e1dc885d9582.tmp</t>
  </si>
  <si>
    <t>12/13/2019 10:42:27</t>
  </si>
  <si>
    <t>bbbd8be9-9d8d-4f8b-922a-0d0ff3087610.tmp</t>
  </si>
  <si>
    <t>\\acsfs\profiles$\gabrielafs\Downloads\bbbd8be9-9d8d-4f8b-922a-0d0ff3087610.tmp</t>
  </si>
  <si>
    <t>12/13/2019 10:42:32</t>
  </si>
  <si>
    <t>0ff89c0b-628a-40c4-8e97-613adb795912.tmp</t>
  </si>
  <si>
    <t>\\acsfs\profiles$\gabrielafs\Downloads\0ff89c0b-628a-40c4-8e97-613adb795912.tmp</t>
  </si>
  <si>
    <t>12/13/2019 10:43:47</t>
  </si>
  <si>
    <t>2eeb84e3-70f7-4f55-af09-afa2a2d95dfd.tmp</t>
  </si>
  <si>
    <t>\\acsfs\profiles$\gabrielafs\Downloads\2eeb84e3-70f7-4f55-af09-afa2a2d95dfd.tmp</t>
  </si>
  <si>
    <t>12/13/2019 10:44:58</t>
  </si>
  <si>
    <t>12/13/2019 10:47:45</t>
  </si>
  <si>
    <t>ffbab48b-3612-49d0-aece-906eb8c0faa7.tmp</t>
  </si>
  <si>
    <t>\\acsfs\profiles$\leticiala\Downloads\ffbab48b-3612-49d0-aece-906eb8c0faa7.tmp</t>
  </si>
  <si>
    <t>12/13/2019 10:47:47</t>
  </si>
  <si>
    <t>12/13/2019 10:48:44</t>
  </si>
  <si>
    <t>12/13/2019 10:49:35</t>
  </si>
  <si>
    <t>12/13/2019 10:49:45</t>
  </si>
  <si>
    <t>12/13/2019 10:45:20</t>
  </si>
  <si>
    <t>12/13/2019 10:50:44</t>
  </si>
  <si>
    <t>b3e73c12-b838-403b-8092-9ab8766161d7.tmp</t>
  </si>
  <si>
    <t>\\acsfs\profiles$\larissaad\Downloads\b3e73c12-b838-403b-8092-9ab8766161d7.tmp</t>
  </si>
  <si>
    <t>12/13/2019 10:48:56</t>
  </si>
  <si>
    <t>1335b87b-fdec-487b-9ddc-6ec4fd722f8b.tmp</t>
  </si>
  <si>
    <t>\\acsfs\profiles$\larissaad\Downloads\1335b87b-fdec-487b-9ddc-6ec4fd722f8b.tmp</t>
  </si>
  <si>
    <t>12/13/2019 10:49:17</t>
  </si>
  <si>
    <t>12/13/2019 10:47:42</t>
  </si>
  <si>
    <t>12/13/2019 10:47:52</t>
  </si>
  <si>
    <t>12/13/2019 10:48:42</t>
  </si>
  <si>
    <t>12/13/2019 10:49:02</t>
  </si>
  <si>
    <t>image2019-12-13-075105.pdf</t>
  </si>
  <si>
    <t>12/13/2019 10:48:00</t>
  </si>
  <si>
    <t>C:\Users\mariannacsm\OneDrive - Grupo Algar\0- PMO-POOL\COMPRAS\10 - Consolidação de demandas\</t>
  </si>
  <si>
    <t>12/13/2019 10:47:48</t>
  </si>
  <si>
    <t>12/13/2019 10:51:45</t>
  </si>
  <si>
    <t>Relatorio de Vendas - Auditoria BV Cartoes (Dezembro)__5.xlsx</t>
  </si>
  <si>
    <t>\\acsfs\DEPTOS\Operacao\Banco_Votorantim\Qualidade\Anderson\Jose\Relatorio de Vendas - Auditoria BV Cartoes (Dezembro)__5.xlsx</t>
  </si>
  <si>
    <t>12/13/2019 10:49:58</t>
  </si>
  <si>
    <t>IOT (Fusor de Fibra) GST.xlsx</t>
  </si>
  <si>
    <t>12/13/2019 10:49:55</t>
  </si>
  <si>
    <t>12/13/2019 10:52:44</t>
  </si>
  <si>
    <t>12/13/2019 10:48:33</t>
  </si>
  <si>
    <t>12/13/2019 10:53:45</t>
  </si>
  <si>
    <t>12/13/2019 10:50:15</t>
  </si>
  <si>
    <t>lu17180no70q.tmp</t>
  </si>
  <si>
    <t>\\acsfs\profiles$\dhiulliananads\My Documents\lu17180no70q.tmp</t>
  </si>
  <si>
    <t>\\acsfs\profiles$\dhiulliananads\My Documents\lu17180no70q.tmp\</t>
  </si>
  <si>
    <t>\\acsfs\profiles$\dhiulliananads\My Documents\lu17180no70q.tmp\META-INF\</t>
  </si>
  <si>
    <t>\\acsfs\profiles$\dhiulliananads\My Documents\lu17180no70q.tmp\Thumbnails\</t>
  </si>
  <si>
    <t>12/13/2019 10:53:13</t>
  </si>
  <si>
    <t>\\acsfs\profiles$\cassianogc\My Documents\$RECYCLE.BIN\</t>
  </si>
  <si>
    <t>$IE8RTBZ.txt</t>
  </si>
  <si>
    <t>\\acsfs\profiles$\cassianogc\My Documents\$RECYCLE.BIN\$IE8RTBZ.txt</t>
  </si>
  <si>
    <t>12/13/2019 10:53:20</t>
  </si>
  <si>
    <t>$IFWP2QO.txt</t>
  </si>
  <si>
    <t>\\acsfs\profiles$\cassianogc\My Documents\$RECYCLE.BIN\$IFWP2QO.txt</t>
  </si>
  <si>
    <t>12/13/2019 10:53:26</t>
  </si>
  <si>
    <t>$IW8O998.txt</t>
  </si>
  <si>
    <t>\\acsfs\profiles$\cassianogc\My Documents\$RECYCLE.BIN\$IW8O998.txt</t>
  </si>
  <si>
    <t>12/13/2019 10:53:34</t>
  </si>
  <si>
    <t>$INIC88U.txt</t>
  </si>
  <si>
    <t>\\acsfs\profiles$\cassianogc\My Documents\$RECYCLE.BIN\$INIC88U.txt</t>
  </si>
  <si>
    <t>12/13/2019 10:51:28</t>
  </si>
  <si>
    <t>12/13/2019 10:51:59</t>
  </si>
  <si>
    <t>12/13/2019 10:54:44</t>
  </si>
  <si>
    <t>12/13/2019 10:52:23</t>
  </si>
  <si>
    <t>12/13/2019 10:52:25</t>
  </si>
  <si>
    <t>12/13/2019 10:54:32</t>
  </si>
  <si>
    <t>12/13/2019 10:54:33</t>
  </si>
  <si>
    <t>12/13/2019 10:55:44</t>
  </si>
  <si>
    <t>1037d941-058e-4df5-b97c-0ff5a00a39f6.tmp</t>
  </si>
  <si>
    <t>\\acsfs\profiles$\larissaad\Downloads\1037d941-058e-4df5-b97c-0ff5a00a39f6.tmp</t>
  </si>
  <si>
    <t>12/13/2019 10:52:26</t>
  </si>
  <si>
    <t>05697994-d43f-4486-b17a-bba7e5d82dd3.tmp</t>
  </si>
  <si>
    <t>\\acsfs\profiles$\larissaad\Downloads\05697994-d43f-4486-b17a-bba7e5d82dd3.tmp</t>
  </si>
  <si>
    <t>12/13/2019 10:52:53</t>
  </si>
  <si>
    <t>2ef2851d-4739-40eb-a6b4-621dfab3a190.tmp</t>
  </si>
  <si>
    <t>\\acsfs\profiles$\larissaad\Downloads\2ef2851d-4739-40eb-a6b4-621dfab3a190.tmp</t>
  </si>
  <si>
    <t>12/13/2019 10:54:51</t>
  </si>
  <si>
    <t>12/13/2019 10:53:43</t>
  </si>
  <si>
    <t>12/13/2019 10:54:42</t>
  </si>
  <si>
    <t>12/13/2019 10:54:52</t>
  </si>
  <si>
    <t>12/13/2019 10:53:49</t>
  </si>
  <si>
    <t>mail.google.com/_/upload?authuser=0&amp;dcp=asu-n&amp;upload_id=AEnB2UomRkfDuxpBHmbl7Jrq0Pjaw9dXHG5hPeshKsvpahGSCx0FBaRHvRWNt9CpMYJv1su3NRsQUKUJ84wsVPFW8bF_3ps9ZLaDjjvdAlVy-KejXbvvJt0&amp;upload_protocol=resumable</t>
  </si>
  <si>
    <t>SL XXXXX FACEBOOK - NOV.19 - PARTE 2.xlsb</t>
  </si>
  <si>
    <t>12/13/2019 10:51:49</t>
  </si>
  <si>
    <t>12/13/2019 10:56:44</t>
  </si>
  <si>
    <t>Manutenção corretiva digital.xlsx</t>
  </si>
  <si>
    <t>12/13/2019 10:53:24</t>
  </si>
  <si>
    <t>Rota Certa.xlsx</t>
  </si>
  <si>
    <t>12/13/2019 10:55:33</t>
  </si>
  <si>
    <t>12/13/2019 10:55:51</t>
  </si>
  <si>
    <t>12/13/2019 10:53:02</t>
  </si>
  <si>
    <t>12/13/2019 10:57:45</t>
  </si>
  <si>
    <t>f18ef785-f355-4a1f-8129-b7ddf2a849bc.tmp</t>
  </si>
  <si>
    <t>\\acsfs\profiles$\alicecpbc\Downloads\f18ef785-f355-4a1f-8129-b7ddf2a849bc.tmp</t>
  </si>
  <si>
    <t>12/13/2019 10:52:40</t>
  </si>
  <si>
    <t>32fce58f-c4b2-4394-a202-fb9236645aec.tmp</t>
  </si>
  <si>
    <t>\\acsfs\profiles$\leticiala\Downloads\32fce58f-c4b2-4394-a202-fb9236645aec.tmp</t>
  </si>
  <si>
    <t>12/13/2019 10:55:42</t>
  </si>
  <si>
    <t>442d0b16-1237-4a81-9ca3-3b599fb4863b.tmp</t>
  </si>
  <si>
    <t>\\acsfs\profiles$\luanaldsi\Downloads\442d0b16-1237-4a81-9ca3-3b599fb4863b.tmp</t>
  </si>
  <si>
    <t>12/13/2019 10:56:48</t>
  </si>
  <si>
    <t>12/13/2019 10:58:44</t>
  </si>
  <si>
    <t>12/13/2019 10:57:01</t>
  </si>
  <si>
    <t>12/13/2019 10:53:40</t>
  </si>
  <si>
    <t>$I4297TQ.txt</t>
  </si>
  <si>
    <t>\\acsfs\profiles$\cassianogc\My Documents\$RECYCLE.BIN\$I4297TQ.txt</t>
  </si>
  <si>
    <t>12/13/2019 10:57:30</t>
  </si>
  <si>
    <t>12/13/2019 10:59:45</t>
  </si>
  <si>
    <t>12/13/2019 10:54:46</t>
  </si>
  <si>
    <t>12/13/2019 10:58:52</t>
  </si>
  <si>
    <t>12/13/2019 10:58:54</t>
  </si>
  <si>
    <t>12/13/2019 10:59:01</t>
  </si>
  <si>
    <t>12/13/2019 10:59:06</t>
  </si>
  <si>
    <t>12/13/2019 10:59:29</t>
  </si>
  <si>
    <t>12/13/2019 10:55:20</t>
  </si>
  <si>
    <t>12/13/2019 11:00:44</t>
  </si>
  <si>
    <t>12/13/2019 10:59:24</t>
  </si>
  <si>
    <t>12/13/2019 10:59:42</t>
  </si>
  <si>
    <t>12/13/2019 10:59:40</t>
  </si>
  <si>
    <t>mail.google.com/_/upload?authuser=0&amp;dcp=asu-n&amp;upload_id=AEnB2UqRj9T0fUTudPSnZ5KcAPhAHokZ0GLyMpVoYNGDqWRzerCjqBSMhNDOh41g191HPbN1dvwOswoBj0jjfHL3rLJcP_F3KA&amp;upload_protocol=resumable</t>
  </si>
  <si>
    <t>C:\Users\alefl\OneDrive - Grupo Algar\Bra\Antivirus\reset\</t>
  </si>
  <si>
    <t>OfficeScan agent listing 13-12-2019.csv</t>
  </si>
  <si>
    <t>12/13/2019 10:56:50</t>
  </si>
  <si>
    <t>12/13/2019 11:01:45</t>
  </si>
  <si>
    <t>12/13/2019 11:00:22</t>
  </si>
  <si>
    <t>12/13/2019 11:02:44</t>
  </si>
  <si>
    <t>12/13/2019 11:01:29</t>
  </si>
  <si>
    <t>85e73bfd-3a67-46c4-a25d-f6a14b476276.tmp</t>
  </si>
  <si>
    <t>\\acsfs\profiles$\luanaldsi\Downloads\85e73bfd-3a67-46c4-a25d-f6a14b476276.tmp</t>
  </si>
  <si>
    <t>12/13/2019 11:00:55</t>
  </si>
  <si>
    <t>12/13/2019 11:03:45</t>
  </si>
  <si>
    <t>372a6ca2-e2f9-4142-adbf-4ba9d9e657c8.tmp</t>
  </si>
  <si>
    <t>\\acsfs\profiles$\geovannasm\Downloads\372a6ca2-e2f9-4142-adbf-4ba9d9e657c8.tmp</t>
  </si>
  <si>
    <t>12/13/2019 11:01:05</t>
  </si>
  <si>
    <t>0cce50b0-c75b-4d15-b624-9020080d4176.tmp</t>
  </si>
  <si>
    <t>\\acsfs\profiles$\geovannasm\Downloads\0cce50b0-c75b-4d15-b624-9020080d4176.tmp</t>
  </si>
  <si>
    <t>12/13/2019 11:01:58</t>
  </si>
  <si>
    <t>12/13/2019 11:04:45</t>
  </si>
  <si>
    <t>Receita gerente nov.xlsx</t>
  </si>
  <si>
    <t>12/13/2019 11:00:32</t>
  </si>
  <si>
    <t>12/13/2019 11:03:25</t>
  </si>
  <si>
    <t>12/13/2019 11:04:28</t>
  </si>
  <si>
    <t>12/13/2019 11:00:39</t>
  </si>
  <si>
    <t>12/13/2019 11:05:45</t>
  </si>
  <si>
    <t>12/13/2019 11:01:25</t>
  </si>
  <si>
    <t>12/13/2019 11:02:25</t>
  </si>
  <si>
    <t>12/13/2019 11:02:55</t>
  </si>
  <si>
    <t>12/13/2019 11:00:42</t>
  </si>
  <si>
    <t>12/13/2019 11:03:26</t>
  </si>
  <si>
    <t>12/13/2019 11:03:27</t>
  </si>
  <si>
    <t>12/13/2019 11:03:28</t>
  </si>
  <si>
    <t>12/13/2019 11:03:50</t>
  </si>
  <si>
    <t>12/13/2019 11:03:36</t>
  </si>
  <si>
    <t>12/13/2019 11:06:45</t>
  </si>
  <si>
    <t>12/13/2019 11:04:15</t>
  </si>
  <si>
    <t>12/13/2019 11:04:39</t>
  </si>
  <si>
    <t>12/13/2019 11:09:21</t>
  </si>
  <si>
    <t>12/13/2019 11:09:45</t>
  </si>
  <si>
    <t>12/13/2019 11:09:14</t>
  </si>
  <si>
    <t>12/13/2019 11:10:46</t>
  </si>
  <si>
    <t>12/13/2019 11:05:08</t>
  </si>
  <si>
    <t>12/13/2019 11:07:40</t>
  </si>
  <si>
    <t>12/13/2019 11:07:54</t>
  </si>
  <si>
    <t>2468652d-ddd9-4f5b-8316-6af9f4683d76.tmp</t>
  </si>
  <si>
    <t>\\acsfs\profiles$\larissaad\Downloads\2468652d-ddd9-4f5b-8316-6af9f4683d76.tmp</t>
  </si>
  <si>
    <t>12/13/2019 11:09:46</t>
  </si>
  <si>
    <t>12/13/2019 11:05:42</t>
  </si>
  <si>
    <t>12/13/2019 11:08:42</t>
  </si>
  <si>
    <t>12/13/2019 11:09:37</t>
  </si>
  <si>
    <t>12/13/2019 11:13:45</t>
  </si>
  <si>
    <t>12/13/2019 11:09:43</t>
  </si>
  <si>
    <t>12/13/2019 11:14:46</t>
  </si>
  <si>
    <t>12/13/2019 11:10:13</t>
  </si>
  <si>
    <t>12/13/2019 11:10:47</t>
  </si>
  <si>
    <t>12/13/2019 11:12:31</t>
  </si>
  <si>
    <t>12/13/2019 11:15:45</t>
  </si>
  <si>
    <t>12/13/2019 11:13:02</t>
  </si>
  <si>
    <t>12/13/2019 11:13:32</t>
  </si>
  <si>
    <t>12/13/2019 11:14:02</t>
  </si>
  <si>
    <t>12/13/2019 11:14:33</t>
  </si>
  <si>
    <t>12/13/2019 11:11:43</t>
  </si>
  <si>
    <t>12/13/2019 11:14:43</t>
  </si>
  <si>
    <t>12/13/2019 11:18:07</t>
  </si>
  <si>
    <t>12/13/2019 11:18:46</t>
  </si>
  <si>
    <t>12/13/2019 11:18:08</t>
  </si>
  <si>
    <t>lu17180no712.tmp</t>
  </si>
  <si>
    <t>\\acsfs\profiles$\dhiulliananads\My Documents\lu17180no712.tmp</t>
  </si>
  <si>
    <t>\\acsfs\profiles$\dhiulliananads\My Documents\lu17180no712.tmp\</t>
  </si>
  <si>
    <t>\\acsfs\profiles$\dhiulliananads\My Documents\lu17180no712.tmp\META-INF\</t>
  </si>
  <si>
    <t>\\acsfs\profiles$\dhiulliananads\My Documents\lu17180no712.tmp\Thumbnails\</t>
  </si>
  <si>
    <t>12/13/2019 11:19:11</t>
  </si>
  <si>
    <t>12/13/2019 11:19:45</t>
  </si>
  <si>
    <t>12/13/2019 11:19:12</t>
  </si>
  <si>
    <t>12/13/2019 11:19:21</t>
  </si>
  <si>
    <t>12/13/2019 11:19:26</t>
  </si>
  <si>
    <t>12/13/2019 11:19:27</t>
  </si>
  <si>
    <t>12/13/2019 11:19:36</t>
  </si>
  <si>
    <t>12/13/2019 11:20:46</t>
  </si>
  <si>
    <t>12/13/2019 11:17:56</t>
  </si>
  <si>
    <t>12/13/2019 11:19:59</t>
  </si>
  <si>
    <t>12/13/2019 11:17:20</t>
  </si>
  <si>
    <t>12/13/2019 11:17:39</t>
  </si>
  <si>
    <t>12/13/2019 11:18:01</t>
  </si>
  <si>
    <t>12/13/2019 11:22:20</t>
  </si>
  <si>
    <t>12/13/2019 11:22:46</t>
  </si>
  <si>
    <t>52443d2d-b0f5-4282-9ba0-7953bda6e291.tmp</t>
  </si>
  <si>
    <t>\\acsfs\profiles$\jessykacal\Downloads\52443d2d-b0f5-4282-9ba0-7953bda6e291.tmp</t>
  </si>
  <si>
    <t>12/13/2019 11:19:02</t>
  </si>
  <si>
    <t>12/13/2019 11:23:45</t>
  </si>
  <si>
    <t>05a65c5a-d1e9-4d7e-b809-80d11a437e4a.tmp</t>
  </si>
  <si>
    <t>\\acsfs\profiles$\adrielyas\Downloads\05a65c5a-d1e9-4d7e-b809-80d11a437e4a.tmp</t>
  </si>
  <si>
    <t>12/13/2019 11:20:28</t>
  </si>
  <si>
    <t>12/13/2019 11:24:46</t>
  </si>
  <si>
    <t>12/13/2019 11:20:30</t>
  </si>
  <si>
    <t>12/13/2019 11:20:34</t>
  </si>
  <si>
    <t>12/13/2019 11:20:36</t>
  </si>
  <si>
    <t>12/13/2019 11:20:42</t>
  </si>
  <si>
    <t>12/13/2019 11:20:51</t>
  </si>
  <si>
    <t>12/13/2019 11:21:39</t>
  </si>
  <si>
    <t>12/13/2019 11:22:48</t>
  </si>
  <si>
    <t>12/13/2019 11:22:50</t>
  </si>
  <si>
    <t>12/13/2019 11:22:55</t>
  </si>
  <si>
    <t>12/13/2019 11:22:56</t>
  </si>
  <si>
    <t>12/13/2019 11:20:07</t>
  </si>
  <si>
    <t>12/13/2019 11:25:45</t>
  </si>
  <si>
    <t>12/13/2019 11:20:43</t>
  </si>
  <si>
    <t>12/13/2019 11:23:43</t>
  </si>
  <si>
    <t>12/13/2019 11:23:03</t>
  </si>
  <si>
    <t>12/13/2019 11:21:07</t>
  </si>
  <si>
    <t>12/13/2019 11:26:44</t>
  </si>
  <si>
    <t>12/13/2019 11:28:45</t>
  </si>
  <si>
    <t>12/13/2019 11:26:07</t>
  </si>
  <si>
    <t>12/13/2019 11:24:31</t>
  </si>
  <si>
    <t>C:\Users\vanessasara\OneDrive - Grupo Algar\Ecossistema de Inovação\Prodex\</t>
  </si>
  <si>
    <t>Prodex.xlsx</t>
  </si>
  <si>
    <t>12/13/2019 11:29:31</t>
  </si>
  <si>
    <t>12/13/2019 11:29:45</t>
  </si>
  <si>
    <t>12/13/2019 11:29:33</t>
  </si>
  <si>
    <t>12/13/2019 11:29:34</t>
  </si>
  <si>
    <t>12/13/2019 11:29:35</t>
  </si>
  <si>
    <t>12/13/2019 11:29:37</t>
  </si>
  <si>
    <t>12/13/2019 11:24:59</t>
  </si>
  <si>
    <t>12/13/2019 11:30:45</t>
  </si>
  <si>
    <t>12/13/2019 11:25:00</t>
  </si>
  <si>
    <t>\\acsfs\DEPTOS\Operacao\Banco_Votorantim\Supervisao\SUPERS BV CARTÕES\ADILSON\Thumbs.db</t>
  </si>
  <si>
    <t>12/13/2019 11:26:42</t>
  </si>
  <si>
    <t>12/13/2019 11:27:19</t>
  </si>
  <si>
    <t>12/13/2019 11:27:49</t>
  </si>
  <si>
    <t>12/13/2019 11:28:20</t>
  </si>
  <si>
    <t>12/13/2019 11:28:50</t>
  </si>
  <si>
    <t>12/13/2019 11:26:50</t>
  </si>
  <si>
    <t>6c17c0d5-79cf-4fd1-b1c9-015f5832ae01.tmp</t>
  </si>
  <si>
    <t>\\acsfs\profiles$\valeriasda\Downloads\6c17c0d5-79cf-4fd1-b1c9-015f5832ae01.tmp</t>
  </si>
  <si>
    <t>12/13/2019 11:26:43</t>
  </si>
  <si>
    <t>12/13/2019 11:29:43</t>
  </si>
  <si>
    <t>12/13/2019 11:32:26</t>
  </si>
  <si>
    <t>12/13/2019 11:34:45</t>
  </si>
  <si>
    <t>mail.google.com/_/upload?authuser=0&amp;dcp=asu-n&amp;upload_id=AEnB2Uqmqjy07m_u3_ESvTVuuJqbwxcPrh8eHmzXiOHU569ZdAF98Q2noJg2H6FOAD5Q5Z39HcXaeGwSQ5kskX57XbGhS8MP3HfURG1M_ezhDRhJsAWZ864&amp;upload_protocol=resumable</t>
  </si>
  <si>
    <t>CHEVES ANF-31 JJ.xlsx</t>
  </si>
  <si>
    <t>12/13/2019 11:34:30</t>
  </si>
  <si>
    <t>12/13/2019 11:35:45</t>
  </si>
  <si>
    <t>12/13/2019 11:33:13</t>
  </si>
  <si>
    <t>12/13/2019 11:31:14</t>
  </si>
  <si>
    <t>https://udpmailboxap01.acs.com.br:8443/h/search;jsessionid=o1t47nlpx95p1ebtquod63alt?si=0&amp;so=0&amp;sc=43313&amp;st=conversation&amp;action=compose</t>
  </si>
  <si>
    <t>12/13/2019 11:31:44</t>
  </si>
  <si>
    <t>12/13/2019 11:32:14</t>
  </si>
  <si>
    <t>12/13/2019 11:34:54</t>
  </si>
  <si>
    <t>12/13/2019 11:32:42</t>
  </si>
  <si>
    <t>12/13/2019 11:38:53</t>
  </si>
  <si>
    <t>12/13/2019 11:40:45</t>
  </si>
  <si>
    <t>12/13/2019 11:35:43</t>
  </si>
  <si>
    <t>12/13/2019 11:38:43</t>
  </si>
  <si>
    <t>12/13/2019 11:36:21</t>
  </si>
  <si>
    <t>mail.google.com/_/upload?authuser=0&amp;dcp=asu-n&amp;upload_id=AEnB2Uqx35TQd0BxzigyyzzOSOtbZs-fCJ1_Yp4M-a9XBKoQF3ApRpZOc4DI_96KEdOeC6NOdy43ca_6WAVyEAbEdmAiPoxCBiVXWYq60oiBwGskL6qNAqI&amp;upload_protocol=resumable</t>
  </si>
  <si>
    <t>Detalhamento OPEX - CAPEX - Atualizado Bellon.xlsx</t>
  </si>
  <si>
    <t>12/13/2019 11:44:01</t>
  </si>
  <si>
    <t>12/13/2019 11:44:45</t>
  </si>
  <si>
    <t>9752e7c0-660c-46c0-a890-0b70ca9186cd.tmp</t>
  </si>
  <si>
    <t>\\acsfs\profiles$\cintiadcf\Downloads\9752e7c0-660c-46c0-a890-0b70ca9186cd.tmp</t>
  </si>
  <si>
    <t>12/13/2019 11:43:21</t>
  </si>
  <si>
    <t>12/13/2019 11:43:22</t>
  </si>
  <si>
    <t>12/13/2019 11:43:31</t>
  </si>
  <si>
    <t>12/13/2019 11:40:14</t>
  </si>
  <si>
    <t>12/13/2019 11:45:44</t>
  </si>
  <si>
    <t>12/13/2019 11:40:44</t>
  </si>
  <si>
    <t>12/13/2019 11:41:14</t>
  </si>
  <si>
    <t>12/13/2019 11:41:43</t>
  </si>
  <si>
    <t>12/13/2019 11:44:43</t>
  </si>
  <si>
    <t>12/13/2019 11:42:37</t>
  </si>
  <si>
    <t>12/13/2019 11:47:45</t>
  </si>
  <si>
    <t>12/13/2019 11:46:27</t>
  </si>
  <si>
    <t>12/13/2019 11:48:44</t>
  </si>
  <si>
    <t>12/13/2019 11:48:20</t>
  </si>
  <si>
    <t>12/13/2019 11:47:44</t>
  </si>
  <si>
    <t>12/13/2019 11:49:45</t>
  </si>
  <si>
    <t>Modelo DW</t>
  </si>
  <si>
    <t>12/13/2019 11:47:43</t>
  </si>
  <si>
    <t>12/13/2019 11:50:44</t>
  </si>
  <si>
    <t>12/13/2019 11:46:19</t>
  </si>
  <si>
    <t>de6a5273-48ea-4214-b068-2a7375567582.tmp</t>
  </si>
  <si>
    <t>\\acsfs\profiles$\geovanaasa\Downloads\de6a5273-48ea-4214-b068-2a7375567582.tmp</t>
  </si>
  <si>
    <t>12/13/2019 11:49:14</t>
  </si>
  <si>
    <t>12/13/2019 11:53:45</t>
  </si>
  <si>
    <t>lu17180no71f.tmp</t>
  </si>
  <si>
    <t>\\acsfs\profiles$\dhiulliananads\My Documents\lu17180no71f.tmp</t>
  </si>
  <si>
    <t>\\acsfs\profiles$\dhiulliananads\My Documents\lu17180no71f.tmp\</t>
  </si>
  <si>
    <t>\\acsfs\profiles$\dhiulliananads\My Documents\lu17180no71f.tmp\META-INF\</t>
  </si>
  <si>
    <t>\\acsfs\profiles$\dhiulliananads\My Documents\lu17180no71f.tmp\Thumbnails\</t>
  </si>
  <si>
    <t>12/13/2019 11:49:18</t>
  </si>
  <si>
    <t>lu17180no71k.tmp</t>
  </si>
  <si>
    <t>\\acsfs\profiles$\dhiulliananads\My Documents\lu17180no71k.tmp</t>
  </si>
  <si>
    <t>\\acsfs\profiles$\dhiulliananads\My Documents\lu17180no71k.tmp\</t>
  </si>
  <si>
    <t>\\acsfs\profiles$\dhiulliananads\My Documents\lu17180no71k.tmp\META-INF\</t>
  </si>
  <si>
    <t>\\acsfs\profiles$\dhiulliananads\My Documents\lu17180no71k.tmp\Thumbnails\</t>
  </si>
  <si>
    <t>12/13/2019 11:49:36</t>
  </si>
  <si>
    <t>lu17180no71o.tmp</t>
  </si>
  <si>
    <t>\\acsfs\profiles$\dhiulliananads\My Documents\lu17180no71o.tmp</t>
  </si>
  <si>
    <t>\\acsfs\profiles$\dhiulliananads\My Documents\lu17180no71o.tmp\</t>
  </si>
  <si>
    <t>\\acsfs\profiles$\dhiulliananads\My Documents\lu17180no71o.tmp\META-INF\</t>
  </si>
  <si>
    <t>\\acsfs\profiles$\dhiulliananads\My Documents\lu17180no71o.tmp\Thumbnails\</t>
  </si>
  <si>
    <t>12/13/2019 11:52:42</t>
  </si>
  <si>
    <t>12/13/2019 11:54:45</t>
  </si>
  <si>
    <t>12/13/2019 11:52:43</t>
  </si>
  <si>
    <t>12/13/2019 11:53:02</t>
  </si>
  <si>
    <t>12/13/2019 11:53:03</t>
  </si>
  <si>
    <t>12/13/2019 11:50:43</t>
  </si>
  <si>
    <t>12/13/2019 11:55:45</t>
  </si>
  <si>
    <t>12/13/2019 11:53:43</t>
  </si>
  <si>
    <t>12/13/2019 11:56:16</t>
  </si>
  <si>
    <t>12/13/2019 11:56:46</t>
  </si>
  <si>
    <t>342e5a03-011e-48b7-8ea6-ea7f01048e91.tmp</t>
  </si>
  <si>
    <t>\\acsfs\profiles$\leonardobb\Downloads\342e5a03-011e-48b7-8ea6-ea7f01048e91.tmp</t>
  </si>
  <si>
    <t>12/13/2019 11:54:22</t>
  </si>
  <si>
    <t>12/13/2019 11:57:04</t>
  </si>
  <si>
    <t>12/13/2019 11:59:45</t>
  </si>
  <si>
    <t>12/13/2019 11:57:21</t>
  </si>
  <si>
    <t>12/13/2019 11:57:22</t>
  </si>
  <si>
    <t>12/13/2019 11:57:27</t>
  </si>
  <si>
    <t>12/13/2019 11:57:28</t>
  </si>
  <si>
    <t>12/13/2019 11:57:29</t>
  </si>
  <si>
    <t>12/13/2019 11:57:30</t>
  </si>
  <si>
    <t>12/13/2019 11:58:38</t>
  </si>
  <si>
    <t>12/13/2019 11:58:39</t>
  </si>
  <si>
    <t>12/13/2019 11:58:47</t>
  </si>
  <si>
    <t>12/13/2019 11:58:51</t>
  </si>
  <si>
    <t>12/13/2019 11:59:20</t>
  </si>
  <si>
    <t>12/13/2019 11:59:22</t>
  </si>
  <si>
    <t>12/13/2019 11:59:23</t>
  </si>
  <si>
    <t>12/13/2019 11:55:47</t>
  </si>
  <si>
    <t>12/13/2019 12:00:46</t>
  </si>
  <si>
    <t>12/13/2019 11:57:03</t>
  </si>
  <si>
    <t>12/13/2019 11:58:36</t>
  </si>
  <si>
    <t>12/13/2019 11:56:43</t>
  </si>
  <si>
    <t>12/13/2019 11:59:43</t>
  </si>
  <si>
    <t>12/13/2019 11:59:32</t>
  </si>
  <si>
    <t>12/13/2019 12:01:45</t>
  </si>
  <si>
    <t>12/13/2019 11:59:33</t>
  </si>
  <si>
    <t>lu7512zkcq.tmp</t>
  </si>
  <si>
    <t>\\acsfs\profiles$\kamillacr\My Documents\lu7512zkcq.tmp</t>
  </si>
  <si>
    <t>\\acsfs\profiles$\kamillacr\My Documents\lu7512zkcq.tmp\</t>
  </si>
  <si>
    <t>\\acsfs\profiles$\kamillacr\My Documents\lu7512zkcq.tmp\META-INF\</t>
  </si>
  <si>
    <t>\\acsfs\profiles$\kamillacr\My Documents\lu7512zkcq.tmp\Thumbnails\</t>
  </si>
  <si>
    <t>12/13/2019 12:00:14</t>
  </si>
  <si>
    <t>12/13/2019 12:02:46</t>
  </si>
  <si>
    <t>12/13/2019 11:59:06</t>
  </si>
  <si>
    <t>12/13/2019 12:03:22</t>
  </si>
  <si>
    <t>12/13/2019 12:03:46</t>
  </si>
  <si>
    <t>12/13/2019 12:00:13</t>
  </si>
  <si>
    <t>12/13/2019 12:04:46</t>
  </si>
  <si>
    <t>12/13/2019 12:02:43</t>
  </si>
  <si>
    <t>12/13/2019 12:05:45</t>
  </si>
  <si>
    <t>12/13/2019 12:06:53</t>
  </si>
  <si>
    <t>12/13/2019 12:09:45</t>
  </si>
  <si>
    <t>12/13/2019 12:07:01</t>
  </si>
  <si>
    <t>12/13/2019 12:07:03</t>
  </si>
  <si>
    <t>12/13/2019 12:07:04</t>
  </si>
  <si>
    <t>12/13/2019 12:05:43</t>
  </si>
  <si>
    <t>12/13/2019 12:10:45</t>
  </si>
  <si>
    <t>12/13/2019 12:07:55</t>
  </si>
  <si>
    <t>12/13/2019 12:08:43</t>
  </si>
  <si>
    <t>12/13/2019 12:06:43</t>
  </si>
  <si>
    <t>C:\Users\mariannacsm\OneDrive - Grupo Algar\0- PMO-POOL\Projetos Compras\Simplificação do Processo de Compras\</t>
  </si>
  <si>
    <t>Template horas_Simplificação da Cadeia de Compras.xlsx</t>
  </si>
  <si>
    <t>12/13/2019 12:10:41</t>
  </si>
  <si>
    <t>12/13/2019 12:11:45</t>
  </si>
  <si>
    <t>12/13/2019 12:11:17</t>
  </si>
  <si>
    <t>12/13/2019 12:13:45</t>
  </si>
  <si>
    <t>12/13/2019 12:13:10</t>
  </si>
  <si>
    <t>12/13/2019 12:14:45</t>
  </si>
  <si>
    <t>d2e442e4-f452-4ffe-91cf-59cf35967279.tmp</t>
  </si>
  <si>
    <t>\\acsfs\profiles$\sarahbal\Downloads\d2e442e4-f452-4ffe-91cf-59cf35967279.tmp</t>
  </si>
  <si>
    <t>12/13/2019 12:10:29</t>
  </si>
  <si>
    <t>12/13/2019 12:15:45</t>
  </si>
  <si>
    <t>12/13/2019 12:10:14</t>
  </si>
  <si>
    <t>12/13/2019 12:10:44</t>
  </si>
  <si>
    <t>12/13/2019 12:12:45</t>
  </si>
  <si>
    <t>12/13/2019 12:13:14</t>
  </si>
  <si>
    <t>12/13/2019 12:14:44</t>
  </si>
  <si>
    <t>12/13/2019 12:11:46</t>
  </si>
  <si>
    <t>12/13/2019 12:13:53</t>
  </si>
  <si>
    <t>12/13/2019 12:16:45</t>
  </si>
  <si>
    <t>10.201.30.45</t>
  </si>
  <si>
    <t>C:\Users\andremg\Desktop\Projeto Yahsat\POP\PP-0227 - Filas de tratamento de demandas.docx\</t>
  </si>
  <si>
    <t>actionitems,ance,ances,ancest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,displaynam,displayname,domain,e recuperação de gravações comprobatórias' and title contains 'docx' and trashed = false and '1uohrpomhxwdyfy1l1flcmntg8axhve0a' in parents&amp;fields=kind,emailaddress,explicitlytrashed,fil,file(kind,fileextension,fileid,filesize,flaggedforabuse,foldercolor,folderfeatures,hasaugmentedpermissions,haschildfolde,haschildfolders,hasthumbnail,hasvisitorpermission,hasvisitorpermissions,hidden,id,id),items(deleted,items(kind,ken,kind,labels(starred,lastmodifyi,lastmodifyinguser(kind,lastviewedbymedate,mimetype,modifiedbymedate,modifieddate,nextpagetoken,nextpagetoken�,oa4z6ysilh-taqqj0a</t>
  </si>
  <si>
    <t>12/13/2019 12:14:36</t>
  </si>
  <si>
    <t>C:\Users\andremg\Desktop\Projeto Yahsat\POP\PP-0224 - Armazenamento e recuperação de gravações comprobatórias.docx\</t>
  </si>
  <si>
    <t>12/13/2019 12:12:40</t>
  </si>
  <si>
    <t>12/13/2019 12:17:45</t>
  </si>
  <si>
    <t>12/13/2019 12:16:56</t>
  </si>
  <si>
    <t>12/13/2019 12:19:45</t>
  </si>
  <si>
    <t>12/13/2019 12:15:14</t>
  </si>
  <si>
    <t>12/13/2019 12:20:45</t>
  </si>
  <si>
    <t>12/13/2019 12:16:14</t>
  </si>
  <si>
    <t>12/13/2019 12:16:44</t>
  </si>
  <si>
    <t>12/13/2019 12:18:20</t>
  </si>
  <si>
    <t>b38ba5b5-d933-4e64-a492-f4201817abfc.tmp</t>
  </si>
  <si>
    <t>\\acsfs\profiles$\gabrielafs\Downloads\b38ba5b5-d933-4e64-a492-f4201817abfc.tmp</t>
  </si>
  <si>
    <t>12/13/2019 12:17:44</t>
  </si>
  <si>
    <t>12/13/2019 12:21:45</t>
  </si>
  <si>
    <t>12/13/2019 11:42:02</t>
  </si>
  <si>
    <t>12/13/2019 12:22:44</t>
  </si>
  <si>
    <t>C:\Users\almirsn\Downloads\</t>
  </si>
  <si>
    <t>Farol Migração RCP V11 27.02.18.xlsx</t>
  </si>
  <si>
    <t>12/13/2019 12:21:41</t>
  </si>
  <si>
    <t>12/13/2019 12:25:44</t>
  </si>
  <si>
    <t>12/13/2019 12:21:43</t>
  </si>
  <si>
    <t>12/13/2019 12:21:44</t>
  </si>
  <si>
    <t>12/13/2019 12:21:49</t>
  </si>
  <si>
    <t>12/13/2019 12:21:40</t>
  </si>
  <si>
    <t>ulog_AcroARM2_ARM2Update_a9473871-eb7b-4719-ba46-35125c58e0e7_c435177a-79c0-4e7f-87fe-116e855cdeff_0.log</t>
  </si>
  <si>
    <t>C:\Users\davimvs\AppData\Roaming\Adobe\LogTransport2\Logs\ulog_AcroARM2_ARM2Update_a9473871-eb7b-4719-ba46-35125c58e0e7_c435177a-79c0-4e7f-87fe-116e855cdeff_0.log\</t>
  </si>
  <si>
    <t>ulog_AcroARM2_Reader_a9473871-eb7b-4719-ba46-35125c58e0e7_67f92f49-0f97-4215-9074-edc50c836edb_0.log</t>
  </si>
  <si>
    <t>C:\Users\davimvs\AppData\Roaming\Adobe\LogTransport2\Logs\ulog_AcroARM2_Reader_a9473871-eb7b-4719-ba46-35125c58e0e7_67f92f49-0f97-4215-9074-edc50c836edb_0.log\</t>
  </si>
  <si>
    <t>ulog_Acrobat12_Reader_a9473871-eb7b-4719-ba46-35125c58e0e7_f74e0f97-f096-440b-9431-6ebed4d71c31_0.log</t>
  </si>
  <si>
    <t>C:\Users\davimvs\AppData\Roaming\Adobe\LogTransport2\Logs\ulog_Acrobat12_Reader_a9473871-eb7b-4719-ba46-35125c58e0e7_f74e0f97-f096-440b-9431-6ebed4d71c31_0.log\</t>
  </si>
  <si>
    <t>12/13/2019 12:22:14</t>
  </si>
  <si>
    <t>12/13/2019 12:23:14</t>
  </si>
  <si>
    <t>12/13/2019 12:21:26</t>
  </si>
  <si>
    <t>12/13/2019 12:22:42</t>
  </si>
  <si>
    <t>12/13/2019 12:20:48</t>
  </si>
  <si>
    <t>12/13/2019 12:26:45</t>
  </si>
  <si>
    <t>12/13/2019 12:23:44</t>
  </si>
  <si>
    <t>12/13/2019 12:26:36</t>
  </si>
  <si>
    <t>12/13/2019 12:27:45</t>
  </si>
  <si>
    <t>\\acsfs\profiles$\jessykacal\Favorites\citrix.url:favicon</t>
  </si>
  <si>
    <t>12/13/2019 12:26:37</t>
  </si>
  <si>
    <t>12/13/2019 12:25:56</t>
  </si>
  <si>
    <t>12/13/2019 12:28:46</t>
  </si>
  <si>
    <t>f029dd08-a2ea-4e5c-8719-c697776ec6ba.tmp</t>
  </si>
  <si>
    <t>\\acsfs\profiles$\deborahsi\Downloads\f029dd08-a2ea-4e5c-8719-c697776ec6ba.tmp</t>
  </si>
  <si>
    <t>12/13/2019 12:24:55</t>
  </si>
  <si>
    <t>d7ed7797-484b-48ed-bc1a-e215bed89fd6.tmp</t>
  </si>
  <si>
    <t>\\acsfs\profiles$\isabellegtds\Downloads\d7ed7797-484b-48ed-bc1a-e215bed89fd6.tmp</t>
  </si>
  <si>
    <t>12/13/2019 12:26:21</t>
  </si>
  <si>
    <t>12/13/2019 12:29:45</t>
  </si>
  <si>
    <t>f5af825d-8d73-4483-94a6-aabd5e6c11be.tmp</t>
  </si>
  <si>
    <t>\\acsfs\profiles$\wenderbnm\Downloads\f5af825d-8d73-4483-94a6-aabd5e6c11be.tmp</t>
  </si>
  <si>
    <t>12/13/2019 12:28:45</t>
  </si>
  <si>
    <t>12/13/2019 12:30:46</t>
  </si>
  <si>
    <t>12/13/2019 12:26:43</t>
  </si>
  <si>
    <t>12/13/2019 12:31:46</t>
  </si>
  <si>
    <t>12/13/2019 12:29:43</t>
  </si>
  <si>
    <t>12/13/2019 12:30:19</t>
  </si>
  <si>
    <t>12/13/2019 12:33:45</t>
  </si>
  <si>
    <t>12/13/2019 12:30:20</t>
  </si>
  <si>
    <t>lu17180no71v.tmp</t>
  </si>
  <si>
    <t>\\acsfs\profiles$\dhiulliananads\My Documents\lu17180no71v.tmp</t>
  </si>
  <si>
    <t>\\acsfs\profiles$\dhiulliananads\My Documents\lu17180no71v.tmp\</t>
  </si>
  <si>
    <t>\\acsfs\profiles$\dhiulliananads\My Documents\lu17180no71v.tmp\META-INF\</t>
  </si>
  <si>
    <t>\\acsfs\profiles$\dhiulliananads\My Documents\lu17180no71v.tmp\Thumbnails\</t>
  </si>
  <si>
    <t>12/13/2019 12:30:38</t>
  </si>
  <si>
    <t>lu17180no71z.tmp</t>
  </si>
  <si>
    <t>\\acsfs\profiles$\dhiulliananads\My Documents\lu17180no71z.tmp</t>
  </si>
  <si>
    <t>\\acsfs\profiles$\dhiulliananads\My Documents\lu17180no71z.tmp\</t>
  </si>
  <si>
    <t>\\acsfs\profiles$\dhiulliananads\My Documents\lu17180no71z.tmp\META-INF\</t>
  </si>
  <si>
    <t>\\acsfs\profiles$\dhiulliananads\My Documents\lu17180no71z.tmp\Thumbnails\</t>
  </si>
  <si>
    <t>12/13/2019 12:30:01</t>
  </si>
  <si>
    <t>12/13/2019 12:30:14</t>
  </si>
  <si>
    <t>12/13/2019 12:35:45</t>
  </si>
  <si>
    <t>12/13/2019 12:30:44</t>
  </si>
  <si>
    <t>12/13/2019 12:31:14</t>
  </si>
  <si>
    <t>12/13/2019 12:33:35</t>
  </si>
  <si>
    <t>ulog_AcroARM2_Reader_a9473871-eb7b-4719-ba46-35125c58e0e7_d0114ab6-d275-4859-a894-2982b78d4a72_0.log</t>
  </si>
  <si>
    <t>C:\Users\davimvs\AppData\Roaming\Adobe\LogTransport2\Logs\ulog_AcroARM2_Reader_a9473871-eb7b-4719-ba46-35125c58e0e7_d0114ab6-d275-4859-a894-2982b78d4a72_0.log\</t>
  </si>
  <si>
    <t>12/13/2019 12:32:43</t>
  </si>
  <si>
    <t>12/13/2019 12:36:46</t>
  </si>
  <si>
    <t>12/13/2019 12:35:43</t>
  </si>
  <si>
    <t>12/13/2019 12:31:37</t>
  </si>
  <si>
    <t>12/13/2019 12:39:01</t>
  </si>
  <si>
    <t>12/13/2019 12:39:46</t>
  </si>
  <si>
    <t>12/13/2019 12:37:57</t>
  </si>
  <si>
    <t>bd39a6e0-3f4b-4bdf-b07f-44167a23e3a6.tmp</t>
  </si>
  <si>
    <t>\\acsfs\profiles$\cintiadcf\Downloads\bd39a6e0-3f4b-4bdf-b07f-44167a23e3a6.tmp</t>
  </si>
  <si>
    <t>12/13/2019 12:36:34</t>
  </si>
  <si>
    <t>12/13/2019 12:40:46</t>
  </si>
  <si>
    <t>12/13/2019 12:36:35</t>
  </si>
  <si>
    <t>12/13/2019 12:36:38</t>
  </si>
  <si>
    <t>12/13/2019 12:36:47</t>
  </si>
  <si>
    <t>12/13/2019 12:36:48</t>
  </si>
  <si>
    <t>12/13/2019 12:36:59</t>
  </si>
  <si>
    <t>12/13/2019 12:37:00</t>
  </si>
  <si>
    <t>12/13/2019 12:37:01</t>
  </si>
  <si>
    <t>12/13/2019 12:39:24</t>
  </si>
  <si>
    <t>12/13/2019 12:38:14</t>
  </si>
  <si>
    <t>12/13/2019 12:38:44</t>
  </si>
  <si>
    <t>12/13/2019 12:39:14</t>
  </si>
  <si>
    <t>12/13/2019 12:39:44</t>
  </si>
  <si>
    <t>12/13/2019 12:38:43</t>
  </si>
  <si>
    <t>12/13/2019 12:41:45</t>
  </si>
  <si>
    <t>12/13/2019 12:38:58</t>
  </si>
  <si>
    <t>12/13/2019 12:42:46</t>
  </si>
  <si>
    <t>12/13/2019 12:39:17</t>
  </si>
  <si>
    <t>12/13/2019 12:43:46</t>
  </si>
  <si>
    <t>mail.google.com/_/upload?authuser=0&amp;dcp=asu-n&amp;upload_id=AEnB2Uru4ZHSfTtyZhc6BLXoWVp2vWiQXkDtXxNfMrAjlBJXIkkthVXUH9cEgvR1v1WRvtq1dJxgAKrfQt4Jdqe_PZkV5uVrKR-4IPKhMWOrEdM1ExcqEY8&amp;upload_protocol=resumable</t>
  </si>
  <si>
    <t>henriquebg@algartech.com;leandrosos@algartech.com;marceloat@algartech.com;rafaelbdt@algartech.com;senildapdo@algartech.com;tayseifb@algartech.com;</t>
  </si>
  <si>
    <t>Itens Capacity BMG - Redes.xlsx</t>
  </si>
  <si>
    <t>henriquebg@algartech.com,leandrosos@algartech.com,marceloat@algartech.com,rafaelbdt@algartech.com,senildapdo@algartech.com,tayseifb@algartech.com</t>
  </si>
  <si>
    <t>12/13/2019 12:40:02</t>
  </si>
  <si>
    <t>lu17180no723.tmp</t>
  </si>
  <si>
    <t>\\acsfs\profiles$\dhiulliananads\My Documents\lu17180no723.tmp</t>
  </si>
  <si>
    <t>\\acsfs\profiles$\dhiulliananads\My Documents\lu17180no723.tmp\</t>
  </si>
  <si>
    <t>\\acsfs\profiles$\dhiulliananads\My Documents\lu17180no723.tmp\META-INF\</t>
  </si>
  <si>
    <t>\\acsfs\profiles$\dhiulliananads\My Documents\lu17180no723.tmp\Thumbnails\</t>
  </si>
  <si>
    <t>12/13/2019 12:41:31</t>
  </si>
  <si>
    <t>12/13/2019 12:45:46</t>
  </si>
  <si>
    <t>12/13/2019 12:40:44</t>
  </si>
  <si>
    <t>12/13/2019 12:43:44</t>
  </si>
  <si>
    <t>12/13/2019 12:44:14</t>
  </si>
  <si>
    <t>12/13/2019 12:44:44</t>
  </si>
  <si>
    <t>12/13/2019 12:40:58</t>
  </si>
  <si>
    <t>12/13/2019 12:41:43</t>
  </si>
  <si>
    <t>12/13/2019 12:46:46</t>
  </si>
  <si>
    <t>12/13/2019 12:44:43</t>
  </si>
  <si>
    <t>12/13/2019 12:47:46</t>
  </si>
  <si>
    <t>12/13/2019 12:48:46</t>
  </si>
  <si>
    <t>12/13/2019 12:47:53</t>
  </si>
  <si>
    <t>lu17180no728.tmp</t>
  </si>
  <si>
    <t>\\acsfs\profiles$\dhiulliananads\My Documents\lu17180no728.tmp</t>
  </si>
  <si>
    <t>\\acsfs\profiles$\dhiulliananads\My Documents\lu17180no728.tmp\</t>
  </si>
  <si>
    <t>\\acsfs\profiles$\dhiulliananads\My Documents\lu17180no728.tmp\META-INF\</t>
  </si>
  <si>
    <t>\\acsfs\profiles$\dhiulliananads\My Documents\lu17180no728.tmp\Thumbnails\</t>
  </si>
  <si>
    <t>12/13/2019 12:45:42</t>
  </si>
  <si>
    <t>12/13/2019 12:49:46</t>
  </si>
  <si>
    <t>12/13/2019 12:46:14</t>
  </si>
  <si>
    <t>12/13/2019 12:50:46</t>
  </si>
  <si>
    <t>12/13/2019 12:49:44</t>
  </si>
  <si>
    <t>12/13/2019 12:47:43</t>
  </si>
  <si>
    <t>12/13/2019 12:51:46</t>
  </si>
  <si>
    <t>12/13/2019 12:50:43</t>
  </si>
  <si>
    <t>12/13/2019 12:50:53</t>
  </si>
  <si>
    <t>12/13/2019 12:53:46</t>
  </si>
  <si>
    <t>cac0bc71-93d8-4c17-bfed-05f6dd0fa738.tmp</t>
  </si>
  <si>
    <t>\\acsfs\profiles$\KARENDSR\Downloads\cac0bc71-93d8-4c17-bfed-05f6dd0fa738.tmp</t>
  </si>
  <si>
    <t>12/13/2019 12:51:05</t>
  </si>
  <si>
    <t>d965387e-09a5-4506-b760-6733a50c5e83.tmp</t>
  </si>
  <si>
    <t>\\acsfs\profiles$\KARENDSR\Downloads\d965387e-09a5-4506-b760-6733a50c5e83.tmp</t>
  </si>
  <si>
    <t>12/13/2019 12:51:29</t>
  </si>
  <si>
    <t>c68b1c30-c68e-4458-930b-6bb6c3845201.tmp</t>
  </si>
  <si>
    <t>\\acsfs\profiles$\KARENDSR\Downloads\c68b1c30-c68e-4458-930b-6bb6c3845201.tmp</t>
  </si>
  <si>
    <t>12/13/2019 12:51:49</t>
  </si>
  <si>
    <t>aa4ac0a4-196c-4991-9bb7-89cd90a29b3e.tmp</t>
  </si>
  <si>
    <t>\\acsfs\profiles$\KARENDSR\Downloads\aa4ac0a4-196c-4991-9bb7-89cd90a29b3e.tmp</t>
  </si>
  <si>
    <t>12/13/2019 12:51:10</t>
  </si>
  <si>
    <t>12/13/2019 12:54:46</t>
  </si>
  <si>
    <t>4416e760-1608-4ffb-854e-e0aaffd2bb73.tmp</t>
  </si>
  <si>
    <t>\\acsfs\profiles$\sarahbal\Downloads\4416e760-1608-4ffb-854e-e0aaffd2bb73.tmp</t>
  </si>
  <si>
    <t>12/13/2019 12:51:44</t>
  </si>
  <si>
    <t>12/13/2019 12:55:46</t>
  </si>
  <si>
    <t>12/13/2019 12:52:14</t>
  </si>
  <si>
    <t>12/13/2019 12:52:44</t>
  </si>
  <si>
    <t>12/13/2019 12:53:14</t>
  </si>
  <si>
    <t>12/13/2019 12:53:44</t>
  </si>
  <si>
    <t>12/13/2019 12:53:43</t>
  </si>
  <si>
    <t>12/13/2019 12:56:45</t>
  </si>
  <si>
    <t>12/13/2019 12:52:03</t>
  </si>
  <si>
    <t>12/13/2019 12:53:28</t>
  </si>
  <si>
    <t>12/13/2019 12:53:59</t>
  </si>
  <si>
    <t>12/13/2019 12:54:06</t>
  </si>
  <si>
    <t>12/13/2019 12:53:54</t>
  </si>
  <si>
    <t>12/13/2019 12:58:45</t>
  </si>
  <si>
    <t>12/13/2019 12:53:55</t>
  </si>
  <si>
    <t>lu17180no72d.tmp</t>
  </si>
  <si>
    <t>\\acsfs\profiles$\dhiulliananads\My Documents\lu17180no72d.tmp</t>
  </si>
  <si>
    <t>\\acsfs\profiles$\dhiulliananads\My Documents\lu17180no72d.tmp\</t>
  </si>
  <si>
    <t>\\acsfs\profiles$\dhiulliananads\My Documents\lu17180no72d.tmp\META-INF\</t>
  </si>
  <si>
    <t>\\acsfs\profiles$\dhiulliananads\My Documents\lu17180no72d.tmp\Thumbnails\</t>
  </si>
  <si>
    <t>12/13/2019 12:55:27</t>
  </si>
  <si>
    <t>12/13/2019 12:59:46</t>
  </si>
  <si>
    <t>12/13/2019 12:54:13</t>
  </si>
  <si>
    <t>12/13/2019 12:55:09</t>
  </si>
  <si>
    <t>12/13/2019 12:57:29</t>
  </si>
  <si>
    <t>31c2337e-38b9-4e72-bc43-87ea334cc5ff.tmp</t>
  </si>
  <si>
    <t>\\acsfs\profiles$\adrielyas\Downloads\31c2337e-38b9-4e72-bc43-87ea334cc5ff.tmp</t>
  </si>
  <si>
    <t>12/13/2019 12:58:36</t>
  </si>
  <si>
    <t>e0c24786-873a-4f55-aac8-22f74104bdf5.tmp</t>
  </si>
  <si>
    <t>\\acsfs\profiles$\adrielyas\Downloads\e0c24786-873a-4f55-aac8-22f74104bdf5.tmp</t>
  </si>
  <si>
    <t>12/13/2019 12:59:14</t>
  </si>
  <si>
    <t>12/13/2019 13:00:45</t>
  </si>
  <si>
    <t>12/13/2019 12:56:43</t>
  </si>
  <si>
    <t>12/13/2019 13:01:45</t>
  </si>
  <si>
    <t>12/13/2019 12:59:43</t>
  </si>
  <si>
    <t>12/13/2019 13:00:49</t>
  </si>
  <si>
    <t>12/13/2019 13:02:46</t>
  </si>
  <si>
    <t>10.200.99.144</t>
  </si>
  <si>
    <t>mail.google.com/_/upload?authuser=0&amp;dcp=asu-n&amp;upload_id=AEnB2Uqxp1XqyAAp1CCSyVspU9IuUN73Qr5sHtDd-sTu-H-lox-4dwJayXSZxrb62t8ufniGWhSCtO7y7Hx7jOYG1lQE0zfQBTjY9uLw4cWkLf-JYrVIu-w&amp;upload_protocol=resumable</t>
  </si>
  <si>
    <t>\\udpavonfs01\AVON\06. PCP\JOSÉ AFONSO DA SILVA NETO\BKO\</t>
  </si>
  <si>
    <t>Distribuição Atual Egain.xlsx</t>
  </si>
  <si>
    <t>12/13/2019 12:58:46</t>
  </si>
  <si>
    <t>12/13/2019 13:03:46</t>
  </si>
  <si>
    <t>12/13/2019 13:00:58</t>
  </si>
  <si>
    <t>58c66463-c2c6-4172-b3c0-edbe0675ea96.tmp</t>
  </si>
  <si>
    <t>\\acsfs\profiles$\geovanaasa\Downloads\58c66463-c2c6-4172-b3c0-edbe0675ea96.tmp</t>
  </si>
  <si>
    <t>12/13/2019 13:00:26</t>
  </si>
  <si>
    <t>12/13/2019 13:04:47</t>
  </si>
  <si>
    <t>12/13/2019 13:02:14</t>
  </si>
  <si>
    <t>12/13/2019 13:05:46</t>
  </si>
  <si>
    <t>12/13/2019 13:04:44</t>
  </si>
  <si>
    <t>12/13/2019 13:02:43</t>
  </si>
  <si>
    <t>12/13/2019 13:06:46</t>
  </si>
  <si>
    <t>12/13/2019 13:05:44</t>
  </si>
  <si>
    <t>12/13/2019 13:06:03</t>
  </si>
  <si>
    <t>12/13/2019 13:05:08</t>
  </si>
  <si>
    <t>12/13/2019 13:07:46</t>
  </si>
  <si>
    <t>c4166bb8-ac28-4e37-a4df-e8b435999b8f.tmp</t>
  </si>
  <si>
    <t>\\acsfs\profiles$\leticiala\Downloads\c4166bb8-ac28-4e37-a4df-e8b435999b8f.tmp</t>
  </si>
  <si>
    <t>12/13/2019 13:10:46</t>
  </si>
  <si>
    <t>12/13/2019 13:06:14</t>
  </si>
  <si>
    <t>12/13/2019 13:06:44</t>
  </si>
  <si>
    <t>12/13/2019 13:07:24</t>
  </si>
  <si>
    <t>12/13/2019 13:11:46</t>
  </si>
  <si>
    <t>12/13/2019 13:08:44</t>
  </si>
  <si>
    <t>12/13/2019 13:08:33</t>
  </si>
  <si>
    <t>12/13/2019 13:13:46</t>
  </si>
  <si>
    <t>12/13/2019 13:09:36</t>
  </si>
  <si>
    <t>d2f982cf-dcd2-42f0-b8fe-ff251c49f45c.tmp</t>
  </si>
  <si>
    <t>\\acsfs\profiles$\yurics\Downloads\d2f982cf-dcd2-42f0-b8fe-ff251c49f45c.tmp</t>
  </si>
  <si>
    <t>12/13/2019 13:09:38</t>
  </si>
  <si>
    <t>12/13/2019 13:14:46</t>
  </si>
  <si>
    <t>12/13/2019 13:11:44</t>
  </si>
  <si>
    <t>12/13/2019 13:16:46</t>
  </si>
  <si>
    <t>12/13/2019 13:14:44</t>
  </si>
  <si>
    <t>12/13/2019 13:14:14</t>
  </si>
  <si>
    <t>12/13/2019 13:18:46</t>
  </si>
  <si>
    <t>12/13/2019 13:13:43</t>
  </si>
  <si>
    <t>12/13/2019 13:19:28</t>
  </si>
  <si>
    <t>12/13/2019 13:20:46</t>
  </si>
  <si>
    <t>12/13/2019 13:19:22</t>
  </si>
  <si>
    <t>12/13/2019 13:21:46</t>
  </si>
  <si>
    <t>12/13/2019 13:17:44</t>
  </si>
  <si>
    <t>12/13/2019 13:20:45</t>
  </si>
  <si>
    <t>12/13/2019 13:20:56</t>
  </si>
  <si>
    <t>12/13/2019 13:21:20</t>
  </si>
  <si>
    <t>12/13/2019 13:21:15</t>
  </si>
  <si>
    <t>12/13/2019 13:23:46</t>
  </si>
  <si>
    <t>12/13/2019 13:20:15</t>
  </si>
  <si>
    <t>12/13/2019 13:24:46</t>
  </si>
  <si>
    <t>12/13/2019 13:20:10</t>
  </si>
  <si>
    <t>12/13/2019 13:22:35</t>
  </si>
  <si>
    <t>12/13/2019 13:25:46</t>
  </si>
  <si>
    <t>ulog_AcroARM2_ARM2Update_a9473871-eb7b-4719-ba46-35125c58e0e7_2cecfdba-df11-4dce-a234-5e83541798b6_0.log</t>
  </si>
  <si>
    <t>C:\Users\davimvs\AppData\Roaming\Adobe\LogTransport2\Logs\ulog_AcroARM2_ARM2Update_a9473871-eb7b-4719-ba46-35125c58e0e7_2cecfdba-df11-4dce-a234-5e83541798b6_0.log\</t>
  </si>
  <si>
    <t>ulog_AcroARM2_Reader_a9473871-eb7b-4719-ba46-35125c58e0e7_e7ac65dd-9167-42fe-8daf-2d09a3d5eb66_0.log</t>
  </si>
  <si>
    <t>C:\Users\davimvs\AppData\Roaming\Adobe\LogTransport2\Logs\ulog_AcroARM2_Reader_a9473871-eb7b-4719-ba46-35125c58e0e7_e7ac65dd-9167-42fe-8daf-2d09a3d5eb66_0.log\</t>
  </si>
  <si>
    <t>ulog_Acrobat12_Reader_a9473871-eb7b-4719-ba46-35125c58e0e7_95740b69-57cf-4adc-89de-e1200ce506bd_0.log</t>
  </si>
  <si>
    <t>C:\Users\davimvs\AppData\Roaming\Adobe\LogTransport2\Logs\ulog_Acrobat12_Reader_a9473871-eb7b-4719-ba46-35125c58e0e7_95740b69-57cf-4adc-89de-e1200ce506bd_0.log\</t>
  </si>
  <si>
    <t>12/13/2019 13:23:41</t>
  </si>
  <si>
    <t>ulog_Acrobat12_Reader_a9473871-eb7b-4719-ba46-35125c58e0e7_38aac976-8fe6-4556-83f0-537690e43b4f_0.log</t>
  </si>
  <si>
    <t>C:\Users\davimvs\AppData\Roaming\Adobe\LogTransport2\Logs\ulog_Acrobat12_Reader_a9473871-eb7b-4719-ba46-35125c58e0e7_38aac976-8fe6-4556-83f0-537690e43b4f_0.log\</t>
  </si>
  <si>
    <t>12/13/2019 13:21:55</t>
  </si>
  <si>
    <t>12/13/2019 13:23:44</t>
  </si>
  <si>
    <t>12/13/2019 13:26:46</t>
  </si>
  <si>
    <t>12/13/2019 13:23:33</t>
  </si>
  <si>
    <t>12/13/2019 13:27:45</t>
  </si>
  <si>
    <t>cfb1cd9e-c6d4-4e18-9583-ef98504dc245.tmp</t>
  </si>
  <si>
    <t>\\acsfs\profiles$\ERICALSR\Downloads\cfb1cd9e-c6d4-4e18-9583-ef98504dc245.tmp</t>
  </si>
  <si>
    <t>12/13/2019 13:26:21</t>
  </si>
  <si>
    <t>12/13/2019 13:28:46</t>
  </si>
  <si>
    <t>12/13/2019 13:26:31</t>
  </si>
  <si>
    <t>12/13/2019 13:25:40</t>
  </si>
  <si>
    <t>b8e5568b-fc5b-4989-8320-25ba17a505db.tmp</t>
  </si>
  <si>
    <t>\\acsfs\profiles$\deborahsi\Downloads\b8e5568b-fc5b-4989-8320-25ba17a505db.tmp</t>
  </si>
  <si>
    <t>12/13/2019 13:26:22</t>
  </si>
  <si>
    <t>12/13/2019 13:29:45</t>
  </si>
  <si>
    <t>12/13/2019 13:26:15</t>
  </si>
  <si>
    <t>12/13/2019 13:30:46</t>
  </si>
  <si>
    <t>12/13/2019 13:26:44</t>
  </si>
  <si>
    <t>12/13/2019 13:27:14</t>
  </si>
  <si>
    <t>12/13/2019 13:27:44</t>
  </si>
  <si>
    <t>12/13/2019 13:28:15</t>
  </si>
  <si>
    <t>12/13/2019 13:28:45</t>
  </si>
  <si>
    <t>12/13/2019 13:29:15</t>
  </si>
  <si>
    <t>12/13/2019 13:26:40</t>
  </si>
  <si>
    <t>Atualização Pontuações-MONITORIA.docx</t>
  </si>
  <si>
    <t>\\acsfs\DEPTOS\Operacao\Banco_Votorantim\Qualidade\Eliane\Atualização Pontuações-MONITORIA.docx</t>
  </si>
  <si>
    <t>12/13/2019 13:31:45</t>
  </si>
  <si>
    <t>12/13/2019 13:29:44</t>
  </si>
  <si>
    <t>12/13/2019 13:28:26</t>
  </si>
  <si>
    <t>12/13/2019 13:27:56</t>
  </si>
  <si>
    <t>12/13/2019 13:33:45</t>
  </si>
  <si>
    <t>12/13/2019 13:32:51</t>
  </si>
  <si>
    <t>830e277d-329f-4c29-9e16-34a09e4e8859.tmp</t>
  </si>
  <si>
    <t>\\acsfs\profiles$\geovannasm\Downloads\830e277d-329f-4c29-9e16-34a09e4e8859.tmp</t>
  </si>
  <si>
    <t>12/13/2019 13:33:59</t>
  </si>
  <si>
    <t>12/13/2019 13:34:46</t>
  </si>
  <si>
    <t>12/13/2019 13:30:15</t>
  </si>
  <si>
    <t>12/13/2019 13:35:46</t>
  </si>
  <si>
    <t>12/13/2019 13:30:45</t>
  </si>
  <si>
    <t>12/13/2019 13:30:55</t>
  </si>
  <si>
    <t>12/13/2019 13:36:46</t>
  </si>
  <si>
    <t>Atualização de e-mail no sinergy</t>
  </si>
  <si>
    <t>12/13/2019 13:32:44</t>
  </si>
  <si>
    <t>12/13/2019 13:35:44</t>
  </si>
  <si>
    <t>12/13/2019 13:34:15</t>
  </si>
  <si>
    <t>12/13/2019 13:33:43</t>
  </si>
  <si>
    <t>a6a51727-fb05-408e-87b4-83b47bb9493a.tmp</t>
  </si>
  <si>
    <t>\\acsfs\profiles$\ERICALSR\Downloads\a6a51727-fb05-408e-87b4-83b47bb9493a.tmp</t>
  </si>
  <si>
    <t>12/13/2019 13:35:22</t>
  </si>
  <si>
    <t>cf89d9ab-ab86-495f-8ab0-dcbcdc7a09a8.tmp</t>
  </si>
  <si>
    <t>\\acsfs\profiles$\ERICALSR\Downloads\cf89d9ab-ab86-495f-8ab0-dcbcdc7a09a8.tmp</t>
  </si>
  <si>
    <t>12/13/2019 13:31:51</t>
  </si>
  <si>
    <t>12/13/2019 13:36:30</t>
  </si>
  <si>
    <t>12/13/2019 13:38:46</t>
  </si>
  <si>
    <t>b18f47f9-0da1-4b5e-aef6-51efed034f99.tmp</t>
  </si>
  <si>
    <t>\\acsfs\profiles$\deborahsi\Downloads\b18f47f9-0da1-4b5e-aef6-51efed034f99.tmp</t>
  </si>
  <si>
    <t>12/13/2019 13:39:13</t>
  </si>
  <si>
    <t>12/13/2019 13:39:46</t>
  </si>
  <si>
    <t>20f01de8-d487-4394-a3ca-b9b74893b2b7.tmp</t>
  </si>
  <si>
    <t>\\acsfs\profiles$\cintiadcf\Downloads\20f01de8-d487-4394-a3ca-b9b74893b2b7.tmp</t>
  </si>
  <si>
    <t>12/13/2019 13:39:05</t>
  </si>
  <si>
    <t>12/13/2019 13:40:46</t>
  </si>
  <si>
    <t>5176ca10-8bd4-402a-afd7-1988a35c2583.tmp</t>
  </si>
  <si>
    <t>\\acsfs\profiles$\larissaad\Downloads\5176ca10-8bd4-402a-afd7-1988a35c2583.tmp</t>
  </si>
  <si>
    <t>12/13/2019 13:38:15</t>
  </si>
  <si>
    <t>12/13/2019 13:38:45</t>
  </si>
  <si>
    <t>12/13/2019 13:39:15</t>
  </si>
  <si>
    <t>12/13/2019 13:39:45</t>
  </si>
  <si>
    <t>12/13/2019 13:38:44</t>
  </si>
  <si>
    <t>12/13/2019 13:41:46</t>
  </si>
  <si>
    <t>mail.google.com/mail/u/0/jserror?script=https://apis.google.com/_/scs/abc-static/_/js/k=gapi.gapi.en.7kwsr24wxfc.o/m=cloudsearch/exm=card,client,config,gapi_iframes,gapi_iframes_style_slide_menu,googleapis_client,plusone/rt=j/sv=1/d=1/ed=1/rs=ahpooo-i9r7ibctuqfj0v-fphrkrs8aihq/cb=gapi.loaded_5&amp;error=script error&amp;line=not available&amp;txz=p</t>
  </si>
  <si>
    <t>12/13/2019 13:39:09</t>
  </si>
  <si>
    <t>12/13/2019 13:37:48</t>
  </si>
  <si>
    <t>12/13/2019 13:37:33</t>
  </si>
  <si>
    <t>12/13/2019 13:42:46</t>
  </si>
  <si>
    <t>629a2833-2976-4d49-8e16-5c0f64e7cda8.tmp</t>
  </si>
  <si>
    <t>\\acsfs\profiles$\JOAOVAL\Downloads\629a2833-2976-4d49-8e16-5c0f64e7cda8.tmp</t>
  </si>
  <si>
    <t>12/13/2019 13:41:15</t>
  </si>
  <si>
    <t>12/13/2019 13:45:46</t>
  </si>
  <si>
    <t>12/13/2019 13:41:45</t>
  </si>
  <si>
    <t>12/13/2019 13:42:15</t>
  </si>
  <si>
    <t>12/13/2019 13:42:45</t>
  </si>
  <si>
    <t>Consultas.xlsx</t>
  </si>
  <si>
    <t>C:\Users\camilat\OneDrive - Grupo Algar\GERENCIAL\FINANCEIRO\Faturamento\340500033\JANEIRO 20\</t>
  </si>
  <si>
    <t>Adequacao Informacoes Box_143652.xlsm</t>
  </si>
  <si>
    <t>Formulário V15_Bruno Santana Rios - Copia.xlsx</t>
  </si>
  <si>
    <t>Formulário V15_Angela Rocha.xlsx</t>
  </si>
  <si>
    <t>Calculadora - Horas Extras Bradesco.xlsx</t>
  </si>
  <si>
    <t>2019-12 - Cassio - Horas Extras Bradesco - Copia.xlsx</t>
  </si>
  <si>
    <t>2019-12 - Scheila - Horas Extras Bradesco.xlsx</t>
  </si>
  <si>
    <t>2019-12 - Carolline Rezende - Horas Extras Bradesco.xlsx</t>
  </si>
  <si>
    <t>2019-12 - Carolline - Horas Extras Bradesco.xlsx</t>
  </si>
  <si>
    <t>2019-12 - Thalles - Horas Extras Bradesco.xlsx</t>
  </si>
  <si>
    <t>12/13/2019 09:14:24</t>
  </si>
  <si>
    <t>Faturamento Consultoria Algar - Janeiro 2020.xlsm</t>
  </si>
  <si>
    <t>12/13/2019 13:02:34</t>
  </si>
  <si>
    <t>12/13/2019 13:42:53</t>
  </si>
  <si>
    <t>12/13/2019 13:43:37</t>
  </si>
  <si>
    <t>c1557390-9ea8-4ffa-b452-0b6e8edb1b93.tmp</t>
  </si>
  <si>
    <t>\\acsfs\profiles$\brendadsl\Downloads\c1557390-9ea8-4ffa-b452-0b6e8edb1b93.tmp</t>
  </si>
  <si>
    <t>12/13/2019 13:43:39</t>
  </si>
  <si>
    <t>7d7e8e8c-96f3-4d65-b42e-981575ade3f2.tmp</t>
  </si>
  <si>
    <t>\\acsfs\profiles$\brendadsl\Downloads\7d7e8e8c-96f3-4d65-b42e-981575ade3f2.tmp</t>
  </si>
  <si>
    <t>12/13/2019 13:43:40</t>
  </si>
  <si>
    <t>aae898b0-6403-4c34-905f-3b55118dc294.tmp</t>
  </si>
  <si>
    <t>\\acsfs\profiles$\brendadsl\Downloads\aae898b0-6403-4c34-905f-3b55118dc294.tmp</t>
  </si>
  <si>
    <t>12/13/2019 13:43:41</t>
  </si>
  <si>
    <t>77dadb56-916a-4337-8bd1-c44baf94b3ce.tmp</t>
  </si>
  <si>
    <t>\\acsfs\profiles$\brendadsl\Downloads\77dadb56-916a-4337-8bd1-c44baf94b3ce.tmp</t>
  </si>
  <si>
    <t>12/13/2019 13:43:42</t>
  </si>
  <si>
    <t>8513e3b4-d191-4ad9-998b-7e74d249ec81.tmp</t>
  </si>
  <si>
    <t>\\acsfs\profiles$\brendadsl\Downloads\8513e3b4-d191-4ad9-998b-7e74d249ec81.tmp</t>
  </si>
  <si>
    <t>12/13/2019 13:44:56</t>
  </si>
  <si>
    <t>8e6a15d2-e72e-4dd3-889d-a71250683dee.tmp</t>
  </si>
  <si>
    <t>\\acsfs\profiles$\brendadsl\Downloads\8e6a15d2-e72e-4dd3-889d-a71250683dee.tmp</t>
  </si>
  <si>
    <t>12/13/2019 13:41:44</t>
  </si>
  <si>
    <t>12/13/2019 13:46:46</t>
  </si>
  <si>
    <t>12/13/2019 13:44:44</t>
  </si>
  <si>
    <t>12/13/2019 13:46:55</t>
  </si>
  <si>
    <t>12/13/2019 13:49:46</t>
  </si>
  <si>
    <t>12/13/2019 13:45:27</t>
  </si>
  <si>
    <t>12/13/2019 13:50:47</t>
  </si>
  <si>
    <t>12/13/2019 13:50:03</t>
  </si>
  <si>
    <t>Bloco 13122019.txt</t>
  </si>
  <si>
    <t>\\acsfs\profiles$\brendadsl\My Documents\Blocos\Blocos Dezembro 2019\Bloco 13122019.txt</t>
  </si>
  <si>
    <t>12/13/2019 13:46:17</t>
  </si>
  <si>
    <t>12/13/2019 13:51:46</t>
  </si>
  <si>
    <t>c5a76721-ad37-49a1-987f-909114f9ca72.tmp</t>
  </si>
  <si>
    <t>\\acsfs\profiles$\KARENJSS\Downloads\c5a76721-ad37-49a1-987f-909114f9ca72.tmp</t>
  </si>
  <si>
    <t>12/13/2019 13:46:51</t>
  </si>
  <si>
    <t>b8738ebd-ff50-4252-b25e-4b4da6b91743.tmp</t>
  </si>
  <si>
    <t>\\acsfs\profiles$\KARENJSS\Downloads\b8738ebd-ff50-4252-b25e-4b4da6b91743.tmp</t>
  </si>
  <si>
    <t>12/13/2019 13:47:01</t>
  </si>
  <si>
    <t>d513ca44-e863-47a5-ba3b-551caaf1ee75.tmp</t>
  </si>
  <si>
    <t>\\acsfs\profiles$\KARENJSS\Downloads\d513ca44-e863-47a5-ba3b-551caaf1ee75.tmp</t>
  </si>
  <si>
    <t>12/13/2019 13:47:44</t>
  </si>
  <si>
    <t>12/13/2019 13:50:44</t>
  </si>
  <si>
    <t>12/13/2019 13:51:05</t>
  </si>
  <si>
    <t>12/13/2019 13:53:47</t>
  </si>
  <si>
    <t>\\acsfs\profiles$\vanessacgs\My Documents\xworkcenter\lex\</t>
  </si>
  <si>
    <t>\\acsfs\profiles$\vanessacgs\My Documents\xworkcenter\lex\temp.tlx</t>
  </si>
  <si>
    <t>12/13/2019 13:51:06</t>
  </si>
  <si>
    <t>12/13/2019 13:51:07</t>
  </si>
  <si>
    <t>12/13/2019 13:51:08</t>
  </si>
  <si>
    <t>12/13/2019 13:51:09</t>
  </si>
  <si>
    <t>12/13/2019 13:51:10</t>
  </si>
  <si>
    <t>12/13/2019 13:51:11</t>
  </si>
  <si>
    <t>12/13/2019 13:51:12</t>
  </si>
  <si>
    <t>12/13/2019 13:51:13</t>
  </si>
  <si>
    <t>12/13/2019 13:51:14</t>
  </si>
  <si>
    <t>12/13/2019 13:51:15</t>
  </si>
  <si>
    <t>12/13/2019 13:51:16</t>
  </si>
  <si>
    <t>12/13/2019 13:51:17</t>
  </si>
  <si>
    <t>12/13/2019 13:51:18</t>
  </si>
  <si>
    <t>12/13/2019 13:51:19</t>
  </si>
  <si>
    <t>12/13/2019 13:51:20</t>
  </si>
  <si>
    <t>12/13/2019 13:50:18</t>
  </si>
  <si>
    <t>12/13/2019 13:54:47</t>
  </si>
  <si>
    <t>ac93205e-8bf1-4c8e-879e-f8ccb76c1c81.tmp</t>
  </si>
  <si>
    <t>\\acsfs\profiles$\bernardopcm\Downloads\ac93205e-8bf1-4c8e-879e-f8ccb76c1c81.tmp</t>
  </si>
  <si>
    <t>12/13/2019 13:50:37</t>
  </si>
  <si>
    <t>9f4932fc-10af-4201-a014-ffc85dc1023a.tmp</t>
  </si>
  <si>
    <t>\\acsfs\profiles$\bernardopcm\Downloads\9f4932fc-10af-4201-a014-ffc85dc1023a.tmp</t>
  </si>
  <si>
    <t>12/13/2019 13:50:57</t>
  </si>
  <si>
    <t>27566587-99a5-45f2-8a34-05d53a5ddcbc.tmp</t>
  </si>
  <si>
    <t>\\acsfs\profiles$\cintiadcf\Downloads\27566587-99a5-45f2-8a34-05d53a5ddcbc.tmp</t>
  </si>
  <si>
    <t>12/13/2019 13:53:23</t>
  </si>
  <si>
    <t>12/13/2019 13:53:24</t>
  </si>
  <si>
    <t>lu153561mpe4a.tmp</t>
  </si>
  <si>
    <t>\\acsfs\profiles$\CINTIADCF\lu153561mpe4a.tmp</t>
  </si>
  <si>
    <t>\\acsfs\profiles$\CINTIADCF\lu153561mpe4a.tmp\</t>
  </si>
  <si>
    <t>\\acsfs\profiles$\CINTIADCF\lu153561mpe4a.tmp\META-INF\</t>
  </si>
  <si>
    <t>\\acsfs\profiles$\CINTIADCF\lu153561mpe4a.tmp\Thumbnails\</t>
  </si>
  <si>
    <t>12/13/2019 13:53:34</t>
  </si>
  <si>
    <t>fec26dd3-d0d3-4933-a310-ce6549d84ac4.tmp</t>
  </si>
  <si>
    <t>\\acsfs\profiles$\cintiadcf\Downloads\fec26dd3-d0d3-4933-a310-ce6549d84ac4.tmp</t>
  </si>
  <si>
    <t>12/13/2019 13:51:33</t>
  </si>
  <si>
    <t>C:\Users\marcoab\Desktop\Fwd_ Oportunidade Sabesp.msg\s137\Termo_de_Referencia_Tecnologia_Centrais_Unificadas_2020 - 09_09_19-V9.2.docx\</t>
  </si>
  <si>
    <t>12/13/2019 13:50:43</t>
  </si>
  <si>
    <t>6a8cedde-3536-4cdd-9c63-d79783d4a115.tmp</t>
  </si>
  <si>
    <t>\\acsfs\profiles$\adrielyas\Downloads\6a8cedde-3536-4cdd-9c63-d79783d4a115.tmp</t>
  </si>
  <si>
    <t>12/13/2019 13:54:14</t>
  </si>
  <si>
    <t>12/13/2019 13:55:46</t>
  </si>
  <si>
    <t>12/13/2019 13:54:19</t>
  </si>
  <si>
    <t>12/13/2019 13:54:33</t>
  </si>
  <si>
    <t>12/13/2019 13:51:55</t>
  </si>
  <si>
    <t>12/13/2019 13:53:16</t>
  </si>
  <si>
    <t>12/13/2019 13:56:47</t>
  </si>
  <si>
    <t>ENC: Deloitte: Propostas Amex Dezembro 2019 CRM:006700000919</t>
  </si>
  <si>
    <t>CONV 9702.xls</t>
  </si>
  <si>
    <t>12/13/2019 13:53:44</t>
  </si>
  <si>
    <t>12/13/2019 13:57:07</t>
  </si>
  <si>
    <t>12/13/2019 13:58:47</t>
  </si>
  <si>
    <t>/o=exchangelabs/ou=exchange administrative group (fydibohf23spdlt)/cn=recipients/cn=fa97b4f41f6b44568346ac119cf955ae-pablo henri;bonfim.silva@bradesco.com.br;carla.rosa@bradesco.com.br;jacqueline.mariano@bradesco.com.br;leandra.cardoso@bradesco.com.br;rodrigocarmo.pereira@bradesco.com.br;tso@algartech.com.br;viviane.virgilio@bradesco.com.br;</t>
  </si>
  <si>
    <t>RES: Atualizar página Expressions.</t>
  </si>
  <si>
    <t>Cópia de ANX_Controle_Expressions___Data_131219.xlsx</t>
  </si>
  <si>
    <t>/o=exchangelabs/ou=exchange administrative group (fydibohf23spdlt)/cn=recipients/cn=fa97b4f41f6b44568346ac119cf955ae-pablo henri,bonfim.silva@bradesco.com.br,carla.rosa@bradesco.com.br,jacqueline.mariano@bradesco.com.br,leandra.cardoso@bradesco.com.br,rodrigocarmo.pereira@bradesco.com.br,tso@algartech.com.br,viviane.virgilio@bradesco.com.br</t>
  </si>
  <si>
    <t>12/13/2019 13:53:45</t>
  </si>
  <si>
    <t>12/13/2019 13:59:47</t>
  </si>
  <si>
    <t>5f35eef3-8b5a-43a4-a0a1-bd748612b7c8.tmp</t>
  </si>
  <si>
    <t>\\acsfs\profiles$\victorgl\Downloads\5f35eef3-8b5a-43a4-a0a1-bd748612b7c8.tmp</t>
  </si>
  <si>
    <t>12/13/2019 13:54:06</t>
  </si>
  <si>
    <t>2e40215b-d542-4464-9b88-bf846da0c753.tmp</t>
  </si>
  <si>
    <t>\\acsfs\profiles$\victorgl\Downloads\2e40215b-d542-4464-9b88-bf846da0c753.tmp</t>
  </si>
  <si>
    <t>12/13/2019 13:57:41</t>
  </si>
  <si>
    <t>0471cc7d-32e2-4b79-b40a-e2f035278925.tmp</t>
  </si>
  <si>
    <t>\\acsfs\profiles$\victorgl\Downloads\0471cc7d-32e2-4b79-b40a-e2f035278925.tmp</t>
  </si>
  <si>
    <t>12/13/2019 13:55:21</t>
  </si>
  <si>
    <t>89021b51-03f0-4fce-9333-4e93ae6fdda5.tmp</t>
  </si>
  <si>
    <t>\\acsfs\profiles$\bernardopcm\Downloads\89021b51-03f0-4fce-9333-4e93ae6fdda5.tmp</t>
  </si>
  <si>
    <t>12/13/2019 13:57:58</t>
  </si>
  <si>
    <t>b1902024-9c19-4bc0-8c65-ca327e0b3d08.tmp</t>
  </si>
  <si>
    <t>\\acsfs\profiles$\sarahbal\Downloads\b1902024-9c19-4bc0-8c65-ca327e0b3d08.tmp</t>
  </si>
  <si>
    <t>12/13/2019 13:58:18</t>
  </si>
  <si>
    <t>12/13/2019 14:00:47</t>
  </si>
  <si>
    <t>C:\Users\rondinelesa\Downloads\</t>
  </si>
  <si>
    <t>12/13/2019 13:56:44</t>
  </si>
  <si>
    <t>12/13/2019 14:01:47</t>
  </si>
  <si>
    <t>12/13/2019 13:59:44</t>
  </si>
  <si>
    <t>12/13/2019 13:59:52</t>
  </si>
  <si>
    <t>12/13/2019 14:01:03</t>
  </si>
  <si>
    <t>12/13/2019 13:59:58</t>
  </si>
  <si>
    <t>12/13/2019 13:56:45</t>
  </si>
  <si>
    <t>89af6466-6de9-4f6c-9462-54f78a48e46a.tmp</t>
  </si>
  <si>
    <t>\\acsfs\profiles$\leonardobb\Downloads\89af6466-6de9-4f6c-9462-54f78a48e46a.tmp</t>
  </si>
  <si>
    <t>12/13/2019 13:59:31</t>
  </si>
  <si>
    <t>1905befe-446c-437e-b55b-bd773259076a.tmp</t>
  </si>
  <si>
    <t>\\acsfs\profiles$\leticiala\Downloads\1905befe-446c-437e-b55b-bd773259076a.tmp</t>
  </si>
  <si>
    <t>12/13/2019 14:00:15</t>
  </si>
  <si>
    <t>7b30f152-2914-4085-ad65-d346b0c003ed.tmp</t>
  </si>
  <si>
    <t>\\acsfs\profiles$\leticiala\Downloads\7b30f152-2914-4085-ad65-d346b0c003ed.tmp</t>
  </si>
  <si>
    <t>12/13/2019 13:57:51</t>
  </si>
  <si>
    <t>12/13/2019 14:02:47</t>
  </si>
  <si>
    <t>0d7e0e54-f19e-4850-9c69-7a6ab9dab501.tmp</t>
  </si>
  <si>
    <t>\\acsfs\profiles$\deboraaa\Downloads\0d7e0e54-f19e-4850-9c69-7a6ab9dab501.tmp</t>
  </si>
  <si>
    <t>12/13/2019 14:01:55</t>
  </si>
  <si>
    <t>12/13/2019 14:04:47</t>
  </si>
  <si>
    <t>ce089d9e-ee8d-4ead-942a-3330c7f9bf3b.tmp</t>
  </si>
  <si>
    <t>\\acsfs\profiles$\victorgl\Downloads\ce089d9e-ee8d-4ead-942a-3330c7f9bf3b.tmp</t>
  </si>
  <si>
    <t>12/13/2019 14:00:05</t>
  </si>
  <si>
    <t>c799b118-69b9-4b6f-9069-02ab37fbe16d.tmp</t>
  </si>
  <si>
    <t>\\acsfs\profiles$\bernardopcm\Downloads\c799b118-69b9-4b6f-9069-02ab37fbe16d.tmp</t>
  </si>
  <si>
    <t>12/13/2019 14:01:48</t>
  </si>
  <si>
    <t>12/13/2019 14:01:27</t>
  </si>
  <si>
    <t>dc57f976-44af-4ac9-93a5-76e3d9f73091.tmp</t>
  </si>
  <si>
    <t>\\acsfs\profiles$\regisadsa\Downloads\dc57f976-44af-4ac9-93a5-76e3d9f73091.tmp</t>
  </si>
  <si>
    <t>12/13/2019 14:02:29</t>
  </si>
  <si>
    <t>211db2ee-9b89-4168-a337-d48ea0fe6311.tmp</t>
  </si>
  <si>
    <t>\\acsfs\profiles$\regisadsa\Downloads\211db2ee-9b89-4168-a337-d48ea0fe6311.tmp</t>
  </si>
  <si>
    <t>12/13/2019 14:00:20</t>
  </si>
  <si>
    <t>12/13/2019 14:05:47</t>
  </si>
  <si>
    <t>ulog_AcroARM2_Reader_a9473871-eb7b-4719-ba46-35125c58e0e7_efd74fa6-1ad8-4a6b-85c4-cb1186856966_0.log</t>
  </si>
  <si>
    <t>C:\Users\davimvs\AppData\Roaming\Adobe\LogTransport2\Logs\ulog_AcroARM2_Reader_a9473871-eb7b-4719-ba46-35125c58e0e7_efd74fa6-1ad8-4a6b-85c4-cb1186856966_0.log\</t>
  </si>
  <si>
    <t>12/13/2019 14:04:04</t>
  </si>
  <si>
    <t>23f0b4c2-0b9e-4e00-a73c-ff3a411cfbad.tmp</t>
  </si>
  <si>
    <t>\\acsfs\profiles$\layonmof\Downloads\23f0b4c2-0b9e-4e00-a73c-ff3a411cfbad.tmp</t>
  </si>
  <si>
    <t>12/13/2019 14:03:10</t>
  </si>
  <si>
    <t>12/13/2019 14:03:23</t>
  </si>
  <si>
    <t>12/13/2019 14:02:44</t>
  </si>
  <si>
    <t>12/13/2019 14:06:47</t>
  </si>
  <si>
    <t>12/13/2019 14:05:44</t>
  </si>
  <si>
    <t>12/13/2019 14:01:37</t>
  </si>
  <si>
    <t>http://browser.pipe.aria.microsoft.com/collector/3.0/?qsp=true&amp;content-type=application/bond-compact-binary&amp;client-id=no_auth&amp;sdk-version=awt-web-cjs-1.2.2&amp;x-apikey=d79e824386c4441cb8c1d4ae15690526-bd443309-5494-444a-aba9-0af9eef99f84-7360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12/13/2019 14:01:38</t>
  </si>
  <si>
    <t>http:///batch?%24ct=multipart%2Fmixed%3B%20boundary%3D%22%3D%3D%3D%3D%3Dubhvus22ynzq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picture�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picture�,thumbnailversion,workspaceids</t>
  </si>
  <si>
    <t>12/13/2019 14:01:39</t>
  </si>
  <si>
    <t>http:///batch?%24ct=multipart%2Fmixed%3B%20boundary%3D%22%3D%3D%3D%3D%3Dw9mtacti0fi4%3D%3D%3D%3D%3D%22&amp;key=AIzaSyAy9VVXHSpS2IJpptzYtGbLP3-3_l0aBk4</t>
  </si>
  <si>
    <t>ancestorhasaugmentedpermissions;containsunsubscribedchildren;dis;displayname;domain;emailaddress;filesize;hasthumbnail;hasvisitorpermissions;id);items(kind;ken;lastmodifyi;lastmodifyinguser(kind;lastviewedbymedate;modifiedbymedate;modifieddate;ontainsunsubscribedchildren;owners(kind;permission;permissionid;picture;picture�;rpermissions;thumbnailversion;workspaceids;</t>
  </si>
  <si>
    <t>http://ancestorhasaugmentedpermissions,containsunsubscribedchildren,dis,displayname,domain,emailaddress,filesize,hasthumbnail,hasvisitorpermissions,id),items(kind,ken,lastmodifyi,lastmodifyinguser(kind,lastviewedbymedate,modifiedbymedate,modifieddate,ontainsunsubscribedchildren,owners(kind,permission,permissionid,picture,picture�,rpermissions,thumbnailversion,workspaceids</t>
  </si>
  <si>
    <t>12/13/2019 14:01:40</t>
  </si>
  <si>
    <t>12/13/2019 14:01:44</t>
  </si>
  <si>
    <t>http:///batch?%24ct=multipart%2Fmixed%3B%20boundary%3D%22%3D%3D%3D%3D%3Dj46xri53n0me%3D%3D%3D%3D%3D%22&amp;key=AIzaSyAy9VVXHSpS2IJpptzYtGbLP3-3_l0aBk4</t>
  </si>
  <si>
    <t>ancestorhasaugmentedpermissions;containsunsubscribedchildren;dis;displayname;domain;emailaddress;file(kind;fileid;filesize;hasthumbnail;hasvisitorpermissions;id;id);items(deleted;items(kind;ken;kind;lastmodifyi;lastmodifyinguser(kind;lastviewedbymedate;modifiedbymedate;modifieddate;ontainsunsubscribedchildren;owners(kind;per;permission;permissionid;picture;picture�;rpermissions;shared;sharedwithmedate;thumbnailversion;title;userpermission(role);workspaceids;</t>
  </si>
  <si>
    <t>http://ancestorhasaugmentedpermissions,containsunsubscribedchildren,dis,displayname,domain,emailaddress,file(kind,fileid,filesize,hasthumbnail,hasvisitorpermissions,id,id),items(deleted,items(kind,ken,kind,lastmodifyi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12/13/2019 14:01:46</t>
  </si>
  <si>
    <t>http:///batch?%24ct=multipart%2Fmixed%3B%20boundary%3D%22%3D%3D%3D%3D%3Dky6lcy36m0nk%3D%3D%3D%3D%3D%22&amp;key=AIzaSyAy9VVXHSpS2IJpptzYtGbLP3-3_l0aBk4</t>
  </si>
  <si>
    <t>ancestorhasaugmen;ancestorhasaugmentedpermissions;containsunsubscribedchildren;dis;displayname;domain;emaila;emailaddress;file(kind;fileid;filesize;hasthumbnail;hasvisitorpermissions;id;id);items(deleted;items(kind;ken;kind;lastmodifyi;lastmodifyinguser(kind;lastviewedbymedate;modifiedbymedate;modifieddate;ontainsunsubscribedchildren;owners(kind;per;permission;permissionid;picture;picture�;rpermissions;shared;sharedwithmedate;thumbnailversion;title;userpermission(role);workspaceids;</t>
  </si>
  <si>
    <t>http://ancestorhasaugmen,ancestorhasaugmentedpermissions,containsunsubscribedchildren,dis,displayname,domain,emaila,emailaddress,file(kind,fileid,filesize,hasthumbnail,hasvisitorpermissions,id,id),items(deleted,items(kind,ken,kind,lastmodifyi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12/13/2019 14:01:49</t>
  </si>
  <si>
    <t>http:///batch?%24ct=multipart%2Fmixed%3B%20boundary%3D%22%3D%3D%3D%3D%3D12l8z385dc90%3D%3D%3D%3D%3D%22&amp;key=AIzaSyAy9VVXHSpS2IJpptzYtGbLP3-3_l0aBk4</t>
  </si>
  <si>
    <t>12/13/2019 14:01:50</t>
  </si>
  <si>
    <t>http:///batch?%24ct=multipart%2Fmixed%3B%20boundary%3D%22%3D%3D%3D%3D%3Dq97logbwlt4p%3D%3D%3D%3D%3D%22&amp;key=AIzaSyAy9VVXHSpS2IJpptzYtGbLP3-3_l0aBk4</t>
  </si>
  <si>
    <t>12/13/2019 14:02:05</t>
  </si>
  <si>
    <t>df678f49-0085-4e33-b44a-3f4b890ba211.tmp</t>
  </si>
  <si>
    <t>\\acsfs\profiles$\geovannasm\Downloads\df678f49-0085-4e33-b44a-3f4b890ba211.tmp</t>
  </si>
  <si>
    <t>12/13/2019 14:03:37</t>
  </si>
  <si>
    <t>12/13/2019 14:08:46</t>
  </si>
  <si>
    <t>10.200.66.73</t>
  </si>
  <si>
    <t>883574ad-5cb4-4c02-8f7c-f62e919f473a.tmp</t>
  </si>
  <si>
    <t>\\acsfs\profiles$\alinepp\Downloads\883574ad-5cb4-4c02-8f7c-f62e919f473a.tmp</t>
  </si>
  <si>
    <t>12/13/2019 14:03:54</t>
  </si>
  <si>
    <t>192ed97d-01dd-47d2-9a64-83d2e7500d7f.tmp</t>
  </si>
  <si>
    <t>\\acsfs\profiles$\alinepp\Downloads\192ed97d-01dd-47d2-9a64-83d2e7500d7f.tmp</t>
  </si>
  <si>
    <t>12/13/2019 14:05:36</t>
  </si>
  <si>
    <t>99933ca3-7223-4103-a368-1c49e6ffa5cb.tmp</t>
  </si>
  <si>
    <t>\\acsfs\profiles$\alinepp\Downloads\99933ca3-7223-4103-a368-1c49e6ffa5cb.tmp</t>
  </si>
  <si>
    <t>12/13/2019 14:06:08</t>
  </si>
  <si>
    <t>2a23f574-6632-48fb-b0e7-1c7155a30949.tmp</t>
  </si>
  <si>
    <t>\\acsfs\profiles$\alinepp\Downloads\2a23f574-6632-48fb-b0e7-1c7155a30949.tmp</t>
  </si>
  <si>
    <t>12/13/2019 14:06:30</t>
  </si>
  <si>
    <t>7e22c129-dd4d-454c-8ba9-49938dc488a8.tmp</t>
  </si>
  <si>
    <t>\\acsfs\profiles$\alinepp\Downloads\7e22c129-dd4d-454c-8ba9-49938dc488a8.tmp</t>
  </si>
  <si>
    <t>12/13/2019 14:07:55</t>
  </si>
  <si>
    <t>12/13/2019 14:07:56</t>
  </si>
  <si>
    <t>lu17180no72m.tmp</t>
  </si>
  <si>
    <t>\\acsfs\profiles$\dhiulliananads\My Documents\lu17180no72m.tmp</t>
  </si>
  <si>
    <t>\\acsfs\profiles$\dhiulliananads\My Documents\lu17180no72m.tmp\</t>
  </si>
  <si>
    <t>\\acsfs\profiles$\dhiulliananads\My Documents\lu17180no72m.tmp\META-INF\</t>
  </si>
  <si>
    <t>\\acsfs\profiles$\dhiulliananads\My Documents\lu17180no72m.tmp\Thumbnails\</t>
  </si>
  <si>
    <t>12/13/2019 14:05:04</t>
  </si>
  <si>
    <t>12/13/2019 14:09:47</t>
  </si>
  <si>
    <t>mail.google.com/_/upload?authuser=0&amp;dcp=asu-n&amp;upload_id=AEnB2UoRvjNzRU7Uv26B2_nR6_SSZ9wl0sLas74cfs74oFL60wz3R9jZDfziVMmSypTgvKASP03YpYoxVr_cInH2vFNbHyT3hQZoHNYUIT5-Fe36DBPRSD8&amp;upload_protocol=resumable</t>
  </si>
  <si>
    <t>fernandaman@algartech.com;izadoramdor@algartech.com;karinars@algartech.com;mirnapw@algartech.com;viniciussg@algartech.com;</t>
  </si>
  <si>
    <t>\\acsfs\DEPTOS\Operacao\PCP\5 - Comum\PLANEJAMENTO WHIRLPOOL\17 - PLANEJAMENTO REVISADO\ticket_526283\17 - PLANEJAMENTO REVISADO\PLANO WHIRLPOOL 2020\EH\02- FEVEREIRO\</t>
  </si>
  <si>
    <t>Estrutura Prevista_Fevereiro 2020.xlsx</t>
  </si>
  <si>
    <t>fernandaman@algartech.com,izadoramdor@algartech.com,karinars@algartech.com,mirnapw@algartech.com,viniciussg@algartech.com</t>
  </si>
  <si>
    <t>12/13/2019 14:07:19</t>
  </si>
  <si>
    <t>8f632e84-151b-46df-b9a0-aa398777f550.tmp</t>
  </si>
  <si>
    <t>\\acsfs\profiles$\regisadsa\Downloads\8f632e84-151b-46df-b9a0-aa398777f550.tmp</t>
  </si>
  <si>
    <t>12/13/2019 14:07:28</t>
  </si>
  <si>
    <t>18c4b992-27b7-4782-8a7b-8631d9a9e295.tmp</t>
  </si>
  <si>
    <t>\\acsfs\profiles$\regisadsa\Downloads\18c4b992-27b7-4782-8a7b-8631d9a9e295.tmp</t>
  </si>
  <si>
    <t>12/13/2019 14:07:43</t>
  </si>
  <si>
    <t>90200ac3-c9ef-4aa6-b2ec-2d7af94310cb.tmp</t>
  </si>
  <si>
    <t>\\acsfs\profiles$\regisadsa\Downloads\90200ac3-c9ef-4aa6-b2ec-2d7af94310cb.tmp</t>
  </si>
  <si>
    <t>12/13/2019 14:08:53</t>
  </si>
  <si>
    <t>990bcf34-f980-47ae-a661-7deba17225ad.tmp</t>
  </si>
  <si>
    <t>\\acsfs\profiles$\sarahbal\Downloads\990bcf34-f980-47ae-a661-7deba17225ad.tmp</t>
  </si>
  <si>
    <t>12/13/2019 14:05:39</t>
  </si>
  <si>
    <t>12/13/2019 14:10:46</t>
  </si>
  <si>
    <t>3abe376a-1dd7-4c0e-95ea-7a962c771331.tmp</t>
  </si>
  <si>
    <t>\\acsfs\profiles$\layonmof\Downloads\3abe376a-1dd7-4c0e-95ea-7a962c771331.tmp</t>
  </si>
  <si>
    <t>12/13/2019 14:06:25</t>
  </si>
  <si>
    <t>ab2f4e8c-8b46-460e-8381-c2a3a1334e99.tmp</t>
  </si>
  <si>
    <t>\\acsfs\profiles$\layonmof\Downloads\ab2f4e8c-8b46-460e-8381-c2a3a1334e99.tmp</t>
  </si>
  <si>
    <t>12/13/2019 14:05:59</t>
  </si>
  <si>
    <t>12/13/2019 14:11:47</t>
  </si>
  <si>
    <t>hugonmo@algartech.com;</t>
  </si>
  <si>
    <t>RES: Modelo de dados - Rotinas</t>
  </si>
  <si>
    <t>Cópia de Rotinas para importação.xlsx</t>
  </si>
  <si>
    <t>hugonmo@algartech.com</t>
  </si>
  <si>
    <t>12/13/2019 14:07:00</t>
  </si>
  <si>
    <t>VIP UCB Rotinas para importação.xlsx</t>
  </si>
  <si>
    <t>12/13/2019 14:08:38</t>
  </si>
  <si>
    <t>12/13/2019 14:08:39</t>
  </si>
  <si>
    <t>12/13/2019 14:09:03</t>
  </si>
  <si>
    <t>e9040a31-78a1-43f7-b68e-e6f9b0806694.tmp</t>
  </si>
  <si>
    <t>\\acsfs\profiles$\geovannasm\Downloads\e9040a31-78a1-43f7-b68e-e6f9b0806694.tmp</t>
  </si>
  <si>
    <t>12/13/2019 14:09:12</t>
  </si>
  <si>
    <t>3fa76e7f-108c-49e7-ae2b-59e8c5b533d8.tmp</t>
  </si>
  <si>
    <t>\\acsfs\profiles$\geovannasm\Downloads\3fa76e7f-108c-49e7-ae2b-59e8c5b533d8.tmp</t>
  </si>
  <si>
    <t>12/13/2019 14:12:23</t>
  </si>
  <si>
    <t>12/13/2019 14:13:47</t>
  </si>
  <si>
    <t>12/13/2019 14:09:27</t>
  </si>
  <si>
    <t>12/13/2019 14:14:46</t>
  </si>
  <si>
    <t>49f95409-2e6f-43b6-aa85-7572caa22f11.tmp</t>
  </si>
  <si>
    <t>\\acsfs\profiles$\gabrielarb\Downloads\49f95409-2e6f-43b6-aa85-7572caa22f11.tmp</t>
  </si>
  <si>
    <t>12/13/2019 14:10:40</t>
  </si>
  <si>
    <t>42958df8-4c7f-4dc3-bdaf-42f9b8f3bff9.tmp</t>
  </si>
  <si>
    <t>\\acsfs\profiles$\gabrielarb\Downloads\42958df8-4c7f-4dc3-bdaf-42f9b8f3bff9.tmp</t>
  </si>
  <si>
    <t>12/13/2019 14:12:14</t>
  </si>
  <si>
    <t>40e4ed4d-cb2d-4610-8e12-d52f27397e7b.tmp</t>
  </si>
  <si>
    <t>\\acsfs\profiles$\gabrielarb\Downloads\40e4ed4d-cb2d-4610-8e12-d52f27397e7b.tmp</t>
  </si>
  <si>
    <t>12/13/2019 14:13:11</t>
  </si>
  <si>
    <t>29e62905-2f95-42ec-a8a9-e528b9dcfda1.tmp</t>
  </si>
  <si>
    <t>\\acsfs\profiles$\gabrielarb\Downloads\29e62905-2f95-42ec-a8a9-e528b9dcfda1.tmp</t>
  </si>
  <si>
    <t>12/13/2019 14:13:37</t>
  </si>
  <si>
    <t>12/13/2019 14:13:19</t>
  </si>
  <si>
    <t>12/13/2019 14:15:47</t>
  </si>
  <si>
    <t>12/13/2019 14:14:21</t>
  </si>
  <si>
    <t>12/13/2019 14:14:22</t>
  </si>
  <si>
    <t>12/13/2019 14:14:23</t>
  </si>
  <si>
    <t>12/13/2019 14:14:24</t>
  </si>
  <si>
    <t>12/13/2019 14:14:26</t>
  </si>
  <si>
    <t>12/13/2019 14:11:48</t>
  </si>
  <si>
    <t>4275c244-8b31-40f5-b1af-ee078f3acdad.tmp</t>
  </si>
  <si>
    <t>\\acsfs\profiles$\layonmof\Downloads\4275c244-8b31-40f5-b1af-ee078f3acdad.tmp</t>
  </si>
  <si>
    <t>5687dfa5-1982-4f32-a80b-8e293bb0d7b8.tmp</t>
  </si>
  <si>
    <t>\\acsfs\profiles$\layonmof\Downloads\5687dfa5-1982-4f32-a80b-8e293bb0d7b8.tmp</t>
  </si>
  <si>
    <t>12/13/2019 14:11:26</t>
  </si>
  <si>
    <t>/o=exchangelabs/ou=exchange administrative group (fydibohf23spdlt)/cn=recipients/cn=f34f0f8b632a4aaa9dc5211574750aca-debora oliv;thaismo@algartech.com;</t>
  </si>
  <si>
    <t>ENC: ERRO GESTOR ANNAISA</t>
  </si>
  <si>
    <t>ERRO GESTOR ANNAISA.xlsx</t>
  </si>
  <si>
    <t>/o=exchangelabs/ou=exchange administrative group (fydibohf23spdlt)/cn=recipients/cn=f34f0f8b632a4aaa9dc5211574750aca-debora oliv,thaismo@algartech.com</t>
  </si>
  <si>
    <t>12/13/2019 14:14:15</t>
  </si>
  <si>
    <t>12/13/2019 14:16:46</t>
  </si>
  <si>
    <t>lu17180no72r.tmp</t>
  </si>
  <si>
    <t>\\acsfs\profiles$\dhiulliananads\My Documents\lu17180no72r.tmp</t>
  </si>
  <si>
    <t>\\acsfs\profiles$\dhiulliananads\My Documents\lu17180no72r.tmp\</t>
  </si>
  <si>
    <t>\\acsfs\profiles$\dhiulliananads\My Documents\lu17180no72r.tmp\META-INF\</t>
  </si>
  <si>
    <t>12/13/2019 14:11:22</t>
  </si>
  <si>
    <t>mail.google.com/sync/u/0/i/s?hl=pt-br&amp;c=331</t>
  </si>
  <si>
    <t>12/13/2019 14:11:44</t>
  </si>
  <si>
    <t>12/13/2019 14:11:55</t>
  </si>
  <si>
    <t>mail.google.com/sync/u/0/i/s?hl=pt-br&amp;c=334</t>
  </si>
  <si>
    <t>12/13/2019 14:12:18</t>
  </si>
  <si>
    <t>mail.google.com/sync/u/0/i/s?hl=pt-br&amp;c=336</t>
  </si>
  <si>
    <t>\\acsfs\profiles$\dhiulliananads\My Documents\lu17180no72r.tmp\Thumbnails\</t>
  </si>
  <si>
    <t>12/13/2019 14:12:25</t>
  </si>
  <si>
    <t>mail.google.com/sync/u/0/i/s?hl=pt-br&amp;c=339</t>
  </si>
  <si>
    <t>12/13/2019 14:12:33</t>
  </si>
  <si>
    <t>mail.google.com/sync/u/0/i/s?hl=pt-br&amp;c=341</t>
  </si>
  <si>
    <t>12/13/2019 14:12:58</t>
  </si>
  <si>
    <t>mail.google.com/sync/u/0/i/s?hl=pt-br&amp;c=343</t>
  </si>
  <si>
    <t>12/13/2019 14:13:16</t>
  </si>
  <si>
    <t>mail.google.com/sync/u/0/i/s?hl=pt-br&amp;c=345</t>
  </si>
  <si>
    <t>12/13/2019 14:13:44</t>
  </si>
  <si>
    <t>12/13/2019 14:15:51</t>
  </si>
  <si>
    <t>12/13/2019 14:16:07</t>
  </si>
  <si>
    <t>12/13/2019 14:18:46</t>
  </si>
  <si>
    <t>lu1419217hqmw.tmp</t>
  </si>
  <si>
    <t>\\acsfs\profiles$\luanarda\lu1419217hqmw.tmp</t>
  </si>
  <si>
    <t>\\acsfs\profiles$\luanarda\lu1419217hqmw.tmp\</t>
  </si>
  <si>
    <t>\\acsfs\profiles$\luanarda\lu1419217hqmw.tmp\META-INF\</t>
  </si>
  <si>
    <t>\\acsfs\profiles$\luanarda\lu1419217hqmw.tmp\Thumbnails\</t>
  </si>
  <si>
    <t>12/13/2019 14:16:49</t>
  </si>
  <si>
    <t>12/13/2019 14:19:47</t>
  </si>
  <si>
    <t>e653807e-379c-4cdc-8d1c-f22d309b1c46.tmp</t>
  </si>
  <si>
    <t>\\acsfs\profiles$\gabrielarb\Downloads\e653807e-379c-4cdc-8d1c-f22d309b1c46.tmp</t>
  </si>
  <si>
    <t>12/13/2019 14:16:50</t>
  </si>
  <si>
    <t>8823338f-a140-421f-8612-8d4be9a52a53.tmp</t>
  </si>
  <si>
    <t>\\acsfs\profiles$\gabrielarb\Downloads\8823338f-a140-421f-8612-8d4be9a52a53.tmp</t>
  </si>
  <si>
    <t>12/13/2019 14:16:40</t>
  </si>
  <si>
    <t>12/13/2019 14:20:46</t>
  </si>
  <si>
    <t>12/13/2019 14:16:41</t>
  </si>
  <si>
    <t>12/13/2019 14:16:45</t>
  </si>
  <si>
    <t>12/13/2019 14:18:21</t>
  </si>
  <si>
    <t>12/13/2019 14:19:09</t>
  </si>
  <si>
    <t>12/13/2019 14:19:10</t>
  </si>
  <si>
    <t>12/13/2019 14:18:49</t>
  </si>
  <si>
    <t>0b07b1ea-6079-479b-b87f-79a1eaa67406.tmp</t>
  </si>
  <si>
    <t>\\acsfs\profiles$\gabrielamdp\Downloads\0b07b1ea-6079-479b-b87f-79a1eaa67406.tmp</t>
  </si>
  <si>
    <t>12/13/2019 14:18:51</t>
  </si>
  <si>
    <t>fcab016b-399e-4623-98b7-8b72c377268d.tmp</t>
  </si>
  <si>
    <t>\\acsfs\profiles$\gabrielamdp\Downloads\fcab016b-399e-4623-98b7-8b72c377268d.tmp</t>
  </si>
  <si>
    <t>177b6434-d6fc-45d5-b6cd-9be809523aac.tmp</t>
  </si>
  <si>
    <t>\\acsfs\profiles$\gabrielamdp\Downloads\177b6434-d6fc-45d5-b6cd-9be809523aac.tmp</t>
  </si>
  <si>
    <t>12/13/2019 14:18:52</t>
  </si>
  <si>
    <t>3a1dbb3f-5758-47bf-a96a-d51f28d6cf26.tmp</t>
  </si>
  <si>
    <t>\\acsfs\profiles$\gabrielamdp\Downloads\3a1dbb3f-5758-47bf-a96a-d51f28d6cf26.tmp</t>
  </si>
  <si>
    <t>12/13/2019 14:18:53</t>
  </si>
  <si>
    <t>c16f748f-cb5d-4c1a-b552-c2d791529dd1.tmp</t>
  </si>
  <si>
    <t>\\acsfs\profiles$\gabrielamdp\Downloads\c16f748f-cb5d-4c1a-b552-c2d791529dd1.tmp</t>
  </si>
  <si>
    <t>12/13/2019 14:15:38</t>
  </si>
  <si>
    <t>12/13/2019 14:16:31</t>
  </si>
  <si>
    <t>12/13/2019 14:20:26</t>
  </si>
  <si>
    <t>12/13/2019 14:17:45</t>
  </si>
  <si>
    <t>12/13/2019 14:21:47</t>
  </si>
  <si>
    <t>12/13/2019 14:18:14</t>
  </si>
  <si>
    <t>12/13/2019 14:18:24</t>
  </si>
  <si>
    <t>12/13/2019 14:19:12</t>
  </si>
  <si>
    <t>mail.google.com/mail/u/0/jserror?script=https://mail.google.com/mail/u/0/#inbox/fmfcgxwgchdlwhqzngsnvdbljmclqbbc?compose=gtvvlcsbnpsjgqcjcscpsggsqmqwjkgcnhxbtjqstsnbwrhwxcpgrhkgwfjzgrgsfzvcdhmwjvjnd&amp;line=not available&amp;error_in_body=1&amp;txz=pe</t>
  </si>
  <si>
    <t>12/13/2019 14:19:13</t>
  </si>
  <si>
    <t>mail.google.com/sync/u/0/i/s?hl=pt-br&amp;c=349</t>
  </si>
  <si>
    <t>12/13/2019 14:19:23</t>
  </si>
  <si>
    <t>mail.google.com/sync/u/0/i/s?hl=pt-br&amp;c=351</t>
  </si>
  <si>
    <t>12/13/2019 14:19:30</t>
  </si>
  <si>
    <t>mail.google.com/sync/u/0/i/s?hl=pt-br&amp;c=354</t>
  </si>
  <si>
    <t>12/13/2019 14:19:46</t>
  </si>
  <si>
    <t>12/13/2019 14:20:49</t>
  </si>
  <si>
    <t>mail.google.com/sync/u/0/i/s?hl=pt-br&amp;c=358</t>
  </si>
  <si>
    <t>12/13/2019 14:20:52</t>
  </si>
  <si>
    <t>mail.google.com/sync/u/0/i/s?hl=pt-br&amp;c=360</t>
  </si>
  <si>
    <t>12/13/2019 14:20:59</t>
  </si>
  <si>
    <t>12/13/2019 14:21:00</t>
  </si>
  <si>
    <t>12/13/2019 14:20:48</t>
  </si>
  <si>
    <t>96fd9abc-437d-4e1e-9206-a7c9d0244be3.tmp</t>
  </si>
  <si>
    <t>\\acsfs\profiles$\henriqueco\Downloads\96fd9abc-437d-4e1e-9206-a7c9d0244be3.tmp</t>
  </si>
  <si>
    <t>12/13/2019 14:20:13</t>
  </si>
  <si>
    <t>12/13/2019 14:22:46</t>
  </si>
  <si>
    <t>12/13/2019 14:19:08</t>
  </si>
  <si>
    <t>12/13/2019 14:19:33</t>
  </si>
  <si>
    <t>12/13/2019 14:19:29</t>
  </si>
  <si>
    <t>12/13/2019 14:23:47</t>
  </si>
  <si>
    <t>12/13/2019 14:22:32</t>
  </si>
  <si>
    <t>12/13/2019 14:18:41</t>
  </si>
  <si>
    <t>5182ac03-bcea-4ed9-a178-0c79decb4dc1.tmp</t>
  </si>
  <si>
    <t>\\acsfs\profiles$\deborahsi\Downloads\5182ac03-bcea-4ed9-a178-0c79decb4dc1.tmp</t>
  </si>
  <si>
    <t>12/13/2019 14:21:03</t>
  </si>
  <si>
    <t>12/13/2019 14:24:46</t>
  </si>
  <si>
    <t>12/13/2019 14:21:04</t>
  </si>
  <si>
    <t>12/13/2019 14:21:05</t>
  </si>
  <si>
    <t>12/13/2019 14:21:06</t>
  </si>
  <si>
    <t>12/13/2019 14:21:07</t>
  </si>
  <si>
    <t>12/13/2019 14:23:02</t>
  </si>
  <si>
    <t>d95bd577-4362-43b5-a73e-d5defad88dfb.tmp</t>
  </si>
  <si>
    <t>\\acsfs\profiles$\gabrielarb\Downloads\d95bd577-4362-43b5-a73e-d5defad88dfb.tmp</t>
  </si>
  <si>
    <t>12/13/2019 14:23:03</t>
  </si>
  <si>
    <t>c3739e74-11cd-4b8e-b88c-acb160aeb527.tmp</t>
  </si>
  <si>
    <t>\\acsfs\profiles$\gabrielarb\Downloads\c3739e74-11cd-4b8e-b88c-acb160aeb527.tmp</t>
  </si>
  <si>
    <t>12/13/2019 14:20:37</t>
  </si>
  <si>
    <t>12/13/2019 14:25:47</t>
  </si>
  <si>
    <t>12/13/2019 14:21:12</t>
  </si>
  <si>
    <t>12/13/2019 14:21:14</t>
  </si>
  <si>
    <t>12/13/2019 14:21:16</t>
  </si>
  <si>
    <t>12/13/2019 14:23:16</t>
  </si>
  <si>
    <t>13-12 SEXTA.txt</t>
  </si>
  <si>
    <t>\\acsfs\profiles$\gabrielamdp\My Documents\13-12 SEXTA.txt</t>
  </si>
  <si>
    <t>12/13/2019 14:23:21</t>
  </si>
  <si>
    <t>12/13/2019 14:23:30</t>
  </si>
  <si>
    <t>e65990a6-58cb-4e84-8fe4-8a231158fd8d.tmp</t>
  </si>
  <si>
    <t>\\acsfs\profiles$\gabrielamdp\Downloads\e65990a6-58cb-4e84-8fe4-8a231158fd8d.tmp</t>
  </si>
  <si>
    <t>12/13/2019 14:22:57</t>
  </si>
  <si>
    <t>920cc57f-464e-49e5-b512-42b91e8c52b2.tmp</t>
  </si>
  <si>
    <t>\\acsfs\profiles$\felipetds\Downloads\920cc57f-464e-49e5-b512-42b91e8c52b2.tmp</t>
  </si>
  <si>
    <t>12/13/2019 14:20:53</t>
  </si>
  <si>
    <t>12/13/2019 14:21:36</t>
  </si>
  <si>
    <t>12/13/2019 14:26:46</t>
  </si>
  <si>
    <t>12/13/2019 14:21:08</t>
  </si>
  <si>
    <t>mail.google.com/sync/u/0/i/s?hl=pt-br&amp;c=362</t>
  </si>
  <si>
    <t>12/13/2019 14:21:19</t>
  </si>
  <si>
    <t>mail.google.com/sync/u/0/i/s?hl=pt-br&amp;c=365</t>
  </si>
  <si>
    <t>12/13/2019 14:21:24</t>
  </si>
  <si>
    <t>mail.google.com/sync/u/0/i/s?hl=pt-br&amp;c=368</t>
  </si>
  <si>
    <t>12/13/2019 14:25:40</t>
  </si>
  <si>
    <t>\\acsfs\Deptos\Operacao\Banco_Votorantim\Supervisao\Rai Carlos\</t>
  </si>
  <si>
    <t>\\acsfs\Deptos\Operacao\Banco_Votorantim\Supervisao\Rai Carlos\BD Equipe Skill Especifico.xlsx</t>
  </si>
  <si>
    <t>12/13/2019 14:21:58</t>
  </si>
  <si>
    <t>722b940d-25aa-4156-8f1f-cd1c76210871.tmp</t>
  </si>
  <si>
    <t>\\acsfs\profiles$\henriqueco\Downloads\722b940d-25aa-4156-8f1f-cd1c76210871.tmp</t>
  </si>
  <si>
    <t>12/13/2019 14:22:06</t>
  </si>
  <si>
    <t>12/13/2019 14:23:35</t>
  </si>
  <si>
    <t>32f379e1-fb02-457a-817f-4edb24bbccd7.tmp</t>
  </si>
  <si>
    <t>\\acsfs\profiles$\henriqueco\Downloads\32f379e1-fb02-457a-817f-4edb24bbccd7.tmp</t>
  </si>
  <si>
    <t>12/13/2019 14:22:53</t>
  </si>
  <si>
    <t>12/13/2019 14:27:47</t>
  </si>
  <si>
    <t>12/13/2019 14:26:23</t>
  </si>
  <si>
    <t>12/13/2019 14:28:30</t>
  </si>
  <si>
    <t>12/13/2019 14:30:47</t>
  </si>
  <si>
    <t>12/13/2019 14:29:08</t>
  </si>
  <si>
    <t>12/13/2019 14:29:09</t>
  </si>
  <si>
    <t>12/13/2019 14:29:17</t>
  </si>
  <si>
    <t>12/13/2019 14:29:19</t>
  </si>
  <si>
    <t>12/13/2019 14:29:22</t>
  </si>
  <si>
    <t>12/13/2019 14:30:19</t>
  </si>
  <si>
    <t>12/13/2019 14:31:47</t>
  </si>
  <si>
    <t>43e2525f-1d6f-40ac-8e18-6614a10115c4.tmp</t>
  </si>
  <si>
    <t>\\acsfs\profiles$\KARENJSS\Downloads\43e2525f-1d6f-40ac-8e18-6614a10115c4.tmp</t>
  </si>
  <si>
    <t>12/13/2019 14:28:04</t>
  </si>
  <si>
    <t>37f1a344-df1c-4453-bd4b-8a7df42c76a5.tmp</t>
  </si>
  <si>
    <t>\\acsfs\profiles$\geovannasm\Downloads\37f1a344-df1c-4453-bd4b-8a7df42c76a5.tmp</t>
  </si>
  <si>
    <t>12/13/2019 14:24:57</t>
  </si>
  <si>
    <t>12/13/2019 14:34:47</t>
  </si>
  <si>
    <t>e4e117d4-b740-4ae3-aa0f-8828e6a3255e.tmp</t>
  </si>
  <si>
    <t>\\acsfs\profiles$\gabrielarb\Downloads\e4e117d4-b740-4ae3-aa0f-8828e6a3255e.tmp</t>
  </si>
  <si>
    <t>12/13/2019 14:25:36</t>
  </si>
  <si>
    <t>3fe3b6c1-8745-4b69-b40c-225172a9a305.tmp</t>
  </si>
  <si>
    <t>\\acsfs\profiles$\gabrielarb\Downloads\3fe3b6c1-8745-4b69-b40c-225172a9a305.tmp</t>
  </si>
  <si>
    <t>12/13/2019 14:25:55</t>
  </si>
  <si>
    <t>e4ddfe3e-db74-452d-b63a-fda8191509c8.tmp</t>
  </si>
  <si>
    <t>\\acsfs\profiles$\gabrielarb\Downloads\e4ddfe3e-db74-452d-b63a-fda8191509c8.tmp</t>
  </si>
  <si>
    <t>12/13/2019 14:26:13</t>
  </si>
  <si>
    <t>191e7bf3-f41a-44e2-adce-a42c305eddb6.tmp</t>
  </si>
  <si>
    <t>\\acsfs\profiles$\gabrielarb\Downloads\191e7bf3-f41a-44e2-adce-a42c305eddb6.tmp</t>
  </si>
  <si>
    <t>12/13/2019 14:32:25</t>
  </si>
  <si>
    <t>12/13/2019 14:32:42</t>
  </si>
  <si>
    <t>10.200.66.157</t>
  </si>
  <si>
    <t>74-86-7A-FB-19-1A</t>
  </si>
  <si>
    <t>VOTORANT-GB015</t>
  </si>
  <si>
    <t>694ef337-b4cc-41ef-815a-ffdd78232e25.tmp</t>
  </si>
  <si>
    <t>\\acsfs\profiles$\vivianibfs\Downloads\694ef337-b4cc-41ef-815a-ffdd78232e25.tmp</t>
  </si>
  <si>
    <t>12/13/2019 14:31:54</t>
  </si>
  <si>
    <t>e29049aa-6238-4fb8-ad18-1d3824f64e53.tmp</t>
  </si>
  <si>
    <t>\\acsfs\profiles$\vivianibfs\Downloads\e29049aa-6238-4fb8-ad18-1d3824f64e53.tmp</t>
  </si>
  <si>
    <t>12/13/2019 14:32:09</t>
  </si>
  <si>
    <t>fa31366e-b671-4e37-91de-9b0f9edffc64.tmp</t>
  </si>
  <si>
    <t>\\acsfs\profiles$\vivianibfs\Downloads\fa31366e-b671-4e37-91de-9b0f9edffc64.tmp</t>
  </si>
  <si>
    <t>12/13/2019 14:32:12</t>
  </si>
  <si>
    <t>46ea81ea-96d4-41c7-bd38-5afd3dec7458.tmp</t>
  </si>
  <si>
    <t>\\acsfs\profiles$\vivianibfs\Downloads\46ea81ea-96d4-41c7-bd38-5afd3dec7458.tmp</t>
  </si>
  <si>
    <t>12/13/2019 14:32:13</t>
  </si>
  <si>
    <t>ab82ddb2-74e6-4d24-a3f2-85fd1cd629be.tmp</t>
  </si>
  <si>
    <t>\\acsfs\profiles$\sarahbal\Downloads\ab82ddb2-74e6-4d24-a3f2-85fd1cd629be.tmp</t>
  </si>
  <si>
    <t>12/13/2019 14:34:22</t>
  </si>
  <si>
    <t>12/13/2019 14:35:47</t>
  </si>
  <si>
    <t>12/13/2019 14:32:43</t>
  </si>
  <si>
    <t>ad836440-72c7-4916-a700-595b8a963871; sp=9da3590e-0f2e-469c-adb8-dd634efc67f6; remember_user_token=eyjfcmfpbhmionsibwvzc2fnzsi6ilcxc3lnreewt1rszexdswtnbuvrtvrba1phmxdhv3bmywk5wleybg1twghjtuuxsljwttbueulzswpfmu56wxlnemd3tnpjdu56rtrprfv4tmlkzcisimv4cci6ijiwm</t>
  </si>
  <si>
    <t>C:\Users\marcelodsd\Downloads\</t>
  </si>
  <si>
    <t>12/13/2019 14:32:57</t>
  </si>
  <si>
    <t>12/13/2019 14:33:15</t>
  </si>
  <si>
    <t>12/13/2019 14:36:05</t>
  </si>
  <si>
    <t>12/13/2019 14:36:47</t>
  </si>
  <si>
    <t>6007c3c2-af11-442d-bf03-5a0d07c83b15.tmp</t>
  </si>
  <si>
    <t>\\acsfs\profiles$\rosileiam\Downloads\6007c3c2-af11-442d-bf03-5a0d07c83b15.tmp</t>
  </si>
  <si>
    <t>12/13/2019 14:33:16</t>
  </si>
  <si>
    <t>0888a4f3-27dc-475b-b4a5-c263a6698c00.tmp</t>
  </si>
  <si>
    <t>\\acsfs\profiles$\geovannasm\Downloads\0888a4f3-27dc-475b-b4a5-c263a6698c00.tmp</t>
  </si>
  <si>
    <t>12/13/2019 14:34:33</t>
  </si>
  <si>
    <t>10.200.61.92</t>
  </si>
  <si>
    <t>C:\Users\leandrolds\Downloads\</t>
  </si>
  <si>
    <t>bu financeira 2020 (1).xlsx</t>
  </si>
  <si>
    <t>12/13/2019 14:34:34</t>
  </si>
  <si>
    <t>mail.google.com/_/upload?authuser=0&amp;dcp=asu-n&amp;upload_id=AEnB2UrALKFo1EWT4T_5idRpcVc_ZpRQiJIvQwZ7SNYxWXIF2YTV_7jj_UVQMLSGFcMe4-SyUzIVcxTH6s4FkiY1I3hA3MAlVjnBJI8_ZmjZS5Swx_eowoQ&amp;upload_protocol=resumable</t>
  </si>
  <si>
    <t>12/13/2019 14:38:24</t>
  </si>
  <si>
    <t>12/13/2019 14:38:47</t>
  </si>
  <si>
    <t>\\acsfs\profiles$\KARENJSS\Contacts\</t>
  </si>
  <si>
    <t>Karen Jane Santos Silva (19).contact</t>
  </si>
  <si>
    <t>\\acsfs\profiles$\KARENJSS\Contacts\Karen Jane Santos Silva (19).contact</t>
  </si>
  <si>
    <t>12/13/2019 14:38:35</t>
  </si>
  <si>
    <t>\\acsfs\profiles$\KARENJSS\My Documents\My Videos\</t>
  </si>
  <si>
    <t>\\acsfs\profiles$\KARENJSS\My Documents\My Videos\desktop.ini</t>
  </si>
  <si>
    <t>12/13/2019 14:38:36</t>
  </si>
  <si>
    <t>\\acsfs\profiles$\KARENJSS\My Documents\My Pictures\</t>
  </si>
  <si>
    <t>\\acsfs\profiles$\KARENJSS\My Documents\My Pictures\desktop.ini</t>
  </si>
  <si>
    <t>12/13/2019 14:35:18</t>
  </si>
  <si>
    <t>12/13/2019 14:39:47</t>
  </si>
  <si>
    <t>12/13/2019 14:35:19</t>
  </si>
  <si>
    <t>12/13/2019 14:35:21</t>
  </si>
  <si>
    <t>12/13/2019 14:35:26</t>
  </si>
  <si>
    <t>12/13/2019 14:35:28</t>
  </si>
  <si>
    <t>12/13/2019 14:35:29</t>
  </si>
  <si>
    <t>12/13/2019 14:35:30</t>
  </si>
  <si>
    <t>12/13/2019 14:35:31</t>
  </si>
  <si>
    <t>12/13/2019 14:35:32</t>
  </si>
  <si>
    <t>12/13/2019 14:35:33</t>
  </si>
  <si>
    <t>12/13/2019 14:35:34</t>
  </si>
  <si>
    <t>12/13/2019 14:35:35</t>
  </si>
  <si>
    <t>12/13/2019 14:35:38</t>
  </si>
  <si>
    <t>12/13/2019 14:35:41</t>
  </si>
  <si>
    <t>12/13/2019 14:35:42</t>
  </si>
  <si>
    <t>12/13/2019 14:35:52</t>
  </si>
  <si>
    <t>12/13/2019 14:35:56</t>
  </si>
  <si>
    <t>12/13/2019 14:36:06</t>
  </si>
  <si>
    <t>12/13/2019 14:36:07</t>
  </si>
  <si>
    <t>12/13/2019 14:36:09</t>
  </si>
  <si>
    <t>12/13/2019 14:36:12</t>
  </si>
  <si>
    <t>12/13/2019 14:36:17</t>
  </si>
  <si>
    <t>12/13/2019 14:36:16</t>
  </si>
  <si>
    <t>b3a2380c-6cdf-4051-a8ed-38e661b62880.tmp</t>
  </si>
  <si>
    <t>\\acsfs\profiles$\gabrielarb\Downloads\b3a2380c-6cdf-4051-a8ed-38e661b62880.tmp</t>
  </si>
  <si>
    <t>2ba1ae8b-04ad-4987-b8c5-b05966ec8257.tmp</t>
  </si>
  <si>
    <t>\\acsfs\profiles$\gabrielarb\Downloads\2ba1ae8b-04ad-4987-b8c5-b05966ec8257.tmp</t>
  </si>
  <si>
    <t>12/13/2019 14:37:25</t>
  </si>
  <si>
    <t>d6762e07-1251-4159-b1be-d6c8dca4436f.tmp</t>
  </si>
  <si>
    <t>\\acsfs\profiles$\gabrielarb\Downloads\d6762e07-1251-4159-b1be-d6c8dca4436f.tmp</t>
  </si>
  <si>
    <t>12/13/2019 12:00:53</t>
  </si>
  <si>
    <t>mail.google.com/_/upload?authuser=2&amp;dcp=asu-n&amp;upload_id=AEnB2UpCoKkSUYBrgV7V3nagb2Gx-MOZGqAXdt4v4Vi1-hpjFgT21uquDrWCwk6RS_zXaal6HIna_1UGEZTFTGOgXqgI9u3hR-LBvBNm_4SUsOJ4v_isBLs&amp;upload_protocol=resumable</t>
  </si>
  <si>
    <t>Métricas Electrolux - Atualizado até 30Nov.xlsb</t>
  </si>
  <si>
    <t>12/13/2019 14:38:16</t>
  </si>
  <si>
    <t>12/13/2019 14:40:47</t>
  </si>
  <si>
    <t>12/13/2019 14:36:01</t>
  </si>
  <si>
    <t>\\acsfs\profiles$\layonmof\My Documents\</t>
  </si>
  <si>
    <t>Usar.txt</t>
  </si>
  <si>
    <t>\\acsfs\profiles$\layonmof\My Documents\Usar.txt</t>
  </si>
  <si>
    <t>12/13/2019 14:36:03</t>
  </si>
  <si>
    <t>12/13/2019 14:36:04</t>
  </si>
  <si>
    <t>12/13/2019 14:37:46</t>
  </si>
  <si>
    <t>12/13/2019 14:39:11</t>
  </si>
  <si>
    <t>12/13/2019 14:41:47</t>
  </si>
  <si>
    <t>\\acsfs\profiles$\KARENDSR\Contacts\</t>
  </si>
  <si>
    <t>KAREN DE SOUZA RODRIGUES (15).contact</t>
  </si>
  <si>
    <t>\\acsfs\profiles$\KARENDSR\Contacts\KAREN DE SOUZA RODRIGUES (15).contact</t>
  </si>
  <si>
    <t>12/13/2019 14:39:18</t>
  </si>
  <si>
    <t>\\acsfs\profiles$\KARENDSR\My Documents\My Videos\</t>
  </si>
  <si>
    <t>\\acsfs\profiles$\KARENDSR\My Documents\My Videos\desktop.ini</t>
  </si>
  <si>
    <t>\\acsfs\profiles$\KARENDSR\My Documents\My Pictures\</t>
  </si>
  <si>
    <t>\\acsfs\profiles$\KARENDSR\My Documents\My Pictures\desktop.ini</t>
  </si>
  <si>
    <t>12/13/2019 14:39:19</t>
  </si>
  <si>
    <t>\\acsfs\profiles$\KARENDSR\Contacts\desktop.ini</t>
  </si>
  <si>
    <t>\\acsfs\profiles$\KARENDSR\Favorites\</t>
  </si>
  <si>
    <t>\\acsfs\profiles$\KARENDSR\Favorites\desktop.ini</t>
  </si>
  <si>
    <t>12/13/2019 14:39:20</t>
  </si>
  <si>
    <t>\\acsfs\profiles$\KARENDSR\My Documents\My Music\</t>
  </si>
  <si>
    <t>\\acsfs\profiles$\KARENDSR\My Documents\My Music\desktop.ini</t>
  </si>
  <si>
    <t>12/13/2019 14:39:21</t>
  </si>
  <si>
    <t>\\acsfs\profiles$\KARENDSR\Searches\</t>
  </si>
  <si>
    <t>\\acsfs\profiles$\KARENDSR\Searches\desktop.ini</t>
  </si>
  <si>
    <t>\\acsfs\profiles$\KARENDSR\Downloads\desktop.ini</t>
  </si>
  <si>
    <t>12/13/2019 14:39:22</t>
  </si>
  <si>
    <t>\\acsfs\profiles$\KARENDSR\My Documents\desktop.ini</t>
  </si>
  <si>
    <t>\\acsfs\profiles$\KARENDSR\Saved Games\</t>
  </si>
  <si>
    <t>\\acsfs\profiles$\KARENDSR\Saved Games\desktop.ini</t>
  </si>
  <si>
    <t>12/13/2019 14:39:23</t>
  </si>
  <si>
    <t>12/13/2019 14:39:33</t>
  </si>
  <si>
    <t>\\acsfs\profiles$\KARENDSR\Favorites\Links for Brasil\desktop.ini</t>
  </si>
  <si>
    <t>12/13/2019 14:39:34</t>
  </si>
  <si>
    <t>12/13/2019 14:40:42</t>
  </si>
  <si>
    <t>2982637c-dc10-41a0-83b4-e31d716c9df9.tmp</t>
  </si>
  <si>
    <t>\\acsfs\profiles$\KARENDSR\Downloads\2982637c-dc10-41a0-83b4-e31d716c9df9.tmp</t>
  </si>
  <si>
    <t>12/13/2019 14:38:00</t>
  </si>
  <si>
    <t>279972fb-3990-4028-b66e-cc64bc229331.tmp</t>
  </si>
  <si>
    <t>\\acsfs\profiles$\rosileiam\Downloads\279972fb-3990-4028-b66e-cc64bc229331.tmp</t>
  </si>
  <si>
    <t>12/13/2019 14:43:47</t>
  </si>
  <si>
    <t>12/13/2019 14:38:37</t>
  </si>
  <si>
    <t>\\acsfs\profiles$\KARENJSS\Contacts\desktop.ini</t>
  </si>
  <si>
    <t>12/13/2019 14:38:38</t>
  </si>
  <si>
    <t>\\acsfs\profiles$\KARENJSS\Favorites\</t>
  </si>
  <si>
    <t>\\acsfs\profiles$\KARENJSS\Favorites\desktop.ini</t>
  </si>
  <si>
    <t>12/13/2019 14:38:39</t>
  </si>
  <si>
    <t>\\acsfs\profiles$\KARENJSS\My Documents\My Music\</t>
  </si>
  <si>
    <t>\\acsfs\profiles$\KARENJSS\My Documents\My Music\desktop.ini</t>
  </si>
  <si>
    <t>12/13/2019 14:38:40</t>
  </si>
  <si>
    <t>\\acsfs\profiles$\KARENJSS\Searches\</t>
  </si>
  <si>
    <t>\\acsfs\profiles$\KARENJSS\Searches\desktop.ini</t>
  </si>
  <si>
    <t>\\acsfs\profiles$\KARENJSS\Downloads\desktop.ini</t>
  </si>
  <si>
    <t>12/13/2019 14:38:41</t>
  </si>
  <si>
    <t>\\acsfs\profiles$\KARENJSS\My Documents\</t>
  </si>
  <si>
    <t>\\acsfs\profiles$\KARENJSS\My Documents\desktop.ini</t>
  </si>
  <si>
    <t>12/13/2019 14:38:42</t>
  </si>
  <si>
    <t>12/13/2019 14:38:43</t>
  </si>
  <si>
    <t>\\acsfs\profiles$\KARENJSS\Saved Games\</t>
  </si>
  <si>
    <t>\\acsfs\profiles$\KARENJSS\Saved Games\desktop.ini</t>
  </si>
  <si>
    <t>12/13/2019 14:38:57</t>
  </si>
  <si>
    <t>\\acsfs\profiles$\KARENJSS\Favorites\Links for Brasil\desktop.ini</t>
  </si>
  <si>
    <t>12/13/2019 14:38:58</t>
  </si>
  <si>
    <t>12/13/2019 14:38:59</t>
  </si>
  <si>
    <t>12/13/2019 14:40:31</t>
  </si>
  <si>
    <t>89bfdd03-ed5c-42df-9bcc-0d6243603044.tmp</t>
  </si>
  <si>
    <t>\\acsfs\profiles$\KARENJSS\Downloads\89bfdd03-ed5c-42df-9bcc-0d6243603044.tmp</t>
  </si>
  <si>
    <t>12/13/2019 14:41:20</t>
  </si>
  <si>
    <t>ea7352c5-4e07-4ab4-8afc-8d78e7899c42.tmp</t>
  </si>
  <si>
    <t>\\acsfs\profiles$\KARENJSS\Downloads\ea7352c5-4e07-4ab4-8afc-8d78e7899c42.tmp</t>
  </si>
  <si>
    <t>12/13/2019 14:41:58</t>
  </si>
  <si>
    <t>4b614e2e-4ae4-4f55-ae0f-88c4647b1637.tmp</t>
  </si>
  <si>
    <t>\\acsfs\profiles$\KARENJSS\Downloads\4b614e2e-4ae4-4f55-ae0f-88c4647b1637.tmp</t>
  </si>
  <si>
    <t>12/13/2019 14:43:06</t>
  </si>
  <si>
    <t>cd5a1b2b-2dfc-41a7-9dc8-11ea5cc459a3.tmp</t>
  </si>
  <si>
    <t>\\acsfs\profiles$\KARENJSS\Downloads\cd5a1b2b-2dfc-41a7-9dc8-11ea5cc459a3.tmp</t>
  </si>
  <si>
    <t>12/13/2019 14:40:19</t>
  </si>
  <si>
    <t>12/13/2019 14:44:47</t>
  </si>
  <si>
    <t>d87769c6-3bd2-4200-8045-5a3751dcdd6b.tmp</t>
  </si>
  <si>
    <t>\\acsfs\profiles$\victorgl\Downloads\d87769c6-3bd2-4200-8045-5a3751dcdd6b.tmp</t>
  </si>
  <si>
    <t>12/13/2019 14:40:51</t>
  </si>
  <si>
    <t>a5839b7e-dbc1-4ce7-8832-3528259366bc.tmp</t>
  </si>
  <si>
    <t>\\acsfs\profiles$\victorgl\Downloads\a5839b7e-dbc1-4ce7-8832-3528259366bc.tmp</t>
  </si>
  <si>
    <t>12/13/2019 14:42:28</t>
  </si>
  <si>
    <t>4a15b827-9261-481a-8e02-f8efe188b952.tmp</t>
  </si>
  <si>
    <t>\\acsfs\profiles$\bernardopcm\Downloads\4a15b827-9261-481a-8e02-f8efe188b952.tmp</t>
  </si>
  <si>
    <t>12/13/2019 14:40:02</t>
  </si>
  <si>
    <t>Consolidado Tarefas.xlsx</t>
  </si>
  <si>
    <t>ancest,containsunsubscribedchildren,displayname,domain,emailaddress,filesize,id),lastmodifyinguser(kind,lastviewedbymedate,modifiedbymedate,ontainsunsubscribedchildren,owners(kind,permissionid,pictu,picture,rpermissions,workspaceids</t>
  </si>
  <si>
    <t>12/13/2019 14:41:29</t>
  </si>
  <si>
    <t>6_ymo-pfhm74bqjhyvs8q_w1ymww?opendrive=false&amp;reason=102&amp;synctype=0&amp;errorrecovery=false&amp;fields=kind;ance;ancestorhasaugmentedpermissions;containsunsubscribedchildren;displayname;domain;emailaddress;filesize;hasthumbnail;hasvisitorpe;hasvisitorpermissions;id);items(kind;ken;lastmodifyinguser(kind;lastviewedbymedate;modifiedbymedate;modifieddate;ontainsunsubscribedchildren;owners(kind;permission;permissionid;pic;pict;picture;rafaelggs@algartech.com;rpermissions;talmaiardo@algartech.com;thumbnailversion;workspaceids;</t>
  </si>
  <si>
    <t>6_ymo-pfhm74bqjhyvs8q_w1ymww?opendrive=false&amp;reason=102&amp;synctype=0&amp;errorrecovery=false&amp;fields=kind,ance,ancestorhasaugmentedpermissions,containsunsubscribedchildren,displayname,domain,emailaddress,filesize,hasthumbnail,hasvisitorpe,hasvisitorpermissions,id),items(kind,ken,lastmodifyinguser(kind,lastviewedbymedate,modifiedbymedate,modifieddate,ontainsunsubscribedchildren,owners(kind,permission,permissionid,pic,pict,picture,rafaelggs@algartech.com,rpermissions,talmaiardo@algartech.com,thumbnailversion,workspaceids</t>
  </si>
  <si>
    <t>12/13/2019 14:42:12</t>
  </si>
  <si>
    <t>12/13/2019 14:42:57</t>
  </si>
  <si>
    <t>mail.google.com/_/upload?authuser=0&amp;dcp=asu-n&amp;upload_id=AEnB2UphvlOMvc5W1pDuDPbJxYQxt_IG-0VT1y4ii9OGTrFd0Z0vsHhtjPLNO0vN1vaInFTsg1SEMI2RGWa_0YsKxjjn1SMF0Fvpd7zk2VOB1Go4CxM8nac&amp;upload_protocol=resumable</t>
  </si>
  <si>
    <t>ken=ac4w5cnull;ken=ac4w5vhgmc7_2lkgzzawwlsesqwgzsmcfq:1576237687042&amp;buildlabel=drive.web-frontend_20191204.00_p5;</t>
  </si>
  <si>
    <t>ken=ac4w5cnull,ken=ac4w5vhgmc7_2lkgzzawwlsesqwgzsmcfq:1576237687042&amp;buildlabel=drive.web-frontend_20191204.00_p5</t>
  </si>
  <si>
    <t>12/13/2019 14:40:56</t>
  </si>
  <si>
    <t>12/13/2019 14:45:47</t>
  </si>
  <si>
    <t>12/13/2019 14:43:40</t>
  </si>
  <si>
    <t>12/13/2019 14:44:59</t>
  </si>
  <si>
    <t>12/13/2019 14:41:51</t>
  </si>
  <si>
    <t>12/13/2019 14:46:46</t>
  </si>
  <si>
    <t>46e6916f-2c72-46ea-9b4b-3d0aac4d451b.tmp</t>
  </si>
  <si>
    <t>\\acsfs\profiles$\KARENDSR\Downloads\46e6916f-2c72-46ea-9b4b-3d0aac4d451b.tmp</t>
  </si>
  <si>
    <t>12/13/2019 14:42:47</t>
  </si>
  <si>
    <t>e3b0eb8a-2d78-4229-ade4-d2f968c1fc4b.tmp</t>
  </si>
  <si>
    <t>\\acsfs\profiles$\KARENDSR\Downloads\e3b0eb8a-2d78-4229-ade4-d2f968c1fc4b.tmp</t>
  </si>
  <si>
    <t>12/13/2019 14:45:19</t>
  </si>
  <si>
    <t>containsunsubscribedchildren,dis,displayname,domain,emailaddress,explicitlytrashed,file(kind,fileid,filesize,hasthumbnail,hasvisitorpermissions,id,id),items(deleted,items(kind,ken,kind,lastmodifyi,lastmodifyinguser(kind,lastviewedbymedate,mimetype,modifiedbymedate,modifieddate,ontainsunsubscribedchildren,owners(kind,per,permission,permissionid,picture,picture�,quot,rpermissions,shared,sharedwithme,sharedwithmedate,thumbnailversion,title,userpermission(role),workspaceids</t>
  </si>
  <si>
    <t>12/13/2019 14:44:28</t>
  </si>
  <si>
    <t>aeaf0932-5b6d-403f-bfc1-8a06972cbba7.tmp</t>
  </si>
  <si>
    <t>\\acsfs\profiles$\geovannasm\Downloads\aeaf0932-5b6d-403f-bfc1-8a06972cbba7.tmp</t>
  </si>
  <si>
    <t>12/13/2019 14:47:47</t>
  </si>
  <si>
    <t>\\acsfs\DEPTOS\DME\CME - Coordenacao de Marketing e Estrategia\Gestão da Área\Reuniões de Governança\Outros fóruns\2019\Reunião com Tati - 16-12 - Afonso\</t>
  </si>
  <si>
    <t>Dados Financeiros-NPS-Pipe.xlsx</t>
  </si>
  <si>
    <t>12/13/2019 14:45:52</t>
  </si>
  <si>
    <t>12/13/2019 14:48:47</t>
  </si>
  <si>
    <t>42f731f6-c9cb-4fb8-a3e4-a1c7bf1dbae9.tmp</t>
  </si>
  <si>
    <t>\\acsfs\profiles$\fabianafv\Downloads\42f731f6-c9cb-4fb8-a3e4-a1c7bf1dbae9.tmp</t>
  </si>
  <si>
    <t>12/13/2019 14:45:57</t>
  </si>
  <si>
    <t>8eba9871-f686-461c-81ba-f3629d7d752d.tmp</t>
  </si>
  <si>
    <t>\\acsfs\profiles$\fabianafv\Downloads\8eba9871-f686-461c-81ba-f3629d7d752d.tmp</t>
  </si>
  <si>
    <t>12/13/2019 14:44:36</t>
  </si>
  <si>
    <t>12/13/2019 14:49:47</t>
  </si>
  <si>
    <t>10.200.60.90</t>
  </si>
  <si>
    <t>cristinahs@algartech.com</t>
  </si>
  <si>
    <t>\\acsfs\DEPTOS\Operacao\Pool\2 - Operacoes\AMEX\1 - Gestao da Area\1.1 - Gerente\08 Cristina Herminio\08 Cristina Herminio\Antigos\Clima\PLano 2019\</t>
  </si>
  <si>
    <t>Comentários pesquisa 2019.xlsx</t>
  </si>
  <si>
    <t>12/13/2019 14:49:51</t>
  </si>
  <si>
    <t>12/13/2019 14:50:46</t>
  </si>
  <si>
    <t>12/13/2019 14:49:26</t>
  </si>
  <si>
    <t>af191835-aa93-47d0-bdfc-76334de99c43.tmp</t>
  </si>
  <si>
    <t>\\acsfs\profiles$\gabrielafs\Downloads\af191835-aa93-47d0-bdfc-76334de99c43.tmp</t>
  </si>
  <si>
    <t>12/13/2019 14:49:12</t>
  </si>
  <si>
    <t>12/13/2019 14:53:47</t>
  </si>
  <si>
    <t>12/13/2019 14:49:43</t>
  </si>
  <si>
    <t>.~lock.Fabiana.ods#</t>
  </si>
  <si>
    <t>\\acsfs\profiles$\fabianafv\My Documents\.~lock.Fabiana.ods#</t>
  </si>
  <si>
    <t>12/13/2019 14:53:48</t>
  </si>
  <si>
    <t>12/13/2019 14:55:47</t>
  </si>
  <si>
    <t>mail.google.com/sync/u/0/i/s?hl=pt-BR&amp;c=1431</t>
  </si>
  <si>
    <t>12/13/2019 14:54:00</t>
  </si>
  <si>
    <t>mail.google.com/sync/u/0/i/s?hl=pt-BR&amp;c=1436</t>
  </si>
  <si>
    <t>12/13/2019 14:54:12</t>
  </si>
  <si>
    <t>mail.google.com/sync/u/0/i/s?hl=pt-BR&amp;c=1441</t>
  </si>
  <si>
    <t>12/13/2019 14:54:15</t>
  </si>
  <si>
    <t>mail.google.com/sync/u/0/i/s?hl=pt-BR&amp;c=1446</t>
  </si>
  <si>
    <t>12/13/2019 14:50:41</t>
  </si>
  <si>
    <t>72b21a74-41f3-41f3-bf1e-ab08a428600c.tmp</t>
  </si>
  <si>
    <t>\\acsfs\profiles$\larissaad\Downloads\72b21a74-41f3-41f3-bf1e-ab08a428600c.tmp</t>
  </si>
  <si>
    <t>12/13/2019 14:55:05</t>
  </si>
  <si>
    <t>12/13/2019 14:54:42</t>
  </si>
  <si>
    <t>12/13/2019 14:57:47</t>
  </si>
  <si>
    <t>\\acsfs\profiles$\erichds\My Documents\My Pictures\</t>
  </si>
  <si>
    <t>\\acsfs\profiles$\erichds\My Documents\My Videos\desktop.ini</t>
  </si>
  <si>
    <t>12/13/2019 14:54:45</t>
  </si>
  <si>
    <t>\\acsfs\profiles$\erichds\My Documents\My Videos\</t>
  </si>
  <si>
    <t>12/13/2019 14:54:46</t>
  </si>
  <si>
    <t>12/13/2019 14:54:47</t>
  </si>
  <si>
    <t>12/13/2019 14:54:48</t>
  </si>
  <si>
    <t>12/13/2019 14:54:50</t>
  </si>
  <si>
    <t>\\acsfs\profiles$\erichds\My Documents\My Music\</t>
  </si>
  <si>
    <t>\\acsfs\profiles$\erichds\My Documents\My Pictures\desktop.ini</t>
  </si>
  <si>
    <t>12/13/2019 14:54:52</t>
  </si>
  <si>
    <t>12/13/2019 14:54:54</t>
  </si>
  <si>
    <t>12/13/2019 14:54:55</t>
  </si>
  <si>
    <t>12/13/2019 14:54:56</t>
  </si>
  <si>
    <t>12/13/2019 14:54:58</t>
  </si>
  <si>
    <t>\\acsfs\profiles$\erichds\Contacts\</t>
  </si>
  <si>
    <t>\\acsfs\profiles$\erichds\Contacts\desktop.ini</t>
  </si>
  <si>
    <t>12/13/2019 14:54:59</t>
  </si>
  <si>
    <t>12/13/2019 14:55:00</t>
  </si>
  <si>
    <t>12/13/2019 14:55:01</t>
  </si>
  <si>
    <t>12/13/2019 14:55:03</t>
  </si>
  <si>
    <t>12/13/2019 14:55:04</t>
  </si>
  <si>
    <t>12/13/2019 14:55:06</t>
  </si>
  <si>
    <t>\\acsfs\profiles$\erichds\My Documents\</t>
  </si>
  <si>
    <t>\\acsfs\profiles$\erichds\Favorites\desktop.ini</t>
  </si>
  <si>
    <t>12/13/2019 14:55:07</t>
  </si>
  <si>
    <t>12/13/2019 14:55:08</t>
  </si>
  <si>
    <t>12/13/2019 14:55:09</t>
  </si>
  <si>
    <t>12/13/2019 14:55:11</t>
  </si>
  <si>
    <t>12/13/2019 14:55:12</t>
  </si>
  <si>
    <t>12/13/2019 14:55:13</t>
  </si>
  <si>
    <t>12/13/2019 14:55:15</t>
  </si>
  <si>
    <t>\\acsfs\profiles$\erichds\My Documents\My Music\desktop.ini</t>
  </si>
  <si>
    <t>12/13/2019 14:55:17</t>
  </si>
  <si>
    <t>12/13/2019 14:55:18</t>
  </si>
  <si>
    <t>12/13/2019 14:55:20</t>
  </si>
  <si>
    <t>12/13/2019 14:55:21</t>
  </si>
  <si>
    <t>\\acsfs\profiles$\erichds\Searches\</t>
  </si>
  <si>
    <t>\\acsfs\profiles$\erichds\Searches\desktop.ini</t>
  </si>
  <si>
    <t>12/13/2019 14:55:22</t>
  </si>
  <si>
    <t>12/13/2019 14:55:24</t>
  </si>
  <si>
    <t>12/13/2019 14:55:25</t>
  </si>
  <si>
    <t>12/13/2019 14:55:26</t>
  </si>
  <si>
    <t>12/13/2019 14:55:27</t>
  </si>
  <si>
    <t>\\acsfs\profiles$\erichds\Downloads\desktop.ini</t>
  </si>
  <si>
    <t>12/13/2019 14:55:28</t>
  </si>
  <si>
    <t>12/13/2019 14:55:31</t>
  </si>
  <si>
    <t>\\acsfs\profiles$\erichds\Favorites\</t>
  </si>
  <si>
    <t>\\acsfs\profiles$\erichds\My Documents\desktop.ini</t>
  </si>
  <si>
    <t>12/13/2019 14:55:32</t>
  </si>
  <si>
    <t>12/13/2019 14:55:33</t>
  </si>
  <si>
    <t>12/13/2019 14:55:35</t>
  </si>
  <si>
    <t>12/13/2019 14:55:36</t>
  </si>
  <si>
    <t>12/13/2019 14:55:38</t>
  </si>
  <si>
    <t>12/13/2019 14:55:40</t>
  </si>
  <si>
    <t>\\acsfs\profiles$\erichds\Saved Games\desktop.ini</t>
  </si>
  <si>
    <t>12/13/2019 14:55:42</t>
  </si>
  <si>
    <t>12/13/2019 14:56:09</t>
  </si>
  <si>
    <t>winrt--{S-1-5-21-602162358-764733703-839522115-358591}-.searchconnector-ms</t>
  </si>
  <si>
    <t>\\acsfs\profiles$\erichds\Searches\winrt--{S-1-5-21-602162358-764733703-839522115-358591}-.searchconnector-ms</t>
  </si>
  <si>
    <t>12/13/2019 14:57:43</t>
  </si>
  <si>
    <t>12/13/2019 14:58:47</t>
  </si>
  <si>
    <t>12/13/2019 14:59:46</t>
  </si>
  <si>
    <t>0cd7b03e-102d-45f1-ac62-ddf1bef3f078.tmp</t>
  </si>
  <si>
    <t>\\acsfs\profiles$\gabrielarb\Downloads\0cd7b03e-102d-45f1-ac62-ddf1bef3f078.tmp</t>
  </si>
  <si>
    <t>12/13/2019 14:59:08</t>
  </si>
  <si>
    <t>12/13/2019 14:59:17</t>
  </si>
  <si>
    <t>12/13/2019 15:00:47</t>
  </si>
  <si>
    <t>12/13/2019 14:59:19</t>
  </si>
  <si>
    <t>12/13/2019 14:59:47</t>
  </si>
  <si>
    <t>12/13/2019 14:56:04</t>
  </si>
  <si>
    <t>\\acsfs\profiles$\jessykacal\Contacts\</t>
  </si>
  <si>
    <t>JESSYKA CAROLINE ALVES LIMA (39).contact</t>
  </si>
  <si>
    <t>\\acsfs\profiles$\jessykacal\Contacts\JESSYKA CAROLINE ALVES LIMA (39).contact</t>
  </si>
  <si>
    <t>12/13/2019 14:56:17</t>
  </si>
  <si>
    <t>\\acsfs\profiles$\jessykacal\My Documents\My Videos\</t>
  </si>
  <si>
    <t>\\acsfs\profiles$\jessykacal\My Documents\My Videos\desktop.ini</t>
  </si>
  <si>
    <t>\\acsfs\profiles$\jessykacal\My Documents\My Pictures\</t>
  </si>
  <si>
    <t>\\acsfs\profiles$\jessykacal\My Documents\My Pictures\desktop.ini</t>
  </si>
  <si>
    <t>12/13/2019 14:56:18</t>
  </si>
  <si>
    <t>12/13/2019 14:56:19</t>
  </si>
  <si>
    <t>\\acsfs\profiles$\jessykacal\Contacts\desktop.ini</t>
  </si>
  <si>
    <t>\\acsfs\profiles$\jessykacal\Favorites\desktop.ini</t>
  </si>
  <si>
    <t>12/13/2019 14:56:20</t>
  </si>
  <si>
    <t>\\acsfs\profiles$\jessykacal\My Documents\My Music\</t>
  </si>
  <si>
    <t>\\acsfs\profiles$\jessykacal\My Documents\My Music\desktop.ini</t>
  </si>
  <si>
    <t>12/13/2019 14:56:21</t>
  </si>
  <si>
    <t>12/13/2019 14:56:22</t>
  </si>
  <si>
    <t>\\acsfs\profiles$\jessykacal\Searches\</t>
  </si>
  <si>
    <t>\\acsfs\profiles$\jessykacal\Searches\desktop.ini</t>
  </si>
  <si>
    <t>\\acsfs\profiles$\jessykacal\Downloads\desktop.ini</t>
  </si>
  <si>
    <t>12/13/2019 14:56:23</t>
  </si>
  <si>
    <t>\\acsfs\profiles$\jessykacal\My Documents\</t>
  </si>
  <si>
    <t>\\acsfs\profiles$\jessykacal\My Documents\desktop.ini</t>
  </si>
  <si>
    <t>12/13/2019 14:56:24</t>
  </si>
  <si>
    <t>12/13/2019 14:56:25</t>
  </si>
  <si>
    <t>\\acsfs\profiles$\jessykacal\Saved Games\</t>
  </si>
  <si>
    <t>\\acsfs\profiles$\jessykacal\Saved Games\desktop.ini</t>
  </si>
  <si>
    <t>12/13/2019 14:56:36</t>
  </si>
  <si>
    <t>\\acsfs\profiles$\jessykacal\Favorites\Links for Brasil\</t>
  </si>
  <si>
    <t>\\acsfs\profiles$\jessykacal\Favorites\Links for Brasil\desktop.ini</t>
  </si>
  <si>
    <t>\\acsfs\profiles$\jessykacal\Favorites\Links for Brasil\Microsoft Brasil.url</t>
  </si>
  <si>
    <t>\\acsfs\profiles$\jessykacal\Favorites\Links for Brasil\Windows Brasil.url</t>
  </si>
  <si>
    <t>\\acsfs\profiles$\jessykacal\Favorites\Links for Brasil\MSN Brasil.url</t>
  </si>
  <si>
    <t>12/13/2019 14:59:00</t>
  </si>
  <si>
    <t>Download mat 01.pdf</t>
  </si>
  <si>
    <t>\\acsfs\profiles$\jessykacal\My Documents\Download mat 01.pdf</t>
  </si>
  <si>
    <t>12/13/2019 14:55:54</t>
  </si>
  <si>
    <t>12/13/2019 14:57:06</t>
  </si>
  <si>
    <t>12/13/2019 14:57:16</t>
  </si>
  <si>
    <t>12/13/2019 14:57:35</t>
  </si>
  <si>
    <t>12/13/2019 15:02:47</t>
  </si>
  <si>
    <t>a2e6f4a2-fbde-46cd-90bd-c5269dae6aeb.tmp</t>
  </si>
  <si>
    <t>\\acsfs\profiles$\erichds\Downloads\a2e6f4a2-fbde-46cd-90bd-c5269dae6aeb.tmp</t>
  </si>
  <si>
    <t>12/13/2019 14:59:32</t>
  </si>
  <si>
    <t>2cb53a86-44fa-491a-9abb-12b0cda17a00.tmp</t>
  </si>
  <si>
    <t>\\acsfs\profiles$\erichds\Downloads\2cb53a86-44fa-491a-9abb-12b0cda17a00.tmp</t>
  </si>
  <si>
    <t>12/13/2019 14:59:43</t>
  </si>
  <si>
    <t>95d94246-a662-44ce-9275-fe8e58b6a053.tmp</t>
  </si>
  <si>
    <t>\\acsfs\profiles$\erichds\Downloads\95d94246-a662-44ce-9275-fe8e58b6a053.tmp</t>
  </si>
  <si>
    <t>12/13/2019 15:00:42</t>
  </si>
  <si>
    <t>karinarm</t>
  </si>
  <si>
    <t>\\acsfs\profiles$\karinarm\Downloads\</t>
  </si>
  <si>
    <t>7873c889-2d13-4eed-b37b-023a1b289b92.tmp</t>
  </si>
  <si>
    <t>\\acsfs\profiles$\karinarm\Downloads\7873c889-2d13-4eed-b37b-023a1b289b92.tmp</t>
  </si>
  <si>
    <t>47d8aecd-ba77-4e30-89df-d56c374e3186.tmp</t>
  </si>
  <si>
    <t>\\acsfs\profiles$\luanaldsi\Downloads\47d8aecd-ba77-4e30-89df-d56c374e3186.tmp</t>
  </si>
  <si>
    <t>12/13/2019 15:02:36</t>
  </si>
  <si>
    <t>12/13/2019 15:03:47</t>
  </si>
  <si>
    <t>12/13/2019 15:03:03</t>
  </si>
  <si>
    <t>12/13/2019 14:59:42</t>
  </si>
  <si>
    <t>12/13/2019 15:04:48</t>
  </si>
  <si>
    <t>12/13/2019 15:00:17</t>
  </si>
  <si>
    <t>12/13/2019 15:05:47</t>
  </si>
  <si>
    <t>12/13/2019 15:01:17</t>
  </si>
  <si>
    <t>12/13/2019 15:01:15</t>
  </si>
  <si>
    <t>12/13/2019 15:05:00</t>
  </si>
  <si>
    <t>adrianoms@algartech.com;anapscl@algartech.com;andressacpd@algartech.com;cristinahe@algartech.com;cristinahs@algartech.com;deborahvhw@algartech.com;elencassiapo@algartech.com;elencassiapo@algartech.com.br;eunice.pimenta@algartech.com;fabianapm@algartech.com;fabiolacc@algartecnologia.com.br;fredericobs@algartecnologia.com.br;hyonarafs@algartech.com;julianatem@algartech.com;jussaragp@algartech.com;katiargf@algartech.com;kelencgt@algartech.com;khassiomp@algartech.com;luanaaoli@algartech.com;lucieneili@algartech.com;marcotvo@algartech.com;mariajcb@algartech.com;micheless@algartech.com;micheless@algartech.com.br;priscilalb@algartech.com;priscilalb@algartech.com.br;rafaelaas@algartech.com;sabrinagc@algartech.com;thaisaol@algartech.com.br;</t>
  </si>
  <si>
    <t>adrianoms@algartech.com,anapscl@algartech.com,andressacpd@algartech.com,cristinahe@algartech.com,cristinahs@algartech.com,deborahvhw@algartech.com,elencassiapo@algartech.com,elencassiapo@algartech.com.br,eunice.pimenta@algartech.com,fabianapm@algartech.com,fabiolacc@algartecnologia.com.br,fredericobs@algartecnologia.com.br,hyonarafs@algartech.com,julianatem@algartech.com,jussaragp@algartech.com,katiargf@algartech.com,kelencgt@algartech.com,khassiomp@algartech.com,luanaaoli@algartech.com,lucieneili@algartech.com,marcotvo@algartech.com,mariajcb@algartech.com,micheless@algartech.com,micheless@algartech.com.br,priscilalb@algartech.com,priscilalb@algartech.com.br,rafaelaas@algartech.com,sabrinagc@algartech.com,thaisaol@algartech.com.br</t>
  </si>
  <si>
    <t>12/13/2019 15:04:32</t>
  </si>
  <si>
    <t>12/13/2019 15:06:48</t>
  </si>
  <si>
    <t>12/13/2019 15:02:43</t>
  </si>
  <si>
    <t>12/13/2019 15:07:47</t>
  </si>
  <si>
    <t>cc58b1bc-3b48-4024-9e09-c86b594eb354.tmp</t>
  </si>
  <si>
    <t>\\acsfs\profiles$\karinarm\Downloads\cc58b1bc-3b48-4024-9e09-c86b594eb354.tmp</t>
  </si>
  <si>
    <t>12/13/2019 15:03:32</t>
  </si>
  <si>
    <t>24efb7a4-e187-406a-ba16-c181b20bd8e4.tmp</t>
  </si>
  <si>
    <t>\\acsfs\profiles$\karinarm\Downloads\24efb7a4-e187-406a-ba16-c181b20bd8e4.tmp</t>
  </si>
  <si>
    <t>12/13/2019 15:06:12</t>
  </si>
  <si>
    <t>12/13/2019 15:08:47</t>
  </si>
  <si>
    <t>12/13/2019 15:09:25</t>
  </si>
  <si>
    <t>12/13/2019 15:10:47</t>
  </si>
  <si>
    <t>12/13/2019 15:09:16</t>
  </si>
  <si>
    <t>13-12.xlsx</t>
  </si>
  <si>
    <t>12/13/2019 15:07:04</t>
  </si>
  <si>
    <t>12/13/2019 15:07:43</t>
  </si>
  <si>
    <t>12/13/2019 15:10:02</t>
  </si>
  <si>
    <t>12/13/2019 15:11:47</t>
  </si>
  <si>
    <t>12/13/2019 15:07:34</t>
  </si>
  <si>
    <t>373c90e3-aae7-4a4c-864b-abc70acb78f2.tmp</t>
  </si>
  <si>
    <t>\\acsfs\profiles$\ERICALSR\Downloads\373c90e3-aae7-4a4c-864b-abc70acb78f2.tmp</t>
  </si>
  <si>
    <t>c10c36be-e5a0-4ab3-ab9f-8c3507ae0b45.tmp</t>
  </si>
  <si>
    <t>\\acsfs\profiles$\geovannasm\Downloads\c10c36be-e5a0-4ab3-ab9f-8c3507ae0b45.tmp</t>
  </si>
  <si>
    <t>12/13/2019 15:07:14</t>
  </si>
  <si>
    <t>43b3531e-af9e-41a8-b95b-5e905bf66234.tmp</t>
  </si>
  <si>
    <t>\\acsfs\profiles$\geovannasm\Downloads\43b3531e-af9e-41a8-b95b-5e905bf66234.tmp</t>
  </si>
  <si>
    <t>12/13/2019 15:10:06</t>
  </si>
  <si>
    <t>12/13/2019 15:12:47</t>
  </si>
  <si>
    <t>27335dab-b0ec-4eae-8a7a-fc499a706308.tmp</t>
  </si>
  <si>
    <t>\\acsfs\profiles$\erichds\Downloads\27335dab-b0ec-4eae-8a7a-fc499a706308.tmp</t>
  </si>
  <si>
    <t>12/13/2019 15:12:17</t>
  </si>
  <si>
    <t>12/13/2019 15:13:47</t>
  </si>
  <si>
    <t>12/13/2019 15:08:57</t>
  </si>
  <si>
    <t>2019-12 - Thalles - Horas Extras Bradesco - Copia.xlsx</t>
  </si>
  <si>
    <t>12/13/2019 15:10:44</t>
  </si>
  <si>
    <t>12/13/2019 15:15:48</t>
  </si>
  <si>
    <t>12/13/2019 15:11:19</t>
  </si>
  <si>
    <t>12/13/2019 15:11:28</t>
  </si>
  <si>
    <t>12/13/2019 15:11:37</t>
  </si>
  <si>
    <t>12/13/2019 15:13:44</t>
  </si>
  <si>
    <t>12/13/2019 15:13:46</t>
  </si>
  <si>
    <t>12/13/2019 15:13:53</t>
  </si>
  <si>
    <t>12/13/2019 15:13:54</t>
  </si>
  <si>
    <t>12/13/2019 15:14:14</t>
  </si>
  <si>
    <t>12/13/2019 15:10:42</t>
  </si>
  <si>
    <t>\\acsfs\DEPTOS\Operacao\Banco_Votorantim\Supervisao\SUPERS BV CARTÕES\ADILSON\Comissão\</t>
  </si>
  <si>
    <t>Comissão Novembro - OFICIAL.xlsx</t>
  </si>
  <si>
    <t>\\acsfs\DEPTOS\Operacao\Banco_Votorantim\Supervisao\SUPERS BV CARTÕES\ADILSON\Comissão\Comissão Novembro - OFICIAL.xlsx</t>
  </si>
  <si>
    <t>12/13/2019 15:11:22</t>
  </si>
  <si>
    <t>Comissão Novembro - OFICIAL.pdf</t>
  </si>
  <si>
    <t>\\acsfs\DEPTOS\Operacao\Banco_Votorantim\Supervisao\SUPERS BV CARTÕES\ADILSON\Comissão\Comissão Novembro - OFICIAL.pdf</t>
  </si>
  <si>
    <t>12/13/2019 15:11:58</t>
  </si>
  <si>
    <t>\\acsfs\DEPTOS\Operacao\Banco_Votorantim\Comum\00 - COMUM - BV CARTÕES\EQUIPE ADILSON\Vendas\Comissão Novembro - OFICIAL.pdf</t>
  </si>
  <si>
    <t>12/13/2019 15:14:52</t>
  </si>
  <si>
    <t>ab8c62a9-a82b-46ad-8d22-9296b329090f.tmp</t>
  </si>
  <si>
    <t>\\acsfs\profiles$\larissaad\Downloads\ab8c62a9-a82b-46ad-8d22-9296b329090f.tmp</t>
  </si>
  <si>
    <t>12/13/2019 15:10:18</t>
  </si>
  <si>
    <t>12/13/2019 15:10:48</t>
  </si>
  <si>
    <t>12/13/2019 15:11:18</t>
  </si>
  <si>
    <t>12/13/2019 15:14:48</t>
  </si>
  <si>
    <t>12/13/2019 15:13:09</t>
  </si>
  <si>
    <t>12/13/2019 15:14:24</t>
  </si>
  <si>
    <t>12/13/2019 15:14:28</t>
  </si>
  <si>
    <t>12/13/2019 15:16:47</t>
  </si>
  <si>
    <t>mail.google.com/_/upload?authuser=1&amp;dcp=asu-n&amp;upload_id=AEnB2UrIjfuJp4tXbgzWtAyJQARHi6eumivPRv0RM-yYj_tFVV7Ru7ETYb5pqodQSFF24kDBhRIa-AJ-q0-dLrK1Xy7MHJurWw&amp;upload_protocol=resumable</t>
  </si>
  <si>
    <t>12/13/2019 15:17:43</t>
  </si>
  <si>
    <t>12/13/2019 15:18:47</t>
  </si>
  <si>
    <t>2019-12 - Luane - Horas Extras Bradesco - Copia.xlsx</t>
  </si>
  <si>
    <t>12/13/2019 15:13:55</t>
  </si>
  <si>
    <t>12/13/2019 15:19:48</t>
  </si>
  <si>
    <t>.~lock.Sem título 1.ods#</t>
  </si>
  <si>
    <t>\\acsfs\profiles$\wenderbnm\Downloads\.~lock.Sem título 1.ods#</t>
  </si>
  <si>
    <t>12/13/2019 15:13:56</t>
  </si>
  <si>
    <t>lu61764315pj1.tmp</t>
  </si>
  <si>
    <t>\\acsfs\profiles$\wenderbnm\Downloads\lu61764315pj1.tmp</t>
  </si>
  <si>
    <t>\\acsfs\profiles$\wenderbnm\Downloads\lu61764315pj1.tmp\</t>
  </si>
  <si>
    <t>\\acsfs\profiles$\wenderbnm\Downloads\lu61764315pj1.tmp\META-INF\</t>
  </si>
  <si>
    <t>\\acsfs\profiles$\wenderbnm\Downloads\lu61764315pj1.tmp\Thumbnails\</t>
  </si>
  <si>
    <t>12/13/2019 15:15:06</t>
  </si>
  <si>
    <t>12/13/2019 15:17:37</t>
  </si>
  <si>
    <t>.~lock.ATIVO.ods#</t>
  </si>
  <si>
    <t>\\acsfs\profiles$\wenderbnm\Downloads\.~lock.ATIVO.ods#</t>
  </si>
  <si>
    <t>12/13/2019 15:17:38</t>
  </si>
  <si>
    <t>lu61764315pj5.tmp</t>
  </si>
  <si>
    <t>\\acsfs\profiles$\wenderbnm\Downloads\lu61764315pj5.tmp</t>
  </si>
  <si>
    <t>\\acsfs\profiles$\wenderbnm\Downloads\lu61764315pj5.tmp\</t>
  </si>
  <si>
    <t>\\acsfs\profiles$\wenderbnm\Downloads\lu61764315pj5.tmp\META-INF\</t>
  </si>
  <si>
    <t>\\acsfs\profiles$\wenderbnm\Downloads\lu61764315pj5.tmp\Thumbnails\</t>
  </si>
  <si>
    <t>12/13/2019 15:16:03</t>
  </si>
  <si>
    <t>12/13/2019 15:19:22</t>
  </si>
  <si>
    <t>12/13/2019 15:20:47</t>
  </si>
  <si>
    <t>12/13/2019 15:19:23</t>
  </si>
  <si>
    <t>12/13/2019 15:19:25</t>
  </si>
  <si>
    <t>12/13/2019 15:19:40</t>
  </si>
  <si>
    <t>12/13/2019 15:15:18</t>
  </si>
  <si>
    <t>12/13/2019 15:16:18</t>
  </si>
  <si>
    <t>12/13/2019 15:18:19</t>
  </si>
  <si>
    <t>12/13/2019 15:18:48</t>
  </si>
  <si>
    <t>12/13/2019 15:15:25</t>
  </si>
  <si>
    <t>a7e1dbad-9817-431e-a72e-2cf3e82777d3.tmp</t>
  </si>
  <si>
    <t>\\acsfs\profiles$\valeriasda\Downloads\a7e1dbad-9817-431e-a72e-2cf3e82777d3.tmp</t>
  </si>
  <si>
    <t>12/13/2019 15:16:53</t>
  </si>
  <si>
    <t>Formulario_Ferias_Irregulares_-_Algar_Tech_MAGDA.xlsm</t>
  </si>
  <si>
    <t>12/13/2019 15:17:58</t>
  </si>
  <si>
    <t>12/13/2019 15:21:48</t>
  </si>
  <si>
    <t>mail.google.com/sync/u/0/i/s?hl=pt-BR&amp;c=93</t>
  </si>
  <si>
    <t>12/13/2019 15:20:19</t>
  </si>
  <si>
    <t>12/13/2019 15:20:25</t>
  </si>
  <si>
    <t>12/13/2019 15:18:18</t>
  </si>
  <si>
    <t>mail.google.com/_/upload?authuser=0&amp;dcp=asu-n&amp;upload_id=AEnB2UpCGFR5tBUBsrCjSVXvklCAAM6bZgbnbxxNaCyPC9mQdC7saGVChoCthkOMDTIF8LiTiiLqe5y4cTCMSELccvsu36OoYxKIsCY4yFrsCjaaZJkyTOc&amp;upload_protocol=resumable</t>
  </si>
  <si>
    <t>12/13/2019 15:20:44</t>
  </si>
  <si>
    <t>12/13/2019 15:22:47</t>
  </si>
  <si>
    <t>3074e578-689f-4f7a-afd4-cca525c5f31f.tmp</t>
  </si>
  <si>
    <t>\\acsfs\profiles$\gabrielarb\Downloads\3074e578-689f-4f7a-afd4-cca525c5f31f.tmp</t>
  </si>
  <si>
    <t>79f353e8-1a8b-4a57-bb42-2a36f3b2d36e.tmp</t>
  </si>
  <si>
    <t>\\acsfs\profiles$\gabrielarb\Downloads\79f353e8-1a8b-4a57-bb42-2a36f3b2d36e.tmp</t>
  </si>
  <si>
    <t>12/13/2019 15:20:27</t>
  </si>
  <si>
    <t>12/13/2019 15:23:48</t>
  </si>
  <si>
    <t>10.200.36.66</t>
  </si>
  <si>
    <t>mail.google.com/_/upload?authuser=0&amp;dcp=asu-n&amp;upload_id=AEnB2UodCqVcygVW0OMuGgC2XEdphpv8RZc77B4Lum9_Bfxrb8Dz3LlfnnO_QFVw-4adyAjeGBu4Mq2M9R_Y7Pz285PnAlcd5Q&amp;upload_protocol=resumable</t>
  </si>
  <si>
    <t>D:\AlgarTech\Planejamento_Engenharia\Opex\Solicitações\Compra 360 Etiquetas BPO 13-12-2019\</t>
  </si>
  <si>
    <t>Formulário Compra 360 Barcodes Fitas BPO.xlsx</t>
  </si>
  <si>
    <t>12/13/2019 15:19:15</t>
  </si>
  <si>
    <t>12/13/2019 15:24:47</t>
  </si>
  <si>
    <t>12/13/2019 15:19:16</t>
  </si>
  <si>
    <t>12/13/2019 15:19:17</t>
  </si>
  <si>
    <t>12/13/2019 15:19:18</t>
  </si>
  <si>
    <t>12/13/2019 15:19:20</t>
  </si>
  <si>
    <t>12/13/2019 15:19:24</t>
  </si>
  <si>
    <t>12/13/2019 15:19:26</t>
  </si>
  <si>
    <t>12/13/2019 15:19:28</t>
  </si>
  <si>
    <t>12/13/2019 15:19:29</t>
  </si>
  <si>
    <t>12/13/2019 15:19:30</t>
  </si>
  <si>
    <t>12/13/2019 15:19:31</t>
  </si>
  <si>
    <t>12/13/2019 15:23:21</t>
  </si>
  <si>
    <t>12/13/2019 15:25:48</t>
  </si>
  <si>
    <t>12/13/2019 15:23:25</t>
  </si>
  <si>
    <t>12/13/2019 15:23:38</t>
  </si>
  <si>
    <t>12/13/2019 15:23:40</t>
  </si>
  <si>
    <t>12/13/2019 15:23:41</t>
  </si>
  <si>
    <t>12/13/2019 15:21:19</t>
  </si>
  <si>
    <t>12/13/2019 15:22:20</t>
  </si>
  <si>
    <t>12/13/2019 15:20:49</t>
  </si>
  <si>
    <t>12/13/2019 15:23:19</t>
  </si>
  <si>
    <t>12/13/2019 15:23:49</t>
  </si>
  <si>
    <t>12/13/2019 15:24:19</t>
  </si>
  <si>
    <t>12/13/2019 15:23:42</t>
  </si>
  <si>
    <t>12/13/2019 15:26:48</t>
  </si>
  <si>
    <t>mail.google.com/_/upload?authuser=1&amp;dcp=asu-n&amp;upload_id=AEnB2UqAE1ApIxVv4sLe6F6z9OAZAxW1K5fU96ZLYcxeytvEVrzOO646aKFeKGm20W-54uw23cC-4jbqSm0bpziVEM4O20DCjQ&amp;upload_protocol=resumable</t>
  </si>
  <si>
    <t>12/13/2019 15:22:54</t>
  </si>
  <si>
    <t>12/13/2019 15:23:31</t>
  </si>
  <si>
    <t>12/13/2019 15:26:09</t>
  </si>
  <si>
    <t>f31494d8-6384-49a6-aef1-1ce0ca62aa37.tmp</t>
  </si>
  <si>
    <t>\\acsfs\profiles$\joycemmdl\Downloads\f31494d8-6384-49a6-aef1-1ce0ca62aa37.tmp</t>
  </si>
  <si>
    <t>12/13/2019 15:28:14</t>
  </si>
  <si>
    <t>12/13/2019 15:29:48</t>
  </si>
  <si>
    <t>12/13/2019 15:25:47</t>
  </si>
  <si>
    <t>c8394657-f71e-47b1-97f3-38f3e5b546ac.tmp</t>
  </si>
  <si>
    <t>\\acsfs\profiles$\sarahbal\Downloads\c8394657-f71e-47b1-97f3-38f3e5b546ac.tmp</t>
  </si>
  <si>
    <t>12/13/2019 15:29:22</t>
  </si>
  <si>
    <t>f7a43ccc-6bc3-4413-aa63-0668220718c8.tmp</t>
  </si>
  <si>
    <t>\\acsfs\profiles$\sarahbal\Downloads\f7a43ccc-6bc3-4413-aa63-0668220718c8.tmp</t>
  </si>
  <si>
    <t>12/13/2019 15:24:55</t>
  </si>
  <si>
    <t>12/13/2019 15:30:47</t>
  </si>
  <si>
    <t>12/13/2019 15:25:01</t>
  </si>
  <si>
    <t>12/13/2019 15:25:03</t>
  </si>
  <si>
    <t>12/13/2019 15:25:08</t>
  </si>
  <si>
    <t>12/13/2019 15:25:09</t>
  </si>
  <si>
    <t>12/13/2019 15:29:10</t>
  </si>
  <si>
    <t>12/13/2019 15:29:52</t>
  </si>
  <si>
    <t>d6855782-1bd4-43b1-9f50-1ff6bf012af8.tmp</t>
  </si>
  <si>
    <t>\\acsfs\profiles$\gabrielamdp\Downloads\d6855782-1bd4-43b1-9f50-1ff6bf012af8.tmp</t>
  </si>
  <si>
    <t>12/13/2019 15:27:49</t>
  </si>
  <si>
    <t>12/13/2019 15:28:19</t>
  </si>
  <si>
    <t>12/13/2019 15:25:53</t>
  </si>
  <si>
    <t>12/13/2019 15:28:54</t>
  </si>
  <si>
    <t>12/13/2019 15:30:00</t>
  </si>
  <si>
    <t>5ee22702-565b-4958-9d2f-aed793c88264.tmp</t>
  </si>
  <si>
    <t>\\acsfs\profiles$\gabrielafs\Downloads\5ee22702-565b-4958-9d2f-aed793c88264.tmp</t>
  </si>
  <si>
    <t>12/13/2019 15:27:56</t>
  </si>
  <si>
    <t>12/13/2019 15:31:48</t>
  </si>
  <si>
    <t>bianca.boari@dxc.com;bvs-centralcartoes@bv.com.br;fernandorsju@algartech.com;marianeps@algartech.com;talmaiardo@algartech.com;thiagordu@algartech.com;</t>
  </si>
  <si>
    <t>bianca.boari@dxc.com,bvs-centralcartoes@bv.com.br,fernandorsju@algartech.com,marianeps@algartech.com,talmaiardo@algartech.com,thiagordu@algartech.com</t>
  </si>
  <si>
    <t>12/13/2019 15:28:06</t>
  </si>
  <si>
    <t>12/13/2019 15:28:25</t>
  </si>
  <si>
    <t>12/13/2019 15:28:34</t>
  </si>
  <si>
    <t>mail.google.com/sync/u/0/i/s?hl=pt-BR&amp;c=79</t>
  </si>
  <si>
    <t>12/13/2019 15:28:38</t>
  </si>
  <si>
    <t>mail.google.com/sync/u/0/i/s?hl=pt-BR&amp;c=81</t>
  </si>
  <si>
    <t>12/13/2019 15:28:26</t>
  </si>
  <si>
    <t>255d8b57-4451-49e0-bd41-c100a31740a3.tmp</t>
  </si>
  <si>
    <t>\\acsfs\profiles$\joycemmdl\Downloads\255d8b57-4451-49e0-bd41-c100a31740a3.tmp</t>
  </si>
  <si>
    <t>12/13/2019 15:28:22</t>
  </si>
  <si>
    <t>12/13/2019 15:32:47</t>
  </si>
  <si>
    <t>12/13/2019 15:28:23</t>
  </si>
  <si>
    <t>12/13/2019 15:28:24</t>
  </si>
  <si>
    <t>12/13/2019 15:28:27</t>
  </si>
  <si>
    <t>12/13/2019 15:30:04</t>
  </si>
  <si>
    <t>12/13/2019 15:33:48</t>
  </si>
  <si>
    <t>46efe110-5294-4573-b578-4ed1b3d70035.tmp</t>
  </si>
  <si>
    <t>\\acsfs\profiles$\alinepp\Downloads\46efe110-5294-4573-b578-4ed1b3d70035.tmp</t>
  </si>
  <si>
    <t>12/13/2019 15:30:44</t>
  </si>
  <si>
    <t>12/13/2019 15:35:48</t>
  </si>
  <si>
    <t>12/13/2019 15:30:52</t>
  </si>
  <si>
    <t>12/13/2019 15:30:58</t>
  </si>
  <si>
    <t>12/13/2019 15:31:00</t>
  </si>
  <si>
    <t>12/13/2019 15:31:05</t>
  </si>
  <si>
    <t>12/13/2019 15:31:06</t>
  </si>
  <si>
    <t>12/13/2019 15:30:49</t>
  </si>
  <si>
    <t>12/13/2019 15:31:19</t>
  </si>
  <si>
    <t>12/13/2019 15:31:50</t>
  </si>
  <si>
    <t>12/13/2019 15:32:50</t>
  </si>
  <si>
    <t>12/13/2019 15:34:20</t>
  </si>
  <si>
    <t>12/13/2019 15:34:50</t>
  </si>
  <si>
    <t>12/13/2019 15:32:40</t>
  </si>
  <si>
    <t>46d68dad-e628-42a9-9ea1-2ebbb49fe909.tmp</t>
  </si>
  <si>
    <t>\\acsfs\profiles$\valeriasda\Downloads\46d68dad-e628-42a9-9ea1-2ebbb49fe909.tmp</t>
  </si>
  <si>
    <t>12/13/2019 15:33:13</t>
  </si>
  <si>
    <t>cc34d366-05f8-4e11-b57a-c45e5f6126e9.tmp</t>
  </si>
  <si>
    <t>\\acsfs\profiles$\valeriasda\Downloads\cc34d366-05f8-4e11-b57a-c45e5f6126e9.tmp</t>
  </si>
  <si>
    <t>12/13/2019 15:33:17</t>
  </si>
  <si>
    <t>2276e17e-8b4e-4fa4-9121-95a6af823a1b.tmp</t>
  </si>
  <si>
    <t>\\acsfs\profiles$\valeriasda\Downloads\2276e17e-8b4e-4fa4-9121-95a6af823a1b.tmp</t>
  </si>
  <si>
    <t>12/13/2019 15:34:23</t>
  </si>
  <si>
    <t>12/13/2019 15:32:07</t>
  </si>
  <si>
    <t>d6e90f72-5605-4010-b6b1-aec628043166.tmp</t>
  </si>
  <si>
    <t>\\acsfs\profiles$\gabrielafs\Downloads\d6e90f72-5605-4010-b6b1-aec628043166.tmp</t>
  </si>
  <si>
    <t>12/13/2019 15:35:50</t>
  </si>
  <si>
    <t>12/13/2019 15:36:47</t>
  </si>
  <si>
    <t>12/13/2019 15:36:12</t>
  </si>
  <si>
    <t>09cf1e0e-669b-4e94-8f1d-c2b7c7c14457.tmp</t>
  </si>
  <si>
    <t>\\acsfs\profiles$\leticiala\Downloads\09cf1e0e-669b-4e94-8f1d-c2b7c7c14457.tmp</t>
  </si>
  <si>
    <t>12/13/2019 15:34:03</t>
  </si>
  <si>
    <t>3722e755-5ea9-4805-858a-5c5f51355d48.tmp</t>
  </si>
  <si>
    <t>\\acsfs\profiles$\geovannasm\Downloads\3722e755-5ea9-4805-858a-5c5f51355d48.tmp</t>
  </si>
  <si>
    <t>12/13/2019 15:37:25</t>
  </si>
  <si>
    <t>12/13/2019 15:38:47</t>
  </si>
  <si>
    <t>c:\users\rodolfogv\desktop\projetos executivos - versão final\</t>
  </si>
  <si>
    <t>capacidade ( geração x contrato ) _ 191213.xlsx</t>
  </si>
  <si>
    <t>12/13/2019 15:33:54</t>
  </si>
  <si>
    <t>12/13/2019 15:37:48</t>
  </si>
  <si>
    <t>12/13/2019 15:39:48</t>
  </si>
  <si>
    <t>43a9c883-b726-4985-a2e3-d89561049cfd.tmp</t>
  </si>
  <si>
    <t>\\acsfs\profiles$\victorgl\Downloads\43a9c883-b726-4985-a2e3-d89561049cfd.tmp</t>
  </si>
  <si>
    <t>12/13/2019 15:38:25</t>
  </si>
  <si>
    <t>12/13/2019 15:40:47</t>
  </si>
  <si>
    <t>12/13/2019 15:38:26</t>
  </si>
  <si>
    <t>12/13/2019 15:38:52</t>
  </si>
  <si>
    <t>12/13/2019 15:38:53</t>
  </si>
  <si>
    <t>12/13/2019 15:38:54</t>
  </si>
  <si>
    <t>12/13/2019 15:38:55</t>
  </si>
  <si>
    <t>12/13/2019 15:39:18</t>
  </si>
  <si>
    <t>12/13/2019 15:39:19</t>
  </si>
  <si>
    <t>12/13/2019 15:39:20</t>
  </si>
  <si>
    <t>12/13/2019 15:36:26</t>
  </si>
  <si>
    <t>b47c6d41-f854-4162-922d-bb6e046df09a.tmp</t>
  </si>
  <si>
    <t>\\acsfs\profiles$\larissaad\Downloads\b47c6d41-f854-4162-922d-bb6e046df09a.tmp</t>
  </si>
  <si>
    <t>12/13/2019 15:36:20</t>
  </si>
  <si>
    <t>12/13/2019 15:38:10</t>
  </si>
  <si>
    <t>c:\users\flavia\downloads\</t>
  </si>
  <si>
    <t>formulario_ferias_irregulares_-_algar_tech_felipi_8212 (1).xlsm</t>
  </si>
  <si>
    <t>12/13/2019 15:39:24</t>
  </si>
  <si>
    <t>12/13/2019 15:41:32</t>
  </si>
  <si>
    <t>12/13/2019 15:41:48</t>
  </si>
  <si>
    <t>12/13/2019 15:39:07</t>
  </si>
  <si>
    <t>12/13/2019 15:42:47</t>
  </si>
  <si>
    <t>017941a5-4e43-4fbe-815b-b5ea955e8713.tmp</t>
  </si>
  <si>
    <t>\\acsfs\profiles$\gabrielarb\Downloads\017941a5-4e43-4fbe-815b-b5ea955e8713.tmp</t>
  </si>
  <si>
    <t>12/13/2019 15:40:29</t>
  </si>
  <si>
    <t>08077f1a-08c6-444d-b4f8-dc7e2a63e594.tmp</t>
  </si>
  <si>
    <t>\\acsfs\profiles$\gabrielhca\Downloads\08077f1a-08c6-444d-b4f8-dc7e2a63e594.tmp</t>
  </si>
  <si>
    <t>12/13/2019 15:40:51</t>
  </si>
  <si>
    <t>12/13/2019 15:40:56</t>
  </si>
  <si>
    <t>12/13/2019 15:40:57</t>
  </si>
  <si>
    <t>12/13/2019 15:40:59</t>
  </si>
  <si>
    <t>12/13/2019 15:41:01</t>
  </si>
  <si>
    <t>12/13/2019 15:41:04</t>
  </si>
  <si>
    <t>12/13/2019 15:41:05</t>
  </si>
  <si>
    <t>12/13/2019 15:41:06</t>
  </si>
  <si>
    <t>12/13/2019 15:41:07</t>
  </si>
  <si>
    <t>12/13/2019 15:41:08</t>
  </si>
  <si>
    <t>12/13/2019 15:41:09</t>
  </si>
  <si>
    <t>12/13/2019 15:41:10</t>
  </si>
  <si>
    <t>12/13/2019 15:41:11</t>
  </si>
  <si>
    <t>12/13/2019 15:41:12</t>
  </si>
  <si>
    <t>12/13/2019 15:41:13</t>
  </si>
  <si>
    <t>12/13/2019 15:41:14</t>
  </si>
  <si>
    <t>12/13/2019 15:41:15</t>
  </si>
  <si>
    <t>12/13/2019 15:41:16</t>
  </si>
  <si>
    <t>12/13/2019 15:41:17</t>
  </si>
  <si>
    <t>12/13/2019 15:41:18</t>
  </si>
  <si>
    <t>12/13/2019 15:41:19</t>
  </si>
  <si>
    <t>12/13/2019 15:41:20</t>
  </si>
  <si>
    <t>\\acsfs\profiles$\julianeas\Saved Games\</t>
  </si>
  <si>
    <t>12/13/2019 15:41:21</t>
  </si>
  <si>
    <t>12/13/2019 15:41:42</t>
  </si>
  <si>
    <t>12/13/2019 15:40:32</t>
  </si>
  <si>
    <t>12/13/2019 15:43:48</t>
  </si>
  <si>
    <t>12/13/2019 15:40:37</t>
  </si>
  <si>
    <t>\\acsfs\profiles$\vanessacgs\My Documents\xworkcenter\logs\</t>
  </si>
  <si>
    <t>XLOG_vanessacgs_13122019_135057.log</t>
  </si>
  <si>
    <t>\\acsfs\profiles$\vanessacgs\My Documents\xworkcenter\logs\XLOG_vanessacgs_13122019_135057.log</t>
  </si>
  <si>
    <t>12/13/2019 15:39:00</t>
  </si>
  <si>
    <t>6a7d8e17-ef05-4ea2-8eb7-4081dac7af49.tmp</t>
  </si>
  <si>
    <t>\\acsfs\profiles$\deborahsi\Downloads\6a7d8e17-ef05-4ea2-8eb7-4081dac7af49.tmp</t>
  </si>
  <si>
    <t>12/13/2019 15:40:52</t>
  </si>
  <si>
    <t>guilherme.p.bragagnolo@bradesco.com.br;guilhermet.campos@bradesco.com.br;joaquim.franco@bradesco.com.br;jullian.faria@algartech.com;polati@algartech.com;reginaldom.oliveira@bradesco.com.br;sandra.araujo@bradesco.com.br;tatiane@algartech.com;</t>
  </si>
  <si>
    <t>C:\Comercial\2019\RFP - LOTE FIS\Ultimo Last Call - ESCOPO B\13_12_19\</t>
  </si>
  <si>
    <t>02.c. Planilha da Negociação_Processo40137735I Algar_13_12_2019.xlsx</t>
  </si>
  <si>
    <t>guilherme.p.bragagnolo@bradesco.com.br,guilhermet.campos@bradesco.com.br,joaquim.franco@bradesco.com.br,jullian.faria@algartech.com,polati@algartech.com,reginaldom.oliveira@bradesco.com.br,sandra.araujo@bradesco.com.br,tatiane@algartech.com</t>
  </si>
  <si>
    <t>C:\Users\vanessasara\OneDrive - Grupo Algar\Ecossistema de Inovação\Arquivos - Área\Lab Talks &amp; DTWeek\</t>
  </si>
  <si>
    <t>Participantes Externos (Out_2019).xlsx</t>
  </si>
  <si>
    <t>12/13/2019 15:43:35</t>
  </si>
  <si>
    <t>12/13/2019 15:40:35</t>
  </si>
  <si>
    <t>12/13/2019 15:44:47</t>
  </si>
  <si>
    <t>\\acsfs\profiles$\joycemmdl\My Documents\My Pictures\</t>
  </si>
  <si>
    <t>\\acsfs\profiles$\joycemmdl\My Documents\My Videos\desktop.ini</t>
  </si>
  <si>
    <t>12/13/2019 15:40:36</t>
  </si>
  <si>
    <t>\\acsfs\profiles$\joycemmdl\My Documents\My Videos\</t>
  </si>
  <si>
    <t>12/13/2019 15:40:38</t>
  </si>
  <si>
    <t>12/13/2019 15:40:42</t>
  </si>
  <si>
    <t>\\acsfs\profiles$\joycemmdl\My Documents\My Music\</t>
  </si>
  <si>
    <t>\\acsfs\profiles$\joycemmdl\My Documents\My Pictures\desktop.ini</t>
  </si>
  <si>
    <t>12/13/2019 15:40:43</t>
  </si>
  <si>
    <t>12/13/2019 15:40:44</t>
  </si>
  <si>
    <t>12/13/2019 15:40:45</t>
  </si>
  <si>
    <t>12/13/2019 15:40:46</t>
  </si>
  <si>
    <t>\\acsfs\profiles$\joycemmdl\Contacts\</t>
  </si>
  <si>
    <t>\\acsfs\profiles$\joycemmdl\Contacts\desktop.ini</t>
  </si>
  <si>
    <t>12/13/2019 15:40:49</t>
  </si>
  <si>
    <t>12/13/2019 15:40:50</t>
  </si>
  <si>
    <t>12/13/2019 15:41:00</t>
  </si>
  <si>
    <t>\\acsfs\profiles$\joycemmdl\My Documents\</t>
  </si>
  <si>
    <t>\\acsfs\profiles$\joycemmdl\Favorites\desktop.ini</t>
  </si>
  <si>
    <t>12/13/2019 15:41:02</t>
  </si>
  <si>
    <t>\\acsfs\profiles$\joycemmdl\My Documents\My Music\desktop.ini</t>
  </si>
  <si>
    <t>\\acsfs\profiles$\joycemmdl\Searches\</t>
  </si>
  <si>
    <t>\\acsfs\profiles$\joycemmdl\Searches\desktop.ini</t>
  </si>
  <si>
    <t>12/13/2019 15:41:23</t>
  </si>
  <si>
    <t>12/13/2019 15:41:24</t>
  </si>
  <si>
    <t>12/13/2019 15:41:25</t>
  </si>
  <si>
    <t>12/13/2019 15:41:28</t>
  </si>
  <si>
    <t>\\acsfs\profiles$\joycemmdl\Downloads\desktop.ini</t>
  </si>
  <si>
    <t>12/13/2019 15:41:29</t>
  </si>
  <si>
    <t>12/13/2019 15:41:31</t>
  </si>
  <si>
    <t>\\acsfs\profiles$\joycemmdl\Favorites\</t>
  </si>
  <si>
    <t>\\acsfs\profiles$\joycemmdl\My Documents\desktop.ini</t>
  </si>
  <si>
    <t>12/13/2019 15:41:34</t>
  </si>
  <si>
    <t>12/13/2019 15:41:36</t>
  </si>
  <si>
    <t>12/13/2019 15:41:38</t>
  </si>
  <si>
    <t>12/13/2019 15:41:40</t>
  </si>
  <si>
    <t>\\acsfs\profiles$\joycemmdl\Saved Games\desktop.ini</t>
  </si>
  <si>
    <t>12/13/2019 15:41:41</t>
  </si>
  <si>
    <t>12/13/2019 15:42:41</t>
  </si>
  <si>
    <t>12/13/2019 15:45:47</t>
  </si>
  <si>
    <t>12/13/2019 15:40:19</t>
  </si>
  <si>
    <t>ulog_AcroARM2_ARM2Update_a9473871-eb7b-4719-ba46-35125c58e0e7_0b2513dd-982a-4d33-b31b-09bbad1cdfa7_0.log</t>
  </si>
  <si>
    <t>C:\Users\davimvs\AppData\Roaming\Adobe\LogTransport2\Logs\ulog_AcroARM2_ARM2Update_a9473871-eb7b-4719-ba46-35125c58e0e7_0b2513dd-982a-4d33-b31b-09bbad1cdfa7_0.log\</t>
  </si>
  <si>
    <t>ulog_AcroARM2_Reader_a9473871-eb7b-4719-ba46-35125c58e0e7_ee4fe256-39b0-4c8f-8d4b-22aec45533a9_0.log</t>
  </si>
  <si>
    <t>C:\Users\davimvs\AppData\Roaming\Adobe\LogTransport2\Logs\ulog_AcroARM2_Reader_a9473871-eb7b-4719-ba46-35125c58e0e7_ee4fe256-39b0-4c8f-8d4b-22aec45533a9_0.log\</t>
  </si>
  <si>
    <t>ulog_Acrobat12_Reader_a9473871-eb7b-4719-ba46-35125c58e0e7_fe964ece-1eee-491c-8dcd-9adb3e170403_0.log</t>
  </si>
  <si>
    <t>C:\Users\davimvs\AppData\Roaming\Adobe\LogTransport2\Logs\ulog_Acrobat12_Reader_a9473871-eb7b-4719-ba46-35125c58e0e7_fe964ece-1eee-491c-8dcd-9adb3e170403_0.log\</t>
  </si>
  <si>
    <t>12/13/2019 15:41:51</t>
  </si>
  <si>
    <t>12/13/2019 15:42:21</t>
  </si>
  <si>
    <t>12/13/2019 15:43:21</t>
  </si>
  <si>
    <t>12/13/2019 15:43:51</t>
  </si>
  <si>
    <t>12/13/2019 15:42:10</t>
  </si>
  <si>
    <t>12/13/2019 15:42:59</t>
  </si>
  <si>
    <t>12/13/2019 15:44:35</t>
  </si>
  <si>
    <t>b0ad8f88-43ee-4b37-a34c-9e6aa3e8a055.tmp</t>
  </si>
  <si>
    <t>\\acsfs\profiles$\brendadsl\Downloads\b0ad8f88-43ee-4b37-a34c-9e6aa3e8a055.tmp</t>
  </si>
  <si>
    <t>12/13/2019 15:45:26</t>
  </si>
  <si>
    <t>C:\Users\ricardobal\OneDrive - Grupo Algar\Algar Tecnologia\01 - CLIENTES\MRV\MRV\APLICAÇÃO_MRV\</t>
  </si>
  <si>
    <t>Preço_PCoE_v5 (1).xlsx</t>
  </si>
  <si>
    <t>12/13/2019 15:45:30</t>
  </si>
  <si>
    <t>149374 - BP_MRV.xlsx</t>
  </si>
  <si>
    <t>12/13/2019 15:45:36</t>
  </si>
  <si>
    <t>C:\Users\ricardobal\OneDrive - Grupo Algar\Algar Tecnologia\01 - CLIENTES\MRV\MRV\SERVICE DESK_MRV\</t>
  </si>
  <si>
    <t>BP Fixo Mensal_MRV.xlsb</t>
  </si>
  <si>
    <t>C:\Users\ricardobal\OneDrive - Grupo Algar\Algar Tecnologia\01 - CLIENTES\MRV\MRV\SERVICE DESK_MRV\BP Fixo Mensal_MRV.xlsb\</t>
  </si>
  <si>
    <t>12/13/2019 15:46:02</t>
  </si>
  <si>
    <t>12/13/2019 15:47:48</t>
  </si>
  <si>
    <t>12/13/2019 15:42:48</t>
  </si>
  <si>
    <t>12/13/2019 15:45:55</t>
  </si>
  <si>
    <t>12/13/2019 15:48:47</t>
  </si>
  <si>
    <t>12/13/2019 15:44:18</t>
  </si>
  <si>
    <t>12/13/2019 15:49:47</t>
  </si>
  <si>
    <t>d6e64c5c-fe78-4557-8955-dce0b05bee24.tmp</t>
  </si>
  <si>
    <t>\\acsfs\profiles$\joycemmdl\Downloads\d6e64c5c-fe78-4557-8955-dce0b05bee24.tmp</t>
  </si>
  <si>
    <t>12/13/2019 15:44:53</t>
  </si>
  <si>
    <t>5a711ee7-4d23-49c5-ab4f-8fb4b5481224.tmp</t>
  </si>
  <si>
    <t>\\acsfs\profiles$\joycemmdl\Downloads\5a711ee7-4d23-49c5-ab4f-8fb4b5481224.tmp</t>
  </si>
  <si>
    <t>12/13/2019 15:45:10</t>
  </si>
  <si>
    <t>Unconfirmed 523082.crdownload</t>
  </si>
  <si>
    <t>\\acsfs\profiles$\joycemmdl\Downloads\Unconfirmed 523082.crdownload</t>
  </si>
  <si>
    <t>12/13/2019 15:47:06</t>
  </si>
  <si>
    <t>38ece65f-0fa4-45ce-887c-7317dd3b414d.tmp</t>
  </si>
  <si>
    <t>\\acsfs\profiles$\joycemmdl\Downloads\38ece65f-0fa4-45ce-887c-7317dd3b414d.tmp</t>
  </si>
  <si>
    <t>12/13/2019 15:48:22</t>
  </si>
  <si>
    <t>12/13/2019 15:50:47</t>
  </si>
  <si>
    <t>12/13/2019 15:49:08</t>
  </si>
  <si>
    <t>a36b68f8-406c-42ef-994f-43df2cd1b795.tmp</t>
  </si>
  <si>
    <t>\\acsfs\profiles$\brendadsl\Downloads\a36b68f8-406c-42ef-994f-43df2cd1b795.tmp</t>
  </si>
  <si>
    <t>12/13/2019 15:48:04</t>
  </si>
  <si>
    <t>12/13/2019 15:51:47</t>
  </si>
  <si>
    <t>https://outlook.office365.com/owa/qualidadealgarbv@algartech.com/service.svc?action=createitem&amp;app=mail&amp;n=118</t>
  </si>
  <si>
    <t>12/13/2019 15:49:04</t>
  </si>
  <si>
    <t>12/13/2019 15:49:10</t>
  </si>
  <si>
    <t>Youse Vendas Digitais.xlsx</t>
  </si>
  <si>
    <t>12/13/2019 15:49:13</t>
  </si>
  <si>
    <t>12/13/2019 15:51:04</t>
  </si>
  <si>
    <t>C:\Users\elainemdlp\OD\_Projetos\Em andamento\Expansao Caixa\04 - Controle\PMO\PMO - STATUS DE GOVERNANÇA - Expansao Caixa - 20191111 - Copia.pptx\</t>
  </si>
  <si>
    <t>12/13/2019 15:47:58</t>
  </si>
  <si>
    <t>12/13/2019 15:52:47</t>
  </si>
  <si>
    <t>214cc561-c571-44a1-b3c1-87c3024fcf71.tmp</t>
  </si>
  <si>
    <t>\\acsfs\profiles$\gabrielarb\Downloads\214cc561-c571-44a1-b3c1-87c3024fcf71.tmp</t>
  </si>
  <si>
    <t>12/13/2019 15:49:50</t>
  </si>
  <si>
    <t>12/13/2019 15:53:47</t>
  </si>
  <si>
    <t>ENC: Produtividade CRCe até 12/12</t>
  </si>
  <si>
    <t>12/13/2019 15:51:28</t>
  </si>
  <si>
    <t>12/13/2019 15:55:47</t>
  </si>
  <si>
    <t>12/13/2019 15:51:35</t>
  </si>
  <si>
    <t>12/13/2019 15:51:43</t>
  </si>
  <si>
    <t>12/13/2019 15:51:44</t>
  </si>
  <si>
    <t>12/13/2019 15:51:49</t>
  </si>
  <si>
    <t>12/13/2019 15:51:57</t>
  </si>
  <si>
    <t>12/13/2019 15:51:59</t>
  </si>
  <si>
    <t>12/13/2019 15:52:00</t>
  </si>
  <si>
    <t>formulario_ferias_irregulares_-_algar_tech_denis_8126.xlsm</t>
  </si>
  <si>
    <t>12/13/2019 15:54:25</t>
  </si>
  <si>
    <t>formulario_ferias_irregulares_-_algar_tech_diego_8121 (2).xlsm</t>
  </si>
  <si>
    <t>12/13/2019 15:52:38</t>
  </si>
  <si>
    <t>12/13/2019 15:52:55</t>
  </si>
  <si>
    <t>12/13/2019 15:53:00</t>
  </si>
  <si>
    <t>12/13/2019 15:56:46</t>
  </si>
  <si>
    <t>10.200.66.97</t>
  </si>
  <si>
    <t>D0-94-66-B5-5A-F1</t>
  </si>
  <si>
    <t>VOTORANT-ACB020</t>
  </si>
  <si>
    <t>12/13/2019 15:54:02</t>
  </si>
  <si>
    <t>12/13/2019 15:54:03</t>
  </si>
  <si>
    <t>12/13/2019 15:54:05</t>
  </si>
  <si>
    <t>12/13/2019 15:54:06</t>
  </si>
  <si>
    <t>12/13/2019 15:54:07</t>
  </si>
  <si>
    <t>12/13/2019 15:54:08</t>
  </si>
  <si>
    <t>12/13/2019 15:54:09</t>
  </si>
  <si>
    <t>12/13/2019 15:54:10</t>
  </si>
  <si>
    <t>12/13/2019 15:54:11</t>
  </si>
  <si>
    <t>12/13/2019 15:54:12</t>
  </si>
  <si>
    <t>12/13/2019 15:54:13</t>
  </si>
  <si>
    <t>12/13/2019 15:54:14</t>
  </si>
  <si>
    <t>12/13/2019 15:54:18</t>
  </si>
  <si>
    <t>12/13/2019 15:54:20</t>
  </si>
  <si>
    <t>12/13/2019 15:54:21</t>
  </si>
  <si>
    <t>12/13/2019 15:54:32</t>
  </si>
  <si>
    <t>12/13/2019 15:54:36</t>
  </si>
  <si>
    <t>12/13/2019 15:54:37</t>
  </si>
  <si>
    <t>12/13/2019 15:54:41</t>
  </si>
  <si>
    <t>12/13/2019 15:54:42</t>
  </si>
  <si>
    <t>12/13/2019 15:54:51</t>
  </si>
  <si>
    <t>12/13/2019 15:54:52</t>
  </si>
  <si>
    <t>12/13/2019 15:54:54</t>
  </si>
  <si>
    <t>12/13/2019 15:54:55</t>
  </si>
  <si>
    <t>12/13/2019 15:54:56</t>
  </si>
  <si>
    <t>12/13/2019 15:54:58</t>
  </si>
  <si>
    <t>12/13/2019 15:54:59</t>
  </si>
  <si>
    <t>12/13/2019 15:55:02</t>
  </si>
  <si>
    <t>12/13/2019 15:55:04</t>
  </si>
  <si>
    <t>12/13/2019 15:55:06</t>
  </si>
  <si>
    <t>12/13/2019 15:55:08</t>
  </si>
  <si>
    <t>12/13/2019 15:55:10</t>
  </si>
  <si>
    <t>12/13/2019 15:55:12</t>
  </si>
  <si>
    <t>12/13/2019 15:55:13</t>
  </si>
  <si>
    <t>12/13/2019 15:55:39</t>
  </si>
  <si>
    <t>12/13/2019 15:52:52</t>
  </si>
  <si>
    <t>12/13/2019 15:57:47</t>
  </si>
  <si>
    <t>10.200.67.83</t>
  </si>
  <si>
    <t>78-2B-CB-C1-06-E6</t>
  </si>
  <si>
    <t>VOTORANT-FB035</t>
  </si>
  <si>
    <t>1034c9d9-d09a-4083-b633-323e89a84f1f.tmp</t>
  </si>
  <si>
    <t>\\acsfs\profiles$\paulohaf\Downloads\1034c9d9-d09a-4083-b633-323e89a84f1f.tmp</t>
  </si>
  <si>
    <t>12/13/2019 15:54:01</t>
  </si>
  <si>
    <t>9f39fc30-2f61-4953-8877-af754f734181.tmp</t>
  </si>
  <si>
    <t>\\acsfs\profiles$\paulohaf\Downloads\9f39fc30-2f61-4953-8877-af754f734181.tmp</t>
  </si>
  <si>
    <t>43feda5c-e5a8-4a45-9fa3-aab94158b410.tmp</t>
  </si>
  <si>
    <t>\\acsfs\profiles$\paulohaf\Downloads\43feda5c-e5a8-4a45-9fa3-aab94158b410.tmp</t>
  </si>
  <si>
    <t>12/13/2019 15:54:57</t>
  </si>
  <si>
    <t>eed82d06-2368-406f-a4f8-a65eabbd1ecd.tmp</t>
  </si>
  <si>
    <t>\\acsfs\profiles$\paulohaf\Downloads\eed82d06-2368-406f-a4f8-a65eabbd1ecd.tmp</t>
  </si>
  <si>
    <t>12/13/2019 15:56:37</t>
  </si>
  <si>
    <t>12/13/2019 15:57:01</t>
  </si>
  <si>
    <t>a1bd36d6-a45f-478f-9c2d-d481d1e7d48d.tmp</t>
  </si>
  <si>
    <t>\\acsfs\profiles$\karinarm\Downloads\a1bd36d6-a45f-478f-9c2d-d481d1e7d48d.tmp</t>
  </si>
  <si>
    <t>12/13/2019 15:57:08</t>
  </si>
  <si>
    <t>12/13/2019 16:00:47</t>
  </si>
  <si>
    <t>12/13/2019 15:57:13</t>
  </si>
  <si>
    <t>12/13/2019 15:57:19</t>
  </si>
  <si>
    <t>12/13/2019 15:57:20</t>
  </si>
  <si>
    <t>12/13/2019 15:58:40</t>
  </si>
  <si>
    <t>formulario_ferias_irregulares_-_algar_tech_eduardo_8301 (2).xlsm</t>
  </si>
  <si>
    <t>12/13/2019 15:59:19</t>
  </si>
  <si>
    <t>12/13/2019 15:58:42</t>
  </si>
  <si>
    <t>12/13/2019 15:58:50</t>
  </si>
  <si>
    <t>12/13/2019 15:59:05</t>
  </si>
  <si>
    <t>12/13/2019 15:59:20</t>
  </si>
  <si>
    <t>12/13/2019 15:59:39</t>
  </si>
  <si>
    <t>12/13/2019 16:01:47</t>
  </si>
  <si>
    <t>12/13/2019 15:56:28</t>
  </si>
  <si>
    <t>12/13/2019 16:00:50</t>
  </si>
  <si>
    <t>12/13/2019 16:05:47</t>
  </si>
  <si>
    <t>12/13/2019 16:00:51</t>
  </si>
  <si>
    <t>12/13/2019 16:00:53</t>
  </si>
  <si>
    <t>12/13/2019 16:00:56</t>
  </si>
  <si>
    <t>12/13/2019 16:01:31</t>
  </si>
  <si>
    <t>12/13/2019 16:03:33</t>
  </si>
  <si>
    <t>ulog_AcroARM2_Reader_a9473871-eb7b-4719-ba46-35125c58e0e7_c83e1129-5ad1-425a-89d6-e09586209267_0.log</t>
  </si>
  <si>
    <t>C:\Users\davimvs\AppData\Roaming\Adobe\LogTransport2\Logs\ulog_AcroARM2_Reader_a9473871-eb7b-4719-ba46-35125c58e0e7_c83e1129-5ad1-425a-89d6-e09586209267_0.log\</t>
  </si>
  <si>
    <t>12/13/2019 16:00:33</t>
  </si>
  <si>
    <t>12/13/2019 16:04:00</t>
  </si>
  <si>
    <t>12/13/2019 16:06:46</t>
  </si>
  <si>
    <t>https://outlook.office365.com/owa/qualidadealgarbv@algartech.com/service.svc?action=updateitem&amp;app=mail&amp;n=223</t>
  </si>
  <si>
    <t>12/13/2019 16:04:31</t>
  </si>
  <si>
    <t>https://outlook.office365.com/owa/qualidadealgarbv@algartech.com/service.svc?action=updateitem&amp;app=mail&amp;n=228</t>
  </si>
  <si>
    <t>12/13/2019 16:05:00</t>
  </si>
  <si>
    <t>https://outlook.office365.com/owa/qualidadealgarbv@algartech.com/service.svc?action=updateitem&amp;app=mail&amp;n=239</t>
  </si>
  <si>
    <t>12/13/2019 16:05:30</t>
  </si>
  <si>
    <t>https://outlook.office365.com/owa/qualidadealgarbv@algartech.com/service.svc?action=updateitem&amp;app=mail&amp;n=243</t>
  </si>
  <si>
    <t>12/13/2019 16:03:04</t>
  </si>
  <si>
    <t>12/13/2019 16:03:32</t>
  </si>
  <si>
    <t>12/13/2019 16:07:47</t>
  </si>
  <si>
    <t>12a811fc-79d9-47aa-8140-512e508e6f5a.tmp</t>
  </si>
  <si>
    <t>\\acsfs\profiles$\gabrielarb\Downloads\12a811fc-79d9-47aa-8140-512e508e6f5a.tmp</t>
  </si>
  <si>
    <t>12/13/2019 16:06:23</t>
  </si>
  <si>
    <t>12/13/2019 16:10:47</t>
  </si>
  <si>
    <t>12/13/2019 16:06:53</t>
  </si>
  <si>
    <t>12/13/2019 16:05:32</t>
  </si>
  <si>
    <t>formulario_ferias_irregulares_-_algar_tech_gleison_8393.xlsm</t>
  </si>
  <si>
    <t>12/13/2019 16:06:05</t>
  </si>
  <si>
    <t>formulario_ferias_irregulares_-_algar_tech_michel_8149.xlsm</t>
  </si>
  <si>
    <t>12/13/2019 16:06:29</t>
  </si>
  <si>
    <t>formulario_ferias_irregulares_-_algar_tech_nelson_8202.xlsm</t>
  </si>
  <si>
    <t>12/13/2019 16:06:49</t>
  </si>
  <si>
    <t>formulario_ferias_irregulares_-_algar_tech_raphael_8106.xlsm</t>
  </si>
  <si>
    <t>12/13/2019 16:07:15</t>
  </si>
  <si>
    <t>formulario_ferias_irregulares_-_algar_tech_thiago_8113.xlsm</t>
  </si>
  <si>
    <t>12/13/2019 16:08:48</t>
  </si>
  <si>
    <t>formulario_ferias_irregulares_-_algar_tech_jean_8335.xlsm</t>
  </si>
  <si>
    <t>12/13/2019 16:09:28</t>
  </si>
  <si>
    <t>formulario_ferias_irregulares_-_algar_tech_giofrancisco_8292.xlsm</t>
  </si>
  <si>
    <t>12/13/2019 16:06:00</t>
  </si>
  <si>
    <t>12/13/2019 16:11:47</t>
  </si>
  <si>
    <t>https://outlook.office365.com/owa/qualidadealgarbv@algartech.com/service.svc?action=updateitem&amp;app=mail&amp;n=246</t>
  </si>
  <si>
    <t>"id":"aaqkadlmmjljn2mxlwe3odutngzlmc1inmrklwrmnmizodbjztfmzgaqabsoelcigkwvrumu9usscja="}]};"id":"aaqkadlmmjljn2mxlwe3odutngzlmc1inmrklwrmnmizodbjztfmzgaqaccro2ptiifpjsjvxv/kca4="};"id":"aaqkadlmmjljn2mxlwe3odutngzlmc1inmrklwrmnmizodbjztfmzgaqad2sgxvb8cfgstoainshhuc="};"id":"aaqkadlmmjljn2mxlwe3odutngzlmc1inmrklwrmnmizodbjztfmzgaqaii5esm/bofdgljol7yy 6w="};"};{"__type":"itemid:#exchange";</t>
  </si>
  <si>
    <t>https://"id":"aaqkadlmmjljn2mxlwe3odutngzlmc1inmrklwrmnmizodbjztfmzgaqabsoelcigkwvrumu9usscja="}]},"id":"aaqkadlmmjljn2mxlwe3odutngzlmc1inmrklwrmnmizodbjztfmzgaqaccro2ptiifpjsjvxv/kca4="},"id":"aaqkadlmmjljn2mxlwe3odutngzlmc1inmrklwrmnmizodbjztfmzgaqad2sgxvb8cfgstoainshhuc="},"id":"aaqkadlmmjljn2mxlwe3odutngzlmc1inmrklwrmnmizodbjztfmzgaqaii5esm/bofdgljol7yy 6w="},"},{"__type":"itemid:#exchange"</t>
  </si>
  <si>
    <t>12/13/2019 16:06:10</t>
  </si>
  <si>
    <t>https://outlook.office365.com/owa/qualidadealgarbv@algartech.com/service.svc?action=updateitem&amp;app=mail&amp;n=260</t>
  </si>
  <si>
    <t>12/13/2019 16:08:55</t>
  </si>
  <si>
    <t>12/13/2019 16:12:47</t>
  </si>
  <si>
    <t>12/13/2019 16:08:56</t>
  </si>
  <si>
    <t>12/13/2019 13:29:23</t>
  </si>
  <si>
    <t>xPrévia Consolidada_122019.xls (1).xlsx</t>
  </si>
  <si>
    <t>12/13/2019 16:11:26</t>
  </si>
  <si>
    <t>12/13/2019 16:14:47</t>
  </si>
  <si>
    <t>3589bbfa-6c4a-4e71-ac37-6d4e11ee2e33.tmp</t>
  </si>
  <si>
    <t>\\acsfs\profiles$\paulohaf\Downloads\3589bbfa-6c4a-4e71-ac37-6d4e11ee2e33.tmp</t>
  </si>
  <si>
    <t>12/13/2019 16:10:16</t>
  </si>
  <si>
    <t>XLOG_ellencds_13122019_081444.log</t>
  </si>
  <si>
    <t>\\acsfs\profiles$\ellencds\My Documents\xworkcenter\logs\XLOG_ellencds_13122019_081444.log</t>
  </si>
  <si>
    <t>12/13/2019 16:12:53</t>
  </si>
  <si>
    <t>12/13/2019 16:15:46</t>
  </si>
  <si>
    <t>12/13/2019 16:12:55</t>
  </si>
  <si>
    <t>12/13/2019 16:12:31</t>
  </si>
  <si>
    <t>ulog_AcroARM2_ARM2Update_a9473871-eb7b-4719-ba46-35125c58e0e7_992130cd-fded-49c1-8f8b-67c92c5c7b53_0.log</t>
  </si>
  <si>
    <t>C:\Users\davimvs\AppData\Roaming\Adobe\LogTransport2\Logs\ulog_AcroARM2_ARM2Update_a9473871-eb7b-4719-ba46-35125c58e0e7_992130cd-fded-49c1-8f8b-67c92c5c7b53_0.log\</t>
  </si>
  <si>
    <t>12/13/2019 16:12:32</t>
  </si>
  <si>
    <t>ulog_AcroARM2_Reader_a9473871-eb7b-4719-ba46-35125c58e0e7_2e2297f5-a3ac-412e-87bd-b67b9438794a_0.log</t>
  </si>
  <si>
    <t>C:\Users\davimvs\AppData\Roaming\Adobe\LogTransport2\Logs\ulog_AcroARM2_Reader_a9473871-eb7b-4719-ba46-35125c58e0e7_2e2297f5-a3ac-412e-87bd-b67b9438794a_0.log\</t>
  </si>
  <si>
    <t>ulog_Acrobat12_Reader_a9473871-eb7b-4719-ba46-35125c58e0e7_ff3d6145-ce5c-4ee5-b8ac-350ad90d783c_0.log</t>
  </si>
  <si>
    <t>C:\Users\davimvs\AppData\Roaming\Adobe\LogTransport2\Logs\ulog_Acrobat12_Reader_a9473871-eb7b-4719-ba46-35125c58e0e7_ff3d6145-ce5c-4ee5-b8ac-350ad90d783c_0.log\</t>
  </si>
  <si>
    <t>12/13/2019 16:10:49</t>
  </si>
  <si>
    <t>formulario_ferias_irregulares_-_algar_tech_fernando_8436 (1).xlsm</t>
  </si>
  <si>
    <t>12/13/2019 16:13:09</t>
  </si>
  <si>
    <t>12/13/2019 16:16:47</t>
  </si>
  <si>
    <t>12/13/2019 16:14:45</t>
  </si>
  <si>
    <t>12/13/2019 16:19:47</t>
  </si>
  <si>
    <t>12/13/2019 16:15:09</t>
  </si>
  <si>
    <t>12/13/2019 16:20:47</t>
  </si>
  <si>
    <t>12/13/2019 16:15:10</t>
  </si>
  <si>
    <t>12/13/2019 16:15:30</t>
  </si>
  <si>
    <t>12/13/2019 16:17:45</t>
  </si>
  <si>
    <t>12/13/2019 16:17:47</t>
  </si>
  <si>
    <t>12/13/2019 16:17:49</t>
  </si>
  <si>
    <t>12/13/2019 16:17:51</t>
  </si>
  <si>
    <t>12/13/2019 16:17:53</t>
  </si>
  <si>
    <t>12/13/2019 16:17:56</t>
  </si>
  <si>
    <t>12/13/2019 16:17:57</t>
  </si>
  <si>
    <t>12/13/2019 16:16:00</t>
  </si>
  <si>
    <t>95ecc266-a07e-4adf-aee6-01745db57621.tmp</t>
  </si>
  <si>
    <t>\\acsfs\profiles$\gabrielamdp\Downloads\95ecc266-a07e-4adf-aee6-01745db57621.tmp</t>
  </si>
  <si>
    <t>12/13/2019 16:18:44</t>
  </si>
  <si>
    <t>12/13/2019 16:19:04</t>
  </si>
  <si>
    <t>12/13/2019 16:19:21</t>
  </si>
  <si>
    <t>12/13/2019 16:20:39</t>
  </si>
  <si>
    <t>12/13/2019 16:21:46</t>
  </si>
  <si>
    <t>12/13/2019 16:17:23</t>
  </si>
  <si>
    <t>4ef97237-47df-488e-85bb-e44b00118d4a.tmp</t>
  </si>
  <si>
    <t>\\acsfs\profiles$\geovannasm\Downloads\4ef97237-47df-488e-85bb-e44b00118d4a.tmp</t>
  </si>
  <si>
    <t>12/13/2019 16:22:30</t>
  </si>
  <si>
    <t>12/13/2019 16:23:47</t>
  </si>
  <si>
    <t>12/13/2019 16:21:40</t>
  </si>
  <si>
    <t>12/13/2019 16:25:47</t>
  </si>
  <si>
    <t>12/13/2019 16:21:41</t>
  </si>
  <si>
    <t>12/13/2019 16:21:42</t>
  </si>
  <si>
    <t>12/13/2019 16:23:20</t>
  </si>
  <si>
    <t>12/13/2019 16:23:39</t>
  </si>
  <si>
    <t>12/13/2019 16:23:40</t>
  </si>
  <si>
    <t>12/13/2019 16:23:44</t>
  </si>
  <si>
    <t>12/13/2019 16:23:46</t>
  </si>
  <si>
    <t>12/13/2019 16:23:53</t>
  </si>
  <si>
    <t>12/13/2019 16:23:55</t>
  </si>
  <si>
    <t>12/13/2019 16:24:01</t>
  </si>
  <si>
    <t>12/13/2019 16:24:02</t>
  </si>
  <si>
    <t>12/13/2019 16:24:03</t>
  </si>
  <si>
    <t>12/13/2019 16:21:19</t>
  </si>
  <si>
    <t>ee1e1d84-eaac-4857-8eb0-35fa75b36bbe.tmp</t>
  </si>
  <si>
    <t>\\acsfs\profiles$\gabrielamdp\Downloads\ee1e1d84-eaac-4857-8eb0-35fa75b36bbe.tmp</t>
  </si>
  <si>
    <t>12/13/2019 16:23:23</t>
  </si>
  <si>
    <t>87edc433-c801-479d-9376-e06e7c6af96c.tmp</t>
  </si>
  <si>
    <t>\\acsfs\profiles$\valeriasda\Downloads\87edc433-c801-479d-9376-e06e7c6af96c.tmp</t>
  </si>
  <si>
    <t>12/13/2019 16:21:44</t>
  </si>
  <si>
    <t>12/13/2019 16:26:46</t>
  </si>
  <si>
    <t>cae7a1c8-598c-44ef-900f-4f005aa3be2b.tmp</t>
  </si>
  <si>
    <t>\\acsfs\profiles$\ERICALSR\Downloads\cae7a1c8-598c-44ef-900f-4f005aa3be2b.tmp</t>
  </si>
  <si>
    <t>12/13/2019 16:26:26</t>
  </si>
  <si>
    <t>12/13/2019 16:27:47</t>
  </si>
  <si>
    <t>12/13/2019 16:26:39</t>
  </si>
  <si>
    <t>12/13/2019 16:28:47</t>
  </si>
  <si>
    <t>dioniziorn@algartech.com;polati@algartech.com;</t>
  </si>
  <si>
    <t>C:\Comercial\2019\Ferias 2019\</t>
  </si>
  <si>
    <t>HandOver Ferias.xlsx</t>
  </si>
  <si>
    <t>dioniziorn@algartech.com,polati@algartech.com</t>
  </si>
  <si>
    <t>12/13/2019 16:27:13</t>
  </si>
  <si>
    <t>12/13/2019 16:29:47</t>
  </si>
  <si>
    <t>28160b67-3dbc-4eee-8afc-0aa0d91d56cd.tmp</t>
  </si>
  <si>
    <t>\\acsfs\profiles$\wenderbnm\Downloads\28160b67-3dbc-4eee-8afc-0aa0d91d56cd.tmp</t>
  </si>
  <si>
    <t>12/13/2019 16:25:41</t>
  </si>
  <si>
    <t>12/13/2019 16:30:47</t>
  </si>
  <si>
    <t>mail.google.com/sync/u/0/i/s?hl=pt-BR&amp;c=1627</t>
  </si>
  <si>
    <t>12/13/2019 16:25:56</t>
  </si>
  <si>
    <t>mail.google.com/sync/u/0/i/s?hl=pt-BR&amp;c=1630</t>
  </si>
  <si>
    <t>12/13/2019 16:26:10</t>
  </si>
  <si>
    <t>mail.google.com/sync/u/0/i/s?hl=pt-BR&amp;c=1632</t>
  </si>
  <si>
    <t>12/13/2019 16:26:27</t>
  </si>
  <si>
    <t>mail.google.com/sync/u/0/i/s?hl=pt-BR&amp;c=1634</t>
  </si>
  <si>
    <t>12/13/2019 16:26:43</t>
  </si>
  <si>
    <t>mail.google.com/sync/u/0/i/s?hl=pt-BR&amp;c=1636</t>
  </si>
  <si>
    <t>12/13/2019 16:26:59</t>
  </si>
  <si>
    <t>mail.google.com/sync/u/0/i/s?hl=pt-BR&amp;c=1639</t>
  </si>
  <si>
    <t>12/13/2019 16:27:06</t>
  </si>
  <si>
    <t>mail.google.com/sync/u/0/i/s?hl=pt-BR&amp;c=1641</t>
  </si>
  <si>
    <t>12/13/2019 16:27:10</t>
  </si>
  <si>
    <t>mail.google.com/sync/u/0/i/s?hl=pt-BR&amp;c=1643</t>
  </si>
  <si>
    <t>mail.google.com/sync/u/0/i/s?hl=pt-BR&amp;c=1645</t>
  </si>
  <si>
    <t>12/13/2019 16:27:20</t>
  </si>
  <si>
    <t>mail.google.com/_/upload?authuser=0&amp;dcp=asu-n&amp;upload_id=AEnB2UpJZqNwo0jGrd1i6zaSEhAJBU0KLaiGJA7UzF8ecg6fTRvxQ6rvYKVWliMbZD8fRWMOv8zvCh8RjKHu985WVXEApYuOiw&amp;upload_protocol=resumable</t>
  </si>
  <si>
    <t>image2019-12-13-161007.zip</t>
  </si>
  <si>
    <t>C:\Users\adilsonloj\Downloads\image2019-12-13-161007.zip\</t>
  </si>
  <si>
    <t>image2019-12-13-161007.pdf</t>
  </si>
  <si>
    <t>mail.google.com/_/upload?authuser=0&amp;dcp=asu-n&amp;upload_id=AEnB2Ur7bQSiTpWXP3XkrNa9TxzwL9U5NXL1wvGjfknxOyrRizU058BGtYhh3UWu81B4APKmrB_fdivlK56iwwAXCI-qZ0Z_RA&amp;upload_protocol=resumable</t>
  </si>
  <si>
    <t>12/13/2019 16:27:22</t>
  </si>
  <si>
    <t>mail.google.com/sync/u/0/i/s?hl=pt-BR&amp;c=1648</t>
  </si>
  <si>
    <t>12/13/2019 16:27:41</t>
  </si>
  <si>
    <t>mail.google.com/sync/u/0/i/s?hl=pt-BR&amp;c=1650</t>
  </si>
  <si>
    <t>12/13/2019 16:27:53</t>
  </si>
  <si>
    <t>mail.google.com/sync/u/0/i/s?hl=pt-BR&amp;c=1654</t>
  </si>
  <si>
    <t>12/13/2019 16:28:03</t>
  </si>
  <si>
    <t>mail.google.com/sync/u/0/i/s?hl=pt-BR&amp;c=1656</t>
  </si>
  <si>
    <t>12/13/2019 16:26:13</t>
  </si>
  <si>
    <t>12/13/2019 16:26:14</t>
  </si>
  <si>
    <t>12/13/2019 16:26:22</t>
  </si>
  <si>
    <t>12/13/2019 16:26:42</t>
  </si>
  <si>
    <t>12/13/2019 16:26:44</t>
  </si>
  <si>
    <t>12/13/2019 16:27:14</t>
  </si>
  <si>
    <t>12/13/2019 16:28:05</t>
  </si>
  <si>
    <t>12/13/2019 16:27:50</t>
  </si>
  <si>
    <t>12/13/2019 16:27:17</t>
  </si>
  <si>
    <t>12/13/2019 16:28:12</t>
  </si>
  <si>
    <t>8a3c8945-960c-4bb6-9a1d-8e6ad0a61a0f.tmp</t>
  </si>
  <si>
    <t>\\acsfs\profiles$\brendadsl\Downloads\8a3c8945-960c-4bb6-9a1d-8e6ad0a61a0f.tmp</t>
  </si>
  <si>
    <t>12/13/2019 16:30:09</t>
  </si>
  <si>
    <t>12/13/2019 16:35:46</t>
  </si>
  <si>
    <t>12/13/2019 16:30:10</t>
  </si>
  <si>
    <t>12/13/2019 16:31:54</t>
  </si>
  <si>
    <t>12/13/2019 16:31:56</t>
  </si>
  <si>
    <t>12/13/2019 16:32:13</t>
  </si>
  <si>
    <t>12/13/2019 16:32:14</t>
  </si>
  <si>
    <t>12/13/2019 16:32:15</t>
  </si>
  <si>
    <t>12/13/2019 16:32:25</t>
  </si>
  <si>
    <t>12/13/2019 16:32:26</t>
  </si>
  <si>
    <t>12/13/2019 16:32:39</t>
  </si>
  <si>
    <t>12/13/2019 16:32:47</t>
  </si>
  <si>
    <t>12/13/2019 16:32:48</t>
  </si>
  <si>
    <t>12/13/2019 16:34:37</t>
  </si>
  <si>
    <t>12/13/2019 16:31:38</t>
  </si>
  <si>
    <t>8a955056-d9a1-4cb4-bd45-7628522c676b.tmp</t>
  </si>
  <si>
    <t>\\acsfs\profiles$\gabrielafs\Downloads\8a955056-d9a1-4cb4-bd45-7628522c676b.tmp</t>
  </si>
  <si>
    <t>12/13/2019 16:33:54</t>
  </si>
  <si>
    <t>51eea2b7-5f15-4f08-a223-61a767602b3c.tmp</t>
  </si>
  <si>
    <t>\\acsfs\profiles$\gabrielafs\Downloads\51eea2b7-5f15-4f08-a223-61a767602b3c.tmp</t>
  </si>
  <si>
    <t>12/13/2019 16:31:29</t>
  </si>
  <si>
    <t>12/13/2019 16:33:53</t>
  </si>
  <si>
    <t>12/13/2019 16:36:46</t>
  </si>
  <si>
    <t>XLOG_anacdos_13122019_081953.log</t>
  </si>
  <si>
    <t>\\acsfs\profiles$\anacdos\My Documents\xworkcenter\logs\XLOG_anacdos_13122019_081953.log</t>
  </si>
  <si>
    <t>12/13/2019 16:34:12</t>
  </si>
  <si>
    <t>mail.google.com/sync/u/0/i/s?hl=pt-BR&amp;c=159</t>
  </si>
  <si>
    <t>anavbg@algartech.com;bianca.boari@dxc.com;bvs-centralcartoes@bv.com.br;containsunsubscribedchildren;dis;displayname;domain;emailaddress;explicitlytrashed;fernandorsju@algartech.com;file(kind;fileid;filesize;hasthumbnail;hasvisitorpermissions;id;id);items(deleted;items(kind;ken;kind;lastmodifyi;lastmodifyinguser(kind;lastviewedbymedate;marianeps@algartech.com;mimetype;modifiedbymedate;modifieddate;ontainsunsubscribedchildren;owners(kind;per;permission;permissionid;picture;picture�;quot;rpermissions;shared;sharedwithme;sharedwithmedate;talmaiardo@algartech.com;thiagordu@algartech.com;thumbnailversion;title;userpermission(role);workspaceids;</t>
  </si>
  <si>
    <t>anavbg@algartech.com,bianca.boari@dxc.com,bvs-centralcartoes@bv.com.br,containsunsubscribedchildren,dis,displayname,domain,emailaddress,explicitlytrashed,fernandorsju@algartech.com,file(kind,fileid,filesize,hasthumbnail,hasvisitorpermissions,id,id),items(deleted,items(kind,ken,kind,lastmodifyi,lastmodifyinguser(kind,lastviewedbymedate,marianeps@algartech.com,mimetype,modifiedbymedate,modifieddate,ontainsunsubscribedchildren,owners(kind,per,permission,permissionid,picture,picture�,quot,rpermissions,shared,sharedwithme,sharedwithmedate,talmaiardo@algartech.com,thiagordu@algartech.com,thumbnailversion,title,userpermission(role),workspaceids</t>
  </si>
  <si>
    <t>12/13/2019 16:34:40</t>
  </si>
  <si>
    <t>mail.google.com/sync/u/0/i/s?hl=pt-BR&amp;c=161</t>
  </si>
  <si>
    <t>12/13/2019 16:34:44</t>
  </si>
  <si>
    <t>12/13/2019 16:34:47</t>
  </si>
  <si>
    <t>mail.google.com/_/upload?authuser=0&amp;dcp=asu-n&amp;upload_id=AEnB2Uoy5ZtP4hKtolQCH9ODjTfa-rNZc_zmki7g8FstCC20xrqPbUsqFV3428Xhbh9tKvPrjR3sPJGOp3g3JDaOQGwril4gUdQSTulXPjrqQptoYRrhfOc&amp;upload_protocol=resumable</t>
  </si>
  <si>
    <t>C:\Users\fernandaab\Downloads\</t>
  </si>
  <si>
    <t>CPF 396.211.318-55 RAINE DE OLIVEIRA LEITE.pdf</t>
  </si>
  <si>
    <t>12/13/2019 16:34:48</t>
  </si>
  <si>
    <t>mail.google.com/sync/u/0/i/s?hl=pt-BR&amp;c=165</t>
  </si>
  <si>
    <t>12/13/2019 16:35:55</t>
  </si>
  <si>
    <t>mail.google.com/_/upload?authuser=0&amp;dcp=asu-n&amp;upload_id=AEnB2UpTfjMa8laL2TjQVm2rbKQHFpr2yqOd-LUh7vdzpNDJ_5h2pSWwfnpMvKfHl_sxCE7E9p8NN4AMIGqRofA5PBLERSCTX7lkwfxldAwKlidb2kUtH2k&amp;upload_protocol=resumable</t>
  </si>
  <si>
    <t>C:\Users\fernandaab\Desktop\Késia\</t>
  </si>
  <si>
    <t>CPF 39621131855 - OPERADORA ALYNY ALVES_1_6767337216838533655_1_32.wav</t>
  </si>
  <si>
    <t>12/13/2019 16:37:04</t>
  </si>
  <si>
    <t>12/13/2019 16:40:46</t>
  </si>
  <si>
    <t>7a69dee0-5231-46e3-a3f8-c4c80ed837b3.tmp</t>
  </si>
  <si>
    <t>\\acsfs\profiles$\larissaad\Downloads\7a69dee0-5231-46e3-a3f8-c4c80ed837b3.tmp</t>
  </si>
  <si>
    <t>12/13/2019 16:39:00</t>
  </si>
  <si>
    <t>sustentacao_bradesco@algartech.com.br;</t>
  </si>
  <si>
    <t>sustentacao_bradesco@algartech.com.br</t>
  </si>
  <si>
    <t>12/13/2019 16:39:19</t>
  </si>
  <si>
    <t>12/13/2019 16:41:46</t>
  </si>
  <si>
    <t>12/13/2019 16:41:14</t>
  </si>
  <si>
    <t>12/13/2019 16:40:04</t>
  </si>
  <si>
    <t>12/13/2019 16:42:46</t>
  </si>
  <si>
    <t>3b7c790a-c8a0-42b7-a175-e592398649a9.tmp</t>
  </si>
  <si>
    <t>\\acsfs\profiles$\erichds\Downloads\3b7c790a-c8a0-42b7-a175-e592398649a9.tmp</t>
  </si>
  <si>
    <t>12/13/2019 16:41:51</t>
  </si>
  <si>
    <t>12/13/2019 16:45:47</t>
  </si>
  <si>
    <t>12/13/2019 16:42:11</t>
  </si>
  <si>
    <t>12/13/2019 16:42:23</t>
  </si>
  <si>
    <t>12/13/2019 16:43:50</t>
  </si>
  <si>
    <t>12/13/2019 16:44:28</t>
  </si>
  <si>
    <t>12/13/2019 16:42:37</t>
  </si>
  <si>
    <t>12/13/2019 16:46:46</t>
  </si>
  <si>
    <t>7321e4f6-2fdd-4270-a810-6e681ae10aee.tmp</t>
  </si>
  <si>
    <t>\\acsfs\profiles$\rosileiam\Downloads\7321e4f6-2fdd-4270-a810-6e681ae10aee.tmp</t>
  </si>
  <si>
    <t>12/13/2019 16:46:45</t>
  </si>
  <si>
    <t>a2942cc6-0e46-4e12-bf20-2919f40bcc69.tmp</t>
  </si>
  <si>
    <t>\\acsfs\profiles$\henriqueco\Downloads\a2942cc6-0e46-4e12-bf20-2919f40bcc69.tmp</t>
  </si>
  <si>
    <t>12/13/2019 16:46:24</t>
  </si>
  <si>
    <t>12/13/2019 16:47:47</t>
  </si>
  <si>
    <t>e05cbf3a-ba4c-41ef-8b14-02a40b7858ed.tmp</t>
  </si>
  <si>
    <t>\\acsfs\profiles$\karinarm\Downloads\e05cbf3a-ba4c-41ef-8b14-02a40b7858ed.tmp</t>
  </si>
  <si>
    <t>12/13/2019 16:43:19</t>
  </si>
  <si>
    <t>12/13/2019 16:48:47</t>
  </si>
  <si>
    <t>12/13/2019 16:47:33</t>
  </si>
  <si>
    <t>421112ee-8772-4ff8-9433-150cac7560b9.tmp</t>
  </si>
  <si>
    <t>\\acsfs\profiles$\KARENJSS\Downloads\421112ee-8772-4ff8-9433-150cac7560b9.tmp</t>
  </si>
  <si>
    <t>12/13/2019 16:44:27</t>
  </si>
  <si>
    <t>12/13/2019 16:49:47</t>
  </si>
  <si>
    <t>Relatório Exames Periódicos - 32ª Parcial 2019 oficial .xlsb</t>
  </si>
  <si>
    <t>12/13/2019 16:46:38</t>
  </si>
  <si>
    <t>12/13/2019 16:50:46</t>
  </si>
  <si>
    <t>\\acsfs\DEPTOS\Operacao\Banco_Votorantim\Supervisao\SUPERS BV CARTÕES\ADILSON\Vendas\Retratações\</t>
  </si>
  <si>
    <t>Retratações Venda Dezembro.xlsx</t>
  </si>
  <si>
    <t>\\acsfs\DEPTOS\Operacao\Banco_Votorantim\Supervisao\SUPERS BV CARTÕES\ADILSON\Vendas\Retratações\Retratações Venda Dezembro.xlsx</t>
  </si>
  <si>
    <t>12/13/2019 16:47:56</t>
  </si>
  <si>
    <t>\\acsfs\DEPTOS\Operacao\Banco_Votorantim\Comum\00 - COMUM - BV CARTÕES\EQUIPE ADILSON\Retratação Vendas\</t>
  </si>
  <si>
    <t>Retratações Venda Dezembro.pdf</t>
  </si>
  <si>
    <t>\\acsfs\DEPTOS\Operacao\Banco_Votorantim\Comum\00 - COMUM - BV CARTÕES\EQUIPE ADILSON\Retratação Vendas\Retratações Venda Dezembro.pdf</t>
  </si>
  <si>
    <t>12/13/2019 16:46:32</t>
  </si>
  <si>
    <t>12/13/2019 16:46:36</t>
  </si>
  <si>
    <t>12/13/2019 16:46:37</t>
  </si>
  <si>
    <t>12/13/2019 16:46:41</t>
  </si>
  <si>
    <t>12/13/2019 16:47:40</t>
  </si>
  <si>
    <t>12/13/2019 16:48:00</t>
  </si>
  <si>
    <t>12/13/2019 16:48:24</t>
  </si>
  <si>
    <t>12/13/2019 16:12:51</t>
  </si>
  <si>
    <t>12/13/2019 16:52:46</t>
  </si>
  <si>
    <t>almirsn@algartech.com</t>
  </si>
  <si>
    <t>Evolução do Projeto UHV2911.xlsx</t>
  </si>
  <si>
    <t>mail.google.com/_/upload?authuser=0&amp;dcp=asu-n&amp;upload_id=AEnB2UoN97cP3hB-3EsJxcUDg_yC823-d1J9GTqFRphARBglhNoYF53STT8G3g2QQ3WKtUqR08N3wQEAkOvbJFGnKYXmCDmKUQ&amp;upload_protocol=resumable</t>
  </si>
  <si>
    <t>12/13/2019 16:50:42</t>
  </si>
  <si>
    <t>12/13/2019 16:53:47</t>
  </si>
  <si>
    <t>Projeto LGPD - Levantamento Dados Estruturados_teste.xlsx</t>
  </si>
  <si>
    <t>12/13/2019 16:53:10</t>
  </si>
  <si>
    <t>12/13/2019 16:52:13</t>
  </si>
  <si>
    <t>12/13/2019 16:54:46</t>
  </si>
  <si>
    <t>12/13/2019 16:53:22</t>
  </si>
  <si>
    <t>jullian@algartech.com;luciane.moura@bradesco.com.br;nubia.silva@bradesco.com.br;renatofol@algartech.com;</t>
  </si>
  <si>
    <t>jullian@algartech.com,luciane.moura@bradesco.com.br,nubia.silva@bradesco.com.br,renatofol@algartech.com</t>
  </si>
  <si>
    <t>12/13/2019 16:50:33</t>
  </si>
  <si>
    <t>12/13/2019 16:55:47</t>
  </si>
  <si>
    <t>12/13/2019 16:50:45</t>
  </si>
  <si>
    <t>12/13/2019 16:55:59</t>
  </si>
  <si>
    <t>12/13/2019 16:57:47</t>
  </si>
  <si>
    <t>joysi.pereira.k2@youse.com.br;joysi.pereira@youse.com.br;sheila.lopes@youse.com.br;tatiana.varela@youse.com.br;wasleylc@algartech.com;william.koyama@youse.com.br;</t>
  </si>
  <si>
    <t>Forecast Youse SAC e OUVIDORIA - JANEIRO</t>
  </si>
  <si>
    <t>joysi.pereira.k2@youse.com.br,joysi.pereira@youse.com.br,sheila.lopes@youse.com.br,tatiana.varela@youse.com.br,wasleylc@algartech.com,william.koyama@youse.com.br</t>
  </si>
  <si>
    <t>12/13/2019 16:55:28</t>
  </si>
  <si>
    <t>12/13/2019 16:58:46</t>
  </si>
  <si>
    <t>05f24ced-ddac-43d7-a337-a57778558df3.tmp</t>
  </si>
  <si>
    <t>\\acsfs\profiles$\anafaes\Downloads\05f24ced-ddac-43d7-a337-a57778558df3.tmp</t>
  </si>
  <si>
    <t>c36aeded-8312-4ef1-a5f7-49a685e89ac3.tmp</t>
  </si>
  <si>
    <t>\\acsfs\profiles$\anafaes\Downloads\c36aeded-8312-4ef1-a5f7-49a685e89ac3.tmp</t>
  </si>
  <si>
    <t>12/13/2019 16:55:49</t>
  </si>
  <si>
    <t>2b2593c3-652f-476d-9320-154f45c647c2.tmp</t>
  </si>
  <si>
    <t>\\acsfs\profiles$\anafaes\Downloads\2b2593c3-652f-476d-9320-154f45c647c2.tmp</t>
  </si>
  <si>
    <t>12/13/2019 16:56:10</t>
  </si>
  <si>
    <t>cea28a4d-35c0-4b5d-bac3-47baba61facd.tmp</t>
  </si>
  <si>
    <t>\\acsfs\profiles$\anafaes\Downloads\cea28a4d-35c0-4b5d-bac3-47baba61facd.tmp</t>
  </si>
  <si>
    <t>12/13/2019 16:54:26</t>
  </si>
  <si>
    <t>12/13/2019 16:59:47</t>
  </si>
  <si>
    <t>efdead77-7a26-4f3c-b1ba-3d98bc9dcde4.tmp</t>
  </si>
  <si>
    <t>\\acsfs\profiles$\victorgl\Downloads\efdead77-7a26-4f3c-b1ba-3d98bc9dcde4.tmp</t>
  </si>
  <si>
    <t>12/13/2019 16:59:04</t>
  </si>
  <si>
    <t>12/13/2019 17:00:46</t>
  </si>
  <si>
    <t>12/13/2019 16:59:08</t>
  </si>
  <si>
    <t>12/13/2019 16:59:20</t>
  </si>
  <si>
    <t>12/13/2019 16:59:21</t>
  </si>
  <si>
    <t>12/13/2019 16:59:23</t>
  </si>
  <si>
    <t>12/13/2019 17:00:07</t>
  </si>
  <si>
    <t>12/13/2019 16:59:37</t>
  </si>
  <si>
    <t>12/13/2019 17:01:47</t>
  </si>
  <si>
    <t>785399f2-fa94-4364-b744-49ea551ae1a8.tmp</t>
  </si>
  <si>
    <t>\\acsfs\profiles$\KARENDSR\Downloads\785399f2-fa94-4364-b744-49ea551ae1a8.tmp</t>
  </si>
  <si>
    <t>12/13/2019 17:01:26</t>
  </si>
  <si>
    <t>12/13/2019 17:02:47</t>
  </si>
  <si>
    <t>Telefonia SDC e BPO.xlsx</t>
  </si>
  <si>
    <t>12/13/2019 17:00:12</t>
  </si>
  <si>
    <t>12/13/2019 17:03:47</t>
  </si>
  <si>
    <t>0ea27d4e-e74f-4084-8af1-adcadba573c1.tmp</t>
  </si>
  <si>
    <t>\\acsfs\profiles$\anafaes\Downloads\0ea27d4e-e74f-4084-8af1-adcadba573c1.tmp</t>
  </si>
  <si>
    <t>12/13/2019 17:01:20</t>
  </si>
  <si>
    <t>8af356fa-44ee-48f1-bb3f-b15bd732a283.tmp</t>
  </si>
  <si>
    <t>\\acsfs\profiles$\anafaes\Downloads\8af356fa-44ee-48f1-bb3f-b15bd732a283.tmp</t>
  </si>
  <si>
    <t>12/13/2019 17:00:59</t>
  </si>
  <si>
    <t>12/13/2019 17:05:47</t>
  </si>
  <si>
    <t>10.200.67.24</t>
  </si>
  <si>
    <t>74-86-7A-FB-1B-6A</t>
  </si>
  <si>
    <t>VOTORANT-PB004</t>
  </si>
  <si>
    <t>rayltonlvv</t>
  </si>
  <si>
    <t>rayltonlvv@algartech.com</t>
  </si>
  <si>
    <t>12/13/2019 17:01:02</t>
  </si>
  <si>
    <t>12/13/2019 17:01:10</t>
  </si>
  <si>
    <t>12/13/2019 17:01:18</t>
  </si>
  <si>
    <t>12/13/2019 17:01:27</t>
  </si>
  <si>
    <t>12/13/2019 17:02:21</t>
  </si>
  <si>
    <t>mail.google.com/_/upload?authuser=0&amp;dcp=asu-n&amp;upload_id=AEnB2UoZ9I2TgA1abnYYNW23Jiv_2V9BJqNODJc7-Ty5wsCQm21PteGo2e4Fa6wWKR9mJQWQ1nidiTpknkYHw4m_EyzQP2bKEg&amp;upload_protocol=resumable</t>
  </si>
  <si>
    <t>C:\Users\leticiaat\AppData\Local\Genesys\GenesysSoftphone\</t>
  </si>
  <si>
    <t>logs.zip</t>
  </si>
  <si>
    <t>C:\Users\leticiaat\AppData\Local\Genesys\GenesysSoftphone\logs.zip\logs\</t>
  </si>
  <si>
    <t>Softphone.20190903_074355_755.snapshot.log</t>
  </si>
  <si>
    <t>Softphone.20190904_065759_793.snapshot.log</t>
  </si>
  <si>
    <t>Softphone.20190919_065815_322.snapshot.log</t>
  </si>
  <si>
    <t>Softphone.20190925_072034_529.snapshot.log</t>
  </si>
  <si>
    <t>Softphone.20190927_065246_359.snapshot.log</t>
  </si>
  <si>
    <t>Softphone.20191004_070207_066.snapshot.log</t>
  </si>
  <si>
    <t>Softphone.20191008_070122_116.snapshot.log</t>
  </si>
  <si>
    <t>Softphone.20191009_065553_130.snapshot.log</t>
  </si>
  <si>
    <t>Softphone.20191010_065833_973.snapshot.log</t>
  </si>
  <si>
    <t>Softphone.20191011_065201_205.snapshot.log</t>
  </si>
  <si>
    <t>Softphone.20191025_071922_342.snapshot.log</t>
  </si>
  <si>
    <t>Softphone.20191028_070709_085.snapshot.log</t>
  </si>
  <si>
    <t>Softphone.20191029_065949_668.snapshot.log</t>
  </si>
  <si>
    <t>Softphone.20191106_065416_532.snapshot.log</t>
  </si>
  <si>
    <t>Softphone.20191121_070550_023.snapshot.log</t>
  </si>
  <si>
    <t>Softphone.20191125_065513_525.snapshot.log</t>
  </si>
  <si>
    <t>Softphone.20191128_065209_766.snapshot.log</t>
  </si>
  <si>
    <t>Softphone.20191202_073734_634.snapshot.log</t>
  </si>
  <si>
    <t>Softphone.20191204_074100_255.snapshot.log</t>
  </si>
  <si>
    <t>Softphone.20191205_075802_744.snapshot.log</t>
  </si>
  <si>
    <t>Softphone.20191206_095348_531.log</t>
  </si>
  <si>
    <t>Softphone.20191209_085403_555.log</t>
  </si>
  <si>
    <t>Softphone.20191210_075939_832.snapshot.log</t>
  </si>
  <si>
    <t>Softphone.20191210_075939_833.log</t>
  </si>
  <si>
    <t>Softphone.20191210_124805_690.log</t>
  </si>
  <si>
    <t>Softphone.20191211_075527_260.log</t>
  </si>
  <si>
    <t>Softphone.20191212_075428_173.snapshot.log</t>
  </si>
  <si>
    <t>Softphone.20191212_075428_174.log</t>
  </si>
  <si>
    <t>Softphone.20191212_123212_895.snapshot.log</t>
  </si>
  <si>
    <t>Softphone.20191212_123213_075.log</t>
  </si>
  <si>
    <t>Softphone.20191212_123927_551.snapshot.log</t>
  </si>
  <si>
    <t>Softphone.20191212_123927_552.log</t>
  </si>
  <si>
    <t>Softphone.20191212_124704_733.log</t>
  </si>
  <si>
    <t>Softphone.20191213_075659_746.log</t>
  </si>
  <si>
    <t>12/13/2019 17:00:38</t>
  </si>
  <si>
    <t>12/13/2019 17:01:37</t>
  </si>
  <si>
    <t>12/13/2019 17:04:55</t>
  </si>
  <si>
    <t>12/13/2019 17:02:50</t>
  </si>
  <si>
    <t>12/13/2019 17:06:48</t>
  </si>
  <si>
    <t>http:///batch?%24ct=multipart%2Fmixed%3B%20boundary%3D%22%3D%3D%3D%3D%3D2cy2c9pls8ql%3D%3D%3D%3D%3D%22&amp;key=AIzaSyAy9VVXHSpS2IJpptzYtGbLP3-3_l0aBk4</t>
  </si>
  <si>
    <t>12/13/2019 17:02:53</t>
  </si>
  <si>
    <t>http:///batch?%24ct=multipart%2Fmixed%3B%20boundary%3D%22%3D%3D%3D%3D%3D6dww6o1hthsc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3/2019 17:02:57</t>
  </si>
  <si>
    <t>http:///batch?%24ct=multipart%2Fmixed%3B%20boundary%3D%22%3D%3D%3D%3D%3Dmy3i0c35s772%3D%3D%3D%3D%3D%22&amp;key=AIzaSyAy9VVXHSpS2IJpptzYtGbLP3-3_l0aBk4</t>
  </si>
  <si>
    <t>ancestorhasaugmen;ancestorhasaugmentedpermissions;containsunsubscribedchildren;displayname;domain;emaila;emailaddress;file(kind;fileid;filesize;hasthumbnail;hasvisitorpermissions;id;id);items(deleted;ken;kind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,ancestorhasaugmentedpermissions,containsunsubscribedchildren,displayname,domain,emaila,emailaddress,file(kind,fileid,filesize,hasthumbnail,hasvisitorpermissions,id,id),items(deleted,ken,kind,lastmodifyinguser(kind,lastviewedbymedate,modifiedbymedate,modifieddate,ontainsunsubscribedchildren,owners(kind,per,permissionid,picture,rpermissions,shared,sharedwithmedate,thumbnailversion,title,userpermission(role),workspaceids</t>
  </si>
  <si>
    <t>12/13/2019 17:02:59</t>
  </si>
  <si>
    <t>http:///batch?%24ct=multipart%2Fmixed%3B%20boundary%3D%22%3D%3D%3D%3D%3Dihrvv5u2ahu2%3D%3D%3D%3D%3D%22&amp;key=AIzaSyAy9VVXHSpS2IJpptzYtGbLP3-3_l0aBk4</t>
  </si>
  <si>
    <t>http:///batch?%24ct=multipart%2Fmixed%3B%20boundary%3D%22%3D%3D%3D%3D%3D266gyb9x5285%3D%3D%3D%3D%3D%22&amp;key=AIzaSyAy9VVXHSpS2IJpptzYtGbLP3-3_l0aBk4</t>
  </si>
  <si>
    <t>12/13/2019 17:03:05</t>
  </si>
  <si>
    <t>http:///batch?%24ct=multipart%2Fmixed%3B%20boundary%3D%22%3D%3D%3D%3D%3Dl6b1by8edn57%3D%3D%3D%3D%3D%22&amp;key=AIzaSyAy9VVXHSpS2IJpptzYtGbLP3-3_l0aBk4</t>
  </si>
  <si>
    <t>12/13/2019 17:03:06</t>
  </si>
  <si>
    <t>http:///batch?%24ct=multipart%2Fmixed%3B%20boundary%3D%22%3D%3D%3D%3D%3Dv2tw054cnhjo%3D%3D%3D%3D%3D%22&amp;key=AIzaSyAy9VVXHSpS2IJpptzYtGbLP3-3_l0aBk4</t>
  </si>
  <si>
    <t>12/13/2019 17:03:07</t>
  </si>
  <si>
    <t>http:///batch?%24ct=multipart%2Fmixed%3B%20boundary%3D%22%3D%3D%3D%3D%3Dxn524sp53ndh%3D%3D%3D%3D%3D%22&amp;key=AIzaSyAy9VVXHSpS2IJpptzYtGbLP3-3_l0aBk4</t>
  </si>
  <si>
    <t>12/13/2019 17:03:53</t>
  </si>
  <si>
    <t>http:///batch?%24ct=multipart%2Fmixed%3B%20boundary%3D%22%3D%3D%3D%3D%3Dw97o5jj0p45y%3D%3D%3D%3D%3D%22&amp;key=AIzaSyAy9VVXHSpS2IJpptzYtGbLP3-3_l0aBk4</t>
  </si>
  <si>
    <t>12/13/2019 17:03:54</t>
  </si>
  <si>
    <t>http:///batch?%24ct=multipart%2Fmixed%3B%20boundary%3D%22%3D%3D%3D%3D%3Dqoajdspd29es%3D%3D%3D%3D%3D%22&amp;key=AIzaSyAy9VVXHSpS2IJpptzYtGbLP3-3_l0aBk4</t>
  </si>
  <si>
    <t>12/13/2019 17:03:55</t>
  </si>
  <si>
    <t>http:///batch?%24ct=multipart%2Fmixed%3B%20boundary%3D%22%3D%3D%3D%3D%3D6omp1j5y1eno%3D%3D%3D%3D%3D%22&amp;key=AIzaSyAy9VVXHSpS2IJpptzYtGbLP3-3_l0aBk4</t>
  </si>
  <si>
    <t>12/13/2019 17:03:56</t>
  </si>
  <si>
    <t>http:///batch?%24ct=multipart%2Fmixed%3B%20boundary%3D%22%3D%3D%3D%3D%3D8u4iske7dk2n%3D%3D%3D%3D%3D%22&amp;key=AIzaSyAy9VVXHSpS2IJpptzYtGbLP3-3_l0aBk4</t>
  </si>
  <si>
    <t>http:///drive/logImpressions</t>
  </si>
  <si>
    <t>0;0.241;0.241�33�gsa�|};0.668;0];103.19999999774154;107.78000000573229;111.90000000351574;116.48000001150649;119.29499999678228;12.854];136.723;1597.596];21.464;21.464];267.4200000037672;3;3.419999993639067;3.794999996898696;310.1150000002235;4.842;5;510.681;526.110000006156;526.3949999934994;549.2599999997765;550.4050000017742;550.8050000062212;550.9750000055647;551.0249999933876;58.60499999835156;6.009];649.0999999950873;690.7400000054622;700";886.073];898.3250000019325;902.925000002142;91.84999999706633;91.85499999148306;961.8150000023888;:400;["https://drive.google.com/_/drive_fe/_/js/k=drive_fe.main.pt_br.z4p_uid5mok.o/am=bdjcyqij7c_jhwdg/d=1/ct=zgms/rs=afb8gswwtnui0gneightdjtmj7lywtw20w/m=b;["https://fonts.googleapis.com/css?lang=pt-br&amp;family=product+sans|roboto:400;[null;core";css;https://apis.google.com/js/api.js;https://drive.google.com/_/drive_fe/_/ss/k=drive_fe.main.-13zk2a6g6udmq.l.w.o/am=bdjcyqij7c_jhwdg/d=0/ct=zgms/rs=afb8gsxkevkqqego253hcz0aw1gj1pkxra;https://fonts.gstatic.com/s/googlesans/v14/</t>
  </si>
  <si>
    <t>http://0,0.241,0.241�33�gsa�|},0.668,0],103.19999999774154,107.78000000573229,111.90000000351574,116.48000001150649,119.29499999678228,12.854],136.723,1597.596],21.464,21.464],267.4200000037672,3,3.419999993639067,3.794999996898696,310.1150000002235,4.842,5,510.681,526.110000006156,526.3949999934994,549.2599999997765,550.4050000017742,550.8050000062212,550.9750000055647,551.0249999933876,58.60499999835156,6.009],649.0999999950873,690.7400000054622,700",886.073],898.3250000019325,902.925000002142,91.84999999706633,91.85499999148306,961.8150000023888,:400,["https://drive.google.com/_/drive_fe/_/js/k=drive_fe.main.pt_br.z4p_uid5mok.o/am=bdjcyqij7c_jhwdg/d=1/ct=zgms/rs=afb8gswwtnui0gneightdjtmj7lywtw20w/m=b,["https://fonts.googleapis.com/css?lang=pt-br&amp;family=product+sans|roboto:400,[null,core",css,https://apis.google.com/js/api.js,https://drive.google.com/_/drive_fe/_/ss/k=drive_fe.main.-13zk2a6g6udmq.l.w.o/am=bdjcyqij7c_jhwdg/d=0/ct=zgms/rs=afb8gsxkevkqqego253hcz0aw1gj1pkxra,https://fonts.gstatic.com/s/googlesa</t>
  </si>
  <si>
    <t>0;0.241;0.241];0.241�33�gsa�|};0.668;0];1028.1749999994645;103.19999999774154;107.78000000573229;111.90000000351574;1157.9950000013923;116.48000001150649;1172.565000000759;119.29499999678228;12.854];13.59;136.723;15.344;15.344];15.552;15.552];1597.596];17.29999999224674;17.869999996037222;21.464;21.464];21.7;21.7];227.57499999715947;24.699999994481914;267.4200000037672;3;3.419999993639067;3.539999990607612;3.794999996898696;310.1150000002235;32.04000000550877;33.212;33.212];38.19];39.73000000405591;4;4.842;40.7100000011269;43.024999991757795;5;510.681;526.110000006156;526.3949999934994;549.2599999997765;550.4050000017742;550.8050000062212;550.9750000055647;551.0249999933876;58.60499999835156;6.009];649.0999999950873;690.7400000054622;700";886.073];898.3250000019325;902.925000002142;903.3849999977974;904.1799999977229;906.6449999954784;91.84999999706633;91.85499999148306;942.5650000048336;943.4299999993527;949.9349999969127;961.8150000023888;964.9300000019139;:400;["https://clients6.google.com/drive/v2internal</t>
  </si>
  <si>
    <t>http://0,0.241,0.241],0.241�33�gsa�|},0.668,0],1028.1749999994645,103.19999999774154,107.78000000573229,111.90000000351574,1157.9950000013923,116.48000001150649,1172.565000000759,119.29499999678228,12.854],13.59,136.723,15.344,15.344],15.552,15.552],1597.596],17.29999999224674,17.869999996037222,21.464,21.464],21.7,21.7],227.57499999715947,24.699999994481914,267.4200000037672,3,3.419999993639067,3.539999990607612,3.794999996898696,310.1150000002235,32.04000000550877,33.212,33.212],38.19],39.73000000405591,4,4.842,40.7100000011269,43.024999991757795,5,510.681,526.110000006156,526.3949999934994,549.2599999997765,550.4050000017742,550.8050000062212,550.9750000055647,551.0249999933876,58.60499999835156,6.009],649.0999999950873,690.7400000054622,700",886.073],898.3250000019325,902.925000002142,903.3849999977974,904.1799999977229,906.6449999954784,91.84999999706633,91.85499999148306,942.5650000048336,943.4299999993527,949.9349999969127,961.8150000023888,964.9300000019139,:400,["https://clients6.google.com/drive/v2i</t>
  </si>
  <si>
    <t>0;0.241;0.241];0.241�33�gsa�|};0.668;0];1028.1749999994645;103.19999999774154;107.78000000573229;111.90000000351574;1157.9950000013923;116.48000001150649;1172.565000000759;1176.854999997886;1181.0700000060024;119.29499999678228;12.854];1261.515000005602;13.59;1318.889999995008;1319.310000006226;136.723;1408.2699999999022;15.344;15.344];15.552;15.552];1597.596];169.51500000141095;17.29999999224674;17.869999996037222;172.49999998603016;21.464;21.464];21.7;21.7];221.07999998843297;225.10500000498723;227.57499999715947;24.699999994481914;266.5350000024773;267.4200000037672;285.0149999867426;3;3.419999993639067;3.539999990607612;3.794999996898696;310.1150000002235;32.04000000550877;33.212;33.212];38.19];39.73000000405591;4;4.842;40.7100000011269;43.024999991757795;5;510.681;526.110000006156;526.3949999934994;549.2599999997765;550.4050000017742;550.8050000062212;550.9750000055647;551.0249999933876;58.60499999835156;6.009];649.0999999950873;690.7400000054622;700";886.073];898.3250000019325;902.925000002142;903.38499</t>
  </si>
  <si>
    <t>http://0,0.241,0.241],0.241�33�gsa�|},0.668,0],1028.1749999994645,103.19999999774154,107.78000000573229,111.90000000351574,1157.9950000013923,116.48000001150649,1172.565000000759,1176.854999997886,1181.0700000060024,119.29499999678228,12.854],1261.515000005602,13.59,1318.889999995008,1319.310000006226,136.723,1408.2699999999022,15.344,15.344],15.552,15.552],1597.596],169.51500000141095,17.29999999224674,17.869999996037222,172.49999998603016,21.464,21.464],21.7,21.7],221.07999998843297,225.10500000498723,227.57499999715947,24.699999994481914,266.5350000024773,267.4200000037672,285.0149999867426,3,3.419999993639067,3.539999990607612,3.794999996898696,310.1150000002235,32.04000000550877,33.212,33.212],38.19],39.73000000405591,4,4.842,40.7100000011269,43.024999991757795,5,510.681,526.110000006156,526.3949999934994,549.2599999997765,550.4050000017742,550.8050000062212,550.9750000055647,551.0249999933876,58.60499999835156,6.009],649.0999999950873,690.7400000054622,700",886.073],898.3250000019325,902.925000002142,90</t>
  </si>
  <si>
    <t>0;0.241;0.241];0.241�33�gsa�|};0.668;0];1028.1749999994645;103.19999999774154;107.78000000573229;111.90000000351574;1157.9950000013923;116.48000001150649;1172.565000000759;1176.854999997886;1181.0700000060024;119.29499999678228;12.854];1261.515000005602;127.268;13.59;1318.889999995008;1319.310000006226;1330.1099999953294;136.723;1408.2699999999022;15.344;15.344];15.552;15.552];1597.596];169.51500000141095;17.29999999224674;17.869999996037222;172.49999998603016;21.464;21.464];21.7;21.7];221.07999998843297;225.10500000498723;227.57499999715947;24.699999994481914;260.35500000580214;266.5350000024773;267.4200000037672;285.0149999867426;3;3.419999993639067;3.539999990607612;3.794999996898696;310.1150000002235;32.04000000550877;33.212;33.212];38.19];39.73000000405591;4;4.842;40.7100000011269;43.024999991757795;449.344];5;510.681;526.110000006156;526.3949999934994;549.2599999997765;550.4050000017742;550.8050000062212;550.9750000055647;551.0249999933876;58.60499999835156;6.009];649.0999999950873;690.7400000054622;700</t>
  </si>
  <si>
    <t>http://0,0.241,0.241],0.241�33�gsa�|},0.668,0],1028.1749999994645,103.19999999774154,107.78000000573229,111.90000000351574,1157.9950000013923,116.48000001150649,1172.565000000759,1176.854999997886,1181.0700000060024,119.29499999678228,12.854],1261.515000005602,127.268,13.59,1318.889999995008,1319.310000006226,1330.1099999953294,136.723,1408.2699999999022,15.344,15.344],15.552,15.552],1597.596],169.51500000141095,17.29999999224674,17.869999996037222,172.49999998603016,21.464,21.464],21.7,21.7],221.07999998843297,225.10500000498723,227.57499999715947,24.699999994481914,260.35500000580214,266.5350000024773,267.4200000037672,285.0149999867426,3,3.419999993639067,3.539999990607612,3.794999996898696,310.1150000002235,32.04000000550877,33.212,33.212],38.19],39.73000000405591,4,4.842,40.7100000011269,43.024999991757795,449.344],5,510.681,526.110000006156,526.3949999934994,549.2599999997765,550.4050000017742,550.8050000062212,550.9750000055647,551.0249999933876,58.60499999835156,6.009],649.0999999950873,690.7400000054</t>
  </si>
  <si>
    <t>12/13/2019 17:03:57</t>
  </si>
  <si>
    <t>12/13/2019 17:04:06</t>
  </si>
  <si>
    <t>http:///batch?%24ct=multipart%2Fmixed%3B%20boundary%3D%22%3D%3D%3D%3D%3Dld9zi37l19h8%3D%3D%3D%3D%3D%22&amp;key=AIzaSyAy9VVXHSpS2IJpptzYtGbLP3-3_l0aBk4</t>
  </si>
  <si>
    <t>12/13/2019 17:04:07</t>
  </si>
  <si>
    <t>http:///batch?%24ct=multipart%2Fmixed%3B%20boundary%3D%22%3D%3D%3D%3D%3Dow3lsu9o8y1v%3D%3D%3D%3D%3D%22&amp;key=AIzaSyAy9VVXHSpS2IJpptzYtGbLP3-3_l0aBk4</t>
  </si>
  <si>
    <t>12/13/2019 17:06:29</t>
  </si>
  <si>
    <t>12/13/2019 17:07:47</t>
  </si>
  <si>
    <t>\\acsfs\DEPTOS\DME\CME - Coordenacao de Marketing e Estrategia\Gestão de Vendas\Canais\2020\Latam\</t>
  </si>
  <si>
    <t>12/13/2019 17:06:31</t>
  </si>
  <si>
    <t>mail.google.com/_/upload?authuser=1&amp;dcp=asu-n&amp;upload_id=AEnB2Urv5fbDkasFBajQt1chVEhzFrq5SHjxAMtmbyQr5T7urmr2kZUDjMkufqDJK2NdxXUECrZjGvphR2QVIyQn3Zvs6xgSGw&amp;upload_protocol=resumable</t>
  </si>
  <si>
    <t>12/13/2019 17:06:57</t>
  </si>
  <si>
    <t>12/13/2019 17:08:25</t>
  </si>
  <si>
    <t>12/13/2019 17:09:47</t>
  </si>
  <si>
    <t>7ccac869-51e3-4598-b496-ee127ec4d3b2.tmp</t>
  </si>
  <si>
    <t>\\acsfs\profiles$\victorgl\Downloads\7ccac869-51e3-4598-b496-ee127ec4d3b2.tmp</t>
  </si>
  <si>
    <t>12/13/2019 17:05:38</t>
  </si>
  <si>
    <t>12/13/2019 17:10:48</t>
  </si>
  <si>
    <t>12/13/2019 17:05:40</t>
  </si>
  <si>
    <t>12/13/2019 17:06:08</t>
  </si>
  <si>
    <t>7743b9f5-ea22-4a46-bef0-85f5ccb2ba7f.tmp</t>
  </si>
  <si>
    <t>\\acsfs\profiles$\layonmof\Downloads\7743b9f5-ea22-4a46-bef0-85f5ccb2ba7f.tmp</t>
  </si>
  <si>
    <t>12/13/2019 17:10:18</t>
  </si>
  <si>
    <t>12/13/2019 17:13:47</t>
  </si>
  <si>
    <t>12/13/2019 17:12:21</t>
  </si>
  <si>
    <t>12/13/2019 17:14:47</t>
  </si>
  <si>
    <t>12/13/2019 17:11:18</t>
  </si>
  <si>
    <t>12/13/2019 17:15:47</t>
  </si>
  <si>
    <t>12/13/2019 17:11:24</t>
  </si>
  <si>
    <t>12/13/2019 17:11:25</t>
  </si>
  <si>
    <t>12/13/2019 17:11:28</t>
  </si>
  <si>
    <t>12/13/2019 17:12:09</t>
  </si>
  <si>
    <t>1f41ad61-b9db-44e1-b698-dbc8a9b58eaa.tmp</t>
  </si>
  <si>
    <t>\\acsfs\profiles$\layonmof\Downloads\1f41ad61-b9db-44e1-b698-dbc8a9b58eaa.tmp</t>
  </si>
  <si>
    <t>12/13/2019 17:12:51</t>
  </si>
  <si>
    <t>12/13/2019 17:17:47</t>
  </si>
  <si>
    <t>201b35c7-b799-4ff3-a6a3-e4c660f254e4.tmp</t>
  </si>
  <si>
    <t>\\acsfs\profiles$\erichds\Downloads\201b35c7-b799-4ff3-a6a3-e4c660f254e4.tmp</t>
  </si>
  <si>
    <t>12/13/2019 17:16:45</t>
  </si>
  <si>
    <t>danieldom@algartech.com;jullian.faria@algartech.com;jullian@algartech.com;leonardo.calicchio@bradesco.com.br;saramfg@algartech.com;vivianercu@algartech.com;</t>
  </si>
  <si>
    <t>danieldom@algartech.com,jullian.faria@algartech.com,jullian@algartech.com,leonardo.calicchio@bradesco.com.br,saramfg@algartech.com,vivianercu@algartech.com</t>
  </si>
  <si>
    <t>2019-12 - Saulo - Horas Extras Bradesco.xlsx</t>
  </si>
  <si>
    <t>2019-12 - Luane - Horas Extras Bradesco.xlsx</t>
  </si>
  <si>
    <t>12/13/2019 17:16:47</t>
  </si>
  <si>
    <t>mail.google.com/_/upload?authuser=0&amp;dcp=asu-n&amp;upload_id=AEnB2Uq6w0qAq56_vroTOfRINnWTusDQ2MOM2GgTHrtvQpTS2rFZ1Ey3I9XWOdOm4XEMIlRxyQfS0H0TcRNL76xgFmZTVDLbyy8twua1My7uGa5nSCtcVz0&amp;upload_protocol=resumable</t>
  </si>
  <si>
    <t>mail.google.com/_/upload?authuser=0&amp;dcp=asu-n&amp;upload_id=AEnB2UrypBNOP07J_wzC36WsHmCB-Wv0Hu8jYhU0RNgSnUr2aG5djDjf1JUU7QBfvrz00dFoLO3YZcC9nEhoqGwKd_n6ITcgVA&amp;upload_protocol=resumable</t>
  </si>
  <si>
    <t>mail.google.com/_/upload?authuser=0&amp;dcp=asu-n&amp;upload_id=AEnB2UrLLfBBhL9hZvlDMg7qS77tulVZvEy0TeoA7dcX0wSYdAp7Jhj9vmxhHbnwPCUP7_AJavM4bqaUUmzfpHKoWDu_6LHyzOdGbwcs51cmCw4YxE5woV0&amp;upload_protocol=resumable</t>
  </si>
  <si>
    <t>mail.google.com/_/upload?authuser=0&amp;dcp=asu-n&amp;upload_id=AEnB2UqsTy9ey6xitZNPqjHPkSS3Bez8d9WsU2pmRLyf18PCYG3fImjb_yofuHxE6xWbjBxwdDNGi8eKHvjRGFuOUO4uhWzLvw&amp;upload_protocol=resumable</t>
  </si>
  <si>
    <t>12/13/2019 17:20:47</t>
  </si>
  <si>
    <t>12/13/2019 17:16:46</t>
  </si>
  <si>
    <t>12/13/2019 17:17:10</t>
  </si>
  <si>
    <t>12/13/2019 17:19:38</t>
  </si>
  <si>
    <t>12/13/2019 17:19:40</t>
  </si>
  <si>
    <t>12/13/2019 17:18:20</t>
  </si>
  <si>
    <t>mail.google.com/_/upload?authuser=2&amp;dcp=asu-n&amp;upload_id=AEnB2UqS4Sd5DAulYFMUTQf2S9yiYr7Ti3_i8QERh-IB73JWyBRkz_xV8_NBTsVj03MIFtaDHdJpJNTyxjPx2VN790nSPXn2DF7i6uFA31jhTVlaSm9Qf4c&amp;upload_protocol=resumable</t>
  </si>
  <si>
    <t>\\acsfs\ACS\Consultoria de Qualidade\Uberlândia\1. Analistas\Fernando Rodrigues\4. Distribuição de Meta\2019\1. Telecom\1. Dezembro\</t>
  </si>
  <si>
    <t>12/13/2019 17:19:50</t>
  </si>
  <si>
    <t>904c8526-24fd-4e96-8df6-50cfe1ec1835.tmp</t>
  </si>
  <si>
    <t>\\acsfs\profiles$\layonmof\Downloads\904c8526-24fd-4e96-8df6-50cfe1ec1835.tmp</t>
  </si>
  <si>
    <t>12/13/2019 17:16:53</t>
  </si>
  <si>
    <t>12/13/2019 17:18:30</t>
  </si>
  <si>
    <t>12/13/2019 17:16:49</t>
  </si>
  <si>
    <t>12/13/2019 17:16:51</t>
  </si>
  <si>
    <t>12/13/2019 17:19:17</t>
  </si>
  <si>
    <t>12/13/2019 17:20:26</t>
  </si>
  <si>
    <t>12/13/2019 17:21:47</t>
  </si>
  <si>
    <t>raphaelfb</t>
  </si>
  <si>
    <t>https://www.portalsinergyrh.com.br/candidato/curriculo/meuperfil</t>
  </si>
  <si>
    <t>C:\Users\raphaelfb\Pictures\</t>
  </si>
  <si>
    <t>images.jpg</t>
  </si>
  <si>
    <t>12/13/2019 17:24:27</t>
  </si>
  <si>
    <t>12/13/2019 17:26:47</t>
  </si>
  <si>
    <t>mail.google.com/_/upload?authuser=0&amp;dcp=asu-n&amp;upload_id=AEnB2UoTCgGdCwM-zx1kUQoCPntsDii80wWisTeQWMZ8Ifapjkb4EXLUUOrwT55K3bQiJI45qLLYxxXttCRVbhtVqbirFJly5Ftyw3_9SrNmFF0uGOG-zhQ&amp;upload_protocol=resumable</t>
  </si>
  <si>
    <t>RVTools_AlgarElcano_2019-11-29 (1).xlsx</t>
  </si>
  <si>
    <t>12/13/2019 17:25:37</t>
  </si>
  <si>
    <t>12/13/2019 17:28:47</t>
  </si>
  <si>
    <t>TALITA SANTOS SILVA CASTRO (10923).contact</t>
  </si>
  <si>
    <t>\\acsfs\profiles$\talitassc\Contacts\TALITA SANTOS SILVA CASTRO (10923).contact</t>
  </si>
  <si>
    <t>12/13/2019 17:25:49</t>
  </si>
  <si>
    <t>12/13/2019 17:25:50</t>
  </si>
  <si>
    <t>12/13/2019 17:25:51</t>
  </si>
  <si>
    <t>12/13/2019 17:25:52</t>
  </si>
  <si>
    <t>12/13/2019 17:25:53</t>
  </si>
  <si>
    <t>12/13/2019 17:25:54</t>
  </si>
  <si>
    <t>12/13/2019 17:25:55</t>
  </si>
  <si>
    <t>12/13/2019 17:26:07</t>
  </si>
  <si>
    <t>12/13/2019 17:26:08</t>
  </si>
  <si>
    <t>12/13/2019 17:25:21</t>
  </si>
  <si>
    <t>12/13/2019 17:30:47</t>
  </si>
  <si>
    <t>12/13/2019 17:25:43</t>
  </si>
  <si>
    <t>12/13/2019 17:25:44</t>
  </si>
  <si>
    <t>12/13/2019 17:27:14</t>
  </si>
  <si>
    <t>12/13/2019 17:29:42</t>
  </si>
  <si>
    <t>12/13/2019 17:30:33</t>
  </si>
  <si>
    <t>12/13/2019 17:31:21</t>
  </si>
  <si>
    <t>12/13/2019 17:34:47</t>
  </si>
  <si>
    <t>25ca1c99-3e3f-4e28-ba7e-c88ce6cd59eb.tmp</t>
  </si>
  <si>
    <t>\\acsfs\profiles$\victorgl\Downloads\25ca1c99-3e3f-4e28-ba7e-c88ce6cd59eb.tmp</t>
  </si>
  <si>
    <t>12/13/2019 17:34:44</t>
  </si>
  <si>
    <t>12/13/2019 17:35:46</t>
  </si>
  <si>
    <t>12/13/2019 17:34:45</t>
  </si>
  <si>
    <t>12/13/2019 17:30:11</t>
  </si>
  <si>
    <t>aecd3037-9a2a-432c-9c36-c027726393f0.tmp</t>
  </si>
  <si>
    <t>\\acsfs\profiles$\gabrielamdp\Downloads\aecd3037-9a2a-432c-9c36-c027726393f0.tmp</t>
  </si>
  <si>
    <t>12/13/2019 17:31:23</t>
  </si>
  <si>
    <t>12/13/2019 17:37:47</t>
  </si>
  <si>
    <t>12/13/2019 17:38:47</t>
  </si>
  <si>
    <t>12/13/2019 17:37:48</t>
  </si>
  <si>
    <t>lu634815f0r.tmp</t>
  </si>
  <si>
    <t>\\acsfs\profiles$\fabianafv\My Documents\lu634815f0r.tmp</t>
  </si>
  <si>
    <t>\\acsfs\profiles$\fabianafv\My Documents\lu634815f0r.tmp\</t>
  </si>
  <si>
    <t>\\acsfs\profiles$\fabianafv\My Documents\lu634815f0r.tmp\META-INF\</t>
  </si>
  <si>
    <t>\\acsfs\profiles$\fabianafv\My Documents\lu634815f0r.tmp\Thumbnails\</t>
  </si>
  <si>
    <t>12/13/2019 17:37:44</t>
  </si>
  <si>
    <t>12/13/2019 17:34:59</t>
  </si>
  <si>
    <t>12/13/2019 17:40:46</t>
  </si>
  <si>
    <t>12/13/2019 17:35:00</t>
  </si>
  <si>
    <t>12/13/2019 17:35:01</t>
  </si>
  <si>
    <t>12/13/2019 17:38:21</t>
  </si>
  <si>
    <t>12/13/2019 17:38:23</t>
  </si>
  <si>
    <t>12/13/2019 17:38:24</t>
  </si>
  <si>
    <t>12/13/2019 17:38:44</t>
  </si>
  <si>
    <t>12/13/2019 17:38:45</t>
  </si>
  <si>
    <t>12/13/2019 17:38:11</t>
  </si>
  <si>
    <t>mail.google.com/_/upload?authuser=2&amp;dcp=asu-n&amp;upload_id=AEnB2Uo_ZR8C0WzkoJ4E-3hpTUy_bOvgT_ZYw6JLSsiTKxOo8YrhqnB9wd_YiZiPlD_CcTVye41CHqc_i1_7wEO_oxgOanAIuP1aCq22ovrwd3PvEX8Ebdg&amp;upload_protocol=resumable</t>
  </si>
  <si>
    <t>Distribuição - 3ª Semana.xls</t>
  </si>
  <si>
    <t>12/13/2019 17:37:08</t>
  </si>
  <si>
    <t>mail.google.com/_/upload?authuser=1&amp;dcp=asu-n&amp;upload_id=AEnB2UrPOUI_AmHRd3cEMeqFdNOd6JVOL667Qe9km987yvBSE8OCusz3J82_1EtbJTcnt0XqOwII9eAIa5IdOha209PpQBoTwsBhrlmZypnM9OdQ7N4K69Y&amp;upload_protocol=resumable</t>
  </si>
  <si>
    <t>Lista Fim de Ano.xlsx</t>
  </si>
  <si>
    <t>12/13/2019 17:39:01</t>
  </si>
  <si>
    <t>12/13/2019 17:43:46</t>
  </si>
  <si>
    <t>12/13/2019 17:40:23</t>
  </si>
  <si>
    <t>12/13/2019 17:45:46</t>
  </si>
  <si>
    <t>12/13/2019 17:44:25</t>
  </si>
  <si>
    <t>12/13/2019 17:47:46</t>
  </si>
  <si>
    <t>85f5bfee-fb2f-4431-8f25-3cdff596dcd4.tmp</t>
  </si>
  <si>
    <t>\\acsfs\profiles$\karinarm\Downloads\85f5bfee-fb2f-4431-8f25-3cdff596dcd4.tmp</t>
  </si>
  <si>
    <t>12/13/2019 17:44:06</t>
  </si>
  <si>
    <t>12/13/2019 17:49:46</t>
  </si>
  <si>
    <t>4a760863-2b15-476f-ac4a-241b03700fb4.tmp</t>
  </si>
  <si>
    <t>\\acsfs\profiles$\victorgl\Downloads\4a760863-2b15-476f-ac4a-241b03700fb4.tmp</t>
  </si>
  <si>
    <t>12/13/2019 17:45:07</t>
  </si>
  <si>
    <t>12/13/2019 17:50:47</t>
  </si>
  <si>
    <t>12/13/2019 17:48:02</t>
  </si>
  <si>
    <t>12/13/2019 17:51:47</t>
  </si>
  <si>
    <t>12/13/2019 17:48:10</t>
  </si>
  <si>
    <t>12/13/2019 17:49:19</t>
  </si>
  <si>
    <t>marcelodsd@algartech.com;thaismo@algartech.com.br;thiagomoli@algartech.com;tiagorpf@algartech.com.br;</t>
  </si>
  <si>
    <t>Modelo Visões</t>
  </si>
  <si>
    <t>marcelodsd@algartech.com,thaismo@algartech.com.br,thiagomoli@algartech.com,tiagorpf@algartech.com.br</t>
  </si>
  <si>
    <t>12/13/2019 17:51:18</t>
  </si>
  <si>
    <t>12/13/2019 17:52:15</t>
  </si>
  <si>
    <t>12/13/2019 17:54:46</t>
  </si>
  <si>
    <t>12/13/2019 17:54:30</t>
  </si>
  <si>
    <t>12/13/2019 17:55:47</t>
  </si>
  <si>
    <t>12/13/2019 17:53:03</t>
  </si>
  <si>
    <t>Holerite_122019_2203266.pdf.n68gw7o.partial</t>
  </si>
  <si>
    <t>\\acsfs\profiles$\ciceraads\Downloads\Holerite_122019_2203266.pdf.n68gw7o.partial</t>
  </si>
  <si>
    <t>12/13/2019 17:55:06</t>
  </si>
  <si>
    <t>12/13/2019 17:58:46</t>
  </si>
  <si>
    <t>\\acsfs\profiles$\thaynaracsl\My Documents\$RECYCLE.BIN\</t>
  </si>
  <si>
    <t>$I1TQX4V.txt</t>
  </si>
  <si>
    <t>\\acsfs\profiles$\thaynaracsl\My Documents\$RECYCLE.BIN\$I1TQX4V.txt</t>
  </si>
  <si>
    <t>12/13/2019 17:55:21</t>
  </si>
  <si>
    <t>$I6I43VR.txt</t>
  </si>
  <si>
    <t>\\acsfs\profiles$\thaynaracsl\My Documents\$RECYCLE.BIN\$I6I43VR.txt</t>
  </si>
  <si>
    <t>12/13/2019 17:57:36</t>
  </si>
  <si>
    <t>2096e816-a3aa-4401-af66-0c8132b01364.tmp</t>
  </si>
  <si>
    <t>\\acsfs\profiles$\anafaes\Downloads\2096e816-a3aa-4401-af66-0c8132b01364.tmp</t>
  </si>
  <si>
    <t>12/13/2019 17:56:07</t>
  </si>
  <si>
    <t>marcelobsa@algartech.com</t>
  </si>
  <si>
    <t>alessandrar@algartech.com;antoniojr@algartech.com;douglassp@algartech.com;polati@algartech.com;</t>
  </si>
  <si>
    <t>C:\Users\marcelobsa\Documents\Prévias GRC\</t>
  </si>
  <si>
    <t>Prévia Consolidada_122019.xlsx</t>
  </si>
  <si>
    <t>alessandrar@algartech.com,antoniojr@algartech.com,douglassp@algartech.com,polati@algartech.com</t>
  </si>
  <si>
    <t>12/13/2019 17:56:26</t>
  </si>
  <si>
    <t>12/13/2019 18:00:46</t>
  </si>
  <si>
    <t>12/13/2019 17:56:32</t>
  </si>
  <si>
    <t>12/13/2019 17:56:40</t>
  </si>
  <si>
    <t>12/13/2019 18:03:02</t>
  </si>
  <si>
    <t>12/13/2019 18:07:47</t>
  </si>
  <si>
    <t>53876e89-cc2a-4f51-8ab8-2949d2ee7f63.tmp</t>
  </si>
  <si>
    <t>\\acsfs\profiles$\erichds\Downloads\53876e89-cc2a-4f51-8ab8-2949d2ee7f63.tmp</t>
  </si>
  <si>
    <t>12/13/2019 18:03:13</t>
  </si>
  <si>
    <t>3d592192-6a60-4d52-ae05-f292222c3530.tmp</t>
  </si>
  <si>
    <t>\\acsfs\profiles$\erichds\Downloads\3d592192-6a60-4d52-ae05-f292222c3530.tmp</t>
  </si>
  <si>
    <t>12/13/2019 18:04:38</t>
  </si>
  <si>
    <t>faaccf2b-116e-4ca5-bca2-b7600f50181c.tmp</t>
  </si>
  <si>
    <t>\\acsfs\profiles$\erichds\Downloads\faaccf2b-116e-4ca5-bca2-b7600f50181c.tmp</t>
  </si>
  <si>
    <t>12/13/2019 18:10:42</t>
  </si>
  <si>
    <t>12/13/2019 18:13:46</t>
  </si>
  <si>
    <t>ce425a43-1808-4b37-9981-98fc08bdbf10.tmp</t>
  </si>
  <si>
    <t>\\acsfs\profiles$\alinepp\Downloads\ce425a43-1808-4b37-9981-98fc08bdbf10.tmp</t>
  </si>
  <si>
    <t>12/13/2019 18:13:07</t>
  </si>
  <si>
    <t>12/13/2019 18:18:47</t>
  </si>
  <si>
    <t>d00a4291-a0de-4ce3-9a89-abeb20bea890.tmp</t>
  </si>
  <si>
    <t>\\acsfs\profiles$\fabianafv\Downloads\d00a4291-a0de-4ce3-9a89-abeb20bea890.tmp</t>
  </si>
  <si>
    <t>12/13/2019 18:17:40</t>
  </si>
  <si>
    <t>12/13/2019 18:20:47</t>
  </si>
  <si>
    <t>mail.google.com/_/upload?authuser=2&amp;dcp=asu-n&amp;upload_id=AEnB2Uqo_Agtuu_Af_28QlAOWcygkI1Gk5kNGZtFg-_q6v1YY8OqyalDQjbkwaAaZqXA3gqaLVFjAVQb2qjpqO6xHrsWyEmDAA&amp;upload_protocol=resumable</t>
  </si>
  <si>
    <t>5º Ciclo_ Planejamento next.xls</t>
  </si>
  <si>
    <t>12/13/2019 18:20:44</t>
  </si>
  <si>
    <t>12/13/2019 18:23:47</t>
  </si>
  <si>
    <t>30dee4de-2e51-4a6f-9c15-1c4819a13cb6.tmp</t>
  </si>
  <si>
    <t>\\acsfs\profiles$\alinepp\Downloads\30dee4de-2e51-4a6f-9c15-1c4819a13cb6.tmp</t>
  </si>
  <si>
    <t>12/13/2019 18:24:53</t>
  </si>
  <si>
    <t>12/13/2019 18:25:47</t>
  </si>
  <si>
    <t>f7d8bfcd-6ab4-4b73-a045-8a0c82c48079.tmp</t>
  </si>
  <si>
    <t>\\acsfs\profiles$\layonmof\Downloads\f7d8bfcd-6ab4-4b73-a045-8a0c82c48079.tmp</t>
  </si>
  <si>
    <t>12/13/2019 18:24:29</t>
  </si>
  <si>
    <t>12/13/2019 18:27:47</t>
  </si>
  <si>
    <t>12/13/2019 18:23:36</t>
  </si>
  <si>
    <t>12/13/2019 18:28:47</t>
  </si>
  <si>
    <t>5aed878c-38ad-451c-a831-d0fc53f6a03f.tmp</t>
  </si>
  <si>
    <t>\\acsfs\profiles$\alinepp\Downloads\5aed878c-38ad-451c-a831-d0fc53f6a03f.tmp</t>
  </si>
  <si>
    <t>12/13/2019 18:29:47</t>
  </si>
  <si>
    <t>12/13/2019 18:33:47</t>
  </si>
  <si>
    <t>mail.google.com/sync/u/0/i/s?hl=pt-BR&amp;c=215</t>
  </si>
  <si>
    <t>12/13/2019 18:29:52</t>
  </si>
  <si>
    <t>12/13/2019 18:30:11</t>
  </si>
  <si>
    <t>12/13/2019 18:34:42</t>
  </si>
  <si>
    <t>12/13/2019 18:35:47</t>
  </si>
  <si>
    <t>deef2fd2-658e-41c1-b4ed-ee641f33525b.tmp</t>
  </si>
  <si>
    <t>\\acsfs\profiles$\gabrielamdp\Downloads\deef2fd2-658e-41c1-b4ed-ee641f33525b.tmp</t>
  </si>
  <si>
    <t>12/13/2019 18:31:45</t>
  </si>
  <si>
    <t>12/13/2019 18:33:38</t>
  </si>
  <si>
    <t>12/13/2019 18:35:41</t>
  </si>
  <si>
    <t>12/13/2019 18:34:18</t>
  </si>
  <si>
    <t>12/13/2019 18:36:47</t>
  </si>
  <si>
    <t>03504e09-6b16-4695-a0a9-9f08f12ce7c4.tmp</t>
  </si>
  <si>
    <t>\\acsfs\profiles$\rosileiam\Downloads\03504e09-6b16-4695-a0a9-9f08f12ce7c4.tmp</t>
  </si>
  <si>
    <t>12/13/2019 18:39:21</t>
  </si>
  <si>
    <t>12/13/2019 18:40:47</t>
  </si>
  <si>
    <t>12/13/2019 18:39:57</t>
  </si>
  <si>
    <t>12/13/2019 18:40:07</t>
  </si>
  <si>
    <t>12/13/2019 18:44:47</t>
  </si>
  <si>
    <t>http:///batch?%24ct=multipart%2Fmixed%3B%20boundary%3D%22%3D%3D%3D%3D%3Df0tdq0ewif94%3D%3D%3D%3D%3D%22&amp;key=AIzaSyAy9VVXHSpS2IJpptzYtGbLP3-3_l0aBk4</t>
  </si>
  <si>
    <t>12/13/2019 17:06:30</t>
  </si>
  <si>
    <t>http:///batch?%24ct=multipart%2Fmixed%3B%20boundary%3D%22%3D%3D%3D%3D%3D49ttlk5pk26o%3D%3D%3D%3D%3D%22&amp;key=AIzaSyAy9VVXHSpS2IJpptzYtGbLP3-3_l0aBk4</t>
  </si>
  <si>
    <t>http:///batch?%24ct=multipart%2Fmixed%3B%20boundary%3D%22%3D%3D%3D%3D%3Do5gbyww49iqp%3D%3D%3D%3D%3D%22&amp;key=AIzaSyAy9VVXHSpS2IJpptzYtGbLP3-3_l0aBk4</t>
  </si>
  <si>
    <t>12/13/2019 17:06:36</t>
  </si>
  <si>
    <t>12/13/2019 17:06:39</t>
  </si>
  <si>
    <t>mail.google.com/_/upload?authuser=0&amp;dcp=asu-n&amp;upload_id=AEnB2Uo773PBNYum7lqe_uZXiZPLxhLxrVx8Z8_-cAKtRE5s1iVguo0oTkaBTjMVCOy82MkVCQw7r099BuBIPRqyJsSeWhrB6C9xikTXeLS4CDX9aqf3LLc&amp;upload_protocol=resumable</t>
  </si>
  <si>
    <t>CPF 894.597.925-53 LUCAS OLIVEIRA CARNEIRA.pdf</t>
  </si>
  <si>
    <t>12/13/2019 17:06:42</t>
  </si>
  <si>
    <t>mail.google.com/sync/u/0/i/s?hl=pt-BR&amp;c=144</t>
  </si>
  <si>
    <t>12/13/2019 17:06:56</t>
  </si>
  <si>
    <t>12/13/2019 17:07:07</t>
  </si>
  <si>
    <t>http:///batch?%24ct=multipart%2Fmixed%3B%20boundary%3D%22%3D%3D%3D%3D%3Dgtp856pdngqq%3D%3D%3D%3D%3D%22&amp;key=AIzaSyAy9VVXHSpS2IJpptzYtGbLP3-3_l0aBk4</t>
  </si>
  <si>
    <t>12/13/2019 17:07:08</t>
  </si>
  <si>
    <t>http:///batch?%24ct=multipart%2Fmixed%3B%20boundary%3D%22%3D%3D%3D%3D%3Dpus704mggdg1%3D%3D%3D%3D%3D%22&amp;key=AIzaSyAy9VVXHSpS2IJpptzYtGbLP3-3_l0aBk4</t>
  </si>
  <si>
    <t>12/13/2019 17:07:09</t>
  </si>
  <si>
    <t>http:///batch?%24ct=multipart%2Fmixed%3B%20boundary%3D%22%3D%3D%3D%3D%3D2wlvymaxewju%3D%3D%3D%3D%3D%22&amp;key=AIzaSyAy9VVXHSpS2IJpptzYtGbLP3-3_l0aBk4</t>
  </si>
  <si>
    <t>12/13/2019 18:44:32</t>
  </si>
  <si>
    <t>12/13/2019 18:45:47</t>
  </si>
  <si>
    <t>433aa53e-5df9-4ef9-a68c-0019a2f623af.tmp</t>
  </si>
  <si>
    <t>\\acsfs\profiles$\gabrielamdp\Downloads\433aa53e-5df9-4ef9-a68c-0019a2f623af.tmp</t>
  </si>
  <si>
    <t>12/13/2019 18:44:00</t>
  </si>
  <si>
    <t>12/13/2019 18:43:21</t>
  </si>
  <si>
    <t>12/13/2019 18:47:46</t>
  </si>
  <si>
    <t>c9926556-439f-4c8f-8465-1c58a44bcbd8.tmp</t>
  </si>
  <si>
    <t>\\acsfs\profiles$\rosileiam\Downloads\c9926556-439f-4c8f-8465-1c58a44bcbd8.tmp</t>
  </si>
  <si>
    <t>12/13/2019 18:44:05</t>
  </si>
  <si>
    <t>12/13/2019 18:49:47</t>
  </si>
  <si>
    <t>10.200.58.159</t>
  </si>
  <si>
    <t>74-86-7A-FB-16-E9</t>
  </si>
  <si>
    <t>VOTORANT-ABB023</t>
  </si>
  <si>
    <t>marianacgs</t>
  </si>
  <si>
    <t>12/13/2019 18:47:07</t>
  </si>
  <si>
    <t>12/13/2019 18:50:46</t>
  </si>
  <si>
    <t>12/13/2019 18:47:11</t>
  </si>
  <si>
    <t>12/13/2019 18:47:05</t>
  </si>
  <si>
    <t>12/13/2019 18:47:19</t>
  </si>
  <si>
    <t>12/13/2019 18:47:48</t>
  </si>
  <si>
    <t>12/13/2019 18:48:00</t>
  </si>
  <si>
    <t>12/13/2019 18:49:58</t>
  </si>
  <si>
    <t>12/13/2019 18:51:47</t>
  </si>
  <si>
    <t>12/13/2019 18:52:44</t>
  </si>
  <si>
    <t>12/13/2019 18:53:47</t>
  </si>
  <si>
    <t>12/13/2019 18:53:46</t>
  </si>
  <si>
    <t>12/13/2019 18:55:47</t>
  </si>
  <si>
    <t>1d842bb4-4af4-4580-b741-a0fdcb03885f.tmp</t>
  </si>
  <si>
    <t>\\acsfs\profiles$\gabrielamdp\Downloads\1d842bb4-4af4-4580-b741-a0fdcb03885f.tmp</t>
  </si>
  <si>
    <t>725b8985-b97b-4c0b-98ff-c2bf85642a55.tmp</t>
  </si>
  <si>
    <t>\\acsfs\profiles$\gabrielamdp\Downloads\725b8985-b97b-4c0b-98ff-c2bf85642a55.tmp</t>
  </si>
  <si>
    <t>1b345d0c-12e9-4132-8fdc-70431c152da8.tmp</t>
  </si>
  <si>
    <t>\\acsfs\profiles$\gabrielamdp\Downloads\1b345d0c-12e9-4132-8fdc-70431c152da8.tmp</t>
  </si>
  <si>
    <t>12/13/2019 18:53:48</t>
  </si>
  <si>
    <t>6c106aab-1df1-4123-9f44-5044403b2359.tmp</t>
  </si>
  <si>
    <t>\\acsfs\profiles$\gabrielamdp\Downloads\6c106aab-1df1-4123-9f44-5044403b2359.tmp</t>
  </si>
  <si>
    <t>07300c64-6448-4485-a548-5b39c68c0cdf.tmp</t>
  </si>
  <si>
    <t>\\acsfs\profiles$\gabrielamdp\Downloads\07300c64-6448-4485-a548-5b39c68c0cdf.tmp</t>
  </si>
  <si>
    <t>12/13/2019 18:52:50</t>
  </si>
  <si>
    <t>12/13/2019 18:52:58</t>
  </si>
  <si>
    <t>12/13/2019 18:57:28</t>
  </si>
  <si>
    <t>12/13/2019 18:58:47</t>
  </si>
  <si>
    <t>12/13/2019 18:56:43</t>
  </si>
  <si>
    <t>12/13/2019 19:00:47</t>
  </si>
  <si>
    <t>a58858b4-9a9a-4543-916f-712a6c4935e1.tmp</t>
  </si>
  <si>
    <t>\\acsfs\profiles$\gabrielamdp\Downloads\a58858b4-9a9a-4543-916f-712a6c4935e1.tmp</t>
  </si>
  <si>
    <t>12/13/2019 18:56:27</t>
  </si>
  <si>
    <t>12/13/2019 18:58:06</t>
  </si>
  <si>
    <t>1dabe4bd-f31e-4423-b436-c1630698fc1e.tmp</t>
  </si>
  <si>
    <t>\\acsfs\profiles$\brendadsl\Downloads\1dabe4bd-f31e-4423-b436-c1630698fc1e.tmp</t>
  </si>
  <si>
    <t>12/13/2019 18:58:39</t>
  </si>
  <si>
    <t>5e99cd90-c0a3-492f-b9a8-86edadd0a46e.tmp</t>
  </si>
  <si>
    <t>\\acsfs\profiles$\brendadsl\Downloads\5e99cd90-c0a3-492f-b9a8-86edadd0a46e.tmp</t>
  </si>
  <si>
    <t>12/13/2019 19:05:05</t>
  </si>
  <si>
    <t>12/13/2019 19:05:48</t>
  </si>
  <si>
    <t>12/13/2019 19:05:21</t>
  </si>
  <si>
    <t>12/13/2019 19:05:38</t>
  </si>
  <si>
    <t>12/13/2019 19:06:20</t>
  </si>
  <si>
    <t>12/13/2019 19:09:48</t>
  </si>
  <si>
    <t>talmaiardo</t>
  </si>
  <si>
    <t>\\acsfs\DEPTOS\EDUCACAO EMPRESARIAL\</t>
  </si>
  <si>
    <t>LEONARDO COSTA BARROS_1_6756685904102891224_1_32.wav</t>
  </si>
  <si>
    <t>Algar_Multimedia Files</t>
  </si>
  <si>
    <t>\\acsfs\DEPTOS\EDUCACAO EMPRESARIAL\LEONARDO COSTA BARROS_1_6756685904102891224_1_32.wav</t>
  </si>
  <si>
    <t>12/13/2019 19:06:11</t>
  </si>
  <si>
    <t>12/13/2019 19:10:47</t>
  </si>
  <si>
    <t>12/13/2019 19:12:00</t>
  </si>
  <si>
    <t>12/13/2019 19:14:47</t>
  </si>
  <si>
    <t>12/13/2019 19:11:40</t>
  </si>
  <si>
    <t>12/13/2019 19:15:48</t>
  </si>
  <si>
    <t>12/13/2019 19:16:29</t>
  </si>
  <si>
    <t>12/13/2019 19:17:48</t>
  </si>
  <si>
    <t>12/13/2019 19:15:50</t>
  </si>
  <si>
    <t>12/13/2019 19:18:47</t>
  </si>
  <si>
    <t>593ea376-2735-44fa-80bc-f805e74e3b29.tmp</t>
  </si>
  <si>
    <t>\\acsfs\profiles$\fabianafv\Downloads\593ea376-2735-44fa-80bc-f805e74e3b29.tmp</t>
  </si>
  <si>
    <t>12/13/2019 19:18:30</t>
  </si>
  <si>
    <t>historico cassiano13.txt</t>
  </si>
  <si>
    <t>\\acsfs\profiles$\cassianogc\My Documents\historico cassiano13.txt</t>
  </si>
  <si>
    <t>12/13/2019 19:20:51</t>
  </si>
  <si>
    <t>12/13/2019 19:25:47</t>
  </si>
  <si>
    <t>12/13/2019 19:26:02</t>
  </si>
  <si>
    <t>12/13/2019 19:29:47</t>
  </si>
  <si>
    <t>12/13/2019 19:26:05</t>
  </si>
  <si>
    <t>12/13/2019 19:26:07</t>
  </si>
  <si>
    <t>12/13/2019 19:26:10</t>
  </si>
  <si>
    <t>12/13/2019 19:26:11</t>
  </si>
  <si>
    <t>12/13/2019 19:26:12</t>
  </si>
  <si>
    <t>12/13/2019 19:26:16</t>
  </si>
  <si>
    <t>12/13/2019 19:26:18</t>
  </si>
  <si>
    <t>12/13/2019 19:28:18</t>
  </si>
  <si>
    <t>12/13/2019 19:29:22</t>
  </si>
  <si>
    <t>12/13/2019 19:33:47</t>
  </si>
  <si>
    <t>\\acsfs\Deptos\Operacao\Banco_Votorantim\Qualidade\Fernanda\RECLAMAÇÃO E OUVIDORIA\CPF 002.918.617-09 Valdenice Rodrigues Vieira.docx\</t>
  </si>
  <si>
    <t>\\acsfs\Deptos\Operacao\Banco_Votorantim\Qualidade\Fernanda\RECLAMAÇÃO E OUVIDORIA\CPF 002.918.617-09 Valdenice Rodrigues Vieira.docx</t>
  </si>
  <si>
    <t>CPF 002.918.617-09 Valdenice Rodrigues Vieira.docx</t>
  </si>
  <si>
    <t>12/13/2019 19:29:32</t>
  </si>
  <si>
    <t>CPF 002.918.617-09 Valdenice Rodrigues Vieira.pdf</t>
  </si>
  <si>
    <t>\\acsfs\Deptos\Operacao\Banco_Votorantim\Qualidade\Fernanda\RECLAMAÇÃO E OUVIDORIA\CPF 002.918.617-09 Valdenice Rodrigues Vieira.pdf</t>
  </si>
  <si>
    <t>12/13/2019 19:30:17</t>
  </si>
  <si>
    <t>12/13/2019 19:31:03</t>
  </si>
  <si>
    <t>12/13/2019 19:31:18</t>
  </si>
  <si>
    <t>mail.google.com/_/upload?authuser=0&amp;dcp=asu-n&amp;upload_id=AEnB2UrqcdNWmRLseu-kpxZdZ1dlC3HLsQahvHloySiZJ3EFH7vIxYJpEVlabZiqfcvJshbI9G_lQt1YGLYZ58RAZ0rTyfWpkw&amp;upload_protocol=resumable</t>
  </si>
  <si>
    <t>C:\Users\TEMP\Desktop\</t>
  </si>
  <si>
    <t>Bruno Gonçalves da Silva_1_6764828066879444304_1_32.wav</t>
  </si>
  <si>
    <t>12/13/2019 19:32:14</t>
  </si>
  <si>
    <t>mail.google.com/sync/u/0/i/s?hl=pt-BR&amp;c=261</t>
  </si>
  <si>
    <t>12/13/2019 19:29:33</t>
  </si>
  <si>
    <t>12/13/2019 19:33:34</t>
  </si>
  <si>
    <t>12/13/2019 19:35:47</t>
  </si>
  <si>
    <t>ulog_AcroARM2_Reader_a9473871-eb7b-4719-ba46-35125c58e0e7_7fba85f2-a667-47d6-85a2-69a1c44db50b_0.log</t>
  </si>
  <si>
    <t>C:\Users\davimvs\AppData\Roaming\Adobe\LogTransport2\Logs\ulog_AcroARM2_Reader_a9473871-eb7b-4719-ba46-35125c58e0e7_7fba85f2-a667-47d6-85a2-69a1c44db50b_0.log\</t>
  </si>
  <si>
    <t>12/13/2019 19:37:01</t>
  </si>
  <si>
    <t>12/13/2019 19:40:47</t>
  </si>
  <si>
    <t>12/13/2019 19:43:03</t>
  </si>
  <si>
    <t>12/13/2019 19:45:47</t>
  </si>
  <si>
    <t>4155f764-c875-4905-9deb-b8f1a8fb32e0.tmp</t>
  </si>
  <si>
    <t>\\acsfs\profiles$\gabrielamdp\Downloads\4155f764-c875-4905-9deb-b8f1a8fb32e0.tmp</t>
  </si>
  <si>
    <t>782c0306-a0d3-4d5c-b5e1-cf4349203212.tmp</t>
  </si>
  <si>
    <t>\\acsfs\profiles$\gabrielamdp\Downloads\782c0306-a0d3-4d5c-b5e1-cf4349203212.tmp</t>
  </si>
  <si>
    <t>12/13/2019 19:43:04</t>
  </si>
  <si>
    <t>9fb83553-271e-4006-a724-2cf0e073beee.tmp</t>
  </si>
  <si>
    <t>\\acsfs\profiles$\gabrielamdp\Downloads\9fb83553-271e-4006-a724-2cf0e073beee.tmp</t>
  </si>
  <si>
    <t>12/13/2019 19:43:05</t>
  </si>
  <si>
    <t>50a3d8c7-7127-43e0-b7f5-386c7958bb03.tmp</t>
  </si>
  <si>
    <t>\\acsfs\profiles$\gabrielamdp\Downloads\50a3d8c7-7127-43e0-b7f5-386c7958bb03.tmp</t>
  </si>
  <si>
    <t>12/13/2019 19:43:07</t>
  </si>
  <si>
    <t>87cca160-36cd-495c-96f3-633a44001ce8.tmp</t>
  </si>
  <si>
    <t>\\acsfs\profiles$\gabrielamdp\Downloads\87cca160-36cd-495c-96f3-633a44001ce8.tmp</t>
  </si>
  <si>
    <t>12/13/2019 19:43:01</t>
  </si>
  <si>
    <t>12/13/2019 19:43:17</t>
  </si>
  <si>
    <t>12/13/2019 19:43:47</t>
  </si>
  <si>
    <t>12/13/2019 19:43:55</t>
  </si>
  <si>
    <t>12/13/2019 19:44:03</t>
  </si>
  <si>
    <t>12/13/2019 19:44:16</t>
  </si>
  <si>
    <t>12/13/2019 19:43:18</t>
  </si>
  <si>
    <t>12/13/2019 19:47:48</t>
  </si>
  <si>
    <t>12/13/2019 19:46:30</t>
  </si>
  <si>
    <t>12/13/2019 19:47:17</t>
  </si>
  <si>
    <t>12/13/2019 19:49:47</t>
  </si>
  <si>
    <t>12/13/2019 19:47:19</t>
  </si>
  <si>
    <t>12/13/2019 19:47:22</t>
  </si>
  <si>
    <t>12/13/2019 19:47:26</t>
  </si>
  <si>
    <t>12/13/2019 19:47:32</t>
  </si>
  <si>
    <t>12/13/2019 19:47:40</t>
  </si>
  <si>
    <t>12/13/2019 19:47:41</t>
  </si>
  <si>
    <t>12/13/2019 19:47:45</t>
  </si>
  <si>
    <t>12/13/2019 19:47:49</t>
  </si>
  <si>
    <t>12/13/2019 19:47:50</t>
  </si>
  <si>
    <t>12/13/2019 19:47:55</t>
  </si>
  <si>
    <t>12/13/2019 19:47:56</t>
  </si>
  <si>
    <t>12/13/2019 19:48:00</t>
  </si>
  <si>
    <t>12/13/2019 19:48:01</t>
  </si>
  <si>
    <t>12/13/2019 19:48:03</t>
  </si>
  <si>
    <t>12/13/2019 19:48:05</t>
  </si>
  <si>
    <t>12/13/2019 19:48:09</t>
  </si>
  <si>
    <t>12/13/2019 19:50:47</t>
  </si>
  <si>
    <t>12/13/2019 19:48:21</t>
  </si>
  <si>
    <t>12/13/2019 19:52:41</t>
  </si>
  <si>
    <t>12/13/2019 19:55:47</t>
  </si>
  <si>
    <t>d9ff0297-6703-487c-94f4-64f856fcbfff.tmp</t>
  </si>
  <si>
    <t>\\acsfs\profiles$\gabrielamdp\Downloads\d9ff0297-6703-487c-94f4-64f856fcbfff.tmp</t>
  </si>
  <si>
    <t>12/13/2019 19:52:42</t>
  </si>
  <si>
    <t>beddfd8f-a30f-4d83-9ccb-f20555eb3e4f.tmp</t>
  </si>
  <si>
    <t>\\acsfs\profiles$\gabrielamdp\Downloads\beddfd8f-a30f-4d83-9ccb-f20555eb3e4f.tmp</t>
  </si>
  <si>
    <t>1fc8ff79-2da5-49aa-8eff-1bb0bd6d132e.tmp</t>
  </si>
  <si>
    <t>\\acsfs\profiles$\gabrielamdp\Downloads\1fc8ff79-2da5-49aa-8eff-1bb0bd6d132e.tmp</t>
  </si>
  <si>
    <t>12/13/2019 19:52:45</t>
  </si>
  <si>
    <t>7ca7d057-5371-4943-8a07-b135dcd105f4.tmp</t>
  </si>
  <si>
    <t>\\acsfs\profiles$\gabrielamdp\Downloads\7ca7d057-5371-4943-8a07-b135dcd105f4.tmp</t>
  </si>
  <si>
    <t>12/13/2019 19:52:46</t>
  </si>
  <si>
    <t>c7c1e2d9-20a8-41ea-a316-f1275ca97217.tmp</t>
  </si>
  <si>
    <t>\\acsfs\profiles$\gabrielamdp\Downloads\c7c1e2d9-20a8-41ea-a316-f1275ca97217.tmp</t>
  </si>
  <si>
    <t>12/13/2019 19:56:56</t>
  </si>
  <si>
    <t>12/13/2019 20:00:47</t>
  </si>
  <si>
    <t>12/13/2019 19:57:08</t>
  </si>
  <si>
    <t>12/13/2019 20:00:53</t>
  </si>
  <si>
    <t>12/13/2019 20:01:47</t>
  </si>
  <si>
    <t>alessandrara</t>
  </si>
  <si>
    <t>\\acsfs\profiles$\alessandrara\My Documents\</t>
  </si>
  <si>
    <t>gtr.txt</t>
  </si>
  <si>
    <t>\\acsfs\profiles$\alessandrara\My Documents\gtr.txt</t>
  </si>
  <si>
    <t>12/13/2019 19:59:53</t>
  </si>
  <si>
    <t>12/13/2019 20:03:47</t>
  </si>
  <si>
    <t>12/13/2019 20:00:17</t>
  </si>
  <si>
    <t>12/13/2019 20:04:47</t>
  </si>
  <si>
    <t>12/13/2019 20:00:27</t>
  </si>
  <si>
    <t>12/13/2019 20:00:28</t>
  </si>
  <si>
    <t>12/13/2019 20:00:29</t>
  </si>
  <si>
    <t>12/13/2019 20:00:30</t>
  </si>
  <si>
    <t>12/13/2019 20:00:38</t>
  </si>
  <si>
    <t>12/13/2019 20:00:39</t>
  </si>
  <si>
    <t>12/13/2019 20:00:42</t>
  </si>
  <si>
    <t>12/13/2019 20:00:44</t>
  </si>
  <si>
    <t>12/13/2019 20:00:46</t>
  </si>
  <si>
    <t>12/13/2019 20:01:31</t>
  </si>
  <si>
    <t>12/13/2019 20:05:47</t>
  </si>
  <si>
    <t>12/13/2019 20:01:04</t>
  </si>
  <si>
    <t>f189066b-c289-42c5-8513-4fbe893bb125.tmp</t>
  </si>
  <si>
    <t>\\acsfs\profiles$\brendadsl\Downloads\f189066b-c289-42c5-8513-4fbe893bb125.tmp</t>
  </si>
  <si>
    <t>12/13/2019 20:04:17</t>
  </si>
  <si>
    <t>12/13/2019 20:06:47</t>
  </si>
  <si>
    <t>12/13/2019 20:05:27</t>
  </si>
  <si>
    <t>12/13/2019 20:09:47</t>
  </si>
  <si>
    <t>d5ab93fc-79eb-4ba0-909b-1e60db17e232.tmp</t>
  </si>
  <si>
    <t>\\acsfs\profiles$\victorgl\Downloads\d5ab93fc-79eb-4ba0-909b-1e60db17e232.tmp</t>
  </si>
  <si>
    <t>12/13/2019 20:06:23</t>
  </si>
  <si>
    <t>12/13/2019 20:10:48</t>
  </si>
  <si>
    <t>d50ceb1d-f5ce-4633-b701-c43ac4472170.tmp</t>
  </si>
  <si>
    <t>\\acsfs\profiles$\gabrielamdp\Downloads\d50ceb1d-f5ce-4633-b701-c43ac4472170.tmp</t>
  </si>
  <si>
    <t>12/13/2019 20:08:29</t>
  </si>
  <si>
    <t>12/13/2019 20:08:58</t>
  </si>
  <si>
    <t>12/13/2019 20:17:14</t>
  </si>
  <si>
    <t>12/13/2019 20:20:48</t>
  </si>
  <si>
    <t>12/13/2019 20:15:54</t>
  </si>
  <si>
    <t>4573d703-5fd2-44a9-8dcb-0483477f805f.tmp</t>
  </si>
  <si>
    <t>\\acsfs\profiles$\layonmof\Downloads\4573d703-5fd2-44a9-8dcb-0483477f805f.tmp</t>
  </si>
  <si>
    <t>12/13/2019 20:16:36</t>
  </si>
  <si>
    <t>9425915c-0af0-446b-b170-65a5835e852a.tmp</t>
  </si>
  <si>
    <t>\\acsfs\profiles$\layonmof\Downloads\9425915c-0af0-446b-b170-65a5835e852a.tmp</t>
  </si>
  <si>
    <t>12/13/2019 20:17:12</t>
  </si>
  <si>
    <t>d8adaf08-84ac-489a-8207-b08fda13a268.tmp</t>
  </si>
  <si>
    <t>\\acsfs\profiles$\layonmof\Downloads\d8adaf08-84ac-489a-8207-b08fda13a268.tmp</t>
  </si>
  <si>
    <t>12/13/2019 20:19:47</t>
  </si>
  <si>
    <t>12/13/2019 20:21:48</t>
  </si>
  <si>
    <t>12/13/2019 20:23:11</t>
  </si>
  <si>
    <t>12/13/2019 20:25:48</t>
  </si>
  <si>
    <t>12/13/2019 20:20:46</t>
  </si>
  <si>
    <t>10.200.66.96</t>
  </si>
  <si>
    <t>D0-94-66-B5-60-54</t>
  </si>
  <si>
    <t>VOTORANT-ACB019</t>
  </si>
  <si>
    <t>12/13/2019 20:23:37</t>
  </si>
  <si>
    <t>a9d4f2d6-a280-4dbb-ae10-b4b0b77b7d2d.tmp</t>
  </si>
  <si>
    <t>\\acsfs\profiles$\layonmof\Downloads\a9d4f2d6-a280-4dbb-ae10-b4b0b77b7d2d.tmp</t>
  </si>
  <si>
    <t>12/13/2019 20:23:38</t>
  </si>
  <si>
    <t>b849e5a5-1c22-4783-a949-c87175938d5e.tmp</t>
  </si>
  <si>
    <t>\\acsfs\profiles$\layonmof\Downloads\b849e5a5-1c22-4783-a949-c87175938d5e.tmp</t>
  </si>
  <si>
    <t>12/13/2019 20:24:37</t>
  </si>
  <si>
    <t>841f9748-a117-44f4-ad7e-8c9e12bbe15c.tmp</t>
  </si>
  <si>
    <t>\\acsfs\profiles$\layonmof\Downloads\841f9748-a117-44f4-ad7e-8c9e12bbe15c.tmp</t>
  </si>
  <si>
    <t>12/13/2019 20:24:32</t>
  </si>
  <si>
    <t>12/13/2019 20:28:48</t>
  </si>
  <si>
    <t>12/13/2019 20:30:15</t>
  </si>
  <si>
    <t>12/13/2019 20:30:48</t>
  </si>
  <si>
    <t>453b5826-9202-4206-9601-a42b75482668.tmp</t>
  </si>
  <si>
    <t>\\acsfs\profiles$\gabrielamdp\Downloads\453b5826-9202-4206-9601-a42b75482668.tmp</t>
  </si>
  <si>
    <t>12/13/2019 20:27:51</t>
  </si>
  <si>
    <t>12/13/2019 20:32:48</t>
  </si>
  <si>
    <t>12/13/2019 20:34:48</t>
  </si>
  <si>
    <t>http://api.viglink.com/api/optimize</t>
  </si>
  <si>
    <t>12/13/2019 20:31:32</t>
  </si>
  <si>
    <t>12/13/2019 20:35:47</t>
  </si>
  <si>
    <t>12/13/2019 20:37:52</t>
  </si>
  <si>
    <t>12/13/2019 20:40:48</t>
  </si>
  <si>
    <t>12/13/2019 20:43:46</t>
  </si>
  <si>
    <t>12/13/2019 20:44:48</t>
  </si>
  <si>
    <t>12/13/2019 20:43:47</t>
  </si>
  <si>
    <t>12/13/2019 20:44:38</t>
  </si>
  <si>
    <t>12/13/2019 20:49:48</t>
  </si>
  <si>
    <t>12/13/2019 20:44:39</t>
  </si>
  <si>
    <t>12/13/2019 20:49:31</t>
  </si>
  <si>
    <t>12/13/2019 20:54:48</t>
  </si>
  <si>
    <t>12/13/2019 20:57:43</t>
  </si>
  <si>
    <t>12/13/2019 20:59:48</t>
  </si>
  <si>
    <t>12/13/2019 20:57:26</t>
  </si>
  <si>
    <t>bgrayenywbdwabdfxvdoe0fctvkjgasmw1dktlxrqljcc0c=;</t>
  </si>
  <si>
    <t>https://bgrayenywbdwabdfxvdoe0fctvkjgasmw1dktlxrqljcc0c=</t>
  </si>
  <si>
    <t>12/13/2019 20:57:27</t>
  </si>
  <si>
    <t>12/13/2019 20:57:28</t>
  </si>
  <si>
    <t>12/13/2019 20:57:32</t>
  </si>
  <si>
    <t>12/13/2019 20:57:36</t>
  </si>
  <si>
    <t>12/13/2019 20:57:37</t>
  </si>
  <si>
    <t>12/13/2019 20:57:39</t>
  </si>
  <si>
    <t>12/13/2019 20:57:40</t>
  </si>
  <si>
    <t>12/13/2019 20:57:41</t>
  </si>
  <si>
    <t>12/13/2019 20:57:44</t>
  </si>
  <si>
    <t>12/13/2019 20:57:47</t>
  </si>
  <si>
    <t>12/13/2019 20:56:42</t>
  </si>
  <si>
    <t>CMDB_BPO_Report_Lucas_13-12-2019.csv</t>
  </si>
  <si>
    <t>12/13/2019 21:00:41</t>
  </si>
  <si>
    <t>12/13/2019 21:03:48</t>
  </si>
  <si>
    <t>e1d07f1e-def9-4379-9ec6-1d0da7a9a2f3.tmp</t>
  </si>
  <si>
    <t>\\acsfs\profiles$\alinepp\Downloads\e1d07f1e-def9-4379-9ec6-1d0da7a9a2f3.tmp</t>
  </si>
  <si>
    <t>12/13/2019 21:02:06</t>
  </si>
  <si>
    <t>12/13/2019 21:04:48</t>
  </si>
  <si>
    <t>12/13/2019 21:14:47</t>
  </si>
  <si>
    <t>12/13/2019 21:19:47</t>
  </si>
  <si>
    <t>12/13/2019 21:14:50</t>
  </si>
  <si>
    <t>12/13/2019 21:14:52</t>
  </si>
  <si>
    <t>12/13/2019 21:14:53</t>
  </si>
  <si>
    <t>12/13/2019 21:14:59</t>
  </si>
  <si>
    <t>12/13/2019 21:15:06</t>
  </si>
  <si>
    <t>12/13/2019 21:22:05</t>
  </si>
  <si>
    <t>12/13/2019 21:23:48</t>
  </si>
  <si>
    <t>12/13/2019 21:31:39</t>
  </si>
  <si>
    <t>12/13/2019 21:33:48</t>
  </si>
  <si>
    <t>12/13/2019 21:31:27</t>
  </si>
  <si>
    <t>12/13/2019 21:34:48</t>
  </si>
  <si>
    <t>e79f1e26-46c5-4945-80df-635f433db391.tmp</t>
  </si>
  <si>
    <t>\\acsfs\profiles$\joycemmdl\Downloads\e79f1e26-46c5-4945-80df-635f433db391.tmp</t>
  </si>
  <si>
    <t>12/13/2019 21:40:14</t>
  </si>
  <si>
    <t>12/13/2019 21:40:48</t>
  </si>
  <si>
    <t>12/13/2019 21:40:24</t>
  </si>
  <si>
    <t>12/13/2019 21:45:47</t>
  </si>
  <si>
    <t>mail.google.com/_/upload?authuser=0&amp;dcp=asu-n&amp;upload_id=AEnB2Uq_BITLMtmoB3MMKWHTvzaZhgIPc5f2hDdZ2IATVoCmUdbj0y50zaF_zojclAX3AZ78IVpfsvg0faE1b5A5SDQIDQr5z3y6mgAOqfc7H5fWp1h_MfA&amp;upload_protocol=resumable</t>
  </si>
  <si>
    <t>\\acsfs\DEPTOS\TH\05. Cargos e Remuneração\11.Estudos de Remuneração Total\</t>
  </si>
  <si>
    <t>Diretores_Meritocracia dez2019.xlsx</t>
  </si>
  <si>
    <t>12/13/2019 21:53:12</t>
  </si>
  <si>
    <t>12/13/2019 21:55:48</t>
  </si>
  <si>
    <t>12/13/2019 21:54:10</t>
  </si>
  <si>
    <t>12/13/2019 22:00:29</t>
  </si>
  <si>
    <t>12/13/2019 22:00:49</t>
  </si>
  <si>
    <t>12/13/2019 22:00:34</t>
  </si>
  <si>
    <t>12/13/2019 21:59:40</t>
  </si>
  <si>
    <t>12/13/2019 22:00:07</t>
  </si>
  <si>
    <t>12/13/2019 22:06:55</t>
  </si>
  <si>
    <t>12/13/2019 22:09:49</t>
  </si>
  <si>
    <t>12/13/2019 22:13:27</t>
  </si>
  <si>
    <t>12/13/2019 22:15:50</t>
  </si>
  <si>
    <t>12/13/2019 22:24:04</t>
  </si>
  <si>
    <t>12/13/2019 22:29:48</t>
  </si>
  <si>
    <t>12/13/2019 22:46:21</t>
  </si>
  <si>
    <t>12/13/2019 22:49:49</t>
  </si>
  <si>
    <t>12/13/2019 22:52:09</t>
  </si>
  <si>
    <t>12/13/2019 22:54:49</t>
  </si>
  <si>
    <t>12/13/2019 23:03:34</t>
  </si>
  <si>
    <t>12/13/2019 23:05:49</t>
  </si>
  <si>
    <t>ulog_AcroARM2_ARM2Update_a9473871-eb7b-4719-ba46-35125c58e0e7_2344b223-86ef-4a0a-873e-6c08ed6690b3_0.log</t>
  </si>
  <si>
    <t>C:\Users\davimvs\AppData\Roaming\Adobe\LogTransport2\Logs\ulog_AcroARM2_ARM2Update_a9473871-eb7b-4719-ba46-35125c58e0e7_2344b223-86ef-4a0a-873e-6c08ed6690b3_0.log\</t>
  </si>
  <si>
    <t>ulog_AcroARM2_Reader_a9473871-eb7b-4719-ba46-35125c58e0e7_711b9d36-24f5-4af7-9be4-f5543cc4d09e_0.log</t>
  </si>
  <si>
    <t>C:\Users\davimvs\AppData\Roaming\Adobe\LogTransport2\Logs\ulog_AcroARM2_Reader_a9473871-eb7b-4719-ba46-35125c58e0e7_711b9d36-24f5-4af7-9be4-f5543cc4d09e_0.log\</t>
  </si>
  <si>
    <t>12/13/2019 23:03:35</t>
  </si>
  <si>
    <t>ulog_AcroARM2_Reader_a9473871-eb7b-4719-ba46-35125c58e0e7_bb5f61b7-51e7-4c4b-8b0b-e85c8e59fc48_0.log</t>
  </si>
  <si>
    <t>C:\Users\davimvs\AppData\Roaming\Adobe\LogTransport2\Logs\ulog_AcroARM2_Reader_a9473871-eb7b-4719-ba46-35125c58e0e7_bb5f61b7-51e7-4c4b-8b0b-e85c8e59fc48_0.log\</t>
  </si>
  <si>
    <t>12/13/2019 23:08:14</t>
  </si>
  <si>
    <t>12/13/2019 23:12:49</t>
  </si>
  <si>
    <t>12/13/2019 23:11:09</t>
  </si>
  <si>
    <t>12/13/2019 23:13:50</t>
  </si>
  <si>
    <t>12/13/2019 23:26:48</t>
  </si>
  <si>
    <t>12/13/2019 23:28:50</t>
  </si>
  <si>
    <t>12/13/2019 23:42:29</t>
  </si>
  <si>
    <t>12/13/2019 23:42:50</t>
  </si>
  <si>
    <t>12/13/2019 23:57:18</t>
  </si>
  <si>
    <t>12/13/2019 23:57:51</t>
  </si>
  <si>
    <t>12/14/2019 00:03:08</t>
  </si>
  <si>
    <t>12/14/2019 00:03:51</t>
  </si>
  <si>
    <t>12/14/2019 00:06:38</t>
  </si>
  <si>
    <t>12/14/2019 00:07:51</t>
  </si>
  <si>
    <t>12/14/2019 00:02:34</t>
  </si>
  <si>
    <t>12/14/2019 00:08:31</t>
  </si>
  <si>
    <t>12/14/2019 00:09:51</t>
  </si>
  <si>
    <t>12/14/2019 00:12:21</t>
  </si>
  <si>
    <t>12/14/2019 00:14:50</t>
  </si>
  <si>
    <t>12/14/2019 00:11:02</t>
  </si>
  <si>
    <t>12/14/2019 00:15:50</t>
  </si>
  <si>
    <t>12/14/2019 00:13:07</t>
  </si>
  <si>
    <t>12/14/2019 00:18:50</t>
  </si>
  <si>
    <t>12/14/2019 01:12:02</t>
  </si>
  <si>
    <t>12/14/2019 01:14:50</t>
  </si>
  <si>
    <t>12/14/2019 01:23:39</t>
  </si>
  <si>
    <t>12/14/2019 01:28:50</t>
  </si>
  <si>
    <t>12/14/2019 02:11:46</t>
  </si>
  <si>
    <t>12/14/2019 02:14:51</t>
  </si>
  <si>
    <t>12/14/2019 02:18:18</t>
  </si>
  <si>
    <t>12/14/2019 02:18:51</t>
  </si>
  <si>
    <t>12/14/2019 02:26:34</t>
  </si>
  <si>
    <t>12/14/2019 02:29:52</t>
  </si>
  <si>
    <t>12/14/2019 02:28:40</t>
  </si>
  <si>
    <t>12/14/2019 02:30:51</t>
  </si>
  <si>
    <t>12/14/2019 02:33:38</t>
  </si>
  <si>
    <t>12/14/2019 02:35:53</t>
  </si>
  <si>
    <t>ulog_AcroARM2_ARM2Update_a9473871-eb7b-4719-ba46-35125c58e0e7_ef8711f2-e9dd-40d5-8f45-cffe539e9b86_0.log</t>
  </si>
  <si>
    <t>C:\Users\davimvs\AppData\Roaming\Adobe\LogTransport2\Logs\ulog_AcroARM2_ARM2Update_a9473871-eb7b-4719-ba46-35125c58e0e7_ef8711f2-e9dd-40d5-8f45-cffe539e9b86_0.log\</t>
  </si>
  <si>
    <t>ulog_AcroARM2_Reader_a9473871-eb7b-4719-ba46-35125c58e0e7_2875034c-89aa-48c7-956f-14fa141b276d_0.log</t>
  </si>
  <si>
    <t>C:\Users\davimvs\AppData\Roaming\Adobe\LogTransport2\Logs\ulog_AcroARM2_Reader_a9473871-eb7b-4719-ba46-35125c58e0e7_2875034c-89aa-48c7-956f-14fa141b276d_0.log\</t>
  </si>
  <si>
    <t>ulog_AcroARM2_Reader_a9473871-eb7b-4719-ba46-35125c58e0e7_c2530bce-1836-44fa-aae6-301fce27056c_0.log</t>
  </si>
  <si>
    <t>C:\Users\davimvs\AppData\Roaming\Adobe\LogTransport2\Logs\ulog_AcroARM2_Reader_a9473871-eb7b-4719-ba46-35125c58e0e7_c2530bce-1836-44fa-aae6-301fce27056c_0.log\</t>
  </si>
  <si>
    <t>12/14/2019 03:22:19</t>
  </si>
  <si>
    <t>12/14/2019 03:23:52</t>
  </si>
  <si>
    <t>12/14/2019 03:24:56</t>
  </si>
  <si>
    <t>12/14/2019 03:27:53</t>
  </si>
  <si>
    <t>12/14/2019 03:32:05</t>
  </si>
  <si>
    <t>12/14/2019 03:32:52</t>
  </si>
  <si>
    <t>12/14/2019 03:39:20</t>
  </si>
  <si>
    <t>12/14/2019 03:42:52</t>
  </si>
  <si>
    <t>12/14/2019 03:46:40</t>
  </si>
  <si>
    <t>12/14/2019 03:49:52</t>
  </si>
  <si>
    <t>12/14/2019 03:45:27</t>
  </si>
  <si>
    <t>12/14/2019 03:50:53</t>
  </si>
  <si>
    <t>12/14/2019 04:01:38</t>
  </si>
  <si>
    <t>12/14/2019 04:03:52</t>
  </si>
  <si>
    <t>12/14/2019 04:14:25</t>
  </si>
  <si>
    <t>12/14/2019 04:17:53</t>
  </si>
  <si>
    <t>12/14/2019 04:15:17</t>
  </si>
  <si>
    <t>12/14/2019 04:18:52</t>
  </si>
  <si>
    <t>12/14/2019 04:18:12</t>
  </si>
  <si>
    <t>12/14/2019 04:20:52</t>
  </si>
  <si>
    <t>12/14/2019 04:23:29</t>
  </si>
  <si>
    <t>12/14/2019 04:24:53</t>
  </si>
  <si>
    <t>12/14/2019 04:35:22</t>
  </si>
  <si>
    <t>12/14/2019 04:38:52</t>
  </si>
  <si>
    <t>12/14/2019 04:40:54</t>
  </si>
  <si>
    <t>12/14/2019 04:44:53</t>
  </si>
  <si>
    <t>12/14/2019 04:45:08</t>
  </si>
  <si>
    <t>12/14/2019 04:45:53</t>
  </si>
  <si>
    <t>12/14/2019 05:22:06</t>
  </si>
  <si>
    <t>12/14/2019 05:24:54</t>
  </si>
  <si>
    <t>12/14/2019 05:26:48</t>
  </si>
  <si>
    <t>12/14/2019 05:28:53</t>
  </si>
  <si>
    <t>12/14/2019 06:03:37</t>
  </si>
  <si>
    <t>12/14/2019 06:05:54</t>
  </si>
  <si>
    <t>ulog_AcroARM2_ARM2Update_a9473871-eb7b-4719-ba46-35125c58e0e7_7020cdc4-0f4f-4b07-b509-c54ecdfac046_0.log</t>
  </si>
  <si>
    <t>C:\Users\davimvs\AppData\Roaming\Adobe\LogTransport2\Logs\ulog_AcroARM2_ARM2Update_a9473871-eb7b-4719-ba46-35125c58e0e7_7020cdc4-0f4f-4b07-b509-c54ecdfac046_0.log\</t>
  </si>
  <si>
    <t>12/14/2019 06:03:38</t>
  </si>
  <si>
    <t>ulog_AcroARM2_Reader_a9473871-eb7b-4719-ba46-35125c58e0e7_7eefd5ce-eab9-4191-90a8-e743c77695ed_0.log</t>
  </si>
  <si>
    <t>C:\Users\davimvs\AppData\Roaming\Adobe\LogTransport2\Logs\ulog_AcroARM2_Reader_a9473871-eb7b-4719-ba46-35125c58e0e7_7eefd5ce-eab9-4191-90a8-e743c77695ed_0.log\</t>
  </si>
  <si>
    <t>ulog_AcroARM2_Reader_a9473871-eb7b-4719-ba46-35125c58e0e7_b78efc37-5272-4627-9c45-dd7341d5a22a_0.log</t>
  </si>
  <si>
    <t>C:\Users\davimvs\AppData\Roaming\Adobe\LogTransport2\Logs\ulog_AcroARM2_Reader_a9473871-eb7b-4719-ba46-35125c58e0e7_b78efc37-5272-4627-9c45-dd7341d5a22a_0.log\</t>
  </si>
  <si>
    <t>12/14/2019 06:38:02</t>
  </si>
  <si>
    <t>12/14/2019 06:38:54</t>
  </si>
  <si>
    <t>12/14/2019 06:37:14</t>
  </si>
  <si>
    <t>12/14/2019 06:39:54</t>
  </si>
  <si>
    <t>12/14/2019 06:39:47</t>
  </si>
  <si>
    <t>12/14/2019 06:43:54</t>
  </si>
  <si>
    <t>12/14/2019 06:42:53</t>
  </si>
  <si>
    <t>12/14/2019 06:47:55</t>
  </si>
  <si>
    <t>12/14/2019 07:07:33</t>
  </si>
  <si>
    <t>12/14/2019 07:07:54</t>
  </si>
  <si>
    <t>12/14/2019 07:12:04</t>
  </si>
  <si>
    <t>12/14/2019 07:14:54</t>
  </si>
  <si>
    <t>12/14/2019 07:13:13</t>
  </si>
  <si>
    <t>12/14/2019 07:18:53</t>
  </si>
  <si>
    <t>12/14/2019 07:28:57</t>
  </si>
  <si>
    <t>12/14/2019 07:30:54</t>
  </si>
  <si>
    <t>mail.google.com/sync/u/0/i/s?hl=pt-BR&amp;c=1930</t>
  </si>
  <si>
    <t>12/14/2019 07:29:05</t>
  </si>
  <si>
    <t>mail.google.com/sync/u/0/i/s?hl=pt-BR&amp;c=1932</t>
  </si>
  <si>
    <t>12/14/2019 07:29:20</t>
  </si>
  <si>
    <t>mail.google.com/sync/u/0/i/s?hl=pt-BR&amp;c=1935</t>
  </si>
  <si>
    <t>12/14/2019 07:29:34</t>
  </si>
  <si>
    <t>mail.google.com/sync/u/0/i/s?hl=pt-BR&amp;c=1937</t>
  </si>
  <si>
    <t>12/14/2019 07:29:40</t>
  </si>
  <si>
    <t>mail.google.com/sync/u/0/i/s?hl=pt-BR&amp;c=1939</t>
  </si>
  <si>
    <t>12/14/2019 07:30:32</t>
  </si>
  <si>
    <t>12/14/2019 07:31:54</t>
  </si>
  <si>
    <t>12/14/2019 07:33:05</t>
  </si>
  <si>
    <t>12/14/2019 07:35:54</t>
  </si>
  <si>
    <t>mail.google.com/_/upload?authuser=0&amp;dcp=asu-n&amp;upload_id=AEnB2Uobj_O5vC_xakfMJrp4UyZEgrxHR1AzLXDBsYwXD2oYxbUCO70kFg4ro3UCwJk5zm_82rsvnBLOkQM95FOhOYlStzyIz1tJbii0otgzXqT2Tn6Au7E&amp;upload_protocol=resumable</t>
  </si>
  <si>
    <t>Tratativas Vendas Novembro.pdf</t>
  </si>
  <si>
    <t>mail.google.com/_/upload?authuser=0&amp;dcp=asu-n&amp;upload_id=AEnB2UpOPEy53qBTC9h_McPP03Gv4gQFsmaH0aaVooJTR0uEFGh8dsuRpbyQzXMSmcYeP1YfZG0eO0hpYu5SKmlwXrld0OAIknap6d4NyFni0lxrAfidlWw&amp;upload_protocol=resumable</t>
  </si>
  <si>
    <t>Tratativas Vendas Novembro 2.pdf</t>
  </si>
  <si>
    <t>12/14/2019 07:33:06</t>
  </si>
  <si>
    <t>mail.google.com/sync/u/0/i/s?hl=pt-BR&amp;c=1979</t>
  </si>
  <si>
    <t>bvcartes-supervisores@algarnet.onmicrosoft.com;qualidadealgarbv@algartech.com;severinojfds@algartech.com;talmaiardo@algartech.com;thiagordu@algartech.com;</t>
  </si>
  <si>
    <t>bvcartes-supervisores@algarnet.onmicrosoft.com,qualidadealgarbv@algartech.com,severinojfds@algartech.com,talmaiardo@algartech.com,thiagordu@algartech.com</t>
  </si>
  <si>
    <t>12/14/2019 07:33:08</t>
  </si>
  <si>
    <t>mail.google.com/sync/u/0/i/s?hl=pt-BR&amp;c=1981</t>
  </si>
  <si>
    <t>12/14/2019 07:33:21</t>
  </si>
  <si>
    <t>mail.google.com/sync/u/0/i/s?hl=pt-BR&amp;c=1984</t>
  </si>
  <si>
    <t>12/14/2019 07:33:38</t>
  </si>
  <si>
    <t>mail.google.com/sync/u/0/i/s?hl=pt-BR&amp;c=1986</t>
  </si>
  <si>
    <t>12/14/2019 07:33:52</t>
  </si>
  <si>
    <t>mail.google.com/sync/u/0/i/s?hl=pt-BR&amp;c=1988</t>
  </si>
  <si>
    <t>12/14/2019 07:34:04</t>
  </si>
  <si>
    <t>mail.google.com/sync/u/0/i/s?hl=pt-BR&amp;c=1991</t>
  </si>
  <si>
    <t>12/14/2019 07:34:19</t>
  </si>
  <si>
    <t>mail.google.com/sync/u/0/i/s?hl=pt-BR&amp;c=1994</t>
  </si>
  <si>
    <t>12/14/2019 07:34:37</t>
  </si>
  <si>
    <t>mail.google.com/sync/u/0/i/s?hl=pt-BR&amp;c=1996</t>
  </si>
  <si>
    <t>12/14/2019 07:30:48</t>
  </si>
  <si>
    <t>12/14/2019 07:38:38</t>
  </si>
  <si>
    <t>12/14/2019 07:40:53</t>
  </si>
  <si>
    <t>12/14/2019 07:43:38</t>
  </si>
  <si>
    <t>12/14/2019 07:45:54</t>
  </si>
  <si>
    <t>12/14/2019 07:43:24</t>
  </si>
  <si>
    <t>12/14/2019 07:46:54</t>
  </si>
  <si>
    <t>12/14/2019 07:48:47</t>
  </si>
  <si>
    <t>12/14/2019 07:49:53</t>
  </si>
  <si>
    <t>12/14/2019 07:46:49</t>
  </si>
  <si>
    <t>12/14/2019 07:50:54</t>
  </si>
  <si>
    <t>12/14/2019 07:47:48</t>
  </si>
  <si>
    <t>12/14/2019 07:49:16</t>
  </si>
  <si>
    <t>12/14/2019 07:49:35</t>
  </si>
  <si>
    <t>12/14/2019 07:54:39</t>
  </si>
  <si>
    <t>12/14/2019 07:55:54</t>
  </si>
  <si>
    <t>12/14/2019 07:54:50</t>
  </si>
  <si>
    <t>12/14/2019 07:52:54</t>
  </si>
  <si>
    <t>64d204c9-ad69-4a1d-a5e5-2420c0ef0a00.tmp</t>
  </si>
  <si>
    <t>\\acsfs\profiles$\luanarda\Downloads\64d204c9-ad69-4a1d-a5e5-2420c0ef0a00.tmp</t>
  </si>
  <si>
    <t>12/14/2019 07:55:05</t>
  </si>
  <si>
    <t>1891ad41-68ce-4bb3-ab65-a4e33701626d.tmp</t>
  </si>
  <si>
    <t>\\acsfs\profiles$\luanarda\Downloads\1891ad41-68ce-4bb3-ab65-a4e33701626d.tmp</t>
  </si>
  <si>
    <t>12/14/2019 07:51:49</t>
  </si>
  <si>
    <t>12/14/2019 07:56:54</t>
  </si>
  <si>
    <t>54acebaa-61f0-41f2-a19c-3558ac788ae8.tmp</t>
  </si>
  <si>
    <t>\\acsfs\profiles$\alicecpbc\Downloads\54acebaa-61f0-41f2-a19c-3558ac788ae8.tmp</t>
  </si>
  <si>
    <t>12/14/2019 07:53:54</t>
  </si>
  <si>
    <t>a1bd5842-ae19-4707-85a2-f7448fc6fc5f.tmp</t>
  </si>
  <si>
    <t>\\acsfs\profiles$\alicecpbc\Downloads\a1bd5842-ae19-4707-85a2-f7448fc6fc5f.tmp</t>
  </si>
  <si>
    <t>12/14/2019 07:54:10</t>
  </si>
  <si>
    <t>12/14/2019 07:57:54</t>
  </si>
  <si>
    <t>12/14/2019 07:55:18</t>
  </si>
  <si>
    <t>12/14/2019 08:00:55</t>
  </si>
  <si>
    <t>12/14/2019 07:55:51</t>
  </si>
  <si>
    <t>12/14/2019 07:58:04</t>
  </si>
  <si>
    <t>12/14/2019 08:01:30</t>
  </si>
  <si>
    <t>12/14/2019 08:04:54</t>
  </si>
  <si>
    <t>12/14/2019 08:01:50</t>
  </si>
  <si>
    <t>3bce93e8-2ac0-49eb-8ffa-39fb0caa5652.tmp</t>
  </si>
  <si>
    <t>\\acsfs\profiles$\paulovadc\Downloads\3bce93e8-2ac0-49eb-8ffa-39fb0caa5652.tmp</t>
  </si>
  <si>
    <t>12/14/2019 08:02:47</t>
  </si>
  <si>
    <t>504162cb-992c-4ae0-8a23-895944aa5264.tmp</t>
  </si>
  <si>
    <t>\\acsfs\profiles$\paulovadc\Downloads\504162cb-992c-4ae0-8a23-895944aa5264.tmp</t>
  </si>
  <si>
    <t>12/14/2019 08:02:16</t>
  </si>
  <si>
    <t>12/14/2019 08:03:16</t>
  </si>
  <si>
    <t>65ddafed-291e-4c8d-8156-3c2b59fa6e53.tmp</t>
  </si>
  <si>
    <t>\\acsfs\profiles$\vivianalds\Downloads\65ddafed-291e-4c8d-8156-3c2b59fa6e53.tmp</t>
  </si>
  <si>
    <t>12/14/2019 08:03:32</t>
  </si>
  <si>
    <t>593abf14-0dde-45a3-b37b-8b8414fc21ea.tmp</t>
  </si>
  <si>
    <t>\\acsfs\profiles$\vivianalds\Downloads\593abf14-0dde-45a3-b37b-8b8414fc21ea.tmp</t>
  </si>
  <si>
    <t>12/14/2019 08:00:52</t>
  </si>
  <si>
    <t>12/14/2019 08:05:54</t>
  </si>
  <si>
    <t>12/14/2019 08:02:28</t>
  </si>
  <si>
    <t>12/14/2019 08:03:08</t>
  </si>
  <si>
    <t>12/14/2019 08:07:54</t>
  </si>
  <si>
    <t>4c8185f4-2e78-48af-b35a-422d695091bd.tmp</t>
  </si>
  <si>
    <t>\\acsfs\profiles$\dhiulliananads\Downloads\4c8185f4-2e78-48af-b35a-422d695091bd.tmp</t>
  </si>
  <si>
    <t>12/14/2019 08:03:52</t>
  </si>
  <si>
    <t>3f43dc41-2417-401a-8ee8-28cf39f4852d.tmp</t>
  </si>
  <si>
    <t>\\acsfs\profiles$\dhiulliananads\Downloads\3f43dc41-2417-401a-8ee8-28cf39f4852d.tmp</t>
  </si>
  <si>
    <t>12/14/2019 08:04:55</t>
  </si>
  <si>
    <t>12/14/2019 08:09:54</t>
  </si>
  <si>
    <t>4accf787-3fdd-45be-aba7-e24f24a4fea4.tmp</t>
  </si>
  <si>
    <t>\\acsfs\profiles$\vivianalds\Downloads\4accf787-3fdd-45be-aba7-e24f24a4fea4.tmp</t>
  </si>
  <si>
    <t>12/14/2019 08:09:07</t>
  </si>
  <si>
    <t>12/14/2019 08:11:54</t>
  </si>
  <si>
    <t>12/14/2019 08:09:25</t>
  </si>
  <si>
    <t>12/14/2019 08:13:54</t>
  </si>
  <si>
    <t>12/14/2019 08:14:15</t>
  </si>
  <si>
    <t>12/14/2019 08:19:54</t>
  </si>
  <si>
    <t>12/14/2019 08:16:32</t>
  </si>
  <si>
    <t>12/14/2019 08:26:30</t>
  </si>
  <si>
    <t>12/14/2019 08:27:54</t>
  </si>
  <si>
    <t>e5027bb5-a856-4d9c-94dc-79ff7b1748fd.tmp</t>
  </si>
  <si>
    <t>\\acsfs\profiles$\dhiulliananads\Downloads\e5027bb5-a856-4d9c-94dc-79ff7b1748fd.tmp</t>
  </si>
  <si>
    <t>12/14/2019 08:26:46</t>
  </si>
  <si>
    <t>12/14/2019 08:28:54</t>
  </si>
  <si>
    <t>3581d7b2-4351-4e4f-bee5-ee585c8136a0.tmp</t>
  </si>
  <si>
    <t>\\acsfs\profiles$\YASMINSC\Downloads\3581d7b2-4351-4e4f-bee5-ee585c8136a0.tmp</t>
  </si>
  <si>
    <t>12/14/2019 08:26:56</t>
  </si>
  <si>
    <t>12/14/2019 08:27:19</t>
  </si>
  <si>
    <t>Pedrohab</t>
  </si>
  <si>
    <t>\\acsfs\profiles$\Pedrohab\My Documents\My Pictures\</t>
  </si>
  <si>
    <t>\\acsfs\profiles$\PEDROHAB\My Documents\My Videos\desktop.ini</t>
  </si>
  <si>
    <t>12/14/2019 08:27:24</t>
  </si>
  <si>
    <t>\\acsfs\profiles$\PEDROHAB\My Documents\My Videos\</t>
  </si>
  <si>
    <t>12/14/2019 08:27:25</t>
  </si>
  <si>
    <t>12/14/2019 08:27:31</t>
  </si>
  <si>
    <t>12/14/2019 08:27:32</t>
  </si>
  <si>
    <t>12/14/2019 08:27:34</t>
  </si>
  <si>
    <t>\\acsfs\profiles$\Pedrohab\My Documents\My Music\</t>
  </si>
  <si>
    <t>\\acsfs\profiles$\PEDROHAB\My Documents\My Pictures\desktop.ini</t>
  </si>
  <si>
    <t>12/14/2019 08:27:36</t>
  </si>
  <si>
    <t>\\acsfs\profiles$\Pedrohab\My Documents\My Videos\</t>
  </si>
  <si>
    <t>12/14/2019 08:27:37</t>
  </si>
  <si>
    <t>12/14/2019 08:27:38</t>
  </si>
  <si>
    <t>12/14/2019 08:27:39</t>
  </si>
  <si>
    <t>12/14/2019 08:27:41</t>
  </si>
  <si>
    <t>\\acsfs\profiles$\PEDROHAB\Contacts\</t>
  </si>
  <si>
    <t>\\acsfs\profiles$\PEDROHAB\Contacts\desktop.ini</t>
  </si>
  <si>
    <t>12/14/2019 08:27:42</t>
  </si>
  <si>
    <t>12/14/2019 08:27:43</t>
  </si>
  <si>
    <t>12/14/2019 08:27:44</t>
  </si>
  <si>
    <t>12/14/2019 08:27:46</t>
  </si>
  <si>
    <t>12/14/2019 08:27:48</t>
  </si>
  <si>
    <t>\\acsfs\profiles$\Pedrohab\My Documents\</t>
  </si>
  <si>
    <t>\\acsfs\profiles$\PEDROHAB\Favorites\desktop.ini</t>
  </si>
  <si>
    <t>12/14/2019 08:27:49</t>
  </si>
  <si>
    <t>12/14/2019 08:27:50</t>
  </si>
  <si>
    <t>12/14/2019 08:27:51</t>
  </si>
  <si>
    <t>12/14/2019 08:27:53</t>
  </si>
  <si>
    <t>12/14/2019 08:27:56</t>
  </si>
  <si>
    <t>12/14/2019 08:27:57</t>
  </si>
  <si>
    <t>\\acsfs\profiles$\PEDROHAB\My Documents\My Music\desktop.ini</t>
  </si>
  <si>
    <t>12/14/2019 08:27:58</t>
  </si>
  <si>
    <t>\\acsfs\profiles$\PEDROHAB\My Documents\My Music\</t>
  </si>
  <si>
    <t>12/14/2019 08:27:59</t>
  </si>
  <si>
    <t>12/14/2019 08:28:00</t>
  </si>
  <si>
    <t>12/14/2019 08:28:01</t>
  </si>
  <si>
    <t>12/14/2019 08:28:02</t>
  </si>
  <si>
    <t>\\acsfs\profiles$\PEDROHAB\Searches\</t>
  </si>
  <si>
    <t>\\acsfs\profiles$\PEDROHAB\Searches\desktop.ini</t>
  </si>
  <si>
    <t>12/14/2019 08:28:03</t>
  </si>
  <si>
    <t>12/14/2019 08:28:05</t>
  </si>
  <si>
    <t>12/14/2019 08:28:06</t>
  </si>
  <si>
    <t>12/14/2019 08:28:08</t>
  </si>
  <si>
    <t>12/14/2019 08:28:09</t>
  </si>
  <si>
    <t>\\acsfs\profiles$\PEDROHAB\Downloads\desktop.ini</t>
  </si>
  <si>
    <t>12/14/2019 08:28:10</t>
  </si>
  <si>
    <t>12/13/2019 23:05:42</t>
  </si>
  <si>
    <t>12/14/2019 08:30:54</t>
  </si>
  <si>
    <t>vendas dezembro.txt</t>
  </si>
  <si>
    <t>\\acsfs\profiles$\joycemmdl\My Documents\vendas dezembro.txt</t>
  </si>
  <si>
    <t>12/13/2019 23:05:44</t>
  </si>
  <si>
    <t>12/13/2019 23:05:46</t>
  </si>
  <si>
    <t>12/14/2019 08:28:56</t>
  </si>
  <si>
    <t>12/14/2019 08:31:54</t>
  </si>
  <si>
    <t>d8799eab-9b97-471c-ba0f-b67ad89621e2.tmp</t>
  </si>
  <si>
    <t>\\acsfs\profiles$\adrielyas\Downloads\d8799eab-9b97-471c-ba0f-b67ad89621e2.tmp</t>
  </si>
  <si>
    <t>12/14/2019 08:29:23</t>
  </si>
  <si>
    <t>12/14/2019 08:30:31</t>
  </si>
  <si>
    <t>92eb969a-9c65-4197-b4d5-f1de4245f579.tmp</t>
  </si>
  <si>
    <t>\\acsfs\profiles$\adrielyas\Downloads\92eb969a-9c65-4197-b4d5-f1de4245f579.tmp</t>
  </si>
  <si>
    <t>12/14/2019 08:28:12</t>
  </si>
  <si>
    <t>12/14/2019 08:33:54</t>
  </si>
  <si>
    <t>0911aa6f-9684-4ea1-8ffc-215b4d703c77.tmp</t>
  </si>
  <si>
    <t>\\acsfs\profiles$\YASMINSC\Downloads\0911aa6f-9684-4ea1-8ffc-215b4d703c77.tmp</t>
  </si>
  <si>
    <t>\\acsfs\profiles$\Pedrohab\Favorites\</t>
  </si>
  <si>
    <t>\\acsfs\profiles$\PEDROHAB\My Documents\desktop.ini</t>
  </si>
  <si>
    <t>12/14/2019 08:28:13</t>
  </si>
  <si>
    <t>\\acsfs\profiles$\PEDROHAB\My Documents\</t>
  </si>
  <si>
    <t>12/14/2019 08:28:15</t>
  </si>
  <si>
    <t>12/14/2019 08:28:16</t>
  </si>
  <si>
    <t>12/14/2019 08:28:17</t>
  </si>
  <si>
    <t>12/14/2019 08:28:18</t>
  </si>
  <si>
    <t>12/14/2019 08:28:20</t>
  </si>
  <si>
    <t>\\acsfs\profiles$\Pedrohab\Downloads\</t>
  </si>
  <si>
    <t>\\acsfs\profiles$\PEDROHAB\Saved Games\desktop.ini</t>
  </si>
  <si>
    <t>12/14/2019 08:28:21</t>
  </si>
  <si>
    <t>12/14/2019 08:28:44</t>
  </si>
  <si>
    <t>winrt--{S-1-5-21-602162358-764733703-839522115-352963}-.searchconnector-ms</t>
  </si>
  <si>
    <t>\\acsfs\profiles$\PEDROHAB\Searches\winrt--{S-1-5-21-602162358-764733703-839522115-352963}-.searchconnector-ms</t>
  </si>
  <si>
    <t>12/14/2019 08:30:38</t>
  </si>
  <si>
    <t>12/14/2019 08:34:54</t>
  </si>
  <si>
    <t>12/14/2019 08:34:00</t>
  </si>
  <si>
    <t>\\acsfs\profiles$\VIVIANALDS\My Documents\</t>
  </si>
  <si>
    <t>.~lock.Vendas.ods#</t>
  </si>
  <si>
    <t>\\acsfs\profiles$\VIVIANALDS\My Documents\.~lock.Vendas.ods#</t>
  </si>
  <si>
    <t>12/14/2019 08:34:01</t>
  </si>
  <si>
    <t>lu16436yw8um.tmp</t>
  </si>
  <si>
    <t>\\acsfs\profiles$\VIVIANALDS\My Documents\lu16436yw8um.tmp</t>
  </si>
  <si>
    <t>\\acsfs\profiles$\VIVIANALDS\My Documents\lu16436yw8um.tmp\</t>
  </si>
  <si>
    <t>\\acsfs\profiles$\VIVIANALDS\My Documents\lu16436yw8um.tmp\META-INF\</t>
  </si>
  <si>
    <t>\\acsfs\profiles$\VIVIANALDS\My Documents\lu16436yw8um.tmp\Thumbnails\</t>
  </si>
  <si>
    <t>12/14/2019 08:30:17</t>
  </si>
  <si>
    <t>12/14/2019 08:35:54</t>
  </si>
  <si>
    <t>54739ac7-33d7-4393-87e7-7a85144b56c2.tmp</t>
  </si>
  <si>
    <t>\\acsfs\profiles$\geovanaasa\Downloads\54739ac7-33d7-4393-87e7-7a85144b56c2.tmp</t>
  </si>
  <si>
    <t>12/14/2019 08:30:33</t>
  </si>
  <si>
    <t>689586cd-2c0a-43f1-9147-985e6132585a.tmp</t>
  </si>
  <si>
    <t>\\acsfs\profiles$\geovanaasa\Downloads\689586cd-2c0a-43f1-9147-985e6132585a.tmp</t>
  </si>
  <si>
    <t>12/14/2019 08:30:35</t>
  </si>
  <si>
    <t>12/14/2019 08:31:35</t>
  </si>
  <si>
    <t>5b82b5e4-fb1c-49ba-9e36-ec10c91933f0.tmp</t>
  </si>
  <si>
    <t>\\acsfs\profiles$\geovanaasa\Downloads\5b82b5e4-fb1c-49ba-9e36-ec10c91933f0.tmp</t>
  </si>
  <si>
    <t>12/14/2019 08:31:39</t>
  </si>
  <si>
    <t>ce89c2c5-15a7-46d8-b379-6b1d359e0f1f.tmp</t>
  </si>
  <si>
    <t>\\acsfs\profiles$\geovanaasa\Downloads\ce89c2c5-15a7-46d8-b379-6b1d359e0f1f.tmp</t>
  </si>
  <si>
    <t>12/14/2019 08:34:09</t>
  </si>
  <si>
    <t>12/14/2019 08:36:54</t>
  </si>
  <si>
    <t>12/14/2019 08:33:58</t>
  </si>
  <si>
    <t>12/14/2019 08:37:54</t>
  </si>
  <si>
    <t>6549754f-fd73-4813-8660-27b59065db5c.tmp</t>
  </si>
  <si>
    <t>\\acsfs\profiles$\dhiulliananads\Downloads\6549754f-fd73-4813-8660-27b59065db5c.tmp</t>
  </si>
  <si>
    <t>12/14/2019 08:34:03</t>
  </si>
  <si>
    <t>\\acsfs\DEPTOS\Operacao\PCP\5 - Comum\JUKA\Login Logout Financeira\RELATORIO DE LOGIN - FINANCEIRA - 11 - 12 - Cópia.xlsm\</t>
  </si>
  <si>
    <t>\\acsfs\DEPTOS\Operacao\PCP\5 - Comum\JUKA\Login Logout Financeira\RELATORIO DE LOGIN - FINANCEIRA - 11 - 12 - Cópia.xlsm\:Zone.Identifier:$DATA</t>
  </si>
  <si>
    <t>12/14/2019 08:34:11</t>
  </si>
  <si>
    <t>\\acsfs\DEPTOS\Operacao\PCP\5 - Comum\JUKA\Login Logout Financeira\</t>
  </si>
  <si>
    <t>RELATORIO DE LOGIN - FINANCEIRA - 11 - 12 - Cópia.xlsm</t>
  </si>
  <si>
    <t>\\acsfs\DEPTOS\Operacao\PCP\5 - Comum\JUKA\Login Logout Financeira\RELATORIO DE LOGIN - FINANCEIRA - 11 - 12 - Cópia.xlsm</t>
  </si>
  <si>
    <t>12/14/2019 08:35:23</t>
  </si>
  <si>
    <t>12/14/2019 08:38:55</t>
  </si>
  <si>
    <t>cbc3761d-bdf1-42eb-8541-e00ced1de13a.tmp</t>
  </si>
  <si>
    <t>\\acsfs\profiles$\PEDROHAB\Downloads\cbc3761d-bdf1-42eb-8541-e00ced1de13a.tmp</t>
  </si>
  <si>
    <t>12/14/2019 08:35:24</t>
  </si>
  <si>
    <t>e3a15294-a36f-45b9-b9c2-68d07e23f373.tmp</t>
  </si>
  <si>
    <t>\\acsfs\profiles$\PEDROHAB\Downloads\e3a15294-a36f-45b9-b9c2-68d07e23f373.tmp</t>
  </si>
  <si>
    <t>12/14/2019 08:36:49</t>
  </si>
  <si>
    <t>a4e61b47-0e61-4ef5-bdff-d6aeb890705f.tmp</t>
  </si>
  <si>
    <t>\\acsfs\profiles$\PEDROHAB\Downloads\a4e61b47-0e61-4ef5-bdff-d6aeb890705f.tmp</t>
  </si>
  <si>
    <t>12/14/2019 08:34:34</t>
  </si>
  <si>
    <t>12/14/2019 08:39:54</t>
  </si>
  <si>
    <t>lu16436yw8uq.tmp</t>
  </si>
  <si>
    <t>\\acsfs\profiles$\VIVIANALDS\My Documents\lu16436yw8uq.tmp</t>
  </si>
  <si>
    <t>\\acsfs\profiles$\VIVIANALDS\My Documents\lu16436yw8uq.tmp\</t>
  </si>
  <si>
    <t>\\acsfs\profiles$\VIVIANALDS\My Documents\lu16436yw8uq.tmp\META-INF\</t>
  </si>
  <si>
    <t>\\acsfs\profiles$\VIVIANALDS\My Documents\lu16436yw8uq.tmp\Thumbnails\</t>
  </si>
  <si>
    <t>12/14/2019 08:41:54</t>
  </si>
  <si>
    <t>12/14/2019 08:42:54</t>
  </si>
  <si>
    <t>\\acsfs\DEPTOS\Operacao\PCP\5 - Comum\JUKA\Login Logout Financeira\F6C35E68.tmp\</t>
  </si>
  <si>
    <t>\\acsfs\DEPTOS\Operacao\PCP\5 - Comum\JUKA\Login Logout Financeira\F6C35E68.tmp\:Zone.Identifier:$DATA</t>
  </si>
  <si>
    <t>12/14/2019 08:42:03</t>
  </si>
  <si>
    <t>RELATORIO DE LOGIN - FINANCEIRA - 12 - 12 -.xlsm</t>
  </si>
  <si>
    <t>\\acsfs\DEPTOS\Operacao\PCP\5 - Comum\JUKA\Login Logout Financeira\RELATORIO DE LOGIN - FINANCEIRA - 12 - 12 -.xlsm</t>
  </si>
  <si>
    <t>12/14/2019 08:41:06</t>
  </si>
  <si>
    <t>12/14/2019 08:43:54</t>
  </si>
  <si>
    <t>12/14/2019 08:43:24</t>
  </si>
  <si>
    <t>12/14/2019 08:45:54</t>
  </si>
  <si>
    <t>12/14/2019 08:42:05</t>
  </si>
  <si>
    <t>12/14/2019 08:46:54</t>
  </si>
  <si>
    <t>12/14/2019 08:46:31</t>
  </si>
  <si>
    <t>12/14/2019 08:48:54</t>
  </si>
  <si>
    <t>12/14/2019 08:50:42</t>
  </si>
  <si>
    <t>12/14/2019 08:53:54</t>
  </si>
  <si>
    <t>62efd236-9936-4e91-9493-bf59f4c7c5e4.tmp</t>
  </si>
  <si>
    <t>\\acsfs\profiles$\YASMINSC\Downloads\62efd236-9936-4e91-9493-bf59f4c7c5e4.tmp</t>
  </si>
  <si>
    <t>12/14/2019 08:53:11</t>
  </si>
  <si>
    <t>12/14/2019 08:55:54</t>
  </si>
  <si>
    <t>12/14/2019 08:57:58</t>
  </si>
  <si>
    <t>12/14/2019 08:59:54</t>
  </si>
  <si>
    <t>12/14/2019 08:59:52</t>
  </si>
  <si>
    <t>12/14/2019 09:00:54</t>
  </si>
  <si>
    <t>12/14/2019 09:01:08</t>
  </si>
  <si>
    <t>12/14/2019 09:04:54</t>
  </si>
  <si>
    <t>c5280bd5-161f-4d1c-b595-b0a142f330d1.tmp</t>
  </si>
  <si>
    <t>\\acsfs\profiles$\paulovadc\Downloads\c5280bd5-161f-4d1c-b595-b0a142f330d1.tmp</t>
  </si>
  <si>
    <t>12/14/2019 09:04:57</t>
  </si>
  <si>
    <t>12/14/2019 09:06:55</t>
  </si>
  <si>
    <t>05a566e7-266b-47a8-9c8d-b55269bbc6cc.tmp</t>
  </si>
  <si>
    <t>\\acsfs\profiles$\alicecpbc\Downloads\05a566e7-266b-47a8-9c8d-b55269bbc6cc.tmp</t>
  </si>
  <si>
    <t>12/14/2019 09:06:03</t>
  </si>
  <si>
    <t>12/14/2019 09:07:54</t>
  </si>
  <si>
    <t>10.200.66.29</t>
  </si>
  <si>
    <t>74-86-7A-FB-17-D6</t>
  </si>
  <si>
    <t>VOTORANT-GB014</t>
  </si>
  <si>
    <t>\\acsfs\profiles$\laranmg\My Documents\xworkcenter\logs\</t>
  </si>
  <si>
    <t>XLOG_laranmg_14122019_090558.log</t>
  </si>
  <si>
    <t>\\acsfs\profiles$\laranmg\My Documents\xworkcenter\logs\XLOG_laranmg_14122019_090558.log</t>
  </si>
  <si>
    <t>12/14/2019 09:12:51</t>
  </si>
  <si>
    <t>12/14/2019 09:14:54</t>
  </si>
  <si>
    <t>12/14/2019 09:16:38</t>
  </si>
  <si>
    <t>12/14/2019 09:18:54</t>
  </si>
  <si>
    <t>16604f8f-56b8-4ca2-bb06-dd55b3751ac0.tmp</t>
  </si>
  <si>
    <t>\\acsfs\profiles$\PEDROHAB\Downloads\16604f8f-56b8-4ca2-bb06-dd55b3751ac0.tmp</t>
  </si>
  <si>
    <t>12/14/2019 09:17:26</t>
  </si>
  <si>
    <t>12/14/2019 09:18:51</t>
  </si>
  <si>
    <t>12/14/2019 09:21:53</t>
  </si>
  <si>
    <t>12/14/2019 09:22:00</t>
  </si>
  <si>
    <t>12/14/2019 09:23:53</t>
  </si>
  <si>
    <t>0d0f0546-e9f5-49a2-8d51-3338be2a7e2e.tmp</t>
  </si>
  <si>
    <t>\\acsfs\profiles$\YASMINSC\Downloads\0d0f0546-e9f5-49a2-8d51-3338be2a7e2e.tmp</t>
  </si>
  <si>
    <t>12/14/2019 09:23:37</t>
  </si>
  <si>
    <t>12/14/2019 09:26:54</t>
  </si>
  <si>
    <t>12/14/2019 09:23:04</t>
  </si>
  <si>
    <t>12/14/2019 09:27:53</t>
  </si>
  <si>
    <t>12/14/2019 09:27:24</t>
  </si>
  <si>
    <t>12/14/2019 09:30:53</t>
  </si>
  <si>
    <t>12/14/2019 09:33:38</t>
  </si>
  <si>
    <t>12/14/2019 09:35:54</t>
  </si>
  <si>
    <t>ulog_AcroARM2_ARM2Update_a9473871-eb7b-4719-ba46-35125c58e0e7_21ddb38b-1e6f-465c-bc4c-7577440a7cf7_0.log</t>
  </si>
  <si>
    <t>C:\Users\davimvs\AppData\Roaming\Adobe\LogTransport2\Logs\ulog_AcroARM2_ARM2Update_a9473871-eb7b-4719-ba46-35125c58e0e7_21ddb38b-1e6f-465c-bc4c-7577440a7cf7_0.log\</t>
  </si>
  <si>
    <t>ulog_AcroARM2_Reader_a9473871-eb7b-4719-ba46-35125c58e0e7_10321e8b-c390-40fe-bf26-f4368f73425a_0.log</t>
  </si>
  <si>
    <t>C:\Users\davimvs\AppData\Roaming\Adobe\LogTransport2\Logs\ulog_AcroARM2_Reader_a9473871-eb7b-4719-ba46-35125c58e0e7_10321e8b-c390-40fe-bf26-f4368f73425a_0.log\</t>
  </si>
  <si>
    <t>12/14/2019 09:33:39</t>
  </si>
  <si>
    <t>ulog_AcroARM2_Reader_a9473871-eb7b-4719-ba46-35125c58e0e7_7c012a92-9200-4491-9e83-329f5ea38c34_0.log</t>
  </si>
  <si>
    <t>C:\Users\davimvs\AppData\Roaming\Adobe\LogTransport2\Logs\ulog_AcroARM2_Reader_a9473871-eb7b-4719-ba46-35125c58e0e7_7c012a92-9200-4491-9e83-329f5ea38c34_0.log\</t>
  </si>
  <si>
    <t>cb766919-f37e-42b9-800b-084fc6d80dae.tmp</t>
  </si>
  <si>
    <t>\\acsfs\profiles$\luanarda\Downloads\cb766919-f37e-42b9-800b-084fc6d80dae.tmp</t>
  </si>
  <si>
    <t>12/14/2019 09:35:19</t>
  </si>
  <si>
    <t>12/14/2019 09:36:53</t>
  </si>
  <si>
    <t>386e51df-3d35-4073-a603-bfe280929c75.tmp</t>
  </si>
  <si>
    <t>\\acsfs\profiles$\adrielyas\Downloads\386e51df-3d35-4073-a603-bfe280929c75.tmp</t>
  </si>
  <si>
    <t>12/14/2019 09:44:25</t>
  </si>
  <si>
    <t>12/14/2019 09:49:53</t>
  </si>
  <si>
    <t>12/14/2019 09:44:26</t>
  </si>
  <si>
    <t>lu16436yw8v4.tmp</t>
  </si>
  <si>
    <t>\\acsfs\profiles$\VIVIANALDS\My Documents\lu16436yw8v4.tmp</t>
  </si>
  <si>
    <t>\\acsfs\profiles$\VIVIANALDS\My Documents\lu16436yw8v4.tmp\</t>
  </si>
  <si>
    <t>\\acsfs\profiles$\VIVIANALDS\My Documents\lu16436yw8v4.tmp\META-INF\</t>
  </si>
  <si>
    <t>\\acsfs\profiles$\VIVIANALDS\My Documents\lu16436yw8v4.tmp\Thumbnails\</t>
  </si>
  <si>
    <t>12/14/2019 09:52:44</t>
  </si>
  <si>
    <t>12/14/2019 09:54:54</t>
  </si>
  <si>
    <t>12/14/2019 09:58:17</t>
  </si>
  <si>
    <t>12/14/2019 10:03:53</t>
  </si>
  <si>
    <t>12/14/2019 10:03:14</t>
  </si>
  <si>
    <t>12/14/2019 10:04:54</t>
  </si>
  <si>
    <t>12/14/2019 10:03:19</t>
  </si>
  <si>
    <t>12/14/2019 10:05:53</t>
  </si>
  <si>
    <t>12/14/2019 10:24:10</t>
  </si>
  <si>
    <t>12/14/2019 10:29:54</t>
  </si>
  <si>
    <t>12/14/2019 10:30:02</t>
  </si>
  <si>
    <t>12/14/2019 10:30:53</t>
  </si>
  <si>
    <t>12/14/2019 10:31:37</t>
  </si>
  <si>
    <t>12/14/2019 10:33:54</t>
  </si>
  <si>
    <t>12/14/2019 10:32:11</t>
  </si>
  <si>
    <t>12/14/2019 10:34:53</t>
  </si>
  <si>
    <t>44851dd0-0050-4383-b329-c631446d55f1.tmp</t>
  </si>
  <si>
    <t>\\acsfs\profiles$\vivianalds\Downloads\44851dd0-0050-4383-b329-c631446d55f1.tmp</t>
  </si>
  <si>
    <t>12/14/2019 10:36:08</t>
  </si>
  <si>
    <t>12/14/2019 10:37:54</t>
  </si>
  <si>
    <t>12/14/2019 10:46:55</t>
  </si>
  <si>
    <t>12/14/2019 10:50:53</t>
  </si>
  <si>
    <t>12/14/2019 10:47:19</t>
  </si>
  <si>
    <t>12/14/2019 10:51:54</t>
  </si>
  <si>
    <t>12/14/2019 10:49:33</t>
  </si>
  <si>
    <t>12/14/2019 10:54:54</t>
  </si>
  <si>
    <t>12/14/2019 10:52:59</t>
  </si>
  <si>
    <t>12/14/2019 10:58:54</t>
  </si>
  <si>
    <t>48229aae-8cd5-41bc-8355-11301083e4a7.tmp</t>
  </si>
  <si>
    <t>\\acsfs\profiles$\YASMINSC\Downloads\48229aae-8cd5-41bc-8355-11301083e4a7.tmp</t>
  </si>
  <si>
    <t>12/14/2019 10:57:43</t>
  </si>
  <si>
    <t>12/14/2019 11:01:53</t>
  </si>
  <si>
    <t>12/14/2019 10:58:25</t>
  </si>
  <si>
    <t>12/14/2019 11:03:53</t>
  </si>
  <si>
    <t>12/14/2019 11:06:12</t>
  </si>
  <si>
    <t>12/14/2019 11:07:54</t>
  </si>
  <si>
    <t>12/14/2019 11:07:45</t>
  </si>
  <si>
    <t>12/14/2019 11:09:54</t>
  </si>
  <si>
    <t>12/14/2019 11:07:46</t>
  </si>
  <si>
    <t>12/14/2019 11:08:01</t>
  </si>
  <si>
    <t>12/14/2019 11:05:45</t>
  </si>
  <si>
    <t>12/14/2019 11:10:53</t>
  </si>
  <si>
    <t>12/14/2019 11:15:11</t>
  </si>
  <si>
    <t>12/14/2019 11:15:54</t>
  </si>
  <si>
    <t>12/14/2019 11:15:30</t>
  </si>
  <si>
    <t>12/14/2019 11:19:25</t>
  </si>
  <si>
    <t>12/14/2019 11:20:54</t>
  </si>
  <si>
    <t>3608e8ff-a42f-44d8-8a9d-7576c7aafa55.tmp</t>
  </si>
  <si>
    <t>\\acsfs\profiles$\geovanaasa\Downloads\3608e8ff-a42f-44d8-8a9d-7576c7aafa55.tmp</t>
  </si>
  <si>
    <t>12/14/2019 11:23:16</t>
  </si>
  <si>
    <t>12/14/2019 11:25:54</t>
  </si>
  <si>
    <t>12/14/2019 11:23:20</t>
  </si>
  <si>
    <t>bvs-centralcartoes@bv.com.br;</t>
  </si>
  <si>
    <t>bvs-centralcartoes@bv.com.br</t>
  </si>
  <si>
    <t>12/14/2019 11:23:40</t>
  </si>
  <si>
    <t>mail.google.com/sync/u/0/i/s?hl=pt-BR&amp;c=228</t>
  </si>
  <si>
    <t>bvcartes-supervisores@algarnet.onmicrosoft.com;bvs-centralcartoes@bv.com.br;</t>
  </si>
  <si>
    <t>bvcartes-supervisores@algarnet.onmicrosoft.com,bvs-centralcartoes@bv.com.br</t>
  </si>
  <si>
    <t>12/14/2019 11:23:52</t>
  </si>
  <si>
    <t>12/14/2019 11:24:03</t>
  </si>
  <si>
    <t>12/14/2019 11:24:04</t>
  </si>
  <si>
    <t>12/14/2019 11:24:12</t>
  </si>
  <si>
    <t>12/14/2019 11:25:07</t>
  </si>
  <si>
    <t>12/14/2019 11:25:09</t>
  </si>
  <si>
    <t>12/14/2019 11:28:54</t>
  </si>
  <si>
    <t>12b45347-ed1a-4493-a307-5b8e9faf392c.tmp</t>
  </si>
  <si>
    <t>\\acsfs\profiles$\YASMINSC\Downloads\12b45347-ed1a-4493-a307-5b8e9faf392c.tmp</t>
  </si>
  <si>
    <t>12/14/2019 11:28:18</t>
  </si>
  <si>
    <t>12/14/2019 11:29:54</t>
  </si>
  <si>
    <t>12/14/2019 11:25:23</t>
  </si>
  <si>
    <t>12/14/2019 11:30:54</t>
  </si>
  <si>
    <t>mail.google.com/sync/u/0/i/s?hl=pt-BR&amp;c=241</t>
  </si>
  <si>
    <t>12/14/2019 11:25:40</t>
  </si>
  <si>
    <t>12/14/2019 11:25:47</t>
  </si>
  <si>
    <t>mail.google.com/sync/u/0/i/s?hl=pt-BR&amp;c=245</t>
  </si>
  <si>
    <t>12/14/2019 11:26:09</t>
  </si>
  <si>
    <t>12/14/2019 11:26:25</t>
  </si>
  <si>
    <t>12/14/2019 11:26:34</t>
  </si>
  <si>
    <t>12/14/2019 11:30:46</t>
  </si>
  <si>
    <t>12/14/2019 11:31:54</t>
  </si>
  <si>
    <t>12/14/2019 11:39:30</t>
  </si>
  <si>
    <t>12/14/2019 11:44:53</t>
  </si>
  <si>
    <t>12/14/2019 11:39:31</t>
  </si>
  <si>
    <t>lu16436yw8vk.tmp</t>
  </si>
  <si>
    <t>\\acsfs\profiles$\VIVIANALDS\My Documents\lu16436yw8vk.tmp</t>
  </si>
  <si>
    <t>\\acsfs\profiles$\VIVIANALDS\My Documents\lu16436yw8vk.tmp\</t>
  </si>
  <si>
    <t>\\acsfs\profiles$\VIVIANALDS\My Documents\lu16436yw8vk.tmp\META-INF\</t>
  </si>
  <si>
    <t>\\acsfs\profiles$\VIVIANALDS\My Documents\lu16436yw8vk.tmp\Thumbnails\</t>
  </si>
  <si>
    <t>12/14/2019 11:41:11</t>
  </si>
  <si>
    <t>12/14/2019 11:45:54</t>
  </si>
  <si>
    <t>c:\users\adilsonloj\appdata\local\temp\</t>
  </si>
  <si>
    <t>.session</t>
  </si>
  <si>
    <t>12/14/2019 11:42:37</t>
  </si>
  <si>
    <t>12/14/2019 11:47:54</t>
  </si>
  <si>
    <t>12/14/2019 11:50:13</t>
  </si>
  <si>
    <t>12/14/2019 11:54:53</t>
  </si>
  <si>
    <t>12/14/2019 11:50:29</t>
  </si>
  <si>
    <t>12/14/2019 11:55:54</t>
  </si>
  <si>
    <t>https://web.vortex.data.microsoft.com/collect/v1?$mscomcookies=false&amp;ext-javascript-msfpc='guid=ea831009606947348acde7b1b66c7dcb&amp;hash=ea83&amp;lv=201909&amp;v=4&amp;lu=1568214380398'</t>
  </si>
  <si>
    <t>12/14/2019 11:56:48</t>
  </si>
  <si>
    <t>12/14/2019 11:58:54</t>
  </si>
  <si>
    <t>12/14/2019 11:56:18</t>
  </si>
  <si>
    <t>12/14/2019 12:00:54</t>
  </si>
  <si>
    <t>12/14/2019 11:58:59</t>
  </si>
  <si>
    <t>12/14/2019 12:02:53</t>
  </si>
  <si>
    <t>12/14/2019 12:00:26</t>
  </si>
  <si>
    <t>12/14/2019 12:05:54</t>
  </si>
  <si>
    <t>12/14/2019 12:14:53</t>
  </si>
  <si>
    <t>12/14/2019 12:17:54</t>
  </si>
  <si>
    <t>12/14/2019 12:14:54</t>
  </si>
  <si>
    <t>12/14/2019 12:16:09</t>
  </si>
  <si>
    <t>12/14/2019 12:16:11</t>
  </si>
  <si>
    <t>lu18936wmnrf.tmp</t>
  </si>
  <si>
    <t>\\acsfs\profiles$\dhiulliananads\My Documents\lu18936wmnrf.tmp</t>
  </si>
  <si>
    <t>\\acsfs\profiles$\dhiulliananads\My Documents\lu18936wmnrf.tmp\</t>
  </si>
  <si>
    <t>\\acsfs\profiles$\dhiulliananads\My Documents\lu18936wmnrf.tmp\META-INF\</t>
  </si>
  <si>
    <t>\\acsfs\profiles$\dhiulliananads\My Documents\lu18936wmnrf.tmp\Thumbnails\</t>
  </si>
  <si>
    <t>12/14/2019 12:17:00</t>
  </si>
  <si>
    <t>12/14/2019 12:19:54</t>
  </si>
  <si>
    <t>12/14/2019 12:25:25</t>
  </si>
  <si>
    <t>12/14/2019 12:28:54</t>
  </si>
  <si>
    <t>12/14/2019 12:30:16</t>
  </si>
  <si>
    <t>12/14/2019 12:33:54</t>
  </si>
  <si>
    <t>f1eb65e4-5706-4e32-a4c3-f8e4b855e03e.tmp</t>
  </si>
  <si>
    <t>\\acsfs\profiles$\PEDROHAB\Downloads\f1eb65e4-5706-4e32-a4c3-f8e4b855e03e.tmp</t>
  </si>
  <si>
    <t>12/14/2019 12:32:29</t>
  </si>
  <si>
    <t>12/14/2019 12:36:54</t>
  </si>
  <si>
    <t>12/14/2019 12:41:15</t>
  </si>
  <si>
    <t>12/14/2019 12:46:54</t>
  </si>
  <si>
    <t>12/14/2019 12:53:57</t>
  </si>
  <si>
    <t>12/14/2019 12:54:54</t>
  </si>
  <si>
    <t>lu16436yw8vu.tmp</t>
  </si>
  <si>
    <t>\\acsfs\profiles$\VIVIANALDS\My Documents\lu16436yw8vu.tmp</t>
  </si>
  <si>
    <t>\\acsfs\profiles$\VIVIANALDS\My Documents\lu16436yw8vu.tmp\</t>
  </si>
  <si>
    <t>\\acsfs\profiles$\VIVIANALDS\My Documents\lu16436yw8vu.tmp\META-INF\</t>
  </si>
  <si>
    <t>\\acsfs\profiles$\VIVIANALDS\My Documents\lu16436yw8vu.tmp\Thumbnails\</t>
  </si>
  <si>
    <t>12/14/2019 12:52:52</t>
  </si>
  <si>
    <t>12/14/2019 12:55:55</t>
  </si>
  <si>
    <t>mail.google.com/sync/u/0/i/s?hl=pt-BR&amp;c=330</t>
  </si>
  <si>
    <t>12/14/2019 12:53:02</t>
  </si>
  <si>
    <t>mail.google.com/sync/u/0/i/s?hl=pt-BR&amp;c=332</t>
  </si>
  <si>
    <t>12/14/2019 12:53:34</t>
  </si>
  <si>
    <t>12/14/2019 12:53:49</t>
  </si>
  <si>
    <t>mail.google.com/sync/u/0/i/s?hl=pt-BR&amp;c=343</t>
  </si>
  <si>
    <t>12/14/2019 12:53:54</t>
  </si>
  <si>
    <t>mail.google.com/sync/u/0/i/s?hl=pt-BR&amp;c=345</t>
  </si>
  <si>
    <t>12/14/2019 12:54:10</t>
  </si>
  <si>
    <t>12/14/2019 12:54:16</t>
  </si>
  <si>
    <t>12/14/2019 12:54:21</t>
  </si>
  <si>
    <t>mail.google.com/sync/u/0/i/s?hl=pt-BR&amp;c=351</t>
  </si>
  <si>
    <t>12/14/2019 12:54:27</t>
  </si>
  <si>
    <t>mail.google.com/sync/u/0/i/s?hl=pt-BR&amp;c=353</t>
  </si>
  <si>
    <t>12/14/2019 12:54:48</t>
  </si>
  <si>
    <t>mail.google.com/sync/u/0/i/s?hl=pt-BR&amp;c=357</t>
  </si>
  <si>
    <t>12/14/2019 12:54:55</t>
  </si>
  <si>
    <t>mail.google.com/sync/u/0/i/s?hl=pt-BR&amp;c=359</t>
  </si>
  <si>
    <t>12/14/2019 12:55:01</t>
  </si>
  <si>
    <t>mail.google.com/sync/u/0/i/s?hl=pt-BR&amp;c=361</t>
  </si>
  <si>
    <t>12/14/2019 12:55:05</t>
  </si>
  <si>
    <t>12/14/2019 12:55:12</t>
  </si>
  <si>
    <t>mail.google.com/sync/u/0/i/s?hl=pt-BR&amp;c=366</t>
  </si>
  <si>
    <t>12/14/2019 12:55:35</t>
  </si>
  <si>
    <t>12/14/2019 12:53:24</t>
  </si>
  <si>
    <t>12/14/2019 12:56:54</t>
  </si>
  <si>
    <t>12/14/2019 12:54:35</t>
  </si>
  <si>
    <t>12/14/2019 12:59:55</t>
  </si>
  <si>
    <t>12/14/2019 12:54:36</t>
  </si>
  <si>
    <t>lu16436yw8vy.tmp</t>
  </si>
  <si>
    <t>\\acsfs\profiles$\VIVIANALDS\My Documents\lu16436yw8vy.tmp</t>
  </si>
  <si>
    <t>\\acsfs\profiles$\VIVIANALDS\My Documents\lu16436yw8vy.tmp\</t>
  </si>
  <si>
    <t>\\acsfs\profiles$\VIVIANALDS\My Documents\lu16436yw8vy.tmp\META-INF\</t>
  </si>
  <si>
    <t>\\acsfs\profiles$\VIVIANALDS\My Documents\lu16436yw8vy.tmp\Thumbnails\</t>
  </si>
  <si>
    <t>12/14/2019 12:56:59</t>
  </si>
  <si>
    <t>lu16436yw8w2.tmp</t>
  </si>
  <si>
    <t>\\acsfs\profiles$\VIVIANALDS\My Documents\lu16436yw8w2.tmp</t>
  </si>
  <si>
    <t>\\acsfs\profiles$\VIVIANALDS\My Documents\lu16436yw8w2.tmp\</t>
  </si>
  <si>
    <t>\\acsfs\profiles$\VIVIANALDS\My Documents\lu16436yw8w2.tmp\META-INF\</t>
  </si>
  <si>
    <t>\\acsfs\profiles$\VIVIANALDS\My Documents\lu16436yw8w2.tmp\Thumbnails\</t>
  </si>
  <si>
    <t>12/14/2019 12:58:56</t>
  </si>
  <si>
    <t>4f5e5820-8cb5-401e-8185-a32d2d01e377.tmp</t>
  </si>
  <si>
    <t>\\acsfs\profiles$\vivianalds\Downloads\4f5e5820-8cb5-401e-8185-a32d2d01e377.tmp</t>
  </si>
  <si>
    <t>12/14/2019 12:56:43</t>
  </si>
  <si>
    <t>12/14/2019 13:01:55</t>
  </si>
  <si>
    <t>12/14/2019 13:03:38</t>
  </si>
  <si>
    <t>12/14/2019 13:05:55</t>
  </si>
  <si>
    <t>ulog_AcroARM2_ARM2Update_a9473871-eb7b-4719-ba46-35125c58e0e7_1a494afe-b0b7-43a4-9a96-98e89b51304b_0.log</t>
  </si>
  <si>
    <t>C:\Users\davimvs\AppData\Roaming\Adobe\LogTransport2\Logs\ulog_AcroARM2_ARM2Update_a9473871-eb7b-4719-ba46-35125c58e0e7_1a494afe-b0b7-43a4-9a96-98e89b51304b_0.log\</t>
  </si>
  <si>
    <t>ulog_AcroARM2_Reader_a9473871-eb7b-4719-ba46-35125c58e0e7_0900f503-c7be-46fe-88a4-0c4d466d45c4_0.log</t>
  </si>
  <si>
    <t>C:\Users\davimvs\AppData\Roaming\Adobe\LogTransport2\Logs\ulog_AcroARM2_Reader_a9473871-eb7b-4719-ba46-35125c58e0e7_0900f503-c7be-46fe-88a4-0c4d466d45c4_0.log\</t>
  </si>
  <si>
    <t>ulog_AcroARM2_Reader_a9473871-eb7b-4719-ba46-35125c58e0e7_eb12ea10-bdce-45f0-8c0f-baf2f6ee473d_0.log</t>
  </si>
  <si>
    <t>C:\Users\davimvs\AppData\Roaming\Adobe\LogTransport2\Logs\ulog_AcroARM2_Reader_a9473871-eb7b-4719-ba46-35125c58e0e7_eb12ea10-bdce-45f0-8c0f-baf2f6ee473d_0.log\</t>
  </si>
  <si>
    <t>12/14/2019 13:04:37</t>
  </si>
  <si>
    <t>mail.google.com/sync/u/0/i/s?hl=pt-BR&amp;c=418</t>
  </si>
  <si>
    <t>12/14/2019 13:05:12</t>
  </si>
  <si>
    <t>12/14/2019 13:06:55</t>
  </si>
  <si>
    <t>C:\Users\joaobab\OneDrive - Grupo Algar\temp\Whirpool\Discador\POC Cobrança\Reporting\</t>
  </si>
  <si>
    <t>Relatório de Categorização Humana - Negócio.xlsx</t>
  </si>
  <si>
    <t>12/14/2019 13:05:09</t>
  </si>
  <si>
    <t>12/14/2019 13:07:55</t>
  </si>
  <si>
    <t>12/14/2019 13:05:10</t>
  </si>
  <si>
    <t>lu18936wmnrj.tmp</t>
  </si>
  <si>
    <t>\\acsfs\profiles$\dhiulliananads\My Documents\lu18936wmnrj.tmp</t>
  </si>
  <si>
    <t>\\acsfs\profiles$\dhiulliananads\My Documents\lu18936wmnrj.tmp\</t>
  </si>
  <si>
    <t>\\acsfs\profiles$\dhiulliananads\My Documents\lu18936wmnrj.tmp\META-INF\</t>
  </si>
  <si>
    <t>\\acsfs\profiles$\dhiulliananads\My Documents\lu18936wmnrj.tmp\Thumbnails\</t>
  </si>
  <si>
    <t>12/14/2019 13:05:14</t>
  </si>
  <si>
    <t>12/14/2019 13:05:15</t>
  </si>
  <si>
    <t>lu18936wmnrn.tmp</t>
  </si>
  <si>
    <t>\\acsfs\profiles$\dhiulliananads\My Documents\lu18936wmnrn.tmp</t>
  </si>
  <si>
    <t>\\acsfs\profiles$\dhiulliananads\My Documents\lu18936wmnrn.tmp\</t>
  </si>
  <si>
    <t>\\acsfs\profiles$\dhiulliananads\My Documents\lu18936wmnrn.tmp\META-INF\</t>
  </si>
  <si>
    <t>\\acsfs\profiles$\dhiulliananads\My Documents\lu18936wmnrn.tmp\Thumbnails\</t>
  </si>
  <si>
    <t>12/14/2019 13:06:15</t>
  </si>
  <si>
    <t>12/14/2019 13:08:54</t>
  </si>
  <si>
    <t>12/14/2019 13:07:40</t>
  </si>
  <si>
    <t>12/14/2019 13:09:55</t>
  </si>
  <si>
    <t>lu16436yw8w9.tmp</t>
  </si>
  <si>
    <t>\\acsfs\profiles$\VIVIANALDS\My Documents\lu16436yw8w9.tmp</t>
  </si>
  <si>
    <t>\\acsfs\profiles$\VIVIANALDS\My Documents\lu16436yw8w9.tmp\</t>
  </si>
  <si>
    <t>\\acsfs\profiles$\VIVIANALDS\My Documents\lu16436yw8w9.tmp\META-INF\</t>
  </si>
  <si>
    <t>\\acsfs\profiles$\VIVIANALDS\My Documents\lu16436yw8w9.tmp\Thumbnails\</t>
  </si>
  <si>
    <t>12/14/2019 13:08:11</t>
  </si>
  <si>
    <t>12/14/2019 13:10:54</t>
  </si>
  <si>
    <t>12/14/2019 13:09:36</t>
  </si>
  <si>
    <t>Inclusão Metlife Dependente.xlsx</t>
  </si>
  <si>
    <t>\\acsfs\DEPTOS\Operacao\Banco_Votorantim\Supervisao\SUPERS BV CARTÕES\ADILSON\Inclusão Metlife Dependente.xlsx</t>
  </si>
  <si>
    <t>12/14/2019 13:12:09</t>
  </si>
  <si>
    <t>12/14/2019 13:14:54</t>
  </si>
  <si>
    <t>12/14/2019 13:20:41</t>
  </si>
  <si>
    <t>12/14/2019 13:22:54</t>
  </si>
  <si>
    <t>12/14/2019 13:20:49</t>
  </si>
  <si>
    <t>12/14/2019 13:24:54</t>
  </si>
  <si>
    <t>12/14/2019 13:20:13</t>
  </si>
  <si>
    <t>lu16436yw8wd.tmp</t>
  </si>
  <si>
    <t>\\acsfs\profiles$\VIVIANALDS\My Documents\lu16436yw8wd.tmp</t>
  </si>
  <si>
    <t>\\acsfs\profiles$\VIVIANALDS\My Documents\lu16436yw8wd.tmp\</t>
  </si>
  <si>
    <t>\\acsfs\profiles$\VIVIANALDS\My Documents\lu16436yw8wd.tmp\META-INF\</t>
  </si>
  <si>
    <t>\\acsfs\profiles$\VIVIANALDS\My Documents\lu16436yw8wd.tmp\Thumbnails\</t>
  </si>
  <si>
    <t>12/14/2019 13:21:20</t>
  </si>
  <si>
    <t>12/14/2019 13:25:53</t>
  </si>
  <si>
    <t>mail.google.com/sync/u/0/i/s?hl=pt-BR&amp;c=429</t>
  </si>
  <si>
    <t>12/14/2019 13:21:24</t>
  </si>
  <si>
    <t>12/14/2019 13:21:32</t>
  </si>
  <si>
    <t>mail.google.com/sync/u/0/i/s?hl=pt-BR&amp;c=433</t>
  </si>
  <si>
    <t>12/14/2019 13:21:47</t>
  </si>
  <si>
    <t>mail.google.com/sync/u/0/i/s?hl=pt-BR&amp;c=436</t>
  </si>
  <si>
    <t>12/14/2019 13:22:07</t>
  </si>
  <si>
    <t>bvcartes-supervisores@algarnet.onmicrosoft.com;bvs-centralcartoes@bv.com.br;eduardo.santana@bv.com.br;</t>
  </si>
  <si>
    <t>bvcartes-supervisores@algarnet.onmicrosoft.com,bvs-centralcartoes@bv.com.br,eduardo.santana@bv.com.br</t>
  </si>
  <si>
    <t>12/14/2019 13:22:25</t>
  </si>
  <si>
    <t>mail.google.com/sync/u/0/i/s?hl=pt-BR&amp;c=440</t>
  </si>
  <si>
    <t>eduardo.santana@bv.com.br;</t>
  </si>
  <si>
    <t>eduardo.santana@bv.com.br</t>
  </si>
  <si>
    <t>12/14/2019 13:22:38</t>
  </si>
  <si>
    <t>mail.google.com/sync/u/0/i/s?hl=pt-BR&amp;c=443</t>
  </si>
  <si>
    <t>12/14/2019 13:22:51</t>
  </si>
  <si>
    <t>mail.google.com/sync/u/0/i/s?hl=pt-BR&amp;c=445</t>
  </si>
  <si>
    <t>12/14/2019 13:22:56</t>
  </si>
  <si>
    <t>mail.google.com/sync/u/0/i/s?hl=pt-BR&amp;c=447</t>
  </si>
  <si>
    <t>12/14/2019 13:23:11</t>
  </si>
  <si>
    <t>mail.google.com/sync/u/0/i/s?hl=pt-BR&amp;c=449</t>
  </si>
  <si>
    <t>12/14/2019 13:23:21</t>
  </si>
  <si>
    <t>mail.google.com/sync/u/0/i/s?hl=pt-BR&amp;c=452</t>
  </si>
  <si>
    <t>12/14/2019 13:23:24</t>
  </si>
  <si>
    <t>mail.google.com/sync/u/0/i/s?hl=pt-BR&amp;c=454</t>
  </si>
  <si>
    <t>12/14/2019 13:23:25</t>
  </si>
  <si>
    <t>mail.google.com/sync/u/0/i/s?hl=pt-BR&amp;c=457</t>
  </si>
  <si>
    <t>12/14/2019 13:30:16</t>
  </si>
  <si>
    <t>12/14/2019 13:34:53</t>
  </si>
  <si>
    <t>lu16436yw8wh.tmp</t>
  </si>
  <si>
    <t>\\acsfs\profiles$\VIVIANALDS\My Documents\lu16436yw8wh.tmp</t>
  </si>
  <si>
    <t>\\acsfs\profiles$\VIVIANALDS\My Documents\lu16436yw8wh.tmp\</t>
  </si>
  <si>
    <t>\\acsfs\profiles$\VIVIANALDS\My Documents\lu16436yw8wh.tmp\META-INF\</t>
  </si>
  <si>
    <t>\\acsfs\profiles$\VIVIANALDS\My Documents\lu16436yw8wh.tmp\Thumbnails\</t>
  </si>
  <si>
    <t>12/14/2019 13:31:28</t>
  </si>
  <si>
    <t>12/14/2019 13:31:29</t>
  </si>
  <si>
    <t>lu16436yw8wl.tmp</t>
  </si>
  <si>
    <t>\\acsfs\profiles$\VIVIANALDS\My Documents\lu16436yw8wl.tmp</t>
  </si>
  <si>
    <t>\\acsfs\profiles$\VIVIANALDS\My Documents\lu16436yw8wl.tmp\</t>
  </si>
  <si>
    <t>\\acsfs\profiles$\VIVIANALDS\My Documents\lu16436yw8wl.tmp\META-INF\</t>
  </si>
  <si>
    <t>\\acsfs\profiles$\VIVIANALDS\My Documents\lu16436yw8wl.tmp\Thumbnails\</t>
  </si>
  <si>
    <t>12/14/2019 13:33:32</t>
  </si>
  <si>
    <t>12/14/2019 13:35:53</t>
  </si>
  <si>
    <t>12/14/2019 13:30:56</t>
  </si>
  <si>
    <t>mail.google.com/sync/u/0/i/s?hl=pt-BR&amp;c=465</t>
  </si>
  <si>
    <t>12/14/2019 13:30:58</t>
  </si>
  <si>
    <t>mail.google.com/sync/u/0/i/s?hl=pt-BR&amp;c=467</t>
  </si>
  <si>
    <t>12/14/2019 13:31:07</t>
  </si>
  <si>
    <t>mail.google.com/sync/u/0/i/s?hl=pt-BR&amp;c=469</t>
  </si>
  <si>
    <t>12/14/2019 13:31:13</t>
  </si>
  <si>
    <t>mail.google.com/sync/u/0/i/s?hl=pt-BR&amp;c=471</t>
  </si>
  <si>
    <t>12/14/2019 13:31:18</t>
  </si>
  <si>
    <t>mail.google.com/sync/u/0/i/s?hl=pt-BR&amp;c=474</t>
  </si>
  <si>
    <t>12/14/2019 13:31:27</t>
  </si>
  <si>
    <t>mail.google.com/sync/u/0/i/s?hl=pt-BR&amp;c=476</t>
  </si>
  <si>
    <t>12/14/2019 13:31:35</t>
  </si>
  <si>
    <t>mail.google.com/sync/u/0/i/s?hl=pt-BR&amp;c=479</t>
  </si>
  <si>
    <t>12/14/2019 13:34:41</t>
  </si>
  <si>
    <t>mail.google.com/sync/u/0/i/s?hl=pt-BR&amp;c=505</t>
  </si>
  <si>
    <t>12/14/2019 13:34:44</t>
  </si>
  <si>
    <t>mail.google.com/sync/u/0/i/s?hl=pt-BR&amp;c=507</t>
  </si>
  <si>
    <t>12/14/2019 13:34:58</t>
  </si>
  <si>
    <t>mail.google.com/sync/u/0/i/s?hl=pt-BR&amp;c=509</t>
  </si>
  <si>
    <t>12/14/2019 13:35:03</t>
  </si>
  <si>
    <t>mail.google.com/sync/u/0/i/s?hl=pt-BR&amp;c=511</t>
  </si>
  <si>
    <t>12/14/2019 13:35:44</t>
  </si>
  <si>
    <t>mail.google.com/sync/u/0/i/s?hl=pt-BR&amp;c=514</t>
  </si>
  <si>
    <t>12/14/2019 13:38:41</t>
  </si>
  <si>
    <t>12/14/2019 13:40:54</t>
  </si>
  <si>
    <t>12/14/2019 13:36:05</t>
  </si>
  <si>
    <t>mail.google.com/sync/u/0/i/s?hl=pt-BR&amp;c=516</t>
  </si>
  <si>
    <t>12/14/2019 13:36:21</t>
  </si>
  <si>
    <t>mail.google.com/sync/u/0/i/s?hl=pt-BR&amp;c=518</t>
  </si>
  <si>
    <t>12/14/2019 13:36:28</t>
  </si>
  <si>
    <t>mail.google.com/sync/u/0/i/s?hl=pt-BR&amp;c=520</t>
  </si>
  <si>
    <t>12/14/2019 13:43:35</t>
  </si>
  <si>
    <t>12/14/2019 13:44:54</t>
  </si>
  <si>
    <t>12/14/2019 13:44:14</t>
  </si>
  <si>
    <t>12/14/2019 13:45:54</t>
  </si>
  <si>
    <t>mail.google.com/sync/u/0/i/s?hl=pt-BR&amp;c=553</t>
  </si>
  <si>
    <t>12/14/2019 13:44:31</t>
  </si>
  <si>
    <t>mail.google.com/sync/u/0/i/s?hl=pt-BR&amp;c=558</t>
  </si>
  <si>
    <t>12/14/2019 13:47:24</t>
  </si>
  <si>
    <t>12/14/2019 13:48:53</t>
  </si>
  <si>
    <t>12/14/2019 13:48:07</t>
  </si>
  <si>
    <t>12/14/2019 13:51:54</t>
  </si>
  <si>
    <t>mail.google.com/sync/u/0/i/s?hl=pt-BR&amp;c=581</t>
  </si>
  <si>
    <t>12/14/2019 13:48:24</t>
  </si>
  <si>
    <t>mail.google.com/sync/u/0/i/s?hl=pt-BR&amp;c=583</t>
  </si>
  <si>
    <t>12/14/2019 13:48:26</t>
  </si>
  <si>
    <t>12/14/2019 13:48:37</t>
  </si>
  <si>
    <t>12/14/2019 13:50:42</t>
  </si>
  <si>
    <t>mail.google.com/sync/u/0/i/s?hl=pt-BR&amp;c=590</t>
  </si>
  <si>
    <t>12/14/2019 13:46:47</t>
  </si>
  <si>
    <t>12/14/2019 13:46:48</t>
  </si>
  <si>
    <t>12/14/2019 13:46:51</t>
  </si>
  <si>
    <t>12/14/2019 13:46:55</t>
  </si>
  <si>
    <t>12/14/2019 13:46:59</t>
  </si>
  <si>
    <t>12/14/2019 13:47:04</t>
  </si>
  <si>
    <t>12/14/2019 13:47:08</t>
  </si>
  <si>
    <t>12/14/2019 13:47:12</t>
  </si>
  <si>
    <t>12/14/2019 13:47:16</t>
  </si>
  <si>
    <t>12/14/2019 13:47:20</t>
  </si>
  <si>
    <t>12/14/2019 13:47:28</t>
  </si>
  <si>
    <t>12/14/2019 13:47:31</t>
  </si>
  <si>
    <t>12/14/2019 13:47:35</t>
  </si>
  <si>
    <t>12/14/2019 13:47:39</t>
  </si>
  <si>
    <t>12/14/2019 13:47:43</t>
  </si>
  <si>
    <t>12/14/2019 13:47:47</t>
  </si>
  <si>
    <t>12/14/2019 13:47:51</t>
  </si>
  <si>
    <t>12/14/2019 13:47:55</t>
  </si>
  <si>
    <t>12/14/2019 13:47:59</t>
  </si>
  <si>
    <t>12/14/2019 13:48:03</t>
  </si>
  <si>
    <t>12/14/2019 13:48:11</t>
  </si>
  <si>
    <t>12/14/2019 13:48:15</t>
  </si>
  <si>
    <t>12/14/2019 13:48:19</t>
  </si>
  <si>
    <t>12/14/2019 13:48:28</t>
  </si>
  <si>
    <t>12/14/2019 13:48:32</t>
  </si>
  <si>
    <t>12/14/2019 13:48:36</t>
  </si>
  <si>
    <t>12/14/2019 13:48:40</t>
  </si>
  <si>
    <t>12/14/2019 13:48:44</t>
  </si>
  <si>
    <t>12/14/2019 13:48:48</t>
  </si>
  <si>
    <t>12/14/2019 13:48:57</t>
  </si>
  <si>
    <t>12/14/2019 13:49:01</t>
  </si>
  <si>
    <t>12/14/2019 13:49:05</t>
  </si>
  <si>
    <t>12/14/2019 13:49:09</t>
  </si>
  <si>
    <t>12/14/2019 13:49:13</t>
  </si>
  <si>
    <t>12/14/2019 13:49:17</t>
  </si>
  <si>
    <t>12/14/2019 13:49:21</t>
  </si>
  <si>
    <t>12/14/2019 13:49:25</t>
  </si>
  <si>
    <t>12/14/2019 13:49:30</t>
  </si>
  <si>
    <t>12/14/2019 13:49:34</t>
  </si>
  <si>
    <t>12/14/2019 13:49:38</t>
  </si>
  <si>
    <t>12/14/2019 13:49:42</t>
  </si>
  <si>
    <t>12/14/2019 13:49:46</t>
  </si>
  <si>
    <t>12/14/2019 13:49:50</t>
  </si>
  <si>
    <t>12/14/2019 13:49:54</t>
  </si>
  <si>
    <t>12/14/2019 13:49:58</t>
  </si>
  <si>
    <t>12/14/2019 13:50:02</t>
  </si>
  <si>
    <t>12/14/2019 13:50:06</t>
  </si>
  <si>
    <t>12/14/2019 13:50:10</t>
  </si>
  <si>
    <t>12/14/2019 13:50:15</t>
  </si>
  <si>
    <t>12/14/2019 13:50:19</t>
  </si>
  <si>
    <t>12/14/2019 13:50:23</t>
  </si>
  <si>
    <t>12/14/2019 13:50:27</t>
  </si>
  <si>
    <t>12/14/2019 13:50:31</t>
  </si>
  <si>
    <t>12/14/2019 13:50:36</t>
  </si>
  <si>
    <t>12/14/2019 13:50:40</t>
  </si>
  <si>
    <t>12/14/2019 13:50:44</t>
  </si>
  <si>
    <t>12/14/2019 13:50:48</t>
  </si>
  <si>
    <t>12/14/2019 13:50:52</t>
  </si>
  <si>
    <t>12/14/2019 13:50:56</t>
  </si>
  <si>
    <t>12/14/2019 13:51:00</t>
  </si>
  <si>
    <t>12/14/2019 13:51:04</t>
  </si>
  <si>
    <t>12/14/2019 13:51:08</t>
  </si>
  <si>
    <t>12/14/2019 13:51:12</t>
  </si>
  <si>
    <t>12/14/2019 13:51:16</t>
  </si>
  <si>
    <t>12/14/2019 13:51:21</t>
  </si>
  <si>
    <t>12/14/2019 13:51:25</t>
  </si>
  <si>
    <t>12/14/2019 13:51:29</t>
  </si>
  <si>
    <t>12/14/2019 13:56:54</t>
  </si>
  <si>
    <t>12/14/2019 13:51:33</t>
  </si>
  <si>
    <t>12/14/2019 13:51:37</t>
  </si>
  <si>
    <t>12/14/2019 13:51:41</t>
  </si>
  <si>
    <t>12/14/2019 13:51:45</t>
  </si>
  <si>
    <t>12/14/2019 13:51:47</t>
  </si>
  <si>
    <t>12/14/2019 13:51:52</t>
  </si>
  <si>
    <t>12/14/2019 13:51:55</t>
  </si>
  <si>
    <t>12/14/2019 13:52:00</t>
  </si>
  <si>
    <t>12/14/2019 13:52:04</t>
  </si>
  <si>
    <t>12/14/2019 13:52:08</t>
  </si>
  <si>
    <t>12/14/2019 13:52:12</t>
  </si>
  <si>
    <t>12/14/2019 13:52:17</t>
  </si>
  <si>
    <t>12/14/2019 13:52:21</t>
  </si>
  <si>
    <t>12/14/2019 13:52:25</t>
  </si>
  <si>
    <t>12/14/2019 13:52:29</t>
  </si>
  <si>
    <t>12/14/2019 13:52:33</t>
  </si>
  <si>
    <t>12/14/2019 13:52:35</t>
  </si>
  <si>
    <t>12/14/2019 13:52:37</t>
  </si>
  <si>
    <t>12/14/2019 13:52:41</t>
  </si>
  <si>
    <t>12/14/2019 13:52:45</t>
  </si>
  <si>
    <t>12/14/2019 13:52:49</t>
  </si>
  <si>
    <t>12/14/2019 13:52:53</t>
  </si>
  <si>
    <t>12/14/2019 13:52:57</t>
  </si>
  <si>
    <t>12/14/2019 13:53:02</t>
  </si>
  <si>
    <t>12/14/2019 13:53:06</t>
  </si>
  <si>
    <t>12/14/2019 13:53:10</t>
  </si>
  <si>
    <t>12/14/2019 13:53:14</t>
  </si>
  <si>
    <t>12/14/2019 13:53:18</t>
  </si>
  <si>
    <t>12/14/2019 13:53:22</t>
  </si>
  <si>
    <t>12/14/2019 13:53:26</t>
  </si>
  <si>
    <t>12/14/2019 13:53:30</t>
  </si>
  <si>
    <t>12/14/2019 13:53:34</t>
  </si>
  <si>
    <t>12/14/2019 13:53:38</t>
  </si>
  <si>
    <t>12/14/2019 13:53:43</t>
  </si>
  <si>
    <t>12/14/2019 13:53:47</t>
  </si>
  <si>
    <t>12/14/2019 13:53:51</t>
  </si>
  <si>
    <t>12/14/2019 13:53:55</t>
  </si>
  <si>
    <t>12/14/2019 13:53:59</t>
  </si>
  <si>
    <t>12/14/2019 13:54:03</t>
  </si>
  <si>
    <t>12/14/2019 13:54:07</t>
  </si>
  <si>
    <t>12/14/2019 13:54:11</t>
  </si>
  <si>
    <t>12/14/2019 13:54:15</t>
  </si>
  <si>
    <t>12/14/2019 13:54:19</t>
  </si>
  <si>
    <t>12/14/2019 13:54:23</t>
  </si>
  <si>
    <t>12/14/2019 13:54:27</t>
  </si>
  <si>
    <t>12/14/2019 13:54:32</t>
  </si>
  <si>
    <t>12/14/2019 13:54:34</t>
  </si>
  <si>
    <t>12/14/2019 13:54:38</t>
  </si>
  <si>
    <t>12/14/2019 13:54:42</t>
  </si>
  <si>
    <t>12/14/2019 13:54:46</t>
  </si>
  <si>
    <t>12/14/2019 13:54:50</t>
  </si>
  <si>
    <t>12/14/2019 13:54:54</t>
  </si>
  <si>
    <t>12/14/2019 13:54:58</t>
  </si>
  <si>
    <t>12/14/2019 13:55:03</t>
  </si>
  <si>
    <t>12/14/2019 13:55:07</t>
  </si>
  <si>
    <t>12/14/2019 13:55:11</t>
  </si>
  <si>
    <t>12/14/2019 13:55:15</t>
  </si>
  <si>
    <t>12/14/2019 13:55:19</t>
  </si>
  <si>
    <t>12/14/2019 13:55:23</t>
  </si>
  <si>
    <t>12/14/2019 13:55:28</t>
  </si>
  <si>
    <t>12/14/2019 13:55:32</t>
  </si>
  <si>
    <t>12/14/2019 13:55:36</t>
  </si>
  <si>
    <t>12/14/2019 13:55:39</t>
  </si>
  <si>
    <t>12/14/2019 13:55:44</t>
  </si>
  <si>
    <t>12/14/2019 13:55:48</t>
  </si>
  <si>
    <t>12/14/2019 13:55:52</t>
  </si>
  <si>
    <t>12/14/2019 13:55:56</t>
  </si>
  <si>
    <t>12/14/2019 13:56:00</t>
  </si>
  <si>
    <t>12/14/2019 13:56:04</t>
  </si>
  <si>
    <t>12/14/2019 13:56:08</t>
  </si>
  <si>
    <t>12/14/2019 13:56:13</t>
  </si>
  <si>
    <t>12/14/2019 13:56:17</t>
  </si>
  <si>
    <t>12/14/2019 13:56:21</t>
  </si>
  <si>
    <t>12/14/2019 13:56:25</t>
  </si>
  <si>
    <t>12/14/2019 13:56:29</t>
  </si>
  <si>
    <t>12/14/2019 13:56:33</t>
  </si>
  <si>
    <t>12/14/2019 14:00:08</t>
  </si>
  <si>
    <t>12/14/2019 14:00:55</t>
  </si>
  <si>
    <t>ulog_AcroARM2_ARM2Update_a9473871-eb7b-4719-ba46-35125c58e0e7_42c4716e-a22c-4973-bb35-2bc9b129c6ef_0.log</t>
  </si>
  <si>
    <t>C:\Users\davimvs\AppData\Roaming\Adobe\LogTransport2\Logs\ulog_AcroARM2_ARM2Update_a9473871-eb7b-4719-ba46-35125c58e0e7_42c4716e-a22c-4973-bb35-2bc9b129c6ef_0.log\</t>
  </si>
  <si>
    <t>ulog_AcroARM2_Reader_a9473871-eb7b-4719-ba46-35125c58e0e7_065fae25-e109-4210-8f34-6f4e3490caff_0.log</t>
  </si>
  <si>
    <t>C:\Users\davimvs\AppData\Roaming\Adobe\LogTransport2\Logs\ulog_AcroARM2_Reader_a9473871-eb7b-4719-ba46-35125c58e0e7_065fae25-e109-4210-8f34-6f4e3490caff_0.log\</t>
  </si>
  <si>
    <t>ulog_AcroARM2_Reader_a9473871-eb7b-4719-ba46-35125c58e0e7_fb3c0014-f9ce-427a-9b48-c14adc639101_0.log</t>
  </si>
  <si>
    <t>C:\Users\davimvs\AppData\Roaming\Adobe\LogTransport2\Logs\ulog_AcroARM2_Reader_a9473871-eb7b-4719-ba46-35125c58e0e7_fb3c0014-f9ce-427a-9b48-c14adc639101_0.log\</t>
  </si>
  <si>
    <t>12/14/2019 13:59:10</t>
  </si>
  <si>
    <t>12/14/2019 14:01:54</t>
  </si>
  <si>
    <t>12/14/2019 13:56:37</t>
  </si>
  <si>
    <t>12/14/2019 13:56:41</t>
  </si>
  <si>
    <t>12/14/2019 13:56:45</t>
  </si>
  <si>
    <t>12/14/2019 13:56:49</t>
  </si>
  <si>
    <t>12/14/2019 13:56:57</t>
  </si>
  <si>
    <t>12/14/2019 13:57:02</t>
  </si>
  <si>
    <t>12/14/2019 13:57:06</t>
  </si>
  <si>
    <t>12/14/2019 13:57:10</t>
  </si>
  <si>
    <t>12/14/2019 13:57:14</t>
  </si>
  <si>
    <t>12/14/2019 13:57:18</t>
  </si>
  <si>
    <t>12/14/2019 13:57:22</t>
  </si>
  <si>
    <t>12/14/2019 13:57:26</t>
  </si>
  <si>
    <t>12/14/2019 13:57:30</t>
  </si>
  <si>
    <t>12/14/2019 13:57:31</t>
  </si>
  <si>
    <t>12/14/2019 13:57:32</t>
  </si>
  <si>
    <t>12/14/2019 13:58:35</t>
  </si>
  <si>
    <t>12/14/2019 14:00:20</t>
  </si>
  <si>
    <t>12/14/2019 14:00:21</t>
  </si>
  <si>
    <t>12/14/2019 14:00:23</t>
  </si>
  <si>
    <t>12/14/2019 14:04:07</t>
  </si>
  <si>
    <t>12/14/2019 14:06:54</t>
  </si>
  <si>
    <t>12/14/2019 14:04:35</t>
  </si>
  <si>
    <t>12/14/2019 14:04:37</t>
  </si>
  <si>
    <t>12/14/2019 14:04:38</t>
  </si>
  <si>
    <t>12/14/2019 14:05:11</t>
  </si>
  <si>
    <t>12/14/2019 14:05:12</t>
  </si>
  <si>
    <t>12/14/2019 14:05:41</t>
  </si>
  <si>
    <t>12/14/2019 14:05:42</t>
  </si>
  <si>
    <t>12/14/2019 14:05:46</t>
  </si>
  <si>
    <t>12/14/2019 14:05:47</t>
  </si>
  <si>
    <t>12/14/2019 14:05:48</t>
  </si>
  <si>
    <t>12/14/2019 14:05:54</t>
  </si>
  <si>
    <t>12/14/2019 14:05:55</t>
  </si>
  <si>
    <t>12/14/2019 14:05:57</t>
  </si>
  <si>
    <t>12/14/2019 14:06:02</t>
  </si>
  <si>
    <t>12/14/2019 14:06:04</t>
  </si>
  <si>
    <t>12/14/2019 14:06:05</t>
  </si>
  <si>
    <t>12/14/2019 14:06:11</t>
  </si>
  <si>
    <t>12/14/2019 14:06:12</t>
  </si>
  <si>
    <t>12/14/2019 14:06:31</t>
  </si>
  <si>
    <t>12/14/2019 14:06:33</t>
  </si>
  <si>
    <t>12/14/2019 14:06:34</t>
  </si>
  <si>
    <t>12/14/2019 14:06:41</t>
  </si>
  <si>
    <t>12/14/2019 14:06:42</t>
  </si>
  <si>
    <t>12/14/2019 14:06:43</t>
  </si>
  <si>
    <t>12/14/2019 14:04:31</t>
  </si>
  <si>
    <t>12/14/2019 14:09:54</t>
  </si>
  <si>
    <t>12/14/2019 14:09:33</t>
  </si>
  <si>
    <t>12/14/2019 14:10:54</t>
  </si>
  <si>
    <t>12/14/2019 14:08:48</t>
  </si>
  <si>
    <t>12/14/2019 14:11:54</t>
  </si>
  <si>
    <t>12/14/2019 14:06:48</t>
  </si>
  <si>
    <t>12/14/2019 14:06:49</t>
  </si>
  <si>
    <t>12/14/2019 14:06:51</t>
  </si>
  <si>
    <t>12/14/2019 14:06:59</t>
  </si>
  <si>
    <t>12/14/2019 14:07:00</t>
  </si>
  <si>
    <t>12/14/2019 14:07:11</t>
  </si>
  <si>
    <t>12/14/2019 14:07:12</t>
  </si>
  <si>
    <t>12/14/2019 14:07:31</t>
  </si>
  <si>
    <t>12/14/2019 14:07:33</t>
  </si>
  <si>
    <t>12/14/2019 14:07:41</t>
  </si>
  <si>
    <t>12/14/2019 14:07:42</t>
  </si>
  <si>
    <t>12/14/2019 14:07:51</t>
  </si>
  <si>
    <t>12/14/2019 14:07:52</t>
  </si>
  <si>
    <t>12/14/2019 14:07:54</t>
  </si>
  <si>
    <t>12/14/2019 14:07:55</t>
  </si>
  <si>
    <t>12/14/2019 14:07:56</t>
  </si>
  <si>
    <t>12/14/2019 14:07:57</t>
  </si>
  <si>
    <t>12/14/2019 14:07:58</t>
  </si>
  <si>
    <t>12/14/2019 14:10:35</t>
  </si>
  <si>
    <t>12/14/2019 14:11:33</t>
  </si>
  <si>
    <t>12/14/2019 14:14:53</t>
  </si>
  <si>
    <t>12/14/2019 14:11:38</t>
  </si>
  <si>
    <t>12/14/2019 14:16:53</t>
  </si>
  <si>
    <t>12/14/2019 14:13:35</t>
  </si>
  <si>
    <t>12/14/2019 14:16:35</t>
  </si>
  <si>
    <t>12/14/2019 14:17:00</t>
  </si>
  <si>
    <t>12/14/2019 14:17:54</t>
  </si>
  <si>
    <t>12/14/2019 14:17:01</t>
  </si>
  <si>
    <t>lu18936wmnrr.tmp</t>
  </si>
  <si>
    <t>\\acsfs\profiles$\dhiulliananads\My Documents\lu18936wmnrr.tmp</t>
  </si>
  <si>
    <t>\\acsfs\profiles$\dhiulliananads\My Documents\lu18936wmnrr.tmp\</t>
  </si>
  <si>
    <t>\\acsfs\profiles$\dhiulliananads\My Documents\lu18936wmnrr.tmp\META-INF\</t>
  </si>
  <si>
    <t>\\acsfs\profiles$\dhiulliananads\My Documents\lu18936wmnrr.tmp\Thumbnails\</t>
  </si>
  <si>
    <t>12/14/2019 14:17:20</t>
  </si>
  <si>
    <t>12/14/2019 14:19:54</t>
  </si>
  <si>
    <t>12/14/2019 14:17:21</t>
  </si>
  <si>
    <t>12/14/2019 14:15:57</t>
  </si>
  <si>
    <t>12/14/2019 14:15:58</t>
  </si>
  <si>
    <t>lu16436yw8wp.tmp</t>
  </si>
  <si>
    <t>\\acsfs\profiles$\VIVIANALDS\My Documents\lu16436yw8wp.tmp</t>
  </si>
  <si>
    <t>\\acsfs\profiles$\VIVIANALDS\My Documents\lu16436yw8wp.tmp\</t>
  </si>
  <si>
    <t>\\acsfs\profiles$\VIVIANALDS\My Documents\lu16436yw8wp.tmp\META-INF\</t>
  </si>
  <si>
    <t>\\acsfs\profiles$\VIVIANALDS\My Documents\lu16436yw8wp.tmp\Thumbnails\</t>
  </si>
  <si>
    <t>12/14/2019 14:15:59</t>
  </si>
  <si>
    <t>12/14/2019 14:16:00</t>
  </si>
  <si>
    <t>lu16436yw8wt.tmp</t>
  </si>
  <si>
    <t>\\acsfs\profiles$\VIVIANALDS\My Documents\lu16436yw8wt.tmp</t>
  </si>
  <si>
    <t>\\acsfs\profiles$\VIVIANALDS\My Documents\lu16436yw8wt.tmp\</t>
  </si>
  <si>
    <t>\\acsfs\profiles$\VIVIANALDS\My Documents\lu16436yw8wt.tmp\META-INF\</t>
  </si>
  <si>
    <t>\\acsfs\profiles$\VIVIANALDS\My Documents\lu16436yw8wt.tmp\Thumbnails\</t>
  </si>
  <si>
    <t>12/14/2019 14:16:30</t>
  </si>
  <si>
    <t>12/14/2019 14:16:31</t>
  </si>
  <si>
    <t>lu16436yw8wx.tmp</t>
  </si>
  <si>
    <t>\\acsfs\profiles$\VIVIANALDS\My Documents\lu16436yw8wx.tmp</t>
  </si>
  <si>
    <t>\\acsfs\profiles$\VIVIANALDS\My Documents\lu16436yw8wx.tmp\</t>
  </si>
  <si>
    <t>\\acsfs\profiles$\VIVIANALDS\My Documents\lu16436yw8wx.tmp\META-INF\</t>
  </si>
  <si>
    <t>\\acsfs\profiles$\VIVIANALDS\My Documents\lu16436yw8wx.tmp\Thumbnails\</t>
  </si>
  <si>
    <t>12/14/2019 14:17:42</t>
  </si>
  <si>
    <t>12/14/2019 14:21:54</t>
  </si>
  <si>
    <t>Layout TV Vendas 1 Atualizado.ppt</t>
  </si>
  <si>
    <t>\\acsfs\DEPTOS\Operacao\Banco_Votorantim\Supervisao\SUPERS BV CARTÕES\Layout TV Vendas 1 Atualizado.ppt</t>
  </si>
  <si>
    <t>\\acsfs\DEPTOS\Operacao\Banco_Votorantim\Supervisao\SUPERS BV CARTÕES\Layout TV Vendas 1 Atualizado.ppt\s4\</t>
  </si>
  <si>
    <t>PowerPoint.MetroBlob10.pptx</t>
  </si>
  <si>
    <t>PowerPoint.MetroBlob11.pptx</t>
  </si>
  <si>
    <t>PowerPoint.MetroBlob12.pptx</t>
  </si>
  <si>
    <t>PowerPoint.MetroBlob13.pptx</t>
  </si>
  <si>
    <t>PowerPoint.MetroBlob14.pptx</t>
  </si>
  <si>
    <t>PowerPoint.MetroBlob15.pptx</t>
  </si>
  <si>
    <t>PowerPoint.MetroBlob16.pptx</t>
  </si>
  <si>
    <t>PowerPoint.MetroBlob17.pptx</t>
  </si>
  <si>
    <t>PowerPoint.MetroBlob6.pptx</t>
  </si>
  <si>
    <t>PowerPoint.MetroBlob7.pptx</t>
  </si>
  <si>
    <t>PowerPoint.MetroBlob8.pptx</t>
  </si>
  <si>
    <t>PowerPoint.MetroBlob9.pptx</t>
  </si>
  <si>
    <t>12/14/2019 14:17:51</t>
  </si>
  <si>
    <t>12/14/2019 14:19:56</t>
  </si>
  <si>
    <t>12/14/2019 14:18:52</t>
  </si>
  <si>
    <t>12/14/2019 14:18:53</t>
  </si>
  <si>
    <t>12/14/2019 14:18:54</t>
  </si>
  <si>
    <t>12/14/2019 14:20:29</t>
  </si>
  <si>
    <t>12/14/2019 14:20:30</t>
  </si>
  <si>
    <t>12/14/2019 14:20:32</t>
  </si>
  <si>
    <t>12/14/2019 14:21:18</t>
  </si>
  <si>
    <t>12/14/2019 14:23:54</t>
  </si>
  <si>
    <t>\\acsfs\profiles$\luanarda\Pausas\</t>
  </si>
  <si>
    <t>\\acsfs\profiles$\luanarda\Pausas\Pausas.txt</t>
  </si>
  <si>
    <t>12/14/2019 14:22:55</t>
  </si>
  <si>
    <t>12/14/2019 14:25:54</t>
  </si>
  <si>
    <t>9a805674-2b35-485f-9deb-314313ad331c.tmp</t>
  </si>
  <si>
    <t>\\acsfs\profiles$\vivianibfs\Downloads\9a805674-2b35-485f-9deb-314313ad331c.tmp</t>
  </si>
  <si>
    <t>12/14/2019 14:22:59</t>
  </si>
  <si>
    <t>ceb31de5-8cf3-4755-aa25-eb2bfc4ca1ba.tmp</t>
  </si>
  <si>
    <t>\\acsfs\profiles$\vivianibfs\Downloads\ceb31de5-8cf3-4755-aa25-eb2bfc4ca1ba.tmp</t>
  </si>
  <si>
    <t>12/14/2019 14:23:03</t>
  </si>
  <si>
    <t>776806d7-0840-499d-8484-cf7de154d709.tmp</t>
  </si>
  <si>
    <t>\\acsfs\profiles$\vivianibfs\Downloads\776806d7-0840-499d-8484-cf7de154d709.tmp</t>
  </si>
  <si>
    <t>12/14/2019 14:24:07</t>
  </si>
  <si>
    <t>4a6f4866-803a-4188-8058-a664b2eb49c6.tmp</t>
  </si>
  <si>
    <t>\\acsfs\profiles$\vivianibfs\Downloads\4a6f4866-803a-4188-8058-a664b2eb49c6.tmp</t>
  </si>
  <si>
    <t>12/14/2019 14:25:05</t>
  </si>
  <si>
    <t>cecce14d-7ea3-415c-a3aa-e6acbf1550a9.tmp</t>
  </si>
  <si>
    <t>\\acsfs\profiles$\vivianibfs\Downloads\cecce14d-7ea3-415c-a3aa-e6acbf1550a9.tmp</t>
  </si>
  <si>
    <t>12/14/2019 14:22:06</t>
  </si>
  <si>
    <t>12/14/2019 14:26:54</t>
  </si>
  <si>
    <t>12/14/2019 14:22:35</t>
  </si>
  <si>
    <t>12/14/2019 14:25:35</t>
  </si>
  <si>
    <t>12/14/2019 14:24:41</t>
  </si>
  <si>
    <t>12/14/2019 14:28:54</t>
  </si>
  <si>
    <t>12/14/2019 14:28:35</t>
  </si>
  <si>
    <t>12/14/2019 14:31:55</t>
  </si>
  <si>
    <t>12/14/2019 14:31:35</t>
  </si>
  <si>
    <t>12/14/2019 14:31:19</t>
  </si>
  <si>
    <t>12/14/2019 14:33:55</t>
  </si>
  <si>
    <t>190f73ac-ec21-478e-a8a3-9512ffa73fd5.tmp</t>
  </si>
  <si>
    <t>\\acsfs\profiles$\PEDROHAB\Downloads\190f73ac-ec21-478e-a8a3-9512ffa73fd5.tmp</t>
  </si>
  <si>
    <t>12/14/2019 14:34:06</t>
  </si>
  <si>
    <t>12/14/2019 14:36:54</t>
  </si>
  <si>
    <t>12/14/2019 14:34:35</t>
  </si>
  <si>
    <t>12/14/2019 14:38:04</t>
  </si>
  <si>
    <t>12/14/2019 14:38:54</t>
  </si>
  <si>
    <t>12/14/2019 14:36:33</t>
  </si>
  <si>
    <t>12/14/2019 14:39:54</t>
  </si>
  <si>
    <t>12/14/2019 14:37:14</t>
  </si>
  <si>
    <t>bc17648b-a65b-4be4-af08-7a2da6d28543.tmp</t>
  </si>
  <si>
    <t>\\acsfs\profiles$\rosileiam\Downloads\bc17648b-a65b-4be4-af08-7a2da6d28543.tmp</t>
  </si>
  <si>
    <t>12/14/2019 14:39:03</t>
  </si>
  <si>
    <t>38efbba6-80eb-4522-a998-64426ac68baf.tmp</t>
  </si>
  <si>
    <t>\\acsfs\profiles$\rosileiam\Downloads\38efbba6-80eb-4522-a998-64426ac68baf.tmp</t>
  </si>
  <si>
    <t>12/14/2019 14:37:35</t>
  </si>
  <si>
    <t>12/14/2019 14:41:54</t>
  </si>
  <si>
    <t>12/14/2019 14:40:35</t>
  </si>
  <si>
    <t>12/14/2019 14:42:16</t>
  </si>
  <si>
    <t>12/14/2019 14:46:54</t>
  </si>
  <si>
    <t>12/14/2019 14:43:35</t>
  </si>
  <si>
    <t>12/14/2019 14:46:35</t>
  </si>
  <si>
    <t>12/14/2019 14:44:38</t>
  </si>
  <si>
    <t>12/14/2019 14:48:54</t>
  </si>
  <si>
    <t>2727fbdf-b087-4575-939b-ec60ff329f98.tmp</t>
  </si>
  <si>
    <t>\\acsfs\profiles$\YASMINSC\Downloads\2727fbdf-b087-4575-939b-ec60ff329f98.tmp</t>
  </si>
  <si>
    <t>12/14/2019 14:47:18</t>
  </si>
  <si>
    <t>12/14/2019 14:51:54</t>
  </si>
  <si>
    <t>12/14/2019 14:49:35</t>
  </si>
  <si>
    <t>12/14/2019 14:52:35</t>
  </si>
  <si>
    <t>12/14/2019 14:56:54</t>
  </si>
  <si>
    <t>12/14/2019 14:55:35</t>
  </si>
  <si>
    <t>12/14/2019 14:57:21</t>
  </si>
  <si>
    <t>12/14/2019 14:59:55</t>
  </si>
  <si>
    <t>12/14/2019 14:58:35</t>
  </si>
  <si>
    <t>12/14/2019 15:01:55</t>
  </si>
  <si>
    <t>12/14/2019 15:00:41</t>
  </si>
  <si>
    <t>12/14/2019 15:00:42</t>
  </si>
  <si>
    <t>12/14/2019 15:00:44</t>
  </si>
  <si>
    <t>12/14/2019 14:59:37</t>
  </si>
  <si>
    <t>12/14/2019 15:03:55</t>
  </si>
  <si>
    <t>12/14/2019 15:03:06</t>
  </si>
  <si>
    <t>12/14/2019 15:04:54</t>
  </si>
  <si>
    <t>12/14/2019 15:00:38</t>
  </si>
  <si>
    <t>12/14/2019 15:04:35</t>
  </si>
  <si>
    <t>12/14/2019 15:06:54</t>
  </si>
  <si>
    <t>12/14/2019 15:06:35</t>
  </si>
  <si>
    <t>12/14/2019 15:10:35</t>
  </si>
  <si>
    <t>12/14/2019 15:11:55</t>
  </si>
  <si>
    <t>12/14/2019 15:11:14</t>
  </si>
  <si>
    <t>12/14/2019 15:15:55</t>
  </si>
  <si>
    <t>12/14/2019 15:12:35</t>
  </si>
  <si>
    <t>12/14/2019 15:16:54</t>
  </si>
  <si>
    <t>12/14/2019 15:16:35</t>
  </si>
  <si>
    <t>12/14/2019 15:15:06</t>
  </si>
  <si>
    <t>12/14/2019 15:17:55</t>
  </si>
  <si>
    <t>12/14/2019 15:16:55</t>
  </si>
  <si>
    <t>12/14/2019 15:18:54</t>
  </si>
  <si>
    <t>12/14/2019 15:15:36</t>
  </si>
  <si>
    <t>12/14/2019 15:19:55</t>
  </si>
  <si>
    <t>12/14/2019 15:18:36</t>
  </si>
  <si>
    <t>12/14/2019 15:21:55</t>
  </si>
  <si>
    <t>12/14/2019 15:21:16</t>
  </si>
  <si>
    <t>12/14/2019 15:21:17</t>
  </si>
  <si>
    <t>12/14/2019 15:21:19</t>
  </si>
  <si>
    <t>12/14/2019 15:21:29</t>
  </si>
  <si>
    <t>12/14/2019 15:23:55</t>
  </si>
  <si>
    <t>eef67234-8a06-407f-ba1f-e233289c94c8.tmp</t>
  </si>
  <si>
    <t>\\acsfs\profiles$\fabianafv\Downloads\eef67234-8a06-407f-ba1f-e233289c94c8.tmp</t>
  </si>
  <si>
    <t>12/14/2019 15:21:35</t>
  </si>
  <si>
    <t>c03780d0-bfb4-4ba3-8cd5-c3a0c0538565.tmp</t>
  </si>
  <si>
    <t>\\acsfs\profiles$\fabianafv\Downloads\c03780d0-bfb4-4ba3-8cd5-c3a0c0538565.tmp</t>
  </si>
  <si>
    <t>12/14/2019 15:21:38</t>
  </si>
  <si>
    <t>b27a0303-d163-4aca-aa0e-66acb2a1911f.tmp</t>
  </si>
  <si>
    <t>\\acsfs\profiles$\fabianafv\Downloads\b27a0303-d163-4aca-aa0e-66acb2a1911f.tmp</t>
  </si>
  <si>
    <t>12/14/2019 15:22:35</t>
  </si>
  <si>
    <t>12/14/2019 15:26:55</t>
  </si>
  <si>
    <t>12/14/2019 15:26:35</t>
  </si>
  <si>
    <t>12/14/2019 15:23:47</t>
  </si>
  <si>
    <t>12/14/2019 15:28:56</t>
  </si>
  <si>
    <t>5aae4ab9-53ca-4f85-ae7d-76b6d3ce6524.tmp</t>
  </si>
  <si>
    <t>\\acsfs\profiles$\fabianafv\Downloads\5aae4ab9-53ca-4f85-ae7d-76b6d3ce6524.tmp</t>
  </si>
  <si>
    <t>12/14/2019 15:28:36</t>
  </si>
  <si>
    <t>12/14/2019 15:31:55</t>
  </si>
  <si>
    <t>12/14/2019 15:30:11</t>
  </si>
  <si>
    <t>12/14/2019 15:34:55</t>
  </si>
  <si>
    <t>2e16b6f2-6f46-4307-a04a-bfda8d38e3c3.tmp</t>
  </si>
  <si>
    <t>\\acsfs\profiles$\rosileiam\Downloads\2e16b6f2-6f46-4307-a04a-bfda8d38e3c3.tmp</t>
  </si>
  <si>
    <t>12/14/2019 15:32:36</t>
  </si>
  <si>
    <t>12/14/2019 15:36:55</t>
  </si>
  <si>
    <t>12/14/2019 15:34:36</t>
  </si>
  <si>
    <t>12/14/2019 15:38:36</t>
  </si>
  <si>
    <t>12/14/2019 15:41:55</t>
  </si>
  <si>
    <t>12/14/2019 15:40:36</t>
  </si>
  <si>
    <t>12/14/2019 15:38:11</t>
  </si>
  <si>
    <t>12/14/2019 15:43:55</t>
  </si>
  <si>
    <t>12/14/2019 15:40:35</t>
  </si>
  <si>
    <t>12/14/2019 15:44:36</t>
  </si>
  <si>
    <t>12/14/2019 15:46:55</t>
  </si>
  <si>
    <t>12/14/2019 15:46:36</t>
  </si>
  <si>
    <t>12/14/2019 15:47:07</t>
  </si>
  <si>
    <t>12/14/2019 15:48:55</t>
  </si>
  <si>
    <t>12/14/2019 15:50:36</t>
  </si>
  <si>
    <t>12/14/2019 15:51:55</t>
  </si>
  <si>
    <t>12/14/2019 15:52:36</t>
  </si>
  <si>
    <t>12/14/2019 15:56:55</t>
  </si>
  <si>
    <t>12/14/2019 15:56:36</t>
  </si>
  <si>
    <t>12/14/2019 15:55:08</t>
  </si>
  <si>
    <t>12/14/2019 15:59:55</t>
  </si>
  <si>
    <t>2d663df3-2374-4d2e-ac23-acc15ff59ce1.tmp</t>
  </si>
  <si>
    <t>\\acsfs\profiles$\rosileiam\Downloads\2d663df3-2374-4d2e-ac23-acc15ff59ce1.tmp</t>
  </si>
  <si>
    <t>12/14/2019 15:58:36</t>
  </si>
  <si>
    <t>12/14/2019 16:01:55</t>
  </si>
  <si>
    <t>12/14/2019 15:59:36</t>
  </si>
  <si>
    <t>12/14/2019 16:04:55</t>
  </si>
  <si>
    <t>12/14/2019 16:02:36</t>
  </si>
  <si>
    <t>12/14/2019 16:06:55</t>
  </si>
  <si>
    <t>12/14/2019 16:04:36</t>
  </si>
  <si>
    <t>12/14/2019 16:06:26</t>
  </si>
  <si>
    <t>12/14/2019 16:10:55</t>
  </si>
  <si>
    <t>12/14/2019 16:08:36</t>
  </si>
  <si>
    <t>12/14/2019 16:11:55</t>
  </si>
  <si>
    <t>12/14/2019 16:09:03</t>
  </si>
  <si>
    <t>12/14/2019 16:09:04</t>
  </si>
  <si>
    <t>12/14/2019 16:09:06</t>
  </si>
  <si>
    <t>12/14/2019 16:10:36</t>
  </si>
  <si>
    <t>12/14/2019 16:14:36</t>
  </si>
  <si>
    <t>12/14/2019 16:16:55</t>
  </si>
  <si>
    <t>12/14/2019 16:16:36</t>
  </si>
  <si>
    <t>12/14/2019 16:17:10</t>
  </si>
  <si>
    <t>12/14/2019 16:20:55</t>
  </si>
  <si>
    <t>12/14/2019 16:18:58</t>
  </si>
  <si>
    <t>12/14/2019 16:21:55</t>
  </si>
  <si>
    <t>12/14/2019 16:18:59</t>
  </si>
  <si>
    <t>12/14/2019 16:19:00</t>
  </si>
  <si>
    <t>12/14/2019 16:19:02</t>
  </si>
  <si>
    <t>12/14/2019 16:19:03</t>
  </si>
  <si>
    <t>12/14/2019 16:19:09</t>
  </si>
  <si>
    <t>12/14/2019 16:19:14</t>
  </si>
  <si>
    <t>12/14/2019 16:19:18</t>
  </si>
  <si>
    <t>12/14/2019 16:19:19</t>
  </si>
  <si>
    <t>12/14/2019 16:19:25</t>
  </si>
  <si>
    <t>12/14/2019 16:19:26</t>
  </si>
  <si>
    <t>12/14/2019 16:19:31</t>
  </si>
  <si>
    <t>12/14/2019 16:19:35</t>
  </si>
  <si>
    <t>12/14/2019 16:19:40</t>
  </si>
  <si>
    <t>12/14/2019 16:19:44</t>
  </si>
  <si>
    <t>12/14/2019 16:19:48</t>
  </si>
  <si>
    <t>12/14/2019 16:19:50</t>
  </si>
  <si>
    <t>12/14/2019 16:19:51</t>
  </si>
  <si>
    <t>12/14/2019 16:19:52</t>
  </si>
  <si>
    <t>12/14/2019 16:22:55</t>
  </si>
  <si>
    <t>12/14/2019 16:19:54</t>
  </si>
  <si>
    <t>12/14/2019 16:19:55</t>
  </si>
  <si>
    <t>12/14/2019 16:19:59</t>
  </si>
  <si>
    <t>12/14/2019 16:20:03</t>
  </si>
  <si>
    <t>12/14/2019 16:20:08</t>
  </si>
  <si>
    <t>12/14/2019 16:20:12</t>
  </si>
  <si>
    <t>12/14/2019 16:20:16</t>
  </si>
  <si>
    <t>12/14/2019 16:20:21</t>
  </si>
  <si>
    <t>12/14/2019 16:20:25</t>
  </si>
  <si>
    <t>12/14/2019 16:20:30</t>
  </si>
  <si>
    <t>12/14/2019 16:20:34</t>
  </si>
  <si>
    <t>12/14/2019 16:20:38</t>
  </si>
  <si>
    <t>12/14/2019 16:20:43</t>
  </si>
  <si>
    <t>12/14/2019 16:20:47</t>
  </si>
  <si>
    <t>12/14/2019 16:20:51</t>
  </si>
  <si>
    <t>12/14/2019 16:21:00</t>
  </si>
  <si>
    <t>12/14/2019 16:21:04</t>
  </si>
  <si>
    <t>12/14/2019 16:21:08</t>
  </si>
  <si>
    <t>12/14/2019 16:21:13</t>
  </si>
  <si>
    <t>12/14/2019 16:21:18</t>
  </si>
  <si>
    <t>12/14/2019 16:21:22</t>
  </si>
  <si>
    <t>12/14/2019 16:21:26</t>
  </si>
  <si>
    <t>12/14/2019 16:21:30</t>
  </si>
  <si>
    <t>12/14/2019 16:21:34</t>
  </si>
  <si>
    <t>12/14/2019 16:21:38</t>
  </si>
  <si>
    <t>12/14/2019 16:21:42</t>
  </si>
  <si>
    <t>12/14/2019 16:21:46</t>
  </si>
  <si>
    <t>12/14/2019 16:21:50</t>
  </si>
  <si>
    <t>12/13/2019 09:58:22</t>
  </si>
  <si>
    <t>12/14/2019 16:23:55</t>
  </si>
  <si>
    <t>C:\Users\filemoncmj\OneDrive - Grupo Algar\01. Algar Tech\01. Projetos de Clientes\47. Prudential\13. Plataforma ISD\</t>
  </si>
  <si>
    <t>Resultado da Avaliação de Área Especialista_ALGAR - v4 - Atualizado em 11dez2019.xlsb</t>
  </si>
  <si>
    <t>12/13/2019 16:07:55</t>
  </si>
  <si>
    <t>Registro de FTE Realizado GIAT Prudential.xlsb</t>
  </si>
  <si>
    <t>12/13/2019 16:16:35</t>
  </si>
  <si>
    <t>mail.google.com/_/upload?authuser=0&amp;dcp=asu-n&amp;upload_id=AEnB2UruYvXQMKARCkdxPGyyvL9i7EDVnE3WnSzEjCWctfLI76XpLLsOLDHB7NZgdBIa4XpdiKEBSDqmkjrgPfKAje3vK8O6xw&amp;upload_protocol=resumable</t>
  </si>
  <si>
    <t>amandacdr@algartech.com;andersonoa@algartech.com;claudia.noe@prudential.com;edilsonrb@algartech.com;filipepdr@algartech.com;paulocdsf@algartech.com;volneifvf@algartech.com;wilsonaapn@algartech.com;</t>
  </si>
  <si>
    <t>151219 - Registro de FTE Realizado GIAT Prudential (Revisado Henrique).xlsb</t>
  </si>
  <si>
    <t>amandacdr@algartech.com,andersonoa@algartech.com,claudia.noe@prudential.com,edilsonrb@algartech.com,filipepdr@algartech.com,paulocdsf@algartech.com,volneifvf@algartech.com,wilsonaapn@algartech.com</t>
  </si>
  <si>
    <t>mail.google.com/_/upload?authuser=0&amp;dcp=asu-n&amp;upload_id=AEnB2Uoo64nemUaS9F0RChAhe6gVMDhx9MrllYnnW8lteUyeB_XZ4cYi5cd8xqTAka6dqRF95Ljg-0Gimbb9hbMcgGsOSiJjPDkrjJ6nJy4vmXdiBqPHhTA&amp;upload_protocol=resumable</t>
  </si>
  <si>
    <t>12/13/2019 16:49:22</t>
  </si>
  <si>
    <t>mail.google.com/_/upload?authuser=0&amp;dcp=asu-n&amp;upload_id=AEnB2Uoz-6cJdkhZZfzbHoFAD_WbBdHZxSjlHlERJz-vEu_hCIBeZ7RLlgfXkh1lgoFHSj2mLDzjXgfTTDxGd4ebLdi4EWWMmlvM3YQdnvurtpHAZvWQ71s&amp;upload_protocol=resumable</t>
  </si>
  <si>
    <t>C:\Users\filemoncmj\OneDrive - Grupo Algar\01. Algar Tech\01. Projetos de Clientes\47. Prudential\17. FTE\Dezembro\HE\</t>
  </si>
  <si>
    <t>151219 - Registro de FTE Realizado GIAT Prudential (com HE Filemon).xlsb</t>
  </si>
  <si>
    <t>mail.google.com/_/upload?authuser=0&amp;dcp=asu-n&amp;upload_id=AEnB2UoL5nrEzHZRPYqa0BnaUVE1k6vjFUs6HfwxEaqgpfrPD7FCM8ya-8LkCfG9vFlmlY0DOHo4qbZk0qXlNHRojqKyRkcYdQ&amp;upload_protocol=resumable</t>
  </si>
  <si>
    <t>151219 - Registro de FTE Realizado ISD Prudential (com HE Filemon).xlsb</t>
  </si>
  <si>
    <t>12/13/2019 16:50:21</t>
  </si>
  <si>
    <t>12/14/2019 16:23:46</t>
  </si>
  <si>
    <t>12/14/2019 16:24:55</t>
  </si>
  <si>
    <t>12/14/2019 16:21:54</t>
  </si>
  <si>
    <t>12/14/2019 16:27:55</t>
  </si>
  <si>
    <t>12/14/2019 16:21:59</t>
  </si>
  <si>
    <t>12/14/2019 16:22:02</t>
  </si>
  <si>
    <t>12/14/2019 16:22:07</t>
  </si>
  <si>
    <t>12/14/2019 16:22:11</t>
  </si>
  <si>
    <t>12/14/2019 16:22:15</t>
  </si>
  <si>
    <t>12/14/2019 16:22:19</t>
  </si>
  <si>
    <t>12/14/2019 16:22:23</t>
  </si>
  <si>
    <t>12/14/2019 16:22:27</t>
  </si>
  <si>
    <t>12/14/2019 16:22:31</t>
  </si>
  <si>
    <t>12/14/2019 16:22:35</t>
  </si>
  <si>
    <t>12/14/2019 16:22:39</t>
  </si>
  <si>
    <t>12/14/2019 16:22:44</t>
  </si>
  <si>
    <t>12/14/2019 16:22:48</t>
  </si>
  <si>
    <t>12/14/2019 16:22:52</t>
  </si>
  <si>
    <t>12/14/2019 16:22:56</t>
  </si>
  <si>
    <t>12/14/2019 16:23:00</t>
  </si>
  <si>
    <t>12/14/2019 16:23:04</t>
  </si>
  <si>
    <t>12/14/2019 16:23:08</t>
  </si>
  <si>
    <t>12/14/2019 16:23:13</t>
  </si>
  <si>
    <t>12/14/2019 16:23:17</t>
  </si>
  <si>
    <t>12/14/2019 16:23:21</t>
  </si>
  <si>
    <t>12/14/2019 16:23:25</t>
  </si>
  <si>
    <t>12/14/2019 16:23:29</t>
  </si>
  <si>
    <t>12/14/2019 16:23:33</t>
  </si>
  <si>
    <t>12/14/2019 16:23:38</t>
  </si>
  <si>
    <t>12/14/2019 16:23:41</t>
  </si>
  <si>
    <t>12/14/2019 16:23:50</t>
  </si>
  <si>
    <t>12/14/2019 16:23:54</t>
  </si>
  <si>
    <t>12/14/2019 16:23:57</t>
  </si>
  <si>
    <t>12/14/2019 16:23:59</t>
  </si>
  <si>
    <t>12/14/2019 16:24:02</t>
  </si>
  <si>
    <t>12/14/2019 16:24:06</t>
  </si>
  <si>
    <t>12/14/2019 16:24:11</t>
  </si>
  <si>
    <t>12/14/2019 16:24:15</t>
  </si>
  <si>
    <t>12/14/2019 16:24:19</t>
  </si>
  <si>
    <t>12/14/2019 16:24:24</t>
  </si>
  <si>
    <t>12/14/2019 16:24:28</t>
  </si>
  <si>
    <t>12/14/2019 16:24:32</t>
  </si>
  <si>
    <t>12/14/2019 16:24:36</t>
  </si>
  <si>
    <t>12/14/2019 16:24:40</t>
  </si>
  <si>
    <t>12/14/2019 16:24:44</t>
  </si>
  <si>
    <t>12/14/2019 16:24:48</t>
  </si>
  <si>
    <t>12/14/2019 16:24:52</t>
  </si>
  <si>
    <t>12/14/2019 16:24:57</t>
  </si>
  <si>
    <t>12/14/2019 16:25:01</t>
  </si>
  <si>
    <t>12/14/2019 16:25:05</t>
  </si>
  <si>
    <t>12/14/2019 16:25:10</t>
  </si>
  <si>
    <t>12/14/2019 16:25:14</t>
  </si>
  <si>
    <t>12/14/2019 16:25:18</t>
  </si>
  <si>
    <t>12/14/2019 16:25:22</t>
  </si>
  <si>
    <t>12/14/2019 16:25:27</t>
  </si>
  <si>
    <t>12/14/2019 16:25:31</t>
  </si>
  <si>
    <t>12/14/2019 16:25:35</t>
  </si>
  <si>
    <t>12/14/2019 16:25:39</t>
  </si>
  <si>
    <t>12/14/2019 16:25:43</t>
  </si>
  <si>
    <t>12/14/2019 16:25:47</t>
  </si>
  <si>
    <t>12/14/2019 16:25:51</t>
  </si>
  <si>
    <t>12/14/2019 16:25:55</t>
  </si>
  <si>
    <t>12/14/2019 16:26:00</t>
  </si>
  <si>
    <t>12/14/2019 16:26:05</t>
  </si>
  <si>
    <t>12/14/2019 16:26:09</t>
  </si>
  <si>
    <t>12/14/2019 16:26:13</t>
  </si>
  <si>
    <t>12/14/2019 16:26:17</t>
  </si>
  <si>
    <t>12/14/2019 16:26:21</t>
  </si>
  <si>
    <t>12/14/2019 16:26:25</t>
  </si>
  <si>
    <t>12/14/2019 16:26:29</t>
  </si>
  <si>
    <t>12/14/2019 16:26:33</t>
  </si>
  <si>
    <t>12/14/2019 16:26:37</t>
  </si>
  <si>
    <t>12/14/2019 16:26:41</t>
  </si>
  <si>
    <t>12/14/2019 16:26:45</t>
  </si>
  <si>
    <t>12/14/2019 16:26:47</t>
  </si>
  <si>
    <t>12/14/2019 16:26:48</t>
  </si>
  <si>
    <t>12/14/2019 16:26:49</t>
  </si>
  <si>
    <t>12/14/2019 16:26:53</t>
  </si>
  <si>
    <t>12/14/2019 16:26:54</t>
  </si>
  <si>
    <t>12/14/2019 16:27:43</t>
  </si>
  <si>
    <t>12/14/2019 16:28:56</t>
  </si>
  <si>
    <t>12/14/2019 16:27:21</t>
  </si>
  <si>
    <t>12/14/2019 16:27:25</t>
  </si>
  <si>
    <t>12/14/2019 16:31:57</t>
  </si>
  <si>
    <t>12/14/2019 16:26:55</t>
  </si>
  <si>
    <t>12/14/2019 16:32:56</t>
  </si>
  <si>
    <t>12/14/2019 16:26:56</t>
  </si>
  <si>
    <t>12/14/2019 16:27:00</t>
  </si>
  <si>
    <t>12/14/2019 16:27:05</t>
  </si>
  <si>
    <t>12/14/2019 16:27:09</t>
  </si>
  <si>
    <t>12/14/2019 16:27:13</t>
  </si>
  <si>
    <t>12/14/2019 16:27:17</t>
  </si>
  <si>
    <t>12/14/2019 16:27:29</t>
  </si>
  <si>
    <t>12/14/2019 16:27:33</t>
  </si>
  <si>
    <t>12/14/2019 16:27:38</t>
  </si>
  <si>
    <t>12/14/2019 16:27:42</t>
  </si>
  <si>
    <t>12/14/2019 16:27:46</t>
  </si>
  <si>
    <t>12/14/2019 16:27:48</t>
  </si>
  <si>
    <t>12/14/2019 16:27:49</t>
  </si>
  <si>
    <t>12/14/2019 16:27:50</t>
  </si>
  <si>
    <t>12/14/2019 16:27:51</t>
  </si>
  <si>
    <t>12/14/2019 16:27:52</t>
  </si>
  <si>
    <t>12/14/2019 16:27:53</t>
  </si>
  <si>
    <t>12/14/2019 16:27:54</t>
  </si>
  <si>
    <t>12/14/2019 16:29:22</t>
  </si>
  <si>
    <t>12/14/2019 16:29:23</t>
  </si>
  <si>
    <t>12/14/2019 16:29:24</t>
  </si>
  <si>
    <t>12/14/2019 16:29:25</t>
  </si>
  <si>
    <t>12/14/2019 16:29:26</t>
  </si>
  <si>
    <t>12/14/2019 16:31:39</t>
  </si>
  <si>
    <t>12/14/2019 16:33:57</t>
  </si>
  <si>
    <t>12/14/2019 16:33:37</t>
  </si>
  <si>
    <t>12/14/2019 16:35:57</t>
  </si>
  <si>
    <t>ulog_AcroARM2_ARM2Update_a9473871-eb7b-4719-ba46-35125c58e0e7_7b65debb-bad1-4780-87d3-7e711afcfcca_0.log</t>
  </si>
  <si>
    <t>C:\Users\davimvs\AppData\Roaming\Adobe\LogTransport2\Logs\ulog_AcroARM2_ARM2Update_a9473871-eb7b-4719-ba46-35125c58e0e7_7b65debb-bad1-4780-87d3-7e711afcfcca_0.log\</t>
  </si>
  <si>
    <t>ulog_AcroARM2_Reader_a9473871-eb7b-4719-ba46-35125c58e0e7_471193ed-601b-403f-9bca-ecbd55cd6b19_0.log</t>
  </si>
  <si>
    <t>C:\Users\davimvs\AppData\Roaming\Adobe\LogTransport2\Logs\ulog_AcroARM2_Reader_a9473871-eb7b-4719-ba46-35125c58e0e7_471193ed-601b-403f-9bca-ecbd55cd6b19_0.log\</t>
  </si>
  <si>
    <t>12/14/2019 16:33:38</t>
  </si>
  <si>
    <t>ulog_AcroARM2_Reader_a9473871-eb7b-4719-ba46-35125c58e0e7_7388f7aa-e2a1-499b-9118-fe9e3cba7194_0.log</t>
  </si>
  <si>
    <t>C:\Users\davimvs\AppData\Roaming\Adobe\LogTransport2\Logs\ulog_AcroARM2_Reader_a9473871-eb7b-4719-ba46-35125c58e0e7_7388f7aa-e2a1-499b-9118-fe9e3cba7194_0.log\</t>
  </si>
  <si>
    <t>12/14/2019 16:32:57</t>
  </si>
  <si>
    <t>12/14/2019 16:37:57</t>
  </si>
  <si>
    <t>12/14/2019 16:34:20</t>
  </si>
  <si>
    <t>12/14/2019 16:35:15</t>
  </si>
  <si>
    <t>12/14/2019 16:35:19</t>
  </si>
  <si>
    <t>12/14/2019 16:38:57</t>
  </si>
  <si>
    <t>12/14/2019 16:42:56</t>
  </si>
  <si>
    <t>12/14/2019 16:39:52</t>
  </si>
  <si>
    <t>12/14/2019 16:39:53</t>
  </si>
  <si>
    <t>12/14/2019 16:39:54</t>
  </si>
  <si>
    <t>12/14/2019 16:39:55</t>
  </si>
  <si>
    <t>12/14/2019 16:40:00</t>
  </si>
  <si>
    <t>12/14/2019 16:40:16</t>
  </si>
  <si>
    <t>12/14/2019 16:40:17</t>
  </si>
  <si>
    <t>12/14/2019 16:40:18</t>
  </si>
  <si>
    <t>12/14/2019 16:40:19</t>
  </si>
  <si>
    <t>12/14/2019 16:40:20</t>
  </si>
  <si>
    <t>12/14/2019 16:40:21</t>
  </si>
  <si>
    <t>12/14/2019 16:40:22</t>
  </si>
  <si>
    <t>12/14/2019 16:40:23</t>
  </si>
  <si>
    <t>12/14/2019 16:40:24</t>
  </si>
  <si>
    <t>12/14/2019 16:40:25</t>
  </si>
  <si>
    <t>12/14/2019 16:40:26</t>
  </si>
  <si>
    <t>12/14/2019 16:40:27</t>
  </si>
  <si>
    <t>12/14/2019 16:40:28</t>
  </si>
  <si>
    <t>12/14/2019 16:39:21</t>
  </si>
  <si>
    <t>12/14/2019 16:43:56</t>
  </si>
  <si>
    <t>12/14/2019 16:46:02</t>
  </si>
  <si>
    <t>12/14/2019 16:47:55</t>
  </si>
  <si>
    <t>12/14/2019 16:46:15</t>
  </si>
  <si>
    <t>12/14/2019 16:47:47</t>
  </si>
  <si>
    <t>12/14/2019 16:52:56</t>
  </si>
  <si>
    <t>12/14/2019 16:52:02</t>
  </si>
  <si>
    <t>12/14/2019 16:52:15</t>
  </si>
  <si>
    <t>12/14/2019 16:52:55</t>
  </si>
  <si>
    <t>12/14/2019 16:53:57</t>
  </si>
  <si>
    <t>12/14/2019 16:53:25</t>
  </si>
  <si>
    <t>12/14/2019 16:56:57</t>
  </si>
  <si>
    <t>12/14/2019 16:55:19</t>
  </si>
  <si>
    <t>12/14/2019 16:57:57</t>
  </si>
  <si>
    <t>12/14/2019 16:58:02</t>
  </si>
  <si>
    <t>12/14/2019 17:02:56</t>
  </si>
  <si>
    <t>12/14/2019 16:58:15</t>
  </si>
  <si>
    <t>12/14/2019 17:01:10</t>
  </si>
  <si>
    <t>12/14/2019 17:03:57</t>
  </si>
  <si>
    <t>12/14/2019 17:03:33</t>
  </si>
  <si>
    <t>12/14/2019 17:05:57</t>
  </si>
  <si>
    <t>12/14/2019 17:02:50</t>
  </si>
  <si>
    <t>12/14/2019 17:07:57</t>
  </si>
  <si>
    <t>12/14/2019 17:04:02</t>
  </si>
  <si>
    <t>12/14/2019 17:04:16</t>
  </si>
  <si>
    <t>12/14/2019 17:04:33</t>
  </si>
  <si>
    <t>12/14/2019 17:08:57</t>
  </si>
  <si>
    <t>12/14/2019 17:03:53</t>
  </si>
  <si>
    <t>12/14/2019 17:10:02</t>
  </si>
  <si>
    <t>12/14/2019 17:12:57</t>
  </si>
  <si>
    <t>12/14/2019 17:10:16</t>
  </si>
  <si>
    <t>12/14/2019 17:10:33</t>
  </si>
  <si>
    <t>12/14/2019 17:16:02</t>
  </si>
  <si>
    <t>12/14/2019 17:17:57</t>
  </si>
  <si>
    <t>12/14/2019 17:16:16</t>
  </si>
  <si>
    <t>12/14/2019 17:14:39</t>
  </si>
  <si>
    <t>12/14/2019 17:18:57</t>
  </si>
  <si>
    <t>5f1ef9ee-eebb-499a-944e-d8ee5dfe3798.tmp</t>
  </si>
  <si>
    <t>\\acsfs\profiles$\fabianafv\Downloads\5f1ef9ee-eebb-499a-944e-d8ee5dfe3798.tmp</t>
  </si>
  <si>
    <t>12/14/2019 17:18:32</t>
  </si>
  <si>
    <t>12/14/2019 17:22:56</t>
  </si>
  <si>
    <t>12/14/2019 17:22:03</t>
  </si>
  <si>
    <t>12/14/2019 17:22:16</t>
  </si>
  <si>
    <t>12/14/2019 17:21:46</t>
  </si>
  <si>
    <t>12/14/2019 17:24:57</t>
  </si>
  <si>
    <t>12/14/2019 17:26:03</t>
  </si>
  <si>
    <t>12/14/2019 17:27:57</t>
  </si>
  <si>
    <t>12/14/2019 17:28:03</t>
  </si>
  <si>
    <t>12/14/2019 17:32:57</t>
  </si>
  <si>
    <t>12/14/2019 17:28:16</t>
  </si>
  <si>
    <t>12/14/2019 17:34:03</t>
  </si>
  <si>
    <t>12/14/2019 17:37:57</t>
  </si>
  <si>
    <t>12/14/2019 17:34:16</t>
  </si>
  <si>
    <t>12/14/2019 17:37:35</t>
  </si>
  <si>
    <t>12/14/2019 17:42:57</t>
  </si>
  <si>
    <t>12/14/2019 17:37:36</t>
  </si>
  <si>
    <t>12/14/2019 17:40:16</t>
  </si>
  <si>
    <t>12/14/2019 17:41:35</t>
  </si>
  <si>
    <t>12/14/2019 17:43:03</t>
  </si>
  <si>
    <t>12/14/2019 17:47:57</t>
  </si>
  <si>
    <t>12/14/2019 17:46:16</t>
  </si>
  <si>
    <t>12/14/2019 17:46:52</t>
  </si>
  <si>
    <t>12/14/2019 17:51:57</t>
  </si>
  <si>
    <t>12/14/2019 17:49:04</t>
  </si>
  <si>
    <t>12/14/2019 17:52:57</t>
  </si>
  <si>
    <t>12/14/2019 17:49:06</t>
  </si>
  <si>
    <t>12/14/2019 17:52:16</t>
  </si>
  <si>
    <t>12/14/2019 17:55:03</t>
  </si>
  <si>
    <t>12/14/2019 17:57:56</t>
  </si>
  <si>
    <t>12/14/2019 17:57:33</t>
  </si>
  <si>
    <t>12/14/2019 18:02:57</t>
  </si>
  <si>
    <t>12/14/2019 17:58:16</t>
  </si>
  <si>
    <t>12/14/2019 18:01:03</t>
  </si>
  <si>
    <t>12/14/2019 18:00:38</t>
  </si>
  <si>
    <t>12/14/2019 18:03:57</t>
  </si>
  <si>
    <t>12/14/2019 18:02:40</t>
  </si>
  <si>
    <t>12/14/2019 18:05:57</t>
  </si>
  <si>
    <t>12/14/2019 18:04:16</t>
  </si>
  <si>
    <t>12/14/2019 18:07:56</t>
  </si>
  <si>
    <t>12/14/2019 18:05:39</t>
  </si>
  <si>
    <t>12/14/2019 18:07:03</t>
  </si>
  <si>
    <t>12/14/2019 18:09:29</t>
  </si>
  <si>
    <t>12/14/2019 18:10:56</t>
  </si>
  <si>
    <t>12/14/2019 18:10:16</t>
  </si>
  <si>
    <t>12/14/2019 18:12:56</t>
  </si>
  <si>
    <t>12/14/2019 18:13:03</t>
  </si>
  <si>
    <t>12/14/2019 18:17:56</t>
  </si>
  <si>
    <t>12/14/2019 18:13:34</t>
  </si>
  <si>
    <t>12/14/2019 18:16:16</t>
  </si>
  <si>
    <t>12/14/2019 18:19:03</t>
  </si>
  <si>
    <t>12/14/2019 18:22:57</t>
  </si>
  <si>
    <t>12/14/2019 18:21:50</t>
  </si>
  <si>
    <t>12/14/2019 18:22:16</t>
  </si>
  <si>
    <t>12/14/2019 18:25:03</t>
  </si>
  <si>
    <t>12/14/2019 18:27:57</t>
  </si>
  <si>
    <t>12/14/2019 18:25:23</t>
  </si>
  <si>
    <t>12/14/2019 18:29:57</t>
  </si>
  <si>
    <t>12/14/2019 18:26:10</t>
  </si>
  <si>
    <t>12/14/2019 18:28:16</t>
  </si>
  <si>
    <t>12/14/2019 18:32:56</t>
  </si>
  <si>
    <t>12/14/2019 18:29:40</t>
  </si>
  <si>
    <t>12/14/2019 18:31:03</t>
  </si>
  <si>
    <t>12/14/2019 18:34:16</t>
  </si>
  <si>
    <t>12/14/2019 18:37:57</t>
  </si>
  <si>
    <t>12/14/2019 18:37:03</t>
  </si>
  <si>
    <t>12/14/2019 18:37:11</t>
  </si>
  <si>
    <t>12/14/2019 18:40:16</t>
  </si>
  <si>
    <t>12/14/2019 18:42:56</t>
  </si>
  <si>
    <t>12/14/2019 18:45:05</t>
  </si>
  <si>
    <t>12/14/2019 18:47:57</t>
  </si>
  <si>
    <t>12/14/2019 18:43:03</t>
  </si>
  <si>
    <t>12/14/2019 18:45:34</t>
  </si>
  <si>
    <t>12/14/2019 18:46:16</t>
  </si>
  <si>
    <t>12/14/2019 18:49:04</t>
  </si>
  <si>
    <t>12/14/2019 18:52:57</t>
  </si>
  <si>
    <t>12/14/2019 18:52:16</t>
  </si>
  <si>
    <t>12/14/2019 18:53:39</t>
  </si>
  <si>
    <t>12/14/2019 18:57:56</t>
  </si>
  <si>
    <t>12/14/2019 18:55:03</t>
  </si>
  <si>
    <t>12/14/2019 18:55:07</t>
  </si>
  <si>
    <t>12/14/2019 18:59:56</t>
  </si>
  <si>
    <t>61ce1057-5d54-489f-b38a-94accb44ca0b.tmp</t>
  </si>
  <si>
    <t>\\acsfs\profiles$\rosileiam\Downloads\61ce1057-5d54-489f-b38a-94accb44ca0b.tmp</t>
  </si>
  <si>
    <t>12/14/2019 18:55:48</t>
  </si>
  <si>
    <t>6a535377-23c9-446d-adf2-9c937a11b5a7.tmp</t>
  </si>
  <si>
    <t>\\acsfs\profiles$\rosileiam\Downloads\6a535377-23c9-446d-adf2-9c937a11b5a7.tmp</t>
  </si>
  <si>
    <t>12/14/2019 18:56:45</t>
  </si>
  <si>
    <t>12/14/2019 18:58:16</t>
  </si>
  <si>
    <t>12/14/2019 19:02:56</t>
  </si>
  <si>
    <t>12/14/2019 19:01:04</t>
  </si>
  <si>
    <t>12/14/2019 19:01:35</t>
  </si>
  <si>
    <t>12/14/2019 19:02:22</t>
  </si>
  <si>
    <t>12/14/2019 19:03:56</t>
  </si>
  <si>
    <t>12/14/2019 19:04:17</t>
  </si>
  <si>
    <t>12/14/2019 19:07:57</t>
  </si>
  <si>
    <t>12/14/2019 19:07:03</t>
  </si>
  <si>
    <t>12/14/2019 19:09:33</t>
  </si>
  <si>
    <t>12/14/2019 19:12:56</t>
  </si>
  <si>
    <t>12/14/2019 19:10:17</t>
  </si>
  <si>
    <t>12/14/2019 19:13:03</t>
  </si>
  <si>
    <t>12/14/2019 19:17:56</t>
  </si>
  <si>
    <t>12/14/2019 19:16:17</t>
  </si>
  <si>
    <t>12/14/2019 19:15:03</t>
  </si>
  <si>
    <t>12/14/2019 19:19:56</t>
  </si>
  <si>
    <t>12/14/2019 19:17:39</t>
  </si>
  <si>
    <t>12/14/2019 19:22:57</t>
  </si>
  <si>
    <t>12/14/2019 19:19:04</t>
  </si>
  <si>
    <t>12/14/2019 19:22:17</t>
  </si>
  <si>
    <t>12/14/2019 19:25:04</t>
  </si>
  <si>
    <t>12/14/2019 19:27:57</t>
  </si>
  <si>
    <t>12/14/2019 19:28:17</t>
  </si>
  <si>
    <t>12/14/2019 19:32:57</t>
  </si>
  <si>
    <t>12/14/2019 19:31:04</t>
  </si>
  <si>
    <t>12/14/2019 19:33:32</t>
  </si>
  <si>
    <t>12/14/2019 19:37:57</t>
  </si>
  <si>
    <t>12/14/2019 19:34:17</t>
  </si>
  <si>
    <t>12/14/2019 19:37:04</t>
  </si>
  <si>
    <t>12/14/2019 19:40:17</t>
  </si>
  <si>
    <t>12/14/2019 19:42:57</t>
  </si>
  <si>
    <t>12/14/2019 19:41:40</t>
  </si>
  <si>
    <t>12/14/2019 19:43:04</t>
  </si>
  <si>
    <t>12/14/2019 19:47:57</t>
  </si>
  <si>
    <t>12/14/2019 19:46:17</t>
  </si>
  <si>
    <t>12/14/2019 19:45:32</t>
  </si>
  <si>
    <t>12/14/2019 19:48:57</t>
  </si>
  <si>
    <t>12/14/2019 19:49:05</t>
  </si>
  <si>
    <t>12/14/2019 19:52:56</t>
  </si>
  <si>
    <t>12/14/2019 19:49:11</t>
  </si>
  <si>
    <t>12/14/2019 19:52:17</t>
  </si>
  <si>
    <t>12/14/2019 19:51:43</t>
  </si>
  <si>
    <t>12/14/2019 19:55:57</t>
  </si>
  <si>
    <t>12/14/2019 19:55:04</t>
  </si>
  <si>
    <t>12/14/2019 19:57:57</t>
  </si>
  <si>
    <t>12/14/2019 19:57:34</t>
  </si>
  <si>
    <t>12/14/2019 20:02:56</t>
  </si>
  <si>
    <t>12/14/2019 19:58:17</t>
  </si>
  <si>
    <t>12/14/2019 20:01:04</t>
  </si>
  <si>
    <t>12/14/2019 20:03:49</t>
  </si>
  <si>
    <t>12/14/2019 20:05:56</t>
  </si>
  <si>
    <t>ulog_AcroARM2_ARM2Update_a9473871-eb7b-4719-ba46-35125c58e0e7_dfc7f774-e981-4a63-8b9e-dc42a0a01d8b_0.log</t>
  </si>
  <si>
    <t>C:\Users\davimvs\AppData\Roaming\Adobe\LogTransport2\Logs\ulog_AcroARM2_ARM2Update_a9473871-eb7b-4719-ba46-35125c58e0e7_dfc7f774-e981-4a63-8b9e-dc42a0a01d8b_0.log\</t>
  </si>
  <si>
    <t>ulog_AcroARM2_Reader_a9473871-eb7b-4719-ba46-35125c58e0e7_41d6560c-e960-4343-8713-81d9ef9f7ef8_0.log</t>
  </si>
  <si>
    <t>C:\Users\davimvs\AppData\Roaming\Adobe\LogTransport2\Logs\ulog_AcroARM2_Reader_a9473871-eb7b-4719-ba46-35125c58e0e7_41d6560c-e960-4343-8713-81d9ef9f7ef8_0.log\</t>
  </si>
  <si>
    <t>12/14/2019 20:03:50</t>
  </si>
  <si>
    <t>ulog_AcroARM2_Reader_a9473871-eb7b-4719-ba46-35125c58e0e7_4d449cd6-f22d-4d38-bfe0-309cd7c56551_0.log</t>
  </si>
  <si>
    <t>C:\Users\davimvs\AppData\Roaming\Adobe\LogTransport2\Logs\ulog_AcroARM2_Reader_a9473871-eb7b-4719-ba46-35125c58e0e7_4d449cd6-f22d-4d38-bfe0-309cd7c56551_0.log\</t>
  </si>
  <si>
    <t>12/14/2019 20:03:53</t>
  </si>
  <si>
    <t>ulog_AcroARM2_ARM2Update_a9473871-eb7b-4719-ba46-35125c58e0e7_f5098b69-02ea-4a84-a777-b403d67acc28_0.log</t>
  </si>
  <si>
    <t>C:\Users\davimvs\AppData\Roaming\Adobe\LogTransport2\Logs\ulog_AcroARM2_ARM2Update_a9473871-eb7b-4719-ba46-35125c58e0e7_f5098b69-02ea-4a84-a777-b403d67acc28_0.log\</t>
  </si>
  <si>
    <t>12/14/2019 20:03:54</t>
  </si>
  <si>
    <t>ulog_AcroARM2_Reader_a9473871-eb7b-4719-ba46-35125c58e0e7_915bad20-a5a3-4589-b8c8-feeb335321a5_0.log</t>
  </si>
  <si>
    <t>C:\Users\davimvs\AppData\Roaming\Adobe\LogTransport2\Logs\ulog_AcroARM2_Reader_a9473871-eb7b-4719-ba46-35125c58e0e7_915bad20-a5a3-4589-b8c8-feeb335321a5_0.log\</t>
  </si>
  <si>
    <t>12/14/2019 20:04:17</t>
  </si>
  <si>
    <t>12/14/2019 20:07:56</t>
  </si>
  <si>
    <t>12/14/2019 20:05:39</t>
  </si>
  <si>
    <t>12/14/2019 20:07:04</t>
  </si>
  <si>
    <t>12/14/2019 20:10:17</t>
  </si>
  <si>
    <t>12/14/2019 20:12:57</t>
  </si>
  <si>
    <t>12/14/2019 20:13:04</t>
  </si>
  <si>
    <t>12/14/2019 20:17:57</t>
  </si>
  <si>
    <t>12/14/2019 20:13:10</t>
  </si>
  <si>
    <t>12/14/2019 20:16:17</t>
  </si>
  <si>
    <t>12/14/2019 20:19:04</t>
  </si>
  <si>
    <t>12/14/2019 20:22:58</t>
  </si>
  <si>
    <t>12/14/2019 20:19:47</t>
  </si>
  <si>
    <t>12/14/2019 20:19:48</t>
  </si>
  <si>
    <t>12/14/2019 20:19:50</t>
  </si>
  <si>
    <t>12/14/2019 20:20:41</t>
  </si>
  <si>
    <t>12/14/2019 20:20:55</t>
  </si>
  <si>
    <t>12/14/2019 20:20:56</t>
  </si>
  <si>
    <t>12/14/2019 20:20:57</t>
  </si>
  <si>
    <t>12/14/2019 20:22:17</t>
  </si>
  <si>
    <t>12/14/2019 20:20:58</t>
  </si>
  <si>
    <t>12/14/2019 20:25:57</t>
  </si>
  <si>
    <t>12/14/2019 20:26:04</t>
  </si>
  <si>
    <t>12/14/2019 20:27:58</t>
  </si>
  <si>
    <t>12/14/2019 20:23:06</t>
  </si>
  <si>
    <t>12/14/2019 20:28:57</t>
  </si>
  <si>
    <t>12/14/2019 20:28:17</t>
  </si>
  <si>
    <t>12/14/2019 20:32:57</t>
  </si>
  <si>
    <t>12/14/2019 20:32:04</t>
  </si>
  <si>
    <t>12/14/2019 20:32:51</t>
  </si>
  <si>
    <t>12/14/2019 20:34:57</t>
  </si>
  <si>
    <t>12/14/2019 20:30:25</t>
  </si>
  <si>
    <t>12/14/2019 20:34:17</t>
  </si>
  <si>
    <t>12/14/2019 20:37:58</t>
  </si>
  <si>
    <t>12/14/2019 20:35:48</t>
  </si>
  <si>
    <t>12/14/2019 20:37:50</t>
  </si>
  <si>
    <t>12/14/2019 20:41:56</t>
  </si>
  <si>
    <t>12/14/2019 20:38:04</t>
  </si>
  <si>
    <t>12/14/2019 20:42:57</t>
  </si>
  <si>
    <t>12/14/2019 20:40:17</t>
  </si>
  <si>
    <t>12/14/2019 20:43:34</t>
  </si>
  <si>
    <t>12/14/2019 20:47:57</t>
  </si>
  <si>
    <t>12/14/2019 20:44:04</t>
  </si>
  <si>
    <t>12/14/2019 20:46:17</t>
  </si>
  <si>
    <t>12/14/2019 20:50:05</t>
  </si>
  <si>
    <t>12/14/2019 20:52:56</t>
  </si>
  <si>
    <t>12/14/2019 20:51:29</t>
  </si>
  <si>
    <t>12/14/2019 20:52:17</t>
  </si>
  <si>
    <t>12/14/2019 20:53:11</t>
  </si>
  <si>
    <t>12/14/2019 20:55:57</t>
  </si>
  <si>
    <t>12/14/2019 20:56:04</t>
  </si>
  <si>
    <t>12/14/2019 20:57:56</t>
  </si>
  <si>
    <t>12/14/2019 20:57:35</t>
  </si>
  <si>
    <t>12/14/2019 20:58:57</t>
  </si>
  <si>
    <t>12/14/2019 20:58:17</t>
  </si>
  <si>
    <t>12/14/2019 21:02:56</t>
  </si>
  <si>
    <t>12/14/2019 20:59:45</t>
  </si>
  <si>
    <t>12/14/2019 21:02:04</t>
  </si>
  <si>
    <t>12/14/2019 21:04:17</t>
  </si>
  <si>
    <t>12/14/2019 21:07:57</t>
  </si>
  <si>
    <t>12/14/2019 21:05:16</t>
  </si>
  <si>
    <t>12/14/2019 21:08:57</t>
  </si>
  <si>
    <t>12/14/2019 21:07:40</t>
  </si>
  <si>
    <t>12/14/2019 21:12:57</t>
  </si>
  <si>
    <t>12/14/2019 21:08:04</t>
  </si>
  <si>
    <t>12/14/2019 21:10:18</t>
  </si>
  <si>
    <t>12/14/2019 21:11:38</t>
  </si>
  <si>
    <t>12/14/2019 21:14:57</t>
  </si>
  <si>
    <t>12/14/2019 21:14:04</t>
  </si>
  <si>
    <t>12/14/2019 21:17:56</t>
  </si>
  <si>
    <t>12/14/2019 21:15:11</t>
  </si>
  <si>
    <t>12/14/2019 21:16:18</t>
  </si>
  <si>
    <t>12/14/2019 21:15:30</t>
  </si>
  <si>
    <t>12/14/2019 21:18:57</t>
  </si>
  <si>
    <t>0780d2db-3ee3-48be-bd9a-b74b215c515c.tmp</t>
  </si>
  <si>
    <t>\\acsfs\profiles$\fabianafv\Downloads\0780d2db-3ee3-48be-bd9a-b74b215c515c.tmp</t>
  </si>
  <si>
    <t>12/14/2019 21:17:05</t>
  </si>
  <si>
    <t>740d9987-d1e7-419a-b677-12e118f84087.tmp</t>
  </si>
  <si>
    <t>\\acsfs\profiles$\fabianafv\Downloads\740d9987-d1e7-419a-b677-12e118f84087.tmp</t>
  </si>
  <si>
    <t>12/14/2019 21:20:05</t>
  </si>
  <si>
    <t>12/14/2019 21:22:57</t>
  </si>
  <si>
    <t>12/14/2019 21:22:18</t>
  </si>
  <si>
    <t>12/14/2019 21:20:09</t>
  </si>
  <si>
    <t>12/14/2019 21:23:56</t>
  </si>
  <si>
    <t>12/14/2019 21:22:48</t>
  </si>
  <si>
    <t>12/14/2019 21:27:57</t>
  </si>
  <si>
    <t>12/14/2019 21:26:05</t>
  </si>
  <si>
    <t>12/14/2019 21:24:31</t>
  </si>
  <si>
    <t>12/14/2019 21:28:56</t>
  </si>
  <si>
    <t>12/14/2019 21:28:49</t>
  </si>
  <si>
    <t>12/14/2019 21:29:57</t>
  </si>
  <si>
    <t>12/14/2019 21:28:18</t>
  </si>
  <si>
    <t>12/14/2019 21:32:57</t>
  </si>
  <si>
    <t>12/14/2019 21:30:40</t>
  </si>
  <si>
    <t>12/14/2019 21:32:05</t>
  </si>
  <si>
    <t>12/14/2019 21:30:51</t>
  </si>
  <si>
    <t>12/14/2019 21:34:57</t>
  </si>
  <si>
    <t>12/14/2019 21:34:18</t>
  </si>
  <si>
    <t>12/14/2019 21:37:57</t>
  </si>
  <si>
    <t>12/14/2019 21:38:05</t>
  </si>
  <si>
    <t>12/14/2019 21:42:57</t>
  </si>
  <si>
    <t>12/14/2019 21:38:31</t>
  </si>
  <si>
    <t>12/14/2019 21:40:18</t>
  </si>
  <si>
    <t>12/14/2019 21:39:47</t>
  </si>
  <si>
    <t>12/14/2019 21:44:57</t>
  </si>
  <si>
    <t>12/14/2019 21:45:50</t>
  </si>
  <si>
    <t>12/14/2019 21:47:58</t>
  </si>
  <si>
    <t>12/14/2019 21:43:04</t>
  </si>
  <si>
    <t>12/14/2019 21:43:05</t>
  </si>
  <si>
    <t>12/14/2019 21:43:07</t>
  </si>
  <si>
    <t>12/14/2019 21:46:02</t>
  </si>
  <si>
    <t>12/14/2019 21:46:18</t>
  </si>
  <si>
    <t>12/14/2019 21:49:05</t>
  </si>
  <si>
    <t>12/14/2019 21:52:58</t>
  </si>
  <si>
    <t>12/14/2019 22:11:36</t>
  </si>
  <si>
    <t>12/14/2019 22:13:57</t>
  </si>
  <si>
    <t>12/14/2019 22:33:12</t>
  </si>
  <si>
    <t>12/14/2019 22:34:57</t>
  </si>
  <si>
    <t>12/14/2019 22:46:59</t>
  </si>
  <si>
    <t>12/14/2019 22:48:57</t>
  </si>
  <si>
    <t>12/14/2019 22:49:27</t>
  </si>
  <si>
    <t>12/14/2019 22:50:58</t>
  </si>
  <si>
    <t>12/14/2019 23:09:53</t>
  </si>
  <si>
    <t>12/14/2019 23:14:58</t>
  </si>
  <si>
    <t>12/14/2019 23:22:18</t>
  </si>
  <si>
    <t>12/14/2019 23:24:58</t>
  </si>
  <si>
    <t>12/14/2019 23:26:53</t>
  </si>
  <si>
    <t>12/14/2019 23:29:57</t>
  </si>
  <si>
    <t>12/14/2019 23:28:52</t>
  </si>
  <si>
    <t>12/14/2019 23:32:57</t>
  </si>
  <si>
    <t>12/14/2019 23:33:37</t>
  </si>
  <si>
    <t>12/14/2019 23:35:57</t>
  </si>
  <si>
    <t>ulog_AcroARM2_Reader_a9473871-eb7b-4719-ba46-35125c58e0e7_dfe23d0b-70fe-4c86-b414-ee89b0acc28f_0.log</t>
  </si>
  <si>
    <t>C:\Users\davimvs\AppData\Roaming\Adobe\LogTransport2\Logs\ulog_AcroARM2_Reader_a9473871-eb7b-4719-ba46-35125c58e0e7_dfe23d0b-70fe-4c86-b414-ee89b0acc28f_0.log\</t>
  </si>
  <si>
    <t>12/14/2019 23:39:25</t>
  </si>
  <si>
    <t>12/14/2019 23:40:57</t>
  </si>
  <si>
    <t>12/14/2019 23:56:47</t>
  </si>
  <si>
    <t>12/14/2019 23:59:57</t>
  </si>
  <si>
    <t>12/15/2019 00:01:47</t>
  </si>
  <si>
    <t>12/15/2019 00:03:58</t>
  </si>
  <si>
    <t>12/15/2019 00:03:09</t>
  </si>
  <si>
    <t>12/15/2019 00:01:40</t>
  </si>
  <si>
    <t>12/15/2019 00:04:58</t>
  </si>
  <si>
    <t>12/15/2019 00:02:36</t>
  </si>
  <si>
    <t>12/15/2019 00:07:58</t>
  </si>
  <si>
    <t>12/15/2019 00:07:37</t>
  </si>
  <si>
    <t>12/15/2019 00:09:58</t>
  </si>
  <si>
    <t>12/15/2019 00:08:27</t>
  </si>
  <si>
    <t>12/15/2019 00:10:00</t>
  </si>
  <si>
    <t>12/15/2019 00:11:59</t>
  </si>
  <si>
    <t>12/15/2019 00:11:16</t>
  </si>
  <si>
    <t>12/15/2019 00:13:59</t>
  </si>
  <si>
    <t>12/15/2019 00:13:20</t>
  </si>
  <si>
    <t>12/15/2019 00:14:59</t>
  </si>
  <si>
    <t>12/15/2019 00:13:01</t>
  </si>
  <si>
    <t>12/15/2019 00:13:30</t>
  </si>
  <si>
    <t>12/15/2019 00:16:00</t>
  </si>
  <si>
    <t>12/15/2019 00:11:03</t>
  </si>
  <si>
    <t>12/15/2019 00:13:06</t>
  </si>
  <si>
    <t>12/15/2019 00:18:59</t>
  </si>
  <si>
    <t>12/15/2019 00:28:51</t>
  </si>
  <si>
    <t>12/15/2019 00:30:58</t>
  </si>
  <si>
    <t>12/15/2019 00:28:52</t>
  </si>
  <si>
    <t>12/15/2019 00:33:59</t>
  </si>
  <si>
    <t>12/15/2019 00:36:40</t>
  </si>
  <si>
    <t>12/15/2019 00:36:59</t>
  </si>
  <si>
    <t>12/15/2019 00:50:07</t>
  </si>
  <si>
    <t>12/15/2019 00:53:59</t>
  </si>
  <si>
    <t>12/15/2019 00:56:46</t>
  </si>
  <si>
    <t>12/15/2019 00:58:59</t>
  </si>
  <si>
    <t>12/15/2019 01:01:06</t>
  </si>
  <si>
    <t>12/15/2019 01:08:58</t>
  </si>
  <si>
    <t>12/15/2019 01:01:43</t>
  </si>
  <si>
    <t>12/15/2019 01:05:14</t>
  </si>
  <si>
    <t>12/15/2019 01:09:58</t>
  </si>
  <si>
    <t>12/15/2019 01:10:58</t>
  </si>
  <si>
    <t>12/15/2019 01:42:01</t>
  </si>
  <si>
    <t>12/15/2019 01:45:58</t>
  </si>
  <si>
    <t>12/15/2019 01:44:52</t>
  </si>
  <si>
    <t>12/15/2019 01:48:59</t>
  </si>
  <si>
    <t>12/15/2019 01:50:59</t>
  </si>
  <si>
    <t>12/15/2019 01:53:58</t>
  </si>
  <si>
    <t>12/15/2019 01:54:25</t>
  </si>
  <si>
    <t>12/15/2019 01:57:59</t>
  </si>
  <si>
    <t>12/15/2019 02:32:53</t>
  </si>
  <si>
    <t>12/15/2019 02:34:59</t>
  </si>
  <si>
    <t>12/15/2019 02:32:01</t>
  </si>
  <si>
    <t>12/15/2019 02:35:59</t>
  </si>
  <si>
    <t>12/15/2019 02:53:40</t>
  </si>
  <si>
    <t>12/15/2019 02:56:59</t>
  </si>
  <si>
    <t>12/15/2019 03:03:34</t>
  </si>
  <si>
    <t>12/15/2019 03:04:59</t>
  </si>
  <si>
    <t>12/15/2019 03:03:38</t>
  </si>
  <si>
    <t>12/15/2019 03:05:58</t>
  </si>
  <si>
    <t>ulog_AcroARM2_ARM2Update_a9473871-eb7b-4719-ba46-35125c58e0e7_94e32bdd-a665-4fe7-82da-307aa0417da5_0.log</t>
  </si>
  <si>
    <t>12/15/2019 03:03:39</t>
  </si>
  <si>
    <t>C:\Users\davimvs\AppData\Roaming\Adobe\LogTransport2\Logs\ulog_AcroARM2_ARM2Update_a9473871-eb7b-4719-ba46-35125c58e0e7_94e32bdd-a665-4fe7-82da-307aa0417da5_0.log\</t>
  </si>
  <si>
    <t>ulog_AcroARM2_Reader_a9473871-eb7b-4719-ba46-35125c58e0e7_846c74a7-d70b-4a26-8186-bc51745ba72b_0.log</t>
  </si>
  <si>
    <t>C:\Users\davimvs\AppData\Roaming\Adobe\LogTransport2\Logs\ulog_AcroARM2_Reader_a9473871-eb7b-4719-ba46-35125c58e0e7_846c74a7-d70b-4a26-8186-bc51745ba72b_0.log\</t>
  </si>
  <si>
    <t>ulog_AcroARM2_Reader_a9473871-eb7b-4719-ba46-35125c58e0e7_e48bdf8d-df38-4be6-927c-eb7e791e8d9c_0.log</t>
  </si>
  <si>
    <t>C:\Users\davimvs\AppData\Roaming\Adobe\LogTransport2\Logs\ulog_AcroARM2_Reader_a9473871-eb7b-4719-ba46-35125c58e0e7_e48bdf8d-df38-4be6-927c-eb7e791e8d9c_0.log\</t>
  </si>
  <si>
    <t>12/15/2019 03:06:09</t>
  </si>
  <si>
    <t>12/15/2019 03:09:58</t>
  </si>
  <si>
    <t>12/15/2019 03:12:39</t>
  </si>
  <si>
    <t>12/15/2019 03:13:59</t>
  </si>
  <si>
    <t>12/15/2019 03:12:48</t>
  </si>
  <si>
    <t>12/15/2019 03:14:58</t>
  </si>
  <si>
    <t>12/15/2019 03:15:04</t>
  </si>
  <si>
    <t>12/15/2019 03:18:58</t>
  </si>
  <si>
    <t>12/15/2019 03:15:09</t>
  </si>
  <si>
    <t>12/15/2019 03:19:59</t>
  </si>
  <si>
    <t>12/15/2019 03:23:10</t>
  </si>
  <si>
    <t>12/15/2019 03:25:59</t>
  </si>
  <si>
    <t>12/15/2019 03:24:10</t>
  </si>
  <si>
    <t>12/15/2019 03:26:59</t>
  </si>
  <si>
    <t>12/15/2019 03:38:34</t>
  </si>
  <si>
    <t>12/15/2019 03:40:59</t>
  </si>
  <si>
    <t>12/15/2019 03:41:23</t>
  </si>
  <si>
    <t>12/15/2019 03:44:00</t>
  </si>
  <si>
    <t>12/15/2019 03:41:25</t>
  </si>
  <si>
    <t>12/15/2019 03:45:59</t>
  </si>
  <si>
    <t>12/15/2019 03:45:11</t>
  </si>
  <si>
    <t>12/15/2019 03:52:42</t>
  </si>
  <si>
    <t>12/15/2019 03:57:59</t>
  </si>
  <si>
    <t>12/15/2019 03:55:52</t>
  </si>
  <si>
    <t>12/15/2019 03:59:59</t>
  </si>
  <si>
    <t>12/15/2019 04:00:50</t>
  </si>
  <si>
    <t>12/15/2019 04:04:59</t>
  </si>
  <si>
    <t>12/15/2019 04:07:48</t>
  </si>
  <si>
    <t>12/15/2019 04:08:59</t>
  </si>
  <si>
    <t>12/15/2019 04:07:49</t>
  </si>
  <si>
    <t>12/15/2019 04:10:58</t>
  </si>
  <si>
    <t>12/15/2019 04:10:05</t>
  </si>
  <si>
    <t>12/15/2019 04:09:05</t>
  </si>
  <si>
    <t>12/15/2019 04:13:59</t>
  </si>
  <si>
    <t>12/15/2019 04:16:53</t>
  </si>
  <si>
    <t>12/15/2019 04:18:58</t>
  </si>
  <si>
    <t>12/15/2019 04:27:07</t>
  </si>
  <si>
    <t>12/15/2019 04:28:58</t>
  </si>
  <si>
    <t>12/15/2019 04:31:40</t>
  </si>
  <si>
    <t>12/15/2019 04:33:58</t>
  </si>
  <si>
    <t>12/15/2019 04:37:37</t>
  </si>
  <si>
    <t>12/15/2019 04:39:59</t>
  </si>
  <si>
    <t>12/15/2019 04:40:13</t>
  </si>
  <si>
    <t>12/15/2019 04:43:00</t>
  </si>
  <si>
    <t>12/15/2019 04:43:59</t>
  </si>
  <si>
    <t>12/15/2019 04:45:59</t>
  </si>
  <si>
    <t>12/15/2019 04:46:03</t>
  </si>
  <si>
    <t>12/15/2019 04:49:59</t>
  </si>
  <si>
    <t>12/15/2019 04:52:42</t>
  </si>
  <si>
    <t>12/15/2019 04:53:59</t>
  </si>
  <si>
    <t>12/15/2019 04:56:45</t>
  </si>
  <si>
    <t>12/15/2019 04:58:59</t>
  </si>
  <si>
    <t>12/15/2019 05:04:10</t>
  </si>
  <si>
    <t>12/15/2019 05:05:58</t>
  </si>
  <si>
    <t>12/15/2019 05:12:13</t>
  </si>
  <si>
    <t>12/15/2019 05:16:00</t>
  </si>
  <si>
    <t>12/15/2019 05:18:48</t>
  </si>
  <si>
    <t>12/15/2019 05:24:00</t>
  </si>
  <si>
    <t>12/15/2019 05:22:10</t>
  </si>
  <si>
    <t>12/15/2019 05:26:00</t>
  </si>
  <si>
    <t>12/15/2019 05:31:32</t>
  </si>
  <si>
    <t>12/15/2019 05:34:01</t>
  </si>
  <si>
    <t>12/15/2019 05:49:22</t>
  </si>
  <si>
    <t>12/15/2019 05:49:59</t>
  </si>
  <si>
    <t>12/15/2019 06:01:09</t>
  </si>
  <si>
    <t>12/15/2019 06:06:00</t>
  </si>
  <si>
    <t>12/15/2019 06:10:32</t>
  </si>
  <si>
    <t>12/15/2019 06:14:00</t>
  </si>
  <si>
    <t>12/15/2019 06:31:52</t>
  </si>
  <si>
    <t>12/15/2019 06:35:00</t>
  </si>
  <si>
    <t>12/15/2019 06:33:39</t>
  </si>
  <si>
    <t>12/15/2019 06:36:00</t>
  </si>
  <si>
    <t>ulog_AcroARM2_ARM2Update_a9473871-eb7b-4719-ba46-35125c58e0e7_2d5c1fe3-0a5c-412a-ae5c-44cbc5a62fc1_0.log</t>
  </si>
  <si>
    <t>C:\Users\davimvs\AppData\Roaming\Adobe\LogTransport2\Logs\ulog_AcroARM2_ARM2Update_a9473871-eb7b-4719-ba46-35125c58e0e7_2d5c1fe3-0a5c-412a-ae5c-44cbc5a62fc1_0.log\</t>
  </si>
  <si>
    <t>ulog_AcroARM2_Reader_a9473871-eb7b-4719-ba46-35125c58e0e7_c15263fd-1478-4d40-beaf-be8ec117e81a_0.log</t>
  </si>
  <si>
    <t>C:\Users\davimvs\AppData\Roaming\Adobe\LogTransport2\Logs\ulog_AcroARM2_Reader_a9473871-eb7b-4719-ba46-35125c58e0e7_c15263fd-1478-4d40-beaf-be8ec117e81a_0.log\</t>
  </si>
  <si>
    <t>ulog_AcroARM2_Reader_a9473871-eb7b-4719-ba46-35125c58e0e7_ebf07471-b9f6-4a66-93af-bf1e12b015f4_0.log</t>
  </si>
  <si>
    <t>C:\Users\davimvs\AppData\Roaming\Adobe\LogTransport2\Logs\ulog_AcroARM2_Reader_a9473871-eb7b-4719-ba46-35125c58e0e7_ebf07471-b9f6-4a66-93af-bf1e12b015f4_0.log\</t>
  </si>
  <si>
    <t>12/15/2019 06:49:21</t>
  </si>
  <si>
    <t>12/15/2019 06:51:59</t>
  </si>
  <si>
    <t>12/15/2019 06:53:20</t>
  </si>
  <si>
    <t>12/15/2019 06:56:59</t>
  </si>
  <si>
    <t>12/15/2019 06:56:46</t>
  </si>
  <si>
    <t>12/15/2019 06:59:00</t>
  </si>
  <si>
    <t>12/15/2019 06:57:22</t>
  </si>
  <si>
    <t>12/15/2019 07:01:00</t>
  </si>
  <si>
    <t>12/15/2019 06:58:32</t>
  </si>
  <si>
    <t>12/15/2019 07:02:00</t>
  </si>
  <si>
    <t>\\acsfs\profiles$\albertofn\Downloads\</t>
  </si>
  <si>
    <t>4430877e-1c53-4b07-9af9-a014b7971946.tmp</t>
  </si>
  <si>
    <t>\\acsfs\profiles$\albertofn\Downloads\4430877e-1c53-4b07-9af9-a014b7971946.tmp</t>
  </si>
  <si>
    <t>12/15/2019 06:59:41</t>
  </si>
  <si>
    <t>\\acsfs\profiles$\albertofn\My Documents\Neto\</t>
  </si>
  <si>
    <t>Novo Documento RTF.rtf</t>
  </si>
  <si>
    <t>\\acsfs\profiles$\albertofn\My Documents\Neto\Novo Documento RTF.rtf</t>
  </si>
  <si>
    <t>12/15/2019 07:02:19</t>
  </si>
  <si>
    <t>12/15/2019 07:04:00</t>
  </si>
  <si>
    <t>12/15/2019 07:21:16</t>
  </si>
  <si>
    <t>12/15/2019 07:23:02</t>
  </si>
  <si>
    <t>12/15/2019 07:30:16</t>
  </si>
  <si>
    <t>12/15/2019 07:32:01</t>
  </si>
  <si>
    <t>\\acsfs\profiles$\albertofn\Downloads\$RECYCLE.BIN\</t>
  </si>
  <si>
    <t>$I4981LP.txt</t>
  </si>
  <si>
    <t>\\acsfs\profiles$\albertofn\Downloads\$RECYCLE.BIN\$I4981LP.txt</t>
  </si>
  <si>
    <t>$IZE76HI.txt</t>
  </si>
  <si>
    <t>\\acsfs\profiles$\albertofn\Downloads\$RECYCLE.BIN\$IZE76HI.txt</t>
  </si>
  <si>
    <t>$IZT2CE9.txt</t>
  </si>
  <si>
    <t>\\acsfs\profiles$\albertofn\Downloads\$RECYCLE.BIN\$IZT2CE9.txt</t>
  </si>
  <si>
    <t>$ILEFKEU.txt</t>
  </si>
  <si>
    <t>\\acsfs\profiles$\albertofn\Downloads\$RECYCLE.BIN\$ILEFKEU.txt</t>
  </si>
  <si>
    <t>12/15/2019 07:30:30</t>
  </si>
  <si>
    <t>$I9WTLMD.rtf</t>
  </si>
  <si>
    <t>\\acsfs\profiles$\albertofn\Downloads\$RECYCLE.BIN\$I9WTLMD.rtf</t>
  </si>
  <si>
    <t>12/15/2019 07:34:14</t>
  </si>
  <si>
    <t>12/15/2019 07:35:01</t>
  </si>
  <si>
    <t>12/15/2019 07:34:00</t>
  </si>
  <si>
    <t>12/15/2019 07:36:01</t>
  </si>
  <si>
    <t>5327a087-ca4f-4ad7-8624-1be785472a74.tmp</t>
  </si>
  <si>
    <t>\\acsfs\profiles$\cintiadcf\Downloads\5327a087-ca4f-4ad7-8624-1be785472a74.tmp</t>
  </si>
  <si>
    <t>12/15/2019 07:34:16</t>
  </si>
  <si>
    <t>12/15/2019 07:34:17</t>
  </si>
  <si>
    <t>1d62cea6-31af-4568-8159-02646a2ea953.tmp</t>
  </si>
  <si>
    <t>\\acsfs\profiles$\cintiadcf\Downloads\1d62cea6-31af-4568-8159-02646a2ea953.tmp</t>
  </si>
  <si>
    <t>12/15/2019 07:35:24</t>
  </si>
  <si>
    <t>12/15/2019 07:37:01</t>
  </si>
  <si>
    <t>Redes2 - CAP5 (1).rtf</t>
  </si>
  <si>
    <t>\\acsfs\profiles$\albertofn\Downloads\Redes2 - CAP5 (1).rtf</t>
  </si>
  <si>
    <t>12/15/2019 07:34:46</t>
  </si>
  <si>
    <t>12/15/2019 07:40:00</t>
  </si>
  <si>
    <t>12/15/2019 07:35:42</t>
  </si>
  <si>
    <t>12/15/2019 07:41:01</t>
  </si>
  <si>
    <t>277537ae-2d08-43cd-9a3a-e8d8c6e45b18.tmp</t>
  </si>
  <si>
    <t>\\acsfs\profiles$\cintiadcf\Downloads\277537ae-2d08-43cd-9a3a-e8d8c6e45b18.tmp</t>
  </si>
  <si>
    <t>12/15/2019 07:38:22</t>
  </si>
  <si>
    <t>12/15/2019 07:42:01</t>
  </si>
  <si>
    <t>$IB6G2FO.c</t>
  </si>
  <si>
    <t>\\acsfs\profiles$\albertofn\Downloads\$RECYCLE.BIN\$IB6G2FO.c</t>
  </si>
  <si>
    <t>12/15/2019 07:42:02</t>
  </si>
  <si>
    <t>12/15/2019 07:46:01</t>
  </si>
  <si>
    <t>12/15/2019 07:42:24</t>
  </si>
  <si>
    <t>12/15/2019 07:47:01</t>
  </si>
  <si>
    <t>12/15/2019 07:51:01</t>
  </si>
  <si>
    <t>12/15/2019 07:58:09</t>
  </si>
  <si>
    <t>12/15/2019 08:01:01</t>
  </si>
  <si>
    <t>12/15/2019 08:05:53</t>
  </si>
  <si>
    <t>12/15/2019 08:10:00</t>
  </si>
  <si>
    <t>12/15/2019 08:12:43</t>
  </si>
  <si>
    <t>12/15/2019 08:14:00</t>
  </si>
  <si>
    <t>0e831999-17ec-4250-a9a4-89f4ca23ef65.tmp</t>
  </si>
  <si>
    <t>\\acsfs\profiles$\isabellegtds\Downloads\0e831999-17ec-4250-a9a4-89f4ca23ef65.tmp</t>
  </si>
  <si>
    <t>12/15/2019 08:14:08</t>
  </si>
  <si>
    <t>12/15/2019 08:19:01</t>
  </si>
  <si>
    <t>fd92f41e-cc9a-4c15-a68c-95944beaee3b.tmp</t>
  </si>
  <si>
    <t>\\acsfs\profiles$\isabellegtds\Downloads\fd92f41e-cc9a-4c15-a68c-95944beaee3b.tmp</t>
  </si>
  <si>
    <t>12/15/2019 08:14:24</t>
  </si>
  <si>
    <t>e6c06ee2-2c52-4827-b999-8f3f5ffd8df4.tmp</t>
  </si>
  <si>
    <t>\\acsfs\profiles$\isabellegtds\Downloads\e6c06ee2-2c52-4827-b999-8f3f5ffd8df4.tmp</t>
  </si>
  <si>
    <t>12/15/2019 08:20:27</t>
  </si>
  <si>
    <t>12/15/2019 08:21:01</t>
  </si>
  <si>
    <t>12/15/2019 08:17:34</t>
  </si>
  <si>
    <t>12/15/2019 08:23:01</t>
  </si>
  <si>
    <t>12/15/2019 08:28:44</t>
  </si>
  <si>
    <t>12/15/2019 08:31:00</t>
  </si>
  <si>
    <t>12/15/2019 08:31:09</t>
  </si>
  <si>
    <t>12/15/2019 08:32:01</t>
  </si>
  <si>
    <t>\\acsfs\profiles$\marcellewdl\My Documents\My Pictures\</t>
  </si>
  <si>
    <t>\\acsfs\profiles$\marcellewdl\My Documents\My Videos\desktop.ini</t>
  </si>
  <si>
    <t>12/15/2019 08:31:11</t>
  </si>
  <si>
    <t>\\acsfs\profiles$\marcellewdl\My Documents\My Videos\</t>
  </si>
  <si>
    <t>12/15/2019 08:31:12</t>
  </si>
  <si>
    <t>12/15/2019 08:31:15</t>
  </si>
  <si>
    <t>12/15/2019 08:31:17</t>
  </si>
  <si>
    <t>12/15/2019 08:32:53</t>
  </si>
  <si>
    <t>12/15/2019 08:35:01</t>
  </si>
  <si>
    <t>12/15/2019 08:30:37</t>
  </si>
  <si>
    <t>12/15/2019 08:36:01</t>
  </si>
  <si>
    <t>12/15/2019 08:31:06</t>
  </si>
  <si>
    <t>e8b324a6-5098-40ee-83ed-9f6b2930b4f3.tmp</t>
  </si>
  <si>
    <t>\\acsfs\profiles$\LUCASNS\Downloads\e8b324a6-5098-40ee-83ed-9f6b2930b4f3.tmp</t>
  </si>
  <si>
    <t>12/15/2019 08:33:41</t>
  </si>
  <si>
    <t>e203751a-b9f4-44d8-b2d7-bcd70fd75142.tmp</t>
  </si>
  <si>
    <t>\\acsfs\profiles$\LUCASNS\Downloads\e203751a-b9f4-44d8-b2d7-bcd70fd75142.tmp</t>
  </si>
  <si>
    <t>12/15/2019 08:34:16</t>
  </si>
  <si>
    <t>799714c1-bcce-48a3-81fd-d4b116a011e3.tmp</t>
  </si>
  <si>
    <t>\\acsfs\profiles$\LUCASNS\Downloads\799714c1-bcce-48a3-81fd-d4b116a011e3.tmp</t>
  </si>
  <si>
    <t>12/15/2019 08:32:48</t>
  </si>
  <si>
    <t>12/15/2019 08:37:00</t>
  </si>
  <si>
    <t>12/15/2019 08:37:16</t>
  </si>
  <si>
    <t>12/15/2019 08:41:02</t>
  </si>
  <si>
    <t>5bc43375-9f73-4317-96e1-c55f0dda35ab.tmp</t>
  </si>
  <si>
    <t>\\acsfs\profiles$\LUCASNS\Downloads\5bc43375-9f73-4317-96e1-c55f0dda35ab.tmp</t>
  </si>
  <si>
    <t>12/15/2019 08:38:07</t>
  </si>
  <si>
    <t>12/15/2019 08:42:01</t>
  </si>
  <si>
    <t>125661d9-23a1-4066-a19c-8dfce0f15055.tmp</t>
  </si>
  <si>
    <t>\\acsfs\profiles$\marcellewdl\Downloads\125661d9-23a1-4066-a19c-8dfce0f15055.tmp</t>
  </si>
  <si>
    <t>12/15/2019 08:39:57</t>
  </si>
  <si>
    <t>12/15/2019 08:40:00</t>
  </si>
  <si>
    <t>9a5fc1df-952c-407f-b469-1f38f4c9fe9b.tmp</t>
  </si>
  <si>
    <t>\\acsfs\profiles$\marcellewdl\Downloads\9a5fc1df-952c-407f-b469-1f38f4c9fe9b.tmp</t>
  </si>
  <si>
    <t>12/15/2019 08:40:04</t>
  </si>
  <si>
    <t>13f1d2d1-a1d4-4abb-b33f-19c74c956ac8.tmp</t>
  </si>
  <si>
    <t>\\acsfs\profiles$\marcellewdl\Downloads\13f1d2d1-a1d4-4abb-b33f-19c74c956ac8.tmp</t>
  </si>
  <si>
    <t>12/15/2019 08:43:13</t>
  </si>
  <si>
    <t>12/15/2019 08:49:01</t>
  </si>
  <si>
    <t>12/15/2019 08:47:42</t>
  </si>
  <si>
    <t>12/15/2019 08:52:03</t>
  </si>
  <si>
    <t>senhas.txt</t>
  </si>
  <si>
    <t>\\acsfs\profiles$\marcellewdl\My Documents\senhas.txt</t>
  </si>
  <si>
    <t>12/15/2019 08:57:45</t>
  </si>
  <si>
    <t>12/15/2019 09:00:03</t>
  </si>
  <si>
    <t>12/15/2019 08:59:34</t>
  </si>
  <si>
    <t>12/15/2019 09:02:02</t>
  </si>
  <si>
    <t>12/15/2019 09:01:13</t>
  </si>
  <si>
    <t>12/15/2019 09:03:02</t>
  </si>
  <si>
    <t>12/15/2019 09:01:52</t>
  </si>
  <si>
    <t>nataliacsl</t>
  </si>
  <si>
    <t>\\acsfs\profiles$\nataliacsl\Downloads\</t>
  </si>
  <si>
    <t>f96a8b69-756d-4dbc-b4dd-7f4f03f0f272.tmp</t>
  </si>
  <si>
    <t>\\acsfs\profiles$\nataliacsl\Downloads\f96a8b69-756d-4dbc-b4dd-7f4f03f0f272.tmp</t>
  </si>
  <si>
    <t>12/15/2019 09:02:16</t>
  </si>
  <si>
    <t>b50d2777-5fad-40bc-95f4-64d4a96003fc.tmp</t>
  </si>
  <si>
    <t>\\acsfs\profiles$\nataliacsl\Downloads\b50d2777-5fad-40bc-95f4-64d4a96003fc.tmp</t>
  </si>
  <si>
    <t>12/15/2019 09:04:42</t>
  </si>
  <si>
    <t>12/15/2019 09:06:02</t>
  </si>
  <si>
    <t>12/15/2019 09:02:27</t>
  </si>
  <si>
    <t>12/15/2019 09:07:02</t>
  </si>
  <si>
    <t>\\acsfs\profiles$\MARCELLEWDL\My Documents\</t>
  </si>
  <si>
    <t>\\acsfs\profiles$\MARCELLEWDL\My Documents\senhas.txt</t>
  </si>
  <si>
    <t>12/15/2019 09:05:02</t>
  </si>
  <si>
    <t>12/15/2019 09:08:02</t>
  </si>
  <si>
    <t>ef42afd5-5981-4995-a718-3b0aa8919df7.tmp</t>
  </si>
  <si>
    <t>\\acsfs\profiles$\nataliacsl\Downloads\ef42afd5-5981-4995-a718-3b0aa8919df7.tmp</t>
  </si>
  <si>
    <t>12/15/2019 09:05:15</t>
  </si>
  <si>
    <t>12/15/2019 09:10:02</t>
  </si>
  <si>
    <t>12/15/2019 09:18:35</t>
  </si>
  <si>
    <t>12/15/2019 09:21:01</t>
  </si>
  <si>
    <t>60771045-8aae-415a-98f2-22e6bc402369.tmp</t>
  </si>
  <si>
    <t>\\acsfs\profiles$\cintiadcf\Downloads\60771045-8aae-415a-98f2-22e6bc402369.tmp</t>
  </si>
  <si>
    <t>12/15/2019 09:23:10</t>
  </si>
  <si>
    <t>12/15/2019 09:26:02</t>
  </si>
  <si>
    <t>12/15/2019 09:24:48</t>
  </si>
  <si>
    <t>12/15/2019 09:27:01</t>
  </si>
  <si>
    <t>12/15/2019 09:26:27</t>
  </si>
  <si>
    <t>12/15/2019 09:30:02</t>
  </si>
  <si>
    <t>12/15/2019 09:33:45</t>
  </si>
  <si>
    <t>12/15/2019 09:36:02</t>
  </si>
  <si>
    <t>12/15/2019 09:52:40</t>
  </si>
  <si>
    <t>12/15/2019 09:57:02</t>
  </si>
  <si>
    <t>12/15/2019 09:56:42</t>
  </si>
  <si>
    <t>12/15/2019 10:02:01</t>
  </si>
  <si>
    <t>12/15/2019 10:03:33</t>
  </si>
  <si>
    <t>12/15/2019 10:05:02</t>
  </si>
  <si>
    <t>12/15/2019 10:03:38</t>
  </si>
  <si>
    <t>12/15/2019 10:06:02</t>
  </si>
  <si>
    <t>ulog_AcroARM2_ARM2Update_a9473871-eb7b-4719-ba46-35125c58e0e7_1a5b3e17-45ae-4f55-8be8-c3cc04041a34_0.log</t>
  </si>
  <si>
    <t>C:\Users\davimvs\AppData\Roaming\Adobe\LogTransport2\Logs\ulog_AcroARM2_ARM2Update_a9473871-eb7b-4719-ba46-35125c58e0e7_1a5b3e17-45ae-4f55-8be8-c3cc04041a34_0.log\</t>
  </si>
  <si>
    <t>ulog_AcroARM2_Reader_a9473871-eb7b-4719-ba46-35125c58e0e7_28516dc3-fe3e-471f-8a37-6c428767f5a0_0.log</t>
  </si>
  <si>
    <t>C:\Users\davimvs\AppData\Roaming\Adobe\LogTransport2\Logs\ulog_AcroARM2_Reader_a9473871-eb7b-4719-ba46-35125c58e0e7_28516dc3-fe3e-471f-8a37-6c428767f5a0_0.log\</t>
  </si>
  <si>
    <t>ulog_AcroARM2_Reader_a9473871-eb7b-4719-ba46-35125c58e0e7_c26de949-df3f-435c-8ed7-b7a08b232c7c_0.log</t>
  </si>
  <si>
    <t>C:\Users\davimvs\AppData\Roaming\Adobe\LogTransport2\Logs\ulog_AcroARM2_Reader_a9473871-eb7b-4719-ba46-35125c58e0e7_c26de949-df3f-435c-8ed7-b7a08b232c7c_0.log\</t>
  </si>
  <si>
    <t>12/15/2019 10:03:55</t>
  </si>
  <si>
    <t>12/15/2019 10:09:02</t>
  </si>
  <si>
    <t>49d18a9b-0b4f-4610-b094-82356d9de6c6.tmp</t>
  </si>
  <si>
    <t>\\acsfs\profiles$\isabellegtds\Downloads\49d18a9b-0b4f-4610-b094-82356d9de6c6.tmp</t>
  </si>
  <si>
    <t>12/15/2019 10:07:42</t>
  </si>
  <si>
    <t>12/15/2019 10:11:01</t>
  </si>
  <si>
    <t>12/15/2019 10:18:45</t>
  </si>
  <si>
    <t>12/15/2019 10:19:02</t>
  </si>
  <si>
    <t>12/15/2019 10:22:17</t>
  </si>
  <si>
    <t>12/15/2019 10:26:01</t>
  </si>
  <si>
    <t>a12216a2-9b2b-4749-93c9-34f673003fab.tmp</t>
  </si>
  <si>
    <t>\\acsfs\profiles$\cintiadcf\Downloads\a12216a2-9b2b-4749-93c9-34f673003fab.tmp</t>
  </si>
  <si>
    <t>12/15/2019 10:24:04</t>
  </si>
  <si>
    <t>12/15/2019 10:27:02</t>
  </si>
  <si>
    <t>12/15/2019 10:30:58</t>
  </si>
  <si>
    <t>12/15/2019 10:33:01</t>
  </si>
  <si>
    <t>12/15/2019 10:31:38</t>
  </si>
  <si>
    <t>12/15/2019 10:34:01</t>
  </si>
  <si>
    <t>12/15/2019 10:36:11</t>
  </si>
  <si>
    <t>12/15/2019 10:37:01</t>
  </si>
  <si>
    <t>12/15/2019 10:46:56</t>
  </si>
  <si>
    <t>12/15/2019 10:51:01</t>
  </si>
  <si>
    <t>12/15/2019 10:50:14</t>
  </si>
  <si>
    <t>12/15/2019 10:55:01</t>
  </si>
  <si>
    <t>12/15/2019 11:04:08</t>
  </si>
  <si>
    <t>12/15/2019 11:07:02</t>
  </si>
  <si>
    <t>Redes 2 - CAP 4.rtf</t>
  </si>
  <si>
    <t>\\acsfs\profiles$\albertofn\My Documents\Neto\Redes 2 - CAP 4.rtf</t>
  </si>
  <si>
    <t>12/15/2019 11:06:12</t>
  </si>
  <si>
    <t>12/15/2019 11:10:02</t>
  </si>
  <si>
    <t>12/15/2019 11:10:58</t>
  </si>
  <si>
    <t>12/15/2019 11:16:03</t>
  </si>
  <si>
    <t>12/15/2019 11:17:05</t>
  </si>
  <si>
    <t>12/15/2019 11:21:02</t>
  </si>
  <si>
    <t>12/15/2019 11:18:15</t>
  </si>
  <si>
    <t>12/15/2019 11:22:02</t>
  </si>
  <si>
    <t>12/15/2019 11:22:07</t>
  </si>
  <si>
    <t>12/15/2019 11:26:02</t>
  </si>
  <si>
    <t>12/15/2019 11:32:53</t>
  </si>
  <si>
    <t>12/15/2019 11:35:01</t>
  </si>
  <si>
    <t>12/15/2019 11:36:53</t>
  </si>
  <si>
    <t>12/15/2019 11:40:01</t>
  </si>
  <si>
    <t>12/15/2019 11:39:49</t>
  </si>
  <si>
    <t>12/15/2019 11:41:01</t>
  </si>
  <si>
    <t>12/15/2019 11:43:41</t>
  </si>
  <si>
    <t>12/15/2019 11:48:01</t>
  </si>
  <si>
    <t>12/15/2019 11:45:16</t>
  </si>
  <si>
    <t>12/15/2019 11:49:02</t>
  </si>
  <si>
    <t>cd13699e-1527-496a-9191-7ef0fc450cfc.tmp</t>
  </si>
  <si>
    <t>\\acsfs\profiles$\isabellegtds\Downloads\cd13699e-1527-496a-9191-7ef0fc450cfc.tmp</t>
  </si>
  <si>
    <t>12/15/2019 11:49:22</t>
  </si>
  <si>
    <t>12/15/2019 11:51:01</t>
  </si>
  <si>
    <t>12/15/2019 11:55:56</t>
  </si>
  <si>
    <t>12/15/2019 12:01:01</t>
  </si>
  <si>
    <t>12/15/2019 12:00:21</t>
  </si>
  <si>
    <t>12/15/2019 12:02:02</t>
  </si>
  <si>
    <t>12/15/2019 11:58:37</t>
  </si>
  <si>
    <t>12/15/2019 12:03:01</t>
  </si>
  <si>
    <t>12/15/2019 12:11:37</t>
  </si>
  <si>
    <t>12/15/2019 12:14:01</t>
  </si>
  <si>
    <t>mail.google.com/_/upload?authuser=0&amp;dcp=asu-n&amp;upload_id=AEnB2UqZ7EtsdpHH4u3y2nPFJWCRzRztLd8qDDX51Bd9POAfUh25twDC9VvPkkzrfrbU31upmUJT1XRPmm6fKh-P0vDrcQe_Lw&amp;upload_protocol=resumable</t>
  </si>
  <si>
    <t>\\acsfs\DEPTOS\TH\05. Cargos e Remuneração\03.Remuneração Variável\Objetivos de Contribuição\2020\</t>
  </si>
  <si>
    <t>Direcionamento Estratégico para 2020_1ºS.xlsx</t>
  </si>
  <si>
    <t>12/15/2019 12:18:02</t>
  </si>
  <si>
    <t>12/15/2019 12:19:02</t>
  </si>
  <si>
    <t>12/15/2019 12:16:29</t>
  </si>
  <si>
    <t>12/15/2019 12:21:02</t>
  </si>
  <si>
    <t>12/15/2019 12:23:01</t>
  </si>
  <si>
    <t>12/15/2019 12:24:18</t>
  </si>
  <si>
    <t>12/15/2019 12:25:01</t>
  </si>
  <si>
    <t>12/15/2019 12:37:48</t>
  </si>
  <si>
    <t>12/15/2019 12:39:02</t>
  </si>
  <si>
    <t>12/15/2019 12:39:43</t>
  </si>
  <si>
    <t>12/15/2019 12:42:01</t>
  </si>
  <si>
    <t>9d23f1d4-4480-49e8-8935-bfa623c70beb.tmp</t>
  </si>
  <si>
    <t>\\acsfs\profiles$\jonatanls\Downloads\9d23f1d4-4480-49e8-8935-bfa623c70beb.tmp</t>
  </si>
  <si>
    <t>12/15/2019 12:41:14</t>
  </si>
  <si>
    <t>6890f843-dd69-4d60-a9a0-c0a3b1acb195.tmp</t>
  </si>
  <si>
    <t>\\acsfs\profiles$\jonatanls\Downloads\6890f843-dd69-4d60-a9a0-c0a3b1acb195.tmp</t>
  </si>
  <si>
    <t>12/15/2019 12:43:39</t>
  </si>
  <si>
    <t>12/15/2019 12:47:02</t>
  </si>
  <si>
    <t>.~lock.Filas-ALGAR - JONATAN.xlsx#</t>
  </si>
  <si>
    <t>\\acsfs\profiles$\jonatanls\My Documents\.~lock.Filas-ALGAR - JONATAN.xlsx#</t>
  </si>
  <si>
    <t>12/15/2019 12:56:52</t>
  </si>
  <si>
    <t>12/15/2019 12:59:02</t>
  </si>
  <si>
    <t>12/15/2019 13:09:05</t>
  </si>
  <si>
    <t>12/15/2019 13:12:02</t>
  </si>
  <si>
    <t>12/15/2019 13:11:21</t>
  </si>
  <si>
    <t>12/15/2019 13:17:02</t>
  </si>
  <si>
    <t>12/15/2019 13:11:22</t>
  </si>
  <si>
    <t>lu14304671fu.tmp</t>
  </si>
  <si>
    <t>\\acsfs\profiles$\jonatanls\My Documents\lu14304671fu.tmp</t>
  </si>
  <si>
    <t>12/15/2019 13:11:32</t>
  </si>
  <si>
    <t>lu14304671g0.tmp</t>
  </si>
  <si>
    <t>\\acsfs\profiles$\jonatanls\My Documents\lu14304671g0.tmp</t>
  </si>
  <si>
    <t>12/15/2019 13:12:51</t>
  </si>
  <si>
    <t>4d92a291-acab-4647-b3ea-7a66a12ee370.tmp</t>
  </si>
  <si>
    <t>\\acsfs\profiles$\jonatanls\Downloads\4d92a291-acab-4647-b3ea-7a66a12ee370.tmp</t>
  </si>
  <si>
    <t>12/15/2019 13:13:57</t>
  </si>
  <si>
    <t>4d23b0cb-ffd4-4c91-9c1a-97ea8ad8e8c3.tmp</t>
  </si>
  <si>
    <t>\\acsfs\profiles$\jonatanls\Downloads\4d23b0cb-ffd4-4c91-9c1a-97ea8ad8e8c3.tmp</t>
  </si>
  <si>
    <t>12/15/2019 13:13:30</t>
  </si>
  <si>
    <t>dca69dd3-6126-429c-bfab-8c784cdacd77.tmp</t>
  </si>
  <si>
    <t>\\acsfs\profiles$\marcellewdl\Downloads\dca69dd3-6126-429c-bfab-8c784cdacd77.tmp</t>
  </si>
  <si>
    <t>12/15/2019 13:15:05</t>
  </si>
  <si>
    <t>12/15/2019 13:18:02</t>
  </si>
  <si>
    <t>10.200.67.5</t>
  </si>
  <si>
    <t>12/15/2019 13:16:33</t>
  </si>
  <si>
    <t>12/15/2019 13:19:03</t>
  </si>
  <si>
    <t>10.200.66.9</t>
  </si>
  <si>
    <t>12/15/2019 13:16:55</t>
  </si>
  <si>
    <t>12/15/2019 13:22:04</t>
  </si>
  <si>
    <t>12/15/2019 13:16:56</t>
  </si>
  <si>
    <t>lu14304671g6.tmp</t>
  </si>
  <si>
    <t>\\acsfs\profiles$\jonatanls\My Documents\lu14304671g6.tmp</t>
  </si>
  <si>
    <t>12/15/2019 13:18:56</t>
  </si>
  <si>
    <t>lu14304671gc.tmp</t>
  </si>
  <si>
    <t>\\acsfs\profiles$\jonatanls\My Documents\lu14304671gc.tmp</t>
  </si>
  <si>
    <t>12/15/2019 13:20:50</t>
  </si>
  <si>
    <t>12/15/2019 13:24:02</t>
  </si>
  <si>
    <t>12/15/2019 13:31:38</t>
  </si>
  <si>
    <t>12/15/2019 13:36:03</t>
  </si>
  <si>
    <t>12/15/2019 13:33:41</t>
  </si>
  <si>
    <t>ulog_AcroARM2_ARM2Update_a9473871-eb7b-4719-ba46-35125c58e0e7_2053dac7-8a4a-4090-8176-fcc92ee4ec44_0.log</t>
  </si>
  <si>
    <t>C:\Users\davimvs\AppData\Roaming\Adobe\LogTransport2\Logs\ulog_AcroARM2_ARM2Update_a9473871-eb7b-4719-ba46-35125c58e0e7_2053dac7-8a4a-4090-8176-fcc92ee4ec44_0.log\</t>
  </si>
  <si>
    <t>ulog_AcroARM2_Reader_a9473871-eb7b-4719-ba46-35125c58e0e7_0734309d-de24-42e0-af0a-67eb98910b2a_0.log</t>
  </si>
  <si>
    <t>C:\Users\davimvs\AppData\Roaming\Adobe\LogTransport2\Logs\ulog_AcroARM2_Reader_a9473871-eb7b-4719-ba46-35125c58e0e7_0734309d-de24-42e0-af0a-67eb98910b2a_0.log\</t>
  </si>
  <si>
    <t>ulog_AcroARM2_Reader_a9473871-eb7b-4719-ba46-35125c58e0e7_62aac719-7fca-4934-91a3-e92cb0f04048_0.log</t>
  </si>
  <si>
    <t>C:\Users\davimvs\AppData\Roaming\Adobe\LogTransport2\Logs\ulog_AcroARM2_Reader_a9473871-eb7b-4719-ba46-35125c58e0e7_62aac719-7fca-4934-91a3-e92cb0f04048_0.log\</t>
  </si>
  <si>
    <t>12/15/2019 13:34:14</t>
  </si>
  <si>
    <t>12/15/2019 13:37:02</t>
  </si>
  <si>
    <t>4858a128-c112-4e0a-a661-142fb168e4f8.tmp</t>
  </si>
  <si>
    <t>\\acsfs\profiles$\jonatanls\Downloads\4858a128-c112-4e0a-a661-142fb168e4f8.tmp</t>
  </si>
  <si>
    <t>12/15/2019 13:36:39</t>
  </si>
  <si>
    <t>12/15/2019 13:38:03</t>
  </si>
  <si>
    <t>12/15/2019 13:43:51</t>
  </si>
  <si>
    <t>12/15/2019 13:45:03</t>
  </si>
  <si>
    <t>12/15/2019 13:42:57</t>
  </si>
  <si>
    <t>12/15/2019 13:46:02</t>
  </si>
  <si>
    <t>12/15/2019 13:50:19</t>
  </si>
  <si>
    <t>12/15/2019 13:52:03</t>
  </si>
  <si>
    <t>12/15/2019 14:00:07</t>
  </si>
  <si>
    <t>12/15/2019 14:01:03</t>
  </si>
  <si>
    <t>ulog_AcroARM2_Reader_a9473871-eb7b-4719-ba46-35125c58e0e7_1788f839-a346-4acd-b3b2-e8ad19f6da3d_0.log</t>
  </si>
  <si>
    <t>C:\Users\davimvs\AppData\Roaming\Adobe\LogTransport2\Logs\ulog_AcroARM2_Reader_a9473871-eb7b-4719-ba46-35125c58e0e7_1788f839-a346-4acd-b3b2-e8ad19f6da3d_0.log\</t>
  </si>
  <si>
    <t>12/15/2019 14:04:00</t>
  </si>
  <si>
    <t>12/15/2019 14:05:02</t>
  </si>
  <si>
    <t>12/15/2019 14:03:33</t>
  </si>
  <si>
    <t>12/15/2019 14:06:03</t>
  </si>
  <si>
    <t>12/15/2019 14:01:10</t>
  </si>
  <si>
    <t>12/15/2019 14:09:54</t>
  </si>
  <si>
    <t>12/15/2019 14:12:03</t>
  </si>
  <si>
    <t>6d937207-3e47-4e96-b744-9c7fc73344ae.tmp</t>
  </si>
  <si>
    <t>\\acsfs\profiles$\jonatanls\Downloads\6d937207-3e47-4e96-b744-9c7fc73344ae.tmp</t>
  </si>
  <si>
    <t>12/15/2019 14:07:50</t>
  </si>
  <si>
    <t>12/15/2019 14:26:29</t>
  </si>
  <si>
    <t>12/15/2019 14:32:03</t>
  </si>
  <si>
    <t>12/15/2019 14:37:05</t>
  </si>
  <si>
    <t>12/15/2019 14:40:03</t>
  </si>
  <si>
    <t>12/15/2019 14:42:36</t>
  </si>
  <si>
    <t>12/15/2019 14:47:03</t>
  </si>
  <si>
    <t>adc0a325-6bd9-443a-b951-5bdfb2ae7429.tmp</t>
  </si>
  <si>
    <t>\\acsfs\profiles$\erichds\Downloads\adc0a325-6bd9-443a-b951-5bdfb2ae7429.tmp</t>
  </si>
  <si>
    <t>12/15/2019 14:45:26</t>
  </si>
  <si>
    <t>ef269f18-0fc6-4002-9037-f71a769de3de.tmp</t>
  </si>
  <si>
    <t>\\acsfs\profiles$\erichds\Downloads\ef269f18-0fc6-4002-9037-f71a769de3de.tmp</t>
  </si>
  <si>
    <t>12/15/2019 14:50:11</t>
  </si>
  <si>
    <t>12/15/2019 14:52:03</t>
  </si>
  <si>
    <t>12/15/2019 14:46:51</t>
  </si>
  <si>
    <t>\\acsfs\profiles$\MARCELLEWDL\My Documents\vendas.txt</t>
  </si>
  <si>
    <t>12/15/2019 14:50:18</t>
  </si>
  <si>
    <t>b9b8c419-337e-4c5d-a375-5ee6c0716768.tmp</t>
  </si>
  <si>
    <t>\\acsfs\profiles$\henriqueco\Downloads\b9b8c419-337e-4c5d-a375-5ee6c0716768.tmp</t>
  </si>
  <si>
    <t>12/15/2019 14:50:41</t>
  </si>
  <si>
    <t>9d67f28a-f195-44d8-917e-6253bd7aa8cd.tmp</t>
  </si>
  <si>
    <t>\\acsfs\profiles$\henriqueco\Downloads\9d67f28a-f195-44d8-917e-6253bd7aa8cd.tmp</t>
  </si>
  <si>
    <t>12/15/2019 14:52:23</t>
  </si>
  <si>
    <t>12/15/2019 14:57:03</t>
  </si>
  <si>
    <t>b1bef32f-8394-4deb-ac21-689f3b706cf1.tmp</t>
  </si>
  <si>
    <t>\\acsfs\profiles$\henriqueco\Downloads\b1bef32f-8394-4deb-ac21-689f3b706cf1.tmp</t>
  </si>
  <si>
    <t>12/15/2019 14:56:55</t>
  </si>
  <si>
    <t>12/15/2019 14:58:03</t>
  </si>
  <si>
    <t>75899443-0b25-47c0-81fd-2e2abd448fa8.tmp</t>
  </si>
  <si>
    <t>\\acsfs\profiles$\nataliacsl\Downloads\75899443-0b25-47c0-81fd-2e2abd448fa8.tmp</t>
  </si>
  <si>
    <t>12/15/2019 15:01:59</t>
  </si>
  <si>
    <t>12/15/2019 15:03:03</t>
  </si>
  <si>
    <t>\\acsfs\profiles$\NATALIACSL\</t>
  </si>
  <si>
    <t>Novo Documento de Texto (3).txt</t>
  </si>
  <si>
    <t>\\acsfs\profiles$\NATALIACSL\Novo Documento de Texto (3).txt</t>
  </si>
  <si>
    <t>12/15/2019 15:02:03</t>
  </si>
  <si>
    <t>12/15/2019 15:04:05</t>
  </si>
  <si>
    <t>12/15/2019 15:05:03</t>
  </si>
  <si>
    <t>12/15/2019 15:01:56</t>
  </si>
  <si>
    <t>12/15/2019 15:07:03</t>
  </si>
  <si>
    <t>ad985e2a-26ec-4e51-b44d-48dcfd5f5fc4.tmp</t>
  </si>
  <si>
    <t>\\acsfs\profiles$\erichds\Downloads\ad985e2a-26ec-4e51-b44d-48dcfd5f5fc4.tmp</t>
  </si>
  <si>
    <t>12/15/2019 15:08:02</t>
  </si>
  <si>
    <t>12/15/2019 15:11:03</t>
  </si>
  <si>
    <t>12/15/2019 15:10:32</t>
  </si>
  <si>
    <t>12/15/2019 15:13:03</t>
  </si>
  <si>
    <t>d1df5d24-a1c0-4dd0-bd91-0d49e480135b.tmp</t>
  </si>
  <si>
    <t>\\acsfs\profiles$\nataliacsl\Downloads\d1df5d24-a1c0-4dd0-bd91-0d49e480135b.tmp</t>
  </si>
  <si>
    <t>12/15/2019 15:23:39</t>
  </si>
  <si>
    <t>12/15/2019 15:27:02</t>
  </si>
  <si>
    <t>12/15/2019 15:28:25</t>
  </si>
  <si>
    <t>12/15/2019 15:30:03</t>
  </si>
  <si>
    <t>12/15/2019 15:25:59</t>
  </si>
  <si>
    <t>12/15/2019 15:33:09</t>
  </si>
  <si>
    <t>12/15/2019 15:35:03</t>
  </si>
  <si>
    <t>12/15/2019 15:34:46</t>
  </si>
  <si>
    <t>12/15/2019 15:37:03</t>
  </si>
  <si>
    <t>12/15/2019 15:43:38</t>
  </si>
  <si>
    <t>12/15/2019 15:44:03</t>
  </si>
  <si>
    <t>12/15/2019 15:44:10</t>
  </si>
  <si>
    <t>12/15/2019 15:46:02</t>
  </si>
  <si>
    <t>12/15/2019 15:50:57</t>
  </si>
  <si>
    <t>12/15/2019 15:52:03</t>
  </si>
  <si>
    <t>12/15/2019 15:59:36</t>
  </si>
  <si>
    <t>12/15/2019 16:00:02</t>
  </si>
  <si>
    <t>77e3b39e-e428-4d29-8645-cf839d35d41b.tmp</t>
  </si>
  <si>
    <t>\\acsfs\profiles$\paulohaf\Downloads\77e3b39e-e428-4d29-8645-cf839d35d41b.tmp</t>
  </si>
  <si>
    <t>12/15/2019 16:00:22</t>
  </si>
  <si>
    <t>12/15/2019 16:05:03</t>
  </si>
  <si>
    <t>d5bae9a0-a557-4f15-a810-0847eaf6d944.tmp</t>
  </si>
  <si>
    <t>\\acsfs\profiles$\paulohaf\Downloads\d5bae9a0-a557-4f15-a810-0847eaf6d944.tmp</t>
  </si>
  <si>
    <t>12/15/2019 16:00:58</t>
  </si>
  <si>
    <t>3c741bc4-9af6-4867-89f4-6de2d325469a.tmp</t>
  </si>
  <si>
    <t>\\acsfs\profiles$\paulohaf\Downloads\3c741bc4-9af6-4867-89f4-6de2d325469a.tmp</t>
  </si>
  <si>
    <t>12/15/2019 16:07:09</t>
  </si>
  <si>
    <t>12/15/2019 16:11:03</t>
  </si>
  <si>
    <t>12/15/2019 16:09:03</t>
  </si>
  <si>
    <t>12/15/2019 16:14:03</t>
  </si>
  <si>
    <t>12/15/2019 16:14:32</t>
  </si>
  <si>
    <t>12/15/2019 16:15:03</t>
  </si>
  <si>
    <t>"application":"retail";"attributes":{"id":"uyxqr6-3cnllb-635a0c-rmfaj0";"id":"uyxqr6-3cnllb-635a0c-rmfaj0";"meaningful":"interactive";"messageid":"qhxb9i-g3z9z0-ry2bcz-kft7td";"obfuscatedmarketplaceid":"art4wz8mwbx2y";"producerid":"csa";"requestid":"2rs5bpbz6411syznqvsk";"schemaid":"csa.pageentity.1";"url":"https://www.amazon.com/ap/signin?accountstatuspolicy=p1;br accept-language: pt-br;deflate;en-us;q=0.8;en;q=0.7 cookie: session-id=147-7651702-9841416; session-id-time=2207157271l; lc-main-av=pt_br {"events":[{"data":{"timestamp":"2019-12-15t19:14:31.631z";https://www.primevideo.com/auth/return/ref=av_auth_ap?_encoding=utf8&amp;location=%2fref%3ddv_auth_ret accept-encoding: gzip;pt;q=0.9;version;</t>
  </si>
  <si>
    <t>https://"application":"retail","attributes":{"id":"uyxqr6-3cnllb-635a0c-rmfaj0","id":"uyxqr6-3cnllb-635a0c-rmfaj0","meaningful":"interactive","messageid":"qhxb9i-g3z9z0-ry2bcz-kft7td","obfuscatedmarketplaceid":"art4wz8mwbx2y","producerid":"csa","requestid":"2rs5bpbz6411syznqvsk","schemaid":"csa.pageentity.1","url":"https://www.amazon.com/ap/signin?accountstatuspolicy=p1,br accept-language: pt-br,deflate,en-us;q=0.8,en;q=0.7 cookie: session-id=147-7651702-9841416; session-id-time=2207157271l; lc-main-av=pt_br {"events":[{"data":{"timestamp":"2019-12-15t19:14:31.631z",https://www.primevideo.com/auth/return/ref=av_auth_ap?_encoding=utf8&amp;location=%2fref%3ddv_auth_ret accept-encoding: gzip,pt;q=0.9,version</t>
  </si>
  <si>
    <t>12/15/2019 16:14:36</t>
  </si>
  <si>
    <t>"application":"retail";"attributes":{"id":"uyxqr6-3cnllb-635a0c-rmfaj0";"entities":{"page":{"id":"uyxqr6-3cnllb-635a0c-rmfaj0";"id":"uyxqr6-3cnllb-635a0c-rmfaj0";"meaningful":"interactive";"messageid":"qhxb9i-g3z9z0-ry2bcz-kft7td";"messageid":"wej4te-hucunv-5pvc1t-5nko75";"obfuscatedmarketplaceid":"art4wz8mwbx2y";"producerid":"csa";"requestid":"2rs5bpbz6411syznqvsk";"schemaid":"csa.pageentity.1";"schemaid":"csa.pageimpressed.2";"timestamp":"2019-12-15t19:14:32.890z";"url":"https://www.amazon.com/ap/signin?accountstatuspolicy=p1;br accept-language: pt-br;deflate;en-us;q=0.8;en;q=0.7 cookie: session-id=147-7651702-9841416; session-id-time=2207157271l; lc-main-av=pt_br {"events":[{"data":{"renderedtomeaningful":257;en;q=0.7 cookie: session-id=147-7651702-9841416; session-id-time=2207157271l; lc-main-av=pt_br {"events":[{"data":{"timestamp":"2019-12-15t19:14:31.631z";https://www.primevideo.com/auth/return/ref=av_auth_ap?_encoding=utf8&amp;location=%2fref%3ddv_auth_ret accept-encoding: gzip;pt;q=0.9;renderedtoimpresse</t>
  </si>
  <si>
    <t>https://"application":"retail","attributes":{"id":"uyxqr6-3cnllb-635a0c-rmfaj0","entities":{"page":{"id":"uyxqr6-3cnllb-635a0c-rmfaj0","id":"uyxqr6-3cnllb-635a0c-rmfaj0","meaningful":"interactive","messageid":"qhxb9i-g3z9z0-ry2bcz-kft7td","messageid":"wej4te-hucunv-5pvc1t-5nko75","obfuscatedmarketplaceid":"art4wz8mwbx2y","producerid":"csa","requestid":"2rs5bpbz6411syznqvsk","schemaid":"csa.pageentity.1","schemaid":"csa.pageimpressed.2","timestamp":"2019-12-15t19:14:32.890z","url":"https://www.amazon.com/ap/signin?accountstatuspolicy=p1,br accept-language: pt-br,deflate,en-us;q=0.8,en;q=0.7 cookie: session-id=147-7651702-9841416; session-id-time=2207157271l; lc-main-av=pt_br {"events":[{"data":{"renderedtomeaningful":257,en;q=0.7 cookie: session-id=147-7651702-9841416; session-id-time=2207157271l; lc-main-av=pt_br {"events":[{"data":{"timestamp":"2019-12-15t19:14:31.631z",https://www.primevideo.com/auth/return/ref=av_auth_ap?_encoding=utf8&amp;location=%2fref%3ddv_auth_ret accept-encoding: gzip,pt;q=0.9,renderedto</t>
  </si>
  <si>
    <t>12/15/2019 16:12:49</t>
  </si>
  <si>
    <t>12/15/2019 16:16:03</t>
  </si>
  <si>
    <t>12/15/2019 16:36:20</t>
  </si>
  <si>
    <t>12/15/2019 16:37:03</t>
  </si>
  <si>
    <t>12/15/2019 16:38:58</t>
  </si>
  <si>
    <t>12/15/2019 16:42:03</t>
  </si>
  <si>
    <t>12/15/2019 16:39:56</t>
  </si>
  <si>
    <t>12/15/2019 16:44:04</t>
  </si>
  <si>
    <t>12/15/2019 16:54:35</t>
  </si>
  <si>
    <t>12/15/2019 16:59:04</t>
  </si>
  <si>
    <t>12/15/2019 17:03:39</t>
  </si>
  <si>
    <t>12/15/2019 17:06:03</t>
  </si>
  <si>
    <t>ulog_AcroARM2_ARM2Update_a9473871-eb7b-4719-ba46-35125c58e0e7_3143fcb7-95b0-45e6-8fc7-612e3bd7aac8_0.log</t>
  </si>
  <si>
    <t>C:\Users\davimvs\AppData\Roaming\Adobe\LogTransport2\Logs\ulog_AcroARM2_ARM2Update_a9473871-eb7b-4719-ba46-35125c58e0e7_3143fcb7-95b0-45e6-8fc7-612e3bd7aac8_0.log\</t>
  </si>
  <si>
    <t>ulog_AcroARM2_Reader_a9473871-eb7b-4719-ba46-35125c58e0e7_8d9fd6a2-fe04-4faa-8e7c-036eb16647dd_0.log</t>
  </si>
  <si>
    <t>C:\Users\davimvs\AppData\Roaming\Adobe\LogTransport2\Logs\ulog_AcroARM2_Reader_a9473871-eb7b-4719-ba46-35125c58e0e7_8d9fd6a2-fe04-4faa-8e7c-036eb16647dd_0.log\</t>
  </si>
  <si>
    <t>12/15/2019 17:03:40</t>
  </si>
  <si>
    <t>ulog_AcroARM2_Reader_a9473871-eb7b-4719-ba46-35125c58e0e7_b3a2a0ed-945c-4574-b739-355c290fa59f_0.log</t>
  </si>
  <si>
    <t>C:\Users\davimvs\AppData\Roaming\Adobe\LogTransport2\Logs\ulog_AcroARM2_Reader_a9473871-eb7b-4719-ba46-35125c58e0e7_b3a2a0ed-945c-4574-b739-355c290fa59f_0.log\</t>
  </si>
  <si>
    <t>12/15/2019 17:09:25</t>
  </si>
  <si>
    <t>12/15/2019 17:12:03</t>
  </si>
  <si>
    <t>12/15/2019 17:22:23</t>
  </si>
  <si>
    <t>12/15/2019 17:26:03</t>
  </si>
  <si>
    <t>12/15/2019 17:23:14</t>
  </si>
  <si>
    <t>12/15/2019 17:27:02</t>
  </si>
  <si>
    <t>e54e15c2-6088-463a-9334-f097292bc15c.tmp</t>
  </si>
  <si>
    <t>\\acsfs\profiles$\erichds\Downloads\e54e15c2-6088-463a-9334-f097292bc15c.tmp</t>
  </si>
  <si>
    <t>12/15/2019 17:30:10</t>
  </si>
  <si>
    <t>12/15/2019 17:32:03</t>
  </si>
  <si>
    <t>5d51f8fe-dadc-4155-825c-e256ec6947ff.tmp</t>
  </si>
  <si>
    <t>\\acsfs\profiles$\erichds\Downloads\5d51f8fe-dadc-4155-825c-e256ec6947ff.tmp</t>
  </si>
  <si>
    <t>12/15/2019 17:36:55</t>
  </si>
  <si>
    <t>12/15/2019 17:40:03</t>
  </si>
  <si>
    <t>12/15/2019 17:39:13</t>
  </si>
  <si>
    <t>12/15/2019 17:41:03</t>
  </si>
  <si>
    <t>12/15/2019 17:45:57</t>
  </si>
  <si>
    <t>12/15/2019 17:50:03</t>
  </si>
  <si>
    <t>12/15/2019 18:02:43</t>
  </si>
  <si>
    <t>12/15/2019 18:07:03</t>
  </si>
  <si>
    <t>12/15/2019 18:17:19</t>
  </si>
  <si>
    <t>12/15/2019 18:21:04</t>
  </si>
  <si>
    <t>12/15/2019 18:36:13</t>
  </si>
  <si>
    <t>12/15/2019 18:40:03</t>
  </si>
  <si>
    <t>12/15/2019 18:55:25</t>
  </si>
  <si>
    <t>12/15/2019 18:57:05</t>
  </si>
  <si>
    <t>12/15/2019 19:12:19</t>
  </si>
  <si>
    <t>12/15/2019 19:17:04</t>
  </si>
  <si>
    <t>f6dd6e68-4923-4bcc-99f4-2f30802f4495.tmp</t>
  </si>
  <si>
    <t>\\acsfs\profiles$\henriqueco\Downloads\f6dd6e68-4923-4bcc-99f4-2f30802f4495.tmp</t>
  </si>
  <si>
    <t>12/15/2019 19:22:35</t>
  </si>
  <si>
    <t>12/15/2019 19:26:04</t>
  </si>
  <si>
    <t>12/15/2019 19:27:30</t>
  </si>
  <si>
    <t>12/15/2019 19:32:04</t>
  </si>
  <si>
    <t>12/15/2019 19:38:26</t>
  </si>
  <si>
    <t>12/15/2019 19:42:03</t>
  </si>
  <si>
    <t>6cc2010f-5caa-448e-895b-b8d9d51df0cd.tmp</t>
  </si>
  <si>
    <t>\\acsfs\profiles$\erichds\Downloads\6cc2010f-5caa-448e-895b-b8d9d51df0cd.tmp</t>
  </si>
  <si>
    <t>12/15/2019 19:42:02</t>
  </si>
  <si>
    <t>12/15/2019 19:46:03</t>
  </si>
  <si>
    <t>12/15/2019 19:50:50</t>
  </si>
  <si>
    <t>12/15/2019 19:55:05</t>
  </si>
  <si>
    <t>12/15/2019 19:55:14</t>
  </si>
  <si>
    <t>12/15/2019 20:00:05</t>
  </si>
  <si>
    <t>12/15/2019 20:01:55</t>
  </si>
  <si>
    <t>12/15/2019 20:04:04</t>
  </si>
  <si>
    <t>12/15/2019 20:20:23</t>
  </si>
  <si>
    <t>12/15/2019 20:24:05</t>
  </si>
  <si>
    <t>12/15/2019 20:25:16</t>
  </si>
  <si>
    <t>12/15/2019 20:27:04</t>
  </si>
  <si>
    <t>12/15/2019 20:26:21</t>
  </si>
  <si>
    <t>12/15/2019 20:30:04</t>
  </si>
  <si>
    <t>12/15/2019 20:26:07</t>
  </si>
  <si>
    <t>12/15/2019 20:31:05</t>
  </si>
  <si>
    <t>12/15/2019 20:33:41</t>
  </si>
  <si>
    <t>12/15/2019 20:36:04</t>
  </si>
  <si>
    <t>ulog_AcroARM2_ARM2Update_a9473871-eb7b-4719-ba46-35125c58e0e7_017fa995-3725-468a-9e69-9be261b78107_0.log</t>
  </si>
  <si>
    <t>C:\Users\davimvs\AppData\Roaming\Adobe\LogTransport2\Logs\ulog_AcroARM2_ARM2Update_a9473871-eb7b-4719-ba46-35125c58e0e7_017fa995-3725-468a-9e69-9be261b78107_0.log\</t>
  </si>
  <si>
    <t>ulog_AcroARM2_Reader_a9473871-eb7b-4719-ba46-35125c58e0e7_8013d534-8c8b-4a02-81f3-666e0eeb0154_0.log</t>
  </si>
  <si>
    <t>C:\Users\davimvs\AppData\Roaming\Adobe\LogTransport2\Logs\ulog_AcroARM2_Reader_a9473871-eb7b-4719-ba46-35125c58e0e7_8013d534-8c8b-4a02-81f3-666e0eeb0154_0.log\</t>
  </si>
  <si>
    <t>ulog_AcroARM2_Reader_a9473871-eb7b-4719-ba46-35125c58e0e7_cc161eca-046a-42bf-8a5f-7ff3a0909bc4_0.log</t>
  </si>
  <si>
    <t>C:\Users\davimvs\AppData\Roaming\Adobe\LogTransport2\Logs\ulog_AcroARM2_Reader_a9473871-eb7b-4719-ba46-35125c58e0e7_cc161eca-046a-42bf-8a5f-7ff3a0909bc4_0.log\</t>
  </si>
  <si>
    <t>12/15/2019 20:53:29</t>
  </si>
  <si>
    <t>12/15/2019 20:54:04</t>
  </si>
  <si>
    <t>12/15/2019 20:57:45</t>
  </si>
  <si>
    <t>12/15/2019 21:00:05</t>
  </si>
  <si>
    <t>12/15/2019 21:00:24</t>
  </si>
  <si>
    <t>12/15/2019 21:06:04</t>
  </si>
  <si>
    <t>12/15/2019 21:02:27</t>
  </si>
  <si>
    <t>12/15/2019 21:23:09</t>
  </si>
  <si>
    <t>12/15/2019 21:26:06</t>
  </si>
  <si>
    <t>12/15/2019 21:28:00</t>
  </si>
  <si>
    <t>12/15/2019 21:29:06</t>
  </si>
  <si>
    <t>12/15/2019 21:32:52</t>
  </si>
  <si>
    <t>12/15/2019 21:35:06</t>
  </si>
  <si>
    <t>12/15/2019 21:30:16</t>
  </si>
  <si>
    <t>12/15/2019 21:34:47</t>
  </si>
  <si>
    <t>12/15/2019 21:37:06</t>
  </si>
  <si>
    <t>12/15/2019 22:03:10</t>
  </si>
  <si>
    <t>12/15/2019 22:06:08</t>
  </si>
  <si>
    <t>12/15/2019 22:44:51</t>
  </si>
  <si>
    <t>12/15/2019 22:50:09</t>
  </si>
  <si>
    <t>12/15/2019 23:01:36</t>
  </si>
  <si>
    <t>12/15/2019 23:04:09</t>
  </si>
  <si>
    <t>12/15/2019 23:18:53</t>
  </si>
  <si>
    <t>12/15/2019 23:20:08</t>
  </si>
  <si>
    <t>12/15/2019 23:55:19</t>
  </si>
  <si>
    <t>12/15/2019 23:56:10</t>
  </si>
  <si>
    <t>12/15/2019 23:52:07</t>
  </si>
  <si>
    <t>12/16/2019 00:03:08</t>
  </si>
  <si>
    <t>12/16/2019 00:04:11</t>
  </si>
  <si>
    <t>12/16/2019 00:01:41</t>
  </si>
  <si>
    <t>12/16/2019 00:05:10</t>
  </si>
  <si>
    <t>12/16/2019 00:03:40</t>
  </si>
  <si>
    <t>12/16/2019 00:06:10</t>
  </si>
  <si>
    <t>ulog_AcroARM2_ARM2Update_a9473871-eb7b-4719-ba46-35125c58e0e7_6c410186-8ef7-4d93-8863-683633a9c5f2_0.log</t>
  </si>
  <si>
    <t>C:\Users\davimvs\AppData\Roaming\Adobe\LogTransport2\Logs\ulog_AcroARM2_ARM2Update_a9473871-eb7b-4719-ba46-35125c58e0e7_6c410186-8ef7-4d93-8863-683633a9c5f2_0.log\</t>
  </si>
  <si>
    <t>ulog_AcroARM2_Reader_a9473871-eb7b-4719-ba46-35125c58e0e7_641f3eec-b17c-4acb-aaca-2a04a4fd351e_0.log</t>
  </si>
  <si>
    <t>C:\Users\davimvs\AppData\Roaming\Adobe\LogTransport2\Logs\ulog_AcroARM2_Reader_a9473871-eb7b-4719-ba46-35125c58e0e7_641f3eec-b17c-4acb-aaca-2a04a4fd351e_0.log\</t>
  </si>
  <si>
    <t>ulog_AcroARM2_Reader_a9473871-eb7b-4719-ba46-35125c58e0e7_ad06f049-7c1e-43ca-9d4c-1ab7ef1ddef4_0.log</t>
  </si>
  <si>
    <t>C:\Users\davimvs\AppData\Roaming\Adobe\LogTransport2\Logs\ulog_AcroARM2_Reader_a9473871-eb7b-4719-ba46-35125c58e0e7_ad06f049-7c1e-43ca-9d4c-1ab7ef1ddef4_0.log\</t>
  </si>
  <si>
    <t>12/16/2019 00:08:29</t>
  </si>
  <si>
    <t>12/16/2019 00:11:10</t>
  </si>
  <si>
    <t>12/16/2019 00:06:28</t>
  </si>
  <si>
    <t>12/16/2019 00:12:09</t>
  </si>
  <si>
    <t>12/16/2019 00:10:26</t>
  </si>
  <si>
    <t>12/16/2019 00:15:11</t>
  </si>
  <si>
    <t>12/16/2019 00:13:00</t>
  </si>
  <si>
    <t>12/16/2019 00:13:31</t>
  </si>
  <si>
    <t>12/16/2019 00:13:19</t>
  </si>
  <si>
    <t>12/16/2019 00:16:10</t>
  </si>
  <si>
    <t>12/16/2019 00:11:04</t>
  </si>
  <si>
    <t>12/16/2019 00:13:06</t>
  </si>
  <si>
    <t>12/16/2019 00:18:10</t>
  </si>
  <si>
    <t>12/16/2019 00:32:08</t>
  </si>
  <si>
    <t>12/16/2019 00:33:09</t>
  </si>
  <si>
    <t>12/16/2019 01:03:08</t>
  </si>
  <si>
    <t>12/16/2019 01:09:10</t>
  </si>
  <si>
    <t>12/16/2019 01:13:10</t>
  </si>
  <si>
    <t>12/16/2019 01:14:03</t>
  </si>
  <si>
    <t>12/16/2019 01:15:09</t>
  </si>
  <si>
    <t>12/16/2019 01:10:55</t>
  </si>
  <si>
    <t>12/16/2019 01:16:10</t>
  </si>
  <si>
    <t>12/16/2019 01:14:19</t>
  </si>
  <si>
    <t>12/16/2019 01:18:10</t>
  </si>
  <si>
    <t>12/16/2019 01:16:47</t>
  </si>
  <si>
    <t>12/16/2019 01:21:10</t>
  </si>
  <si>
    <t>12/16/2019 01:26:49</t>
  </si>
  <si>
    <t>12/16/2019 01:28:11</t>
  </si>
  <si>
    <t>12/16/2019 01:32:54</t>
  </si>
  <si>
    <t>12/16/2019 01:34:10</t>
  </si>
  <si>
    <t>12/16/2019 01:41:59</t>
  </si>
  <si>
    <t>12/16/2019 01:45:11</t>
  </si>
  <si>
    <t>12/16/2019 01:56:53</t>
  </si>
  <si>
    <t>12/16/2019 01:58:12</t>
  </si>
  <si>
    <t>12/16/2019 02:12:14</t>
  </si>
  <si>
    <t>12/16/2019 02:14:12</t>
  </si>
  <si>
    <t>12/16/2019 02:12:34</t>
  </si>
  <si>
    <t>12/16/2019 02:16:11</t>
  </si>
  <si>
    <t>12/16/2019 02:19:56</t>
  </si>
  <si>
    <t>12/16/2019 02:21:11</t>
  </si>
  <si>
    <t>12/16/2019 02:23:53</t>
  </si>
  <si>
    <t>12/16/2019 02:25:12</t>
  </si>
  <si>
    <t>12/16/2019 02:46:57</t>
  </si>
  <si>
    <t>12/16/2019 02:50:12</t>
  </si>
  <si>
    <t>12/16/2019 02:57:45</t>
  </si>
  <si>
    <t>12/16/2019 03:00:12</t>
  </si>
  <si>
    <t>12/16/2019 03:09:33</t>
  </si>
  <si>
    <t>12/16/2019 03:10:12</t>
  </si>
  <si>
    <t>12/16/2019 03:10:13</t>
  </si>
  <si>
    <t>12/16/2019 03:13:11</t>
  </si>
  <si>
    <t>12/16/2019 03:14:32</t>
  </si>
  <si>
    <t>12/16/2019 03:20:11</t>
  </si>
  <si>
    <t>12/16/2019 03:23:09</t>
  </si>
  <si>
    <t>12/16/2019 03:25:11</t>
  </si>
  <si>
    <t>12/16/2019 03:32:51</t>
  </si>
  <si>
    <t>12/16/2019 03:35:12</t>
  </si>
  <si>
    <t>12/16/2019 03:33:41</t>
  </si>
  <si>
    <t>12/16/2019 03:36:11</t>
  </si>
  <si>
    <t>ulog_AcroARM2_ARM2Update_a9473871-eb7b-4719-ba46-35125c58e0e7_f91806d4-07aa-4ebc-a4a6-bde8b0a5938c_0.log</t>
  </si>
  <si>
    <t>C:\Users\davimvs\AppData\Roaming\Adobe\LogTransport2\Logs\ulog_AcroARM2_ARM2Update_a9473871-eb7b-4719-ba46-35125c58e0e7_f91806d4-07aa-4ebc-a4a6-bde8b0a5938c_0.log\</t>
  </si>
  <si>
    <t>ulog_AcroARM2_Reader_a9473871-eb7b-4719-ba46-35125c58e0e7_9f10042d-e60e-4354-a60e-f6719e581c0f_0.log</t>
  </si>
  <si>
    <t>C:\Users\davimvs\AppData\Roaming\Adobe\LogTransport2\Logs\ulog_AcroARM2_Reader_a9473871-eb7b-4719-ba46-35125c58e0e7_9f10042d-e60e-4354-a60e-f6719e581c0f_0.log\</t>
  </si>
  <si>
    <t>ulog_AcroARM2_Reader_a9473871-eb7b-4719-ba46-35125c58e0e7_b302937f-ea6b-4f5f-a22d-b0d4adbe0b28_0.log</t>
  </si>
  <si>
    <t>C:\Users\davimvs\AppData\Roaming\Adobe\LogTransport2\Logs\ulog_AcroARM2_Reader_a9473871-eb7b-4719-ba46-35125c58e0e7_b302937f-ea6b-4f5f-a22d-b0d4adbe0b28_0.log\</t>
  </si>
  <si>
    <t>12/16/2019 03:34:44</t>
  </si>
  <si>
    <t>12/16/2019 03:38:11</t>
  </si>
  <si>
    <t>12/16/2019 03:38:51</t>
  </si>
  <si>
    <t>12/16/2019 03:40:11</t>
  </si>
  <si>
    <t>12/16/2019 03:41:58</t>
  </si>
  <si>
    <t>12/16/2019 03:44:11</t>
  </si>
  <si>
    <t>12/16/2019 03:41:03</t>
  </si>
  <si>
    <t>12/16/2019 03:46:11</t>
  </si>
  <si>
    <t>12/16/2019 03:44:09</t>
  </si>
  <si>
    <t>12/16/2019 03:48:11</t>
  </si>
  <si>
    <t>12/16/2019 03:54:36</t>
  </si>
  <si>
    <t>12/16/2019 03:59:12</t>
  </si>
  <si>
    <t>12/16/2019 04:02:56</t>
  </si>
  <si>
    <t>12/16/2019 04:08:12</t>
  </si>
  <si>
    <t>12/16/2019 04:20:06</t>
  </si>
  <si>
    <t>12/16/2019 04:23:11</t>
  </si>
  <si>
    <t>12/16/2019 04:22:52</t>
  </si>
  <si>
    <t>12/16/2019 04:24:11</t>
  </si>
  <si>
    <t>12/16/2019 04:26:41</t>
  </si>
  <si>
    <t>12/16/2019 04:30:12</t>
  </si>
  <si>
    <t>12/16/2019 04:30:36</t>
  </si>
  <si>
    <t>12/16/2019 04:35:12</t>
  </si>
  <si>
    <t>12/16/2019 04:35:20</t>
  </si>
  <si>
    <t>12/16/2019 04:36:11</t>
  </si>
  <si>
    <t>12/16/2019 04:37:29</t>
  </si>
  <si>
    <t>12/16/2019 04:40:12</t>
  </si>
  <si>
    <t>12/16/2019 04:58:22</t>
  </si>
  <si>
    <t>12/16/2019 05:01:12</t>
  </si>
  <si>
    <t>12/16/2019 05:01:40</t>
  </si>
  <si>
    <t>12/16/2019 05:04:12</t>
  </si>
  <si>
    <t>12/16/2019 05:19:05</t>
  </si>
  <si>
    <t>12/16/2019 05:20:12</t>
  </si>
  <si>
    <t>12/16/2019 05:40:26</t>
  </si>
  <si>
    <t>12/16/2019 05:44:11</t>
  </si>
  <si>
    <t>12/16/2019 05:42:00</t>
  </si>
  <si>
    <t>12/16/2019 05:46:11</t>
  </si>
  <si>
    <t>12/16/2019 05:52:05</t>
  </si>
  <si>
    <t>12/16/2019 05:56:12</t>
  </si>
  <si>
    <t>12/16/2019 05:57:08</t>
  </si>
  <si>
    <t>12/16/2019 06:00:12</t>
  </si>
  <si>
    <t>12/16/2019 06:11:19</t>
  </si>
  <si>
    <t>12/16/2019 06:13:12</t>
  </si>
  <si>
    <t>12/16/2019 06:12:49</t>
  </si>
  <si>
    <t>12/16/2019 06:15:11</t>
  </si>
  <si>
    <t>12/16/2019 06:25:59</t>
  </si>
  <si>
    <t>12/16/2019 06:31:11</t>
  </si>
  <si>
    <t>12/16/2019 06:52:46</t>
  </si>
  <si>
    <t>12/16/2019 06:58:12</t>
  </si>
  <si>
    <t>12/16/2019 06:58:45</t>
  </si>
  <si>
    <t>12/16/2019 07:03:11</t>
  </si>
  <si>
    <t>12/16/2019 07:03:42</t>
  </si>
  <si>
    <t>12/16/2019 07:06:11</t>
  </si>
  <si>
    <t>ulog_AcroARM2_ARM2Update_a9473871-eb7b-4719-ba46-35125c58e0e7_2cbf5dab-0aa3-4060-bbcf-65de61ea5d02_0.log</t>
  </si>
  <si>
    <t>C:\Users\davimvs\AppData\Roaming\Adobe\LogTransport2\Logs\ulog_AcroARM2_ARM2Update_a9473871-eb7b-4719-ba46-35125c58e0e7_2cbf5dab-0aa3-4060-bbcf-65de61ea5d02_0.log\</t>
  </si>
  <si>
    <t>ulog_AcroARM2_Reader_a9473871-eb7b-4719-ba46-35125c58e0e7_2a7bc0c8-f0d4-48e7-a0b7-949ab4c9309b_0.log</t>
  </si>
  <si>
    <t>C:\Users\davimvs\AppData\Roaming\Adobe\LogTransport2\Logs\ulog_AcroARM2_Reader_a9473871-eb7b-4719-ba46-35125c58e0e7_2a7bc0c8-f0d4-48e7-a0b7-949ab4c9309b_0.log\</t>
  </si>
  <si>
    <t>12/16/2019 07:03:43</t>
  </si>
  <si>
    <t>ulog_AcroARM2_Reader_a9473871-eb7b-4719-ba46-35125c58e0e7_30eec83b-f1f1-4fe8-9e47-6f01d142fe32_0.log</t>
  </si>
  <si>
    <t>C:\Users\davimvs\AppData\Roaming\Adobe\LogTransport2\Logs\ulog_AcroARM2_Reader_a9473871-eb7b-4719-ba46-35125c58e0e7_30eec83b-f1f1-4fe8-9e47-6f01d142fe32_0.log\</t>
  </si>
  <si>
    <t>12/16/2019 07:04:50</t>
  </si>
  <si>
    <t>12/16/2019 07:08:12</t>
  </si>
  <si>
    <t>12/16/2019 07:08:19</t>
  </si>
  <si>
    <t>12/16/2019 07:12:11</t>
  </si>
  <si>
    <t>12/16/2019 07:12:48</t>
  </si>
  <si>
    <t>12/16/2019 07:15:12</t>
  </si>
  <si>
    <t>12/16/2019 07:13:37</t>
  </si>
  <si>
    <t>12/16/2019 07:17:12</t>
  </si>
  <si>
    <t>c6b76b11-73c2-425e-b423-ffdb78a128d8.tmp</t>
  </si>
  <si>
    <t>\\acsfs\profiles$\albertofn\Downloads\c6b76b11-73c2-425e-b423-ffdb78a128d8.tmp</t>
  </si>
  <si>
    <t>12/16/2019 07:15:37</t>
  </si>
  <si>
    <t>2928d87d-ff4b-416d-b8eb-6eb13886bf0c.tmp</t>
  </si>
  <si>
    <t>\\acsfs\profiles$\matheushds\Downloads\2928d87d-ff4b-416d-b8eb-6eb13886bf0c.tmp</t>
  </si>
  <si>
    <t>12/16/2019 07:20:14</t>
  </si>
  <si>
    <t>12/16/2019 07:23:11</t>
  </si>
  <si>
    <t>12/16/2019 07:22:24</t>
  </si>
  <si>
    <t>d9efee85-522b-4adc-afb8-37d22ee9cc5e.tmp</t>
  </si>
  <si>
    <t>\\acsfs\profiles$\alicecpbc\Downloads\d9efee85-522b-4adc-afb8-37d22ee9cc5e.tmp</t>
  </si>
  <si>
    <t>12/16/2019 07:22:34</t>
  </si>
  <si>
    <t>971e8786-0e27-499e-9473-1693604e02f9.tmp</t>
  </si>
  <si>
    <t>\\acsfs\profiles$\alicecpbc\Downloads\971e8786-0e27-499e-9473-1693604e02f9.tmp</t>
  </si>
  <si>
    <t>12/16/2019 07:22:52</t>
  </si>
  <si>
    <t>12/16/2019 07:26:12</t>
  </si>
  <si>
    <t>12/16/2019 07:26:50</t>
  </si>
  <si>
    <t>12/16/2019 07:28:12</t>
  </si>
  <si>
    <t>12/16/2019 07:23:42</t>
  </si>
  <si>
    <t>12/16/2019 07:24:02</t>
  </si>
  <si>
    <t>3741cb0f-9edb-4dda-abf0-efbeb9ad1295.tmp</t>
  </si>
  <si>
    <t>\\acsfs\profiles$\alicecpbc\Downloads\3741cb0f-9edb-4dda-abf0-efbeb9ad1295.tmp</t>
  </si>
  <si>
    <t>12/16/2019 07:29:17</t>
  </si>
  <si>
    <t>12/16/2019 07:30:12</t>
  </si>
  <si>
    <t>1c23b196-6263-4110-a2cb-edfec07b8f1e.tmp</t>
  </si>
  <si>
    <t>\\acsfs\profiles$\sarahbal\Downloads\1c23b196-6263-4110-a2cb-edfec07b8f1e.tmp</t>
  </si>
  <si>
    <t>12/15/2019 13:16:04</t>
  </si>
  <si>
    <t>C:\Users\adevilsonfa.ACS\OneDrive\Backup\Datacenter\UnimedUberlandia\</t>
  </si>
  <si>
    <t>trace_discos.csv</t>
  </si>
  <si>
    <t>12/15/2019 13:16:05</t>
  </si>
  <si>
    <t>TRACE_DISCO1607.CSV</t>
  </si>
  <si>
    <t>12/15/2019 13:16:07</t>
  </si>
  <si>
    <t>TOP_QUERYS_0712.xls</t>
  </si>
  <si>
    <t>12/15/2019 13:16:08</t>
  </si>
  <si>
    <t>TOP_QUERYS.xls</t>
  </si>
  <si>
    <t>TopTables.xls</t>
  </si>
  <si>
    <t>12/15/2019 13:16:09</t>
  </si>
  <si>
    <t>TOPTABLES-CARDIO.xls</t>
  </si>
  <si>
    <t>12/15/2019 13:16:10</t>
  </si>
  <si>
    <t>TopQuerys_24042008.xls</t>
  </si>
  <si>
    <t>TopQuerys_23042008.xls</t>
  </si>
  <si>
    <t>12/15/2019 13:16:11</t>
  </si>
  <si>
    <t>TopQuerys_2304.xls</t>
  </si>
  <si>
    <t>12/15/2019 13:16:12</t>
  </si>
  <si>
    <t>TopQuerys_160108.xls</t>
  </si>
  <si>
    <t>12/15/2019 13:16:14</t>
  </si>
  <si>
    <t>TopQuerys_14042008.xls</t>
  </si>
  <si>
    <t>12/15/2019 13:16:15</t>
  </si>
  <si>
    <t>TopQuerys_11022008.xls</t>
  </si>
  <si>
    <t>TopQuerys2609.xls</t>
  </si>
  <si>
    <t>TopQuerys10-11052008.xls</t>
  </si>
  <si>
    <t>12/15/2019 13:16:18</t>
  </si>
  <si>
    <t>TopQuerys-19112008.xls</t>
  </si>
  <si>
    <t>12/15/2019 13:16:19</t>
  </si>
  <si>
    <t>TopQuerys-18062008.xls</t>
  </si>
  <si>
    <t>12/15/2019 13:16:20</t>
  </si>
  <si>
    <t>C:\Users\adevilsonfa.ACS\OneDrive\Backup\Datacenter\UnimedUberlandia\TopQuerys-18062008.rar\</t>
  </si>
  <si>
    <t>12/15/2019 13:16:22</t>
  </si>
  <si>
    <t>TamBaseUnimedOracle.xls</t>
  </si>
  <si>
    <t>12/15/2019 13:16:23</t>
  </si>
  <si>
    <t>Storage_VM_Unimed_Uberlandia.xls</t>
  </si>
  <si>
    <t>12/15/2019 13:16:24</t>
  </si>
  <si>
    <t>Solicitação de Mudança - TI 0001 ago08.xls</t>
  </si>
  <si>
    <t>12/15/2019 13:16:25</t>
  </si>
  <si>
    <t>SERVIÇOS IMPLANTACAO MIRROR - SQL SERVER.xls</t>
  </si>
  <si>
    <t>12/15/2019 13:16:28</t>
  </si>
  <si>
    <t>RedimensionamentoStorageClusterSQL.xlsx</t>
  </si>
  <si>
    <t>12/15/2019 13:16:31</t>
  </si>
  <si>
    <t>QUERYS-25072008.xls</t>
  </si>
  <si>
    <t>12/15/2019 13:16:34</t>
  </si>
  <si>
    <t>Política de Backup Unimed ULA.xls</t>
  </si>
  <si>
    <t>12/15/2019 13:16:37</t>
  </si>
  <si>
    <t>PerfDiscos24042008.CSV</t>
  </si>
  <si>
    <t>PerfDiscos23042008.CSV</t>
  </si>
  <si>
    <t>12/15/2019 13:16:42</t>
  </si>
  <si>
    <t>PerfDiscos04042008.xls</t>
  </si>
  <si>
    <t>12/15/2019 13:16:52</t>
  </si>
  <si>
    <t>MySQL - GrantsUsers.xlsx</t>
  </si>
  <si>
    <t>12/15/2019 13:16:53</t>
  </si>
  <si>
    <t>MonitoramentoUnimed_ULA_AmbienteVM.xls</t>
  </si>
  <si>
    <t>MonitoramentoServidoresVirtuais.xls</t>
  </si>
  <si>
    <t>12/15/2019 13:16:54</t>
  </si>
  <si>
    <t>MonitoramentoCardio_21112013.xlsx</t>
  </si>
  <si>
    <t>IP Unimed.xls</t>
  </si>
  <si>
    <t>hosts(4).csv</t>
  </si>
  <si>
    <t>12/15/2019 13:16:59</t>
  </si>
  <si>
    <t>GraficoPerformanceDiscoD.xls</t>
  </si>
  <si>
    <t>12/15/2019 13:17:13</t>
  </si>
  <si>
    <t>DatabasesMigracaoDatacenter.xlsx</t>
  </si>
  <si>
    <t>CrescimentoVegetativo.xls</t>
  </si>
  <si>
    <t>12/15/2019 13:17:18</t>
  </si>
  <si>
    <t>ContadoresDezembro2008.xlsx</t>
  </si>
  <si>
    <t>12/15/2019 13:17:19</t>
  </si>
  <si>
    <t>Contadores1008.xlsx</t>
  </si>
  <si>
    <t>configuration-Unknown_Customer.csv</t>
  </si>
  <si>
    <t>12/15/2019 13:17:20</t>
  </si>
  <si>
    <t>BASE - CMDB UNIMED-UDIA-ATUALIZADA.xlsx</t>
  </si>
  <si>
    <t>12/15/2019 13:17:27</t>
  </si>
  <si>
    <t>analisedesempenhoSQL.xlsx</t>
  </si>
  <si>
    <t>12/15/2019 13:17:33</t>
  </si>
  <si>
    <t>Analise Performance DiscoD.xls</t>
  </si>
  <si>
    <t>12/15/2019 13:17:35</t>
  </si>
  <si>
    <t>AlocacaoDatabasesSQLSERVER.xlsx</t>
  </si>
  <si>
    <t>12/15/2019 13:17:39</t>
  </si>
  <si>
    <t>200X-XX-XXXX_DataCenter_RFC_Unimed_Uberlandia_Migracao_Cardio_Nefron_UULAWDB01_UULAWDC02.xls</t>
  </si>
  <si>
    <t>12/15/2019 13:17:43</t>
  </si>
  <si>
    <t>2009-02-0035_DataCenter_RFC_Unimed_Uberlandia_UULAWDB01_Expansao_Storage.xls</t>
  </si>
  <si>
    <t>2008-XX_Pre-Site_Cliente.xls</t>
  </si>
  <si>
    <t>2008-XX_CTD_Cliente.xls</t>
  </si>
  <si>
    <t>12/15/2019 13:17:44</t>
  </si>
  <si>
    <t>2008-07-XXXX_DataCenter_RFC_MelhoriasAmbienteBancoDados.xls</t>
  </si>
  <si>
    <t>12/15/2019 13:17:45</t>
  </si>
  <si>
    <t>2008-07-0310_DataCenter_RFC_Unimed_Uberlandia_MelhoriasAmbienteBancoDados.xls</t>
  </si>
  <si>
    <t>2008-02-XXXX_RFC_DATACENTER_Unimed Uberlândia - Reorganização Fisica BD.xls</t>
  </si>
  <si>
    <t>12/15/2019 13:17:47</t>
  </si>
  <si>
    <t>2008-02-0062_RFC_DataCenter_Unimed_Uberlândia_Reorganização_Fisica_BD.xls</t>
  </si>
  <si>
    <t>2007_06_Aplicacao_Patch_Federacao_Unimed.xls</t>
  </si>
  <si>
    <t>12/15/2019 13:17:48</t>
  </si>
  <si>
    <t>2007-10-XXX_RFC_DATACENTER_Unimed Uberlândia - Disponibilização de novo disco Backup.xls</t>
  </si>
  <si>
    <t>12/15/2019 13:17:56</t>
  </si>
  <si>
    <t>C:\Users\adevilsonfa.ACS\OneDrive\Backup\Datacenter\WayBrasil\</t>
  </si>
  <si>
    <t>Política de Backup WayBrasil.xls</t>
  </si>
  <si>
    <t>12/15/2019 13:17:58</t>
  </si>
  <si>
    <t>Mapa_crontab_WayBrasil.xls</t>
  </si>
  <si>
    <t>Levanta_Cron_Way_Brasil.xls</t>
  </si>
  <si>
    <t>Crescimento_Vegetativo_Way_Brasil.xls</t>
  </si>
  <si>
    <t>12/15/2019 13:17:59</t>
  </si>
  <si>
    <t>CheckListWayEnterpriseManager.xls</t>
  </si>
  <si>
    <t>12/15/2019 13:18:00</t>
  </si>
  <si>
    <t>C:\Users\adevilsonfa.ACS\OneDrive\Backup\Datacenter\WebAula\</t>
  </si>
  <si>
    <t>Traces Ativos.xls</t>
  </si>
  <si>
    <t>12/15/2019 13:18:01</t>
  </si>
  <si>
    <t>RequisicaoAumento_Area_Storage_WASRV308&amp;310.xls</t>
  </si>
  <si>
    <t>12/15/2019 13:18:03</t>
  </si>
  <si>
    <t>C:\Users\adevilsonfa.ACS\OneDrive\Backup\Datacenter\WEG\</t>
  </si>
  <si>
    <t>12/15/2019 13:18:06</t>
  </si>
  <si>
    <t>C:\Users\adevilsonfa.ACS\OneDrive\Backup\Datacenter\WEG\informaesalgarcomplementodeatendimentoesuporte.zip\</t>
  </si>
  <si>
    <t>12/15/2019 13:18:12</t>
  </si>
  <si>
    <t>12/16/2019 07:31:12</t>
  </si>
  <si>
    <t>C:\Users\adevilsonfa.ACS\OneDrive\Backup\Datacenter\XPERIENCE\</t>
  </si>
  <si>
    <t>Algar_PureEngage_Sizing_1500PAs_V6.xlsx</t>
  </si>
  <si>
    <t>12/15/2019 13:18:45</t>
  </si>
  <si>
    <t>C:\Users\adevilsonfa.ACS\OneDrive\Backup\Datacenter\SETRANSP\</t>
  </si>
  <si>
    <t>2008-08-0360_DataCenter_RFC_Setransp_Aumento_de_Ã_rea_em_storage.xls</t>
  </si>
  <si>
    <t>12/15/2019 13:18:51</t>
  </si>
  <si>
    <t>C:\Users\adevilsonfa.ACS\OneDrive\Backup\Consultoria\Agronelli\</t>
  </si>
  <si>
    <t>Politica de Backup 17-10-2011.xlsx</t>
  </si>
  <si>
    <t>12/15/2019 13:19:15</t>
  </si>
  <si>
    <t>C:\Users\adevilsonfa.ACS\OneDrive\Backup\Consultoria\CooPrata\</t>
  </si>
  <si>
    <t>ZLOG_AlocacaoRegistrosMes.xlsx</t>
  </si>
  <si>
    <t>UtilizacaoIndexes31032019.xlsx</t>
  </si>
  <si>
    <t>12/15/2019 13:19:16</t>
  </si>
  <si>
    <t>SQLSERVER_LEGADO.xlsx</t>
  </si>
  <si>
    <t>12/15/2019 13:19:17</t>
  </si>
  <si>
    <t>RelatorioHistoricoBackup.xlsx</t>
  </si>
  <si>
    <t>Relatorio Atividades.xlsx</t>
  </si>
  <si>
    <t>12/15/2019 13:19:19</t>
  </si>
  <si>
    <t>MissingIndex.xlsx</t>
  </si>
  <si>
    <t>12/15/2019 13:19:20</t>
  </si>
  <si>
    <t>IndexesNaoUsados_04102019.xlsx</t>
  </si>
  <si>
    <t>12/15/2019 13:19:30</t>
  </si>
  <si>
    <t>graficos_desempenho.xlsx</t>
  </si>
  <si>
    <t>12/15/2019 13:19:33</t>
  </si>
  <si>
    <t>bkp_transacional_integrado.xlsx</t>
  </si>
  <si>
    <t>AlocacaoDatabases.xlsx</t>
  </si>
  <si>
    <t>12/15/2019 13:19:46</t>
  </si>
  <si>
    <t>C:\Users\adevilsonfa.ACS\OneDrive\Backup\Consultoria\Credpar\</t>
  </si>
  <si>
    <t>LayOut.xlsx</t>
  </si>
  <si>
    <t>12/15/2019 13:19:51</t>
  </si>
  <si>
    <t>CrescimentoVegetativo.xlsx</t>
  </si>
  <si>
    <t>12/15/2019 13:20:01</t>
  </si>
  <si>
    <t>12/15/2019 13:20:22</t>
  </si>
  <si>
    <t>C:\Users\adevilsonfa.ACS\OneDrive\Backup\Consultoria\GMSolucoes\</t>
  </si>
  <si>
    <t>TRACE_POSTGRES_AWS.xlsx</t>
  </si>
  <si>
    <t>12/15/2019 13:20:23</t>
  </si>
  <si>
    <t>TRACE_DBA_000008.csv</t>
  </si>
  <si>
    <t>TRACE_DBA_000005.csv</t>
  </si>
  <si>
    <t>12/15/2019 13:20:24</t>
  </si>
  <si>
    <t>TOP_QUERYS_0903_POSTGRES.xlsx</t>
  </si>
  <si>
    <t>TOP_QUERYS_0803_POSTGRES.xlsx</t>
  </si>
  <si>
    <t>12/15/2019 13:20:26</t>
  </si>
  <si>
    <t>TopQuerys_NetViagem.xlsx</t>
  </si>
  <si>
    <t>12/15/2019 13:20:47</t>
  </si>
  <si>
    <t>RelCapacidade.xlsx</t>
  </si>
  <si>
    <t>12/15/2019 13:20:48</t>
  </si>
  <si>
    <t>relatorio.xlsx</t>
  </si>
  <si>
    <t>12/15/2019 13:20:55</t>
  </si>
  <si>
    <t>PerformanceSQL.xlsx</t>
  </si>
  <si>
    <t>12/15/2019 13:21:05</t>
  </si>
  <si>
    <t>LOCK_TUT_2105.xlsx</t>
  </si>
  <si>
    <t>12/15/2019 13:21:25</t>
  </si>
  <si>
    <t>DuplicidadeRegistrosNETVLOG.xlsx</t>
  </si>
  <si>
    <t>12/15/2019 13:21:30</t>
  </si>
  <si>
    <t>CrescimentoVegetativo_112017.xlsx</t>
  </si>
  <si>
    <t>12/15/2019 13:21:31</t>
  </si>
  <si>
    <t>12/15/2019 13:21:38</t>
  </si>
  <si>
    <t>ContadoresPerfmon.xlsx</t>
  </si>
  <si>
    <t>12/15/2019 13:24:36</t>
  </si>
  <si>
    <t>C:\Users\adevilsonfa.ACS\OneDrive\Backup\Consultoria\LOG2BR\</t>
  </si>
  <si>
    <t>TopQuerys.xlsx</t>
  </si>
  <si>
    <t>12/15/2019 13:24:57</t>
  </si>
  <si>
    <t>QueryFlavio2.xlsx</t>
  </si>
  <si>
    <t>12/15/2019 13:25:01</t>
  </si>
  <si>
    <t>QueryFlavio.xlsx</t>
  </si>
  <si>
    <t>12/15/2019 13:25:43</t>
  </si>
  <si>
    <t>equipamento_chip.csv</t>
  </si>
  <si>
    <t>12/15/2019 13:25:44</t>
  </si>
  <si>
    <t>EQUIPAMENTO28012019.csv</t>
  </si>
  <si>
    <t>12/15/2019 13:25:48</t>
  </si>
  <si>
    <t>12/15/2019 13:25:53</t>
  </si>
  <si>
    <t>chip28012019.csv</t>
  </si>
  <si>
    <t>12/15/2019 13:26:32</t>
  </si>
  <si>
    <t>C:\Users\adevilsonfa.ACS\OneDrive\Backup\Consultoria\Politriz\</t>
  </si>
  <si>
    <t>Relatório_indices_ausentes.xlsx</t>
  </si>
  <si>
    <t>12/15/2019 13:27:26</t>
  </si>
  <si>
    <t>C:\Users\adevilsonfa.ACS\OneDrive\Backup\Consultoria\Sadia\</t>
  </si>
  <si>
    <t>sp_helpdb.xlsx</t>
  </si>
  <si>
    <t>12/15/2019 13:27:30</t>
  </si>
  <si>
    <t>DBTRANSB.CSV</t>
  </si>
  <si>
    <t>12/15/2019 13:27:31</t>
  </si>
  <si>
    <t>DBSIG.CSV</t>
  </si>
  <si>
    <t>12/15/2019 13:27:34</t>
  </si>
  <si>
    <t>dbpessoa.csv</t>
  </si>
  <si>
    <t>12/15/2019 13:27:37</t>
  </si>
  <si>
    <t>dbmanabat.csv</t>
  </si>
  <si>
    <t>dbincuba2.csv</t>
  </si>
  <si>
    <t>dbincuba.csv</t>
  </si>
  <si>
    <t>DBCONTAB.CSV</t>
  </si>
  <si>
    <t>12/15/2019 13:27:39</t>
  </si>
  <si>
    <t>DATABASES_ASE_SQL.xlsx</t>
  </si>
  <si>
    <t>DATABASES_ASE_SQL - Copia.xlsx</t>
  </si>
  <si>
    <t>12/15/2019 13:28:02</t>
  </si>
  <si>
    <t>C:\Users\adevilsonfa.ACS\OneDrive\Backup\Consultoria\SUPREIS\</t>
  </si>
  <si>
    <t>IO_DISCO_POSTGRES.xlsx</t>
  </si>
  <si>
    <t>12/15/2019 13:28:03</t>
  </si>
  <si>
    <t>InfoAlocacaoDados.xlsx</t>
  </si>
  <si>
    <t>12/15/2019 13:28:04</t>
  </si>
  <si>
    <t>alocacao_databases.csv</t>
  </si>
  <si>
    <t>12/15/2019 13:28:39</t>
  </si>
  <si>
    <t>C:\Users\adevilsonfa.ACS\OneDrive\Backup\Consultoria\ValeCard\</t>
  </si>
  <si>
    <t>UtilizacaoDatabases.xlsx</t>
  </si>
  <si>
    <t>12/15/2019 13:28:44</t>
  </si>
  <si>
    <t>SolicitacaoAtividades.xlsx</t>
  </si>
  <si>
    <t>12/15/2019 13:29:16</t>
  </si>
  <si>
    <t>CrescimentoVegetativoJunho2012.xlsx</t>
  </si>
  <si>
    <t>12/15/2019 13:29:20</t>
  </si>
  <si>
    <t>AcessoUsuarios.xlsx</t>
  </si>
  <si>
    <t>12/15/2019 13:29:29</t>
  </si>
  <si>
    <t>C:\Users\adevilsonfa.ACS\OneDrive\Backup\Consultoria\GMSolucoes\POSTGRES\</t>
  </si>
  <si>
    <t>TopQuerys_QA.xlsx</t>
  </si>
  <si>
    <t>12/15/2019 13:29:30</t>
  </si>
  <si>
    <t>data-1549813047574.csv</t>
  </si>
  <si>
    <t>12/15/2019 13:29:31</t>
  </si>
  <si>
    <t>data-1549811650522.csv</t>
  </si>
  <si>
    <t>12/15/2019 13:29:42</t>
  </si>
  <si>
    <t>C:\Users\adevilsonfa.ACS\OneDrive\Backup\Consultoria\ValeCard\Migracao\</t>
  </si>
  <si>
    <t>AlocacaoStorageCluster.xlsx</t>
  </si>
  <si>
    <t>12/15/2019 13:30:20</t>
  </si>
  <si>
    <t>C:\Users\adevilsonfa.ACS\OneDrive\Backup\DESKTOP\</t>
  </si>
  <si>
    <t>Planilha Horas - Datacenter.xlsx</t>
  </si>
  <si>
    <t>12/15/2019 13:30:39</t>
  </si>
  <si>
    <t>C:\Users\adevilsonfa.ACS\OneDrive\Backup\DESKTOP\Material Academia do Varejo BH - BSB (1).pptx\</t>
  </si>
  <si>
    <t>12/15/2019 13:30:40</t>
  </si>
  <si>
    <t>12/15/2019 13:30:41</t>
  </si>
  <si>
    <t>12/15/2019 13:30:42</t>
  </si>
  <si>
    <t>12/15/2019 13:30:43</t>
  </si>
  <si>
    <t>12/15/2019 13:30:44</t>
  </si>
  <si>
    <t>12/15/2019 13:30:45</t>
  </si>
  <si>
    <t>12/15/2019 13:30:46</t>
  </si>
  <si>
    <t>12/15/2019 13:30:48</t>
  </si>
  <si>
    <t>12/15/2019 13:30:49</t>
  </si>
  <si>
    <t>12/15/2019 13:30:50</t>
  </si>
  <si>
    <t>12/15/2019 13:30:51</t>
  </si>
  <si>
    <t>12/15/2019 13:30:52</t>
  </si>
  <si>
    <t>12/15/2019 13:30:53</t>
  </si>
  <si>
    <t>12/15/2019 13:30:54</t>
  </si>
  <si>
    <t>12/15/2019 13:30:55</t>
  </si>
  <si>
    <t>12/15/2019 13:30:56</t>
  </si>
  <si>
    <t>12/15/2019 13:30:57</t>
  </si>
  <si>
    <t>12/15/2019 13:30:58</t>
  </si>
  <si>
    <t>12/15/2019 13:30:59</t>
  </si>
  <si>
    <t>12/15/2019 13:31:00</t>
  </si>
  <si>
    <t>12/16/2019 07:32:11</t>
  </si>
  <si>
    <t>12/15/2019 13:31:01</t>
  </si>
  <si>
    <t>12/15/2019 13:31:02</t>
  </si>
  <si>
    <t>12/15/2019 13:31:03</t>
  </si>
  <si>
    <t>12/15/2019 13:31:04</t>
  </si>
  <si>
    <t>12/15/2019 13:31:05</t>
  </si>
  <si>
    <t>12/15/2019 13:31:06</t>
  </si>
  <si>
    <t>12/15/2019 13:31:07</t>
  </si>
  <si>
    <t>Microsoft_Excel_Worksheet74.xlsx</t>
  </si>
  <si>
    <t>Microsoft_Excel_Worksheet75.xlsx</t>
  </si>
  <si>
    <t>Microsoft_Excel_Worksheet76.xlsx</t>
  </si>
  <si>
    <t>Microsoft_Excel_Worksheet77.xlsx</t>
  </si>
  <si>
    <t>Microsoft_Excel_Worksheet78.xlsx</t>
  </si>
  <si>
    <t>Microsoft_Excel_Worksheet79.xlsx</t>
  </si>
  <si>
    <t>Microsoft_Excel_Worksheet80.xlsx</t>
  </si>
  <si>
    <t>12/15/2019 13:31:08</t>
  </si>
  <si>
    <t>Microsoft_Excel_Worksheet81.xlsx</t>
  </si>
  <si>
    <t>Microsoft_Excel_Worksheet82.xlsx</t>
  </si>
  <si>
    <t>Microsoft_Excel_Worksheet83.xlsx</t>
  </si>
  <si>
    <t>12/15/2019 13:31:09</t>
  </si>
  <si>
    <t>Microsoft_Excel_Worksheet84.xlsx</t>
  </si>
  <si>
    <t>Microsoft_Excel_Worksheet85.xlsx</t>
  </si>
  <si>
    <t>Microsoft_Excel_Worksheet86.xlsx</t>
  </si>
  <si>
    <t>12/15/2019 13:31:10</t>
  </si>
  <si>
    <t>Microsoft_Excel_Worksheet87.xlsx</t>
  </si>
  <si>
    <t>Microsoft_Excel_Worksheet88.xlsx</t>
  </si>
  <si>
    <t>12/15/2019 13:31:11</t>
  </si>
  <si>
    <t>Microsoft_Excel_Worksheet89.xlsx</t>
  </si>
  <si>
    <t>12/15/2019 13:31:12</t>
  </si>
  <si>
    <t>Microsoft_Excel_Worksheet90.xlsx</t>
  </si>
  <si>
    <t>Microsoft_Excel_Worksheet91.xlsx</t>
  </si>
  <si>
    <t>Microsoft_Excel_Worksheet92.xlsx</t>
  </si>
  <si>
    <t>Microsoft_Excel_Worksheet93.xlsx</t>
  </si>
  <si>
    <t>12/15/2019 13:31:13</t>
  </si>
  <si>
    <t>Microsoft_Excel_Worksheet94.xlsx</t>
  </si>
  <si>
    <t>Microsoft_Excel_Worksheet95.xlsx</t>
  </si>
  <si>
    <t>Microsoft_Excel_Worksheet96.xlsx</t>
  </si>
  <si>
    <t>Microsoft_Excel_Worksheet97.xlsx</t>
  </si>
  <si>
    <t>12/15/2019 13:31:14</t>
  </si>
  <si>
    <t>12/15/2019 13:31:15</t>
  </si>
  <si>
    <t>12/15/2019 13:31:16</t>
  </si>
  <si>
    <t>12/15/2019 13:31:32</t>
  </si>
  <si>
    <t>Cópia de Relatório Semanal PINT.xlsx</t>
  </si>
  <si>
    <t>12/15/2019 13:31:33</t>
  </si>
  <si>
    <t>ControleCondominio.xlsx</t>
  </si>
  <si>
    <t>C:\Users\adevilsonfa.ACS\OneDrive\Backup\</t>
  </si>
  <si>
    <t>Planilha CONDOMINIO.xlsx</t>
  </si>
  <si>
    <t>12/15/2019 13:31:58</t>
  </si>
  <si>
    <t>C:\Users\adevilsonfa.ACS\OneDrive\Backup\SAGE\</t>
  </si>
  <si>
    <t>12/15/2019 13:31:59</t>
  </si>
  <si>
    <t>DISABLE_INSTANCIAS_SQL.csv</t>
  </si>
  <si>
    <t>12/15/2019 13:32:00</t>
  </si>
  <si>
    <t>CrescimentoVegetativoSAGEWDBSQL.xlsx</t>
  </si>
  <si>
    <t>CrescimentoVegetativoDatabases.xlsx</t>
  </si>
  <si>
    <t>12/15/2019 13:32:01</t>
  </si>
  <si>
    <t>CrescimentoVegetativoALGSAGEBRDBS07.xlsx</t>
  </si>
  <si>
    <t>CrescimentoVegetativoALGSAGEBRDBS06_CRDNET.xlsx</t>
  </si>
  <si>
    <t>12/15/2019 13:32:02</t>
  </si>
  <si>
    <t>CrescimentoVegetativoALGSAGEBRDBS06.xlsx</t>
  </si>
  <si>
    <t>12/15/2019 13:32:03</t>
  </si>
  <si>
    <t>COMFRIO_RDS.xlsx</t>
  </si>
  <si>
    <t>12/15/2019 13:32:05</t>
  </si>
  <si>
    <t>BD_EXPURGO_SAGEWDBSQL_SAGE.csv</t>
  </si>
  <si>
    <t>12/15/2019 13:32:06</t>
  </si>
  <si>
    <t>ALOCACAO_DATABASES_SAGEWDBSQL.xlsx</t>
  </si>
  <si>
    <t>12/15/2019 13:32:07</t>
  </si>
  <si>
    <t>ALOCACAO_DATABASES_BUSINES.xlsx</t>
  </si>
  <si>
    <t>12/15/2019 13:32:25</t>
  </si>
  <si>
    <t>VCPU Banco Dados Sage.xlsx</t>
  </si>
  <si>
    <t>UserAndRolesSAGEWAPL44.xlsx</t>
  </si>
  <si>
    <t>12/15/2019 13:32:27</t>
  </si>
  <si>
    <t>SUPERFRIORDSUSERS.xlsx</t>
  </si>
  <si>
    <t>12/15/2019 13:32:31</t>
  </si>
  <si>
    <t>SageRDSReport_import.txt.xlsx</t>
  </si>
  <si>
    <t>ReportDiskVMWAre.csv</t>
  </si>
  <si>
    <t>12/15/2019 13:32:32</t>
  </si>
  <si>
    <t>ReportDisk-VMWare.xlsx</t>
  </si>
  <si>
    <t>ReportDisk-VMWare.csv</t>
  </si>
  <si>
    <t>12/15/2019 13:32:33</t>
  </si>
  <si>
    <t>REL_TS_SAGE.xlsx</t>
  </si>
  <si>
    <t>12/15/2019 13:32:34</t>
  </si>
  <si>
    <t>REL_TS_CPFL_ROYAFIC.xlsx</t>
  </si>
  <si>
    <t>REL_TS.xlsx</t>
  </si>
  <si>
    <t>12/15/2019 13:32:35</t>
  </si>
  <si>
    <t>Redução Banco Sage.xlsx</t>
  </si>
  <si>
    <t>12/15/2019 13:32:36</t>
  </si>
  <si>
    <t>RDS_SAGE.xlsx</t>
  </si>
  <si>
    <t>12/15/2019 13:32:37</t>
  </si>
  <si>
    <t>RDS_COMFRIO.xlsx</t>
  </si>
  <si>
    <t>RDS_AlgarTech.xlsx</t>
  </si>
  <si>
    <t>12/15/2019 13:32:38</t>
  </si>
  <si>
    <t>RDSUsers.xlsx</t>
  </si>
  <si>
    <t>12/15/2019 13:32:39</t>
  </si>
  <si>
    <t>MIGRACAO_INSTANCIAS_BUSINES_DE_PARA.xlsx</t>
  </si>
  <si>
    <t>12/15/2019 13:32:40</t>
  </si>
  <si>
    <t>LastUserConnectionSQLSAGEWDBSQL04.xlsx</t>
  </si>
  <si>
    <t>12/15/2019 13:32:50</t>
  </si>
  <si>
    <t>12/15/2019 13:32:59</t>
  </si>
  <si>
    <t>AnaliseCapacidadeStorage_052018.xlsx</t>
  </si>
  <si>
    <t>12/15/2019 13:33:00</t>
  </si>
  <si>
    <t>C:\Users\adevilsonfa.ACS\OneDrive\Backup\SQL\</t>
  </si>
  <si>
    <t>Worksheet - Sample SQL Server Inventory.xlsx</t>
  </si>
  <si>
    <t>12/15/2019 13:33:03</t>
  </si>
  <si>
    <t>Worksheet - Hardware Sizing.xlsx</t>
  </si>
  <si>
    <t>12/15/2019 13:33:32</t>
  </si>
  <si>
    <t>C:\Users\adevilsonfa.ACS\OneDrive\Backup\SQL\FirstResponderKit.zip\</t>
  </si>
  <si>
    <t>2018_Data_Professional_Salary_Survey_Responses.xlsx</t>
  </si>
  <si>
    <t>12/16/2019 07:28:34</t>
  </si>
  <si>
    <t>12/16/2019 07:28:37</t>
  </si>
  <si>
    <t>4d1cbf23-47b5-445e-b41a-bb6fe7145667.tmp</t>
  </si>
  <si>
    <t>\\acsfs\profiles$\deboraaa\Downloads\4d1cbf23-47b5-445e-b41a-bb6fe7145667.tmp</t>
  </si>
  <si>
    <t>12/16/2019 07:29:32</t>
  </si>
  <si>
    <t>fa5a215a-e264-4dca-88c0-b38e7b08c5d6.tmp</t>
  </si>
  <si>
    <t>\\acsfs\profiles$\deboraaa\Downloads\fa5a215a-e264-4dca-88c0-b38e7b08c5d6.tmp</t>
  </si>
  <si>
    <t>12/16/2019 07:31:04</t>
  </si>
  <si>
    <t>12/16/2019 07:31:38</t>
  </si>
  <si>
    <t>257e3f95-08f6-4de2-b8b5-8a3db13e0997.tmp</t>
  </si>
  <si>
    <t>\\acsfs\profiles$\deboraaa\Downloads\257e3f95-08f6-4de2-b8b5-8a3db13e0997.tmp</t>
  </si>
  <si>
    <t>12/15/2019 13:33:47</t>
  </si>
  <si>
    <t>12/16/2019 07:30:32</t>
  </si>
  <si>
    <t>12/16/2019 07:35:11</t>
  </si>
  <si>
    <t>2a0d1ac1-fc04-442b-acb0-d9b91a2ea396.tmp</t>
  </si>
  <si>
    <t>\\acsfs\profiles$\sarahbal\Downloads\2a0d1ac1-fc04-442b-acb0-d9b91a2ea396.tmp</t>
  </si>
  <si>
    <t>12/16/2019 07:31:30</t>
  </si>
  <si>
    <t>8524e8c3-b721-4d3e-a5fc-5e2e9d1edc7a.tmp</t>
  </si>
  <si>
    <t>\\acsfs\profiles$\sarahbal\Downloads\8524e8c3-b721-4d3e-a5fc-5e2e9d1edc7a.tmp</t>
  </si>
  <si>
    <t>12/16/2019 07:31:54</t>
  </si>
  <si>
    <t>6c33c42a-c357-4c81-ae8a-001d5374ef55.tmp</t>
  </si>
  <si>
    <t>\\acsfs\profiles$\sarahbal\Downloads\6c33c42a-c357-4c81-ae8a-001d5374ef55.tmp</t>
  </si>
  <si>
    <t>12/16/2019 07:31:37</t>
  </si>
  <si>
    <t>12/16/2019 07:36:11</t>
  </si>
  <si>
    <t>12/16/2019 07:32:04</t>
  </si>
  <si>
    <t>515f61b9-b092-484e-8015-02d88a4845f0.tmp</t>
  </si>
  <si>
    <t>\\acsfs\profiles$\ERICALSR\Downloads\515f61b9-b092-484e-8015-02d88a4845f0.tmp</t>
  </si>
  <si>
    <t>12/16/2019 07:32:56</t>
  </si>
  <si>
    <t>c22abdf3-944a-4b69-89b3-a540195901b2.tmp</t>
  </si>
  <si>
    <t>\\acsfs\profiles$\ERICALSR\Downloads\c22abdf3-944a-4b69-89b3-a540195901b2.tmp</t>
  </si>
  <si>
    <t>12/16/2019 07:34:28</t>
  </si>
  <si>
    <t>12/16/2019 07:37:11</t>
  </si>
  <si>
    <t>8d0d26d0-0632-4622-a609-591e4e53f469.tmp</t>
  </si>
  <si>
    <t>\\acsfs\profiles$\deboraaa\Downloads\8d0d26d0-0632-4622-a609-591e4e53f469.tmp</t>
  </si>
  <si>
    <t>12/16/2019 07:33:51</t>
  </si>
  <si>
    <t>12/16/2019 07:38:11</t>
  </si>
  <si>
    <t>12/16/2019 07:39:11</t>
  </si>
  <si>
    <t>12/16/2019 07:38:05</t>
  </si>
  <si>
    <t>12/16/2019 07:40:11</t>
  </si>
  <si>
    <t>12/16/2019 07:39:37</t>
  </si>
  <si>
    <t>13cc872b-9724-4590-b95f-276ba1605668.tmp</t>
  </si>
  <si>
    <t>\\acsfs\profiles$\luanarda\Downloads\13cc872b-9724-4590-b95f-276ba1605668.tmp</t>
  </si>
  <si>
    <t>12/16/2019 07:40:54</t>
  </si>
  <si>
    <t>12/16/2019 07:43:12</t>
  </si>
  <si>
    <t>joserdsne</t>
  </si>
  <si>
    <t>\\acsfs\profiles$\joserdsne\Contacts\</t>
  </si>
  <si>
    <t>JOSE ROSA DE SOUZA NETO (9).contact</t>
  </si>
  <si>
    <t>\\acsfs\profiles$\joserdsne\Contacts\JOSE ROSA DE SOUZA NETO (9).contact</t>
  </si>
  <si>
    <t>12/16/2019 07:41:30</t>
  </si>
  <si>
    <t>\\acsfs\profiles$\joserdsne\My Documents\My Videos\</t>
  </si>
  <si>
    <t>\\acsfs\profiles$\joserdsne\My Documents\My Videos\desktop.ini</t>
  </si>
  <si>
    <t>12/16/2019 07:41:31</t>
  </si>
  <si>
    <t>12/16/2019 07:41:32</t>
  </si>
  <si>
    <t>\\acsfs\profiles$\joserdsne\My Documents\My Pictures\</t>
  </si>
  <si>
    <t>\\acsfs\profiles$\joserdsne\My Documents\My Pictures\desktop.ini</t>
  </si>
  <si>
    <t>12/16/2019 07:41:33</t>
  </si>
  <si>
    <t>12/16/2019 07:41:36</t>
  </si>
  <si>
    <t>12/16/2019 07:41:37</t>
  </si>
  <si>
    <t>\\acsfs\profiles$\joserdsne\Contacts\desktop.ini</t>
  </si>
  <si>
    <t>\\acsfs\profiles$\joserdsne\Favorites\</t>
  </si>
  <si>
    <t>\\acsfs\profiles$\joserdsne\Favorites\desktop.ini</t>
  </si>
  <si>
    <t>12/16/2019 07:41:38</t>
  </si>
  <si>
    <t>12/16/2019 07:41:39</t>
  </si>
  <si>
    <t>\\acsfs\profiles$\joserdsne\My Documents\My Music\</t>
  </si>
  <si>
    <t>\\acsfs\profiles$\joserdsne\My Documents\My Music\desktop.ini</t>
  </si>
  <si>
    <t>12/16/2019 07:41:40</t>
  </si>
  <si>
    <t>12/16/2019 07:41:41</t>
  </si>
  <si>
    <t>12/16/2019 07:41:42</t>
  </si>
  <si>
    <t>\\acsfs\profiles$\joserdsne\Searches\</t>
  </si>
  <si>
    <t>\\acsfs\profiles$\joserdsne\Searches\desktop.ini</t>
  </si>
  <si>
    <t>12/16/2019 07:41:43</t>
  </si>
  <si>
    <t>12/16/2019 07:41:44</t>
  </si>
  <si>
    <t>\\acsfs\profiles$\joserdsne\Downloads\</t>
  </si>
  <si>
    <t>\\acsfs\profiles$\joserdsne\Downloads\desktop.ini</t>
  </si>
  <si>
    <t>12/16/2019 07:41:45</t>
  </si>
  <si>
    <t>12/16/2019 07:41:47</t>
  </si>
  <si>
    <t>\\acsfs\profiles$\joserdsne\My Documents\</t>
  </si>
  <si>
    <t>\\acsfs\profiles$\joserdsne\My Documents\desktop.ini</t>
  </si>
  <si>
    <t>12/16/2019 07:41:48</t>
  </si>
  <si>
    <t>12/16/2019 07:41:49</t>
  </si>
  <si>
    <t>12/16/2019 07:41:51</t>
  </si>
  <si>
    <t>\\acsfs\profiles$\joserdsne\Saved Games\</t>
  </si>
  <si>
    <t>\\acsfs\profiles$\joserdsne\Saved Games\desktop.ini</t>
  </si>
  <si>
    <t>12/16/2019 07:41:00</t>
  </si>
  <si>
    <t>12/16/2019 07:41:52</t>
  </si>
  <si>
    <t>12/16/2019 07:45:12</t>
  </si>
  <si>
    <t>22bf8af1-b18a-4ead-8d7c-d5a708e29375.tmp</t>
  </si>
  <si>
    <t>\\acsfs\profiles$\luanarda\Downloads\22bf8af1-b18a-4ead-8d7c-d5a708e29375.tmp</t>
  </si>
  <si>
    <t>12/16/2019 07:45:19</t>
  </si>
  <si>
    <t>12/16/2019 07:46:11</t>
  </si>
  <si>
    <t>12/16/2019 07:43:16</t>
  </si>
  <si>
    <t>12/16/2019 07:47:12</t>
  </si>
  <si>
    <t>1183dbee-594f-42f9-94fe-18a5395bc16f.tmp</t>
  </si>
  <si>
    <t>\\acsfs\profiles$\deboraaa\Downloads\1183dbee-594f-42f9-94fe-18a5395bc16f.tmp</t>
  </si>
  <si>
    <t>12/16/2019 07:42:48</t>
  </si>
  <si>
    <t>12/16/2019 07:48:11</t>
  </si>
  <si>
    <t>\\acsfs\profiles$\JOSERDSNE\Favorites\Links for Brasil\</t>
  </si>
  <si>
    <t>\\acsfs\profiles$\JOSERDSNE\Favorites\Links for Brasil\desktop.ini</t>
  </si>
  <si>
    <t>12/16/2019 07:42:52</t>
  </si>
  <si>
    <t>\\acsfs\profiles$\JOSERDSNE\Favorites\Links for Brasil\Microsoft Brasil.url</t>
  </si>
  <si>
    <t>12/16/2019 07:42:53</t>
  </si>
  <si>
    <t>\\acsfs\profiles$\JOSERDSNE\Favorites\Links for Brasil\Windows Brasil.url</t>
  </si>
  <si>
    <t>12/16/2019 07:42:55</t>
  </si>
  <si>
    <t>\\acsfs\profiles$\JOSERDSNE\Favorites\Links for Brasil\MSN Brasil.url</t>
  </si>
  <si>
    <t>12/16/2019 07:42:56</t>
  </si>
  <si>
    <t>12/16/2019 07:46:23</t>
  </si>
  <si>
    <t>12/16/2019 07:50:11</t>
  </si>
  <si>
    <t>12/16/2019 07:46:03</t>
  </si>
  <si>
    <t>12/16/2019 07:51:12</t>
  </si>
  <si>
    <t>10.200.200.67</t>
  </si>
  <si>
    <t>mail.google.com/_/upload?authuser=0&amp;dcp=asu-n&amp;upload_id=AEnB2UqJTrmY3i8EZg_jJKrubF9HiGn2dXmyhLw1F4-ohUuMN8aqjWwO3wC3zkhXHtPAbnh5TP4gtTrSg8BNOCu7seIyLOvS7Q&amp;upload_protocol=resumable</t>
  </si>
  <si>
    <t>12/16/2019 07:46:33</t>
  </si>
  <si>
    <t>mail.google.com/_/upload?authuser=0&amp;dcp=asu-n&amp;upload_id=AEnB2UoLmjPIQjE7U9GfvemdZm2srAnCUZp-iBqPBv5w28THRx_WH58QkMNUifLwfz4i0QgLnztReo0RXtirh7H1qDL76QQ4fUzDbr3eaVgj9Ht5xHCseWA&amp;upload_protocol=resumable</t>
  </si>
  <si>
    <t>12/16/2019 07:50:24</t>
  </si>
  <si>
    <t>12/16/2019 07:53:12</t>
  </si>
  <si>
    <t>22d26b20-13df-454e-a368-e8b0ddb9f597.tmp</t>
  </si>
  <si>
    <t>\\acsfs\profiles$\marcellewdl\Downloads\22d26b20-13df-454e-a368-e8b0ddb9f597.tmp</t>
  </si>
  <si>
    <t>12/16/2019 07:51:48</t>
  </si>
  <si>
    <t>fcda6ef7-f941-4853-9b46-60347f24e6a2.tmp</t>
  </si>
  <si>
    <t>\\acsfs\profiles$\marcellewdl\Downloads\fcda6ef7-f941-4853-9b46-60347f24e6a2.tmp</t>
  </si>
  <si>
    <t>12/16/2019 07:51:25</t>
  </si>
  <si>
    <t>12/16/2019 07:55:12</t>
  </si>
  <si>
    <t>https://caey.fa.us2.oraclecloud.com/crmui/faces/fuseoverview?_adf.ctrl-state=1c0bnubg77_5&amp;fnd=;;;;false;256;;;&amp;fndglobalitemnodeid=zcm_customerctrinfra360_customers_crm_card</t>
  </si>
  <si>
    <t>12/16/2019 07:50:44</t>
  </si>
  <si>
    <t>12/16/2019 07:56:07</t>
  </si>
  <si>
    <t>12/16/2019 07:57:12</t>
  </si>
  <si>
    <t>12/15/2019 14:59:39</t>
  </si>
  <si>
    <t>12/16/2019 08:00:12</t>
  </si>
  <si>
    <t>12/15/2019 14:59:40</t>
  </si>
  <si>
    <t>lu14304671gy.tmp</t>
  </si>
  <si>
    <t>\\acsfs\profiles$\jonatanls\My Documents\lu14304671gy.tmp</t>
  </si>
  <si>
    <t>12/16/2019 07:56:50</t>
  </si>
  <si>
    <t>12/16/2019 07:58:08</t>
  </si>
  <si>
    <t>69fb9a87-4d24-46dd-85b8-c83d11713bbf.tmp</t>
  </si>
  <si>
    <t>\\acsfs\profiles$\paulovadc\Downloads\69fb9a87-4d24-46dd-85b8-c83d11713bbf.tmp</t>
  </si>
  <si>
    <t>12/16/2019 07:57:28</t>
  </si>
  <si>
    <t>12/16/2019 08:01:12</t>
  </si>
  <si>
    <t>ulog_HeadlightsOptinProductFamily_HeadlightsOptinProduct_00000000-0000-0000-0000-000000000000_44255812-4c42-47c5-9b96-466cb0d23351.log</t>
  </si>
  <si>
    <t>C:\Users\Jordanarb\AppData\Roaming\Adobe\LogTransport2\Logs\ulog_HeadlightsOptinProductFamily_HeadlightsOptinProduct_00000000-0000-0000-0000-000000000000_44255812-4c42-47c5-9b96-466cb0d23351.log\</t>
  </si>
  <si>
    <t>12/16/2019 07:58:06</t>
  </si>
  <si>
    <t>12/16/2019 07:59:09</t>
  </si>
  <si>
    <t>12/16/2019 08:00:54</t>
  </si>
  <si>
    <t>12/16/2019 08:03:12</t>
  </si>
  <si>
    <t>12/16/2019 08:01:57</t>
  </si>
  <si>
    <t>7f46f319-1bf9-46d4-bc8e-6a0a87bd497c.tmp</t>
  </si>
  <si>
    <t>\\acsfs\profiles$\dhiulliananads\Downloads\7f46f319-1bf9-46d4-bc8e-6a0a87bd497c.tmp</t>
  </si>
  <si>
    <t>12/16/2019 07:59:31</t>
  </si>
  <si>
    <t>86ddf31b-872d-4f33-a460-93bba56066e2.tmp</t>
  </si>
  <si>
    <t>\\acsfs\profiles$\alicecpbc\Downloads\86ddf31b-872d-4f33-a460-93bba56066e2.tmp</t>
  </si>
  <si>
    <t>12/16/2019 07:59:52</t>
  </si>
  <si>
    <t>21218fc8-0ce0-4b34-9edc-51b65874e825.tmp</t>
  </si>
  <si>
    <t>\\acsfs\profiles$\alicecpbc\Downloads\21218fc8-0ce0-4b34-9edc-51b65874e825.tmp</t>
  </si>
  <si>
    <t>12/16/2019 08:03:08</t>
  </si>
  <si>
    <t>12/16/2019 08:04:11</t>
  </si>
  <si>
    <t>12/16/2019 08:03:09</t>
  </si>
  <si>
    <t>12/16/2019 08:03:10</t>
  </si>
  <si>
    <t>12/16/2019 08:03:11</t>
  </si>
  <si>
    <t>12/16/2019 08:03:13</t>
  </si>
  <si>
    <t>12/16/2019 08:03:14</t>
  </si>
  <si>
    <t>12/16/2019 08:03:15</t>
  </si>
  <si>
    <t>12/16/2019 08:03:16</t>
  </si>
  <si>
    <t>12/16/2019 08:03:17</t>
  </si>
  <si>
    <t>12/16/2019 08:03:18</t>
  </si>
  <si>
    <t>12/16/2019 08:03:19</t>
  </si>
  <si>
    <t>12/16/2019 08:03:20</t>
  </si>
  <si>
    <t>12/16/2019 08:03:21</t>
  </si>
  <si>
    <t>12/16/2019 08:03:22</t>
  </si>
  <si>
    <t>12/16/2019 08:03:23</t>
  </si>
  <si>
    <t>12/16/2019 08:03:24</t>
  </si>
  <si>
    <t>12/16/2019 08:03:25</t>
  </si>
  <si>
    <t>12/16/2019 08:03:26</t>
  </si>
  <si>
    <t>12/16/2019 08:03:27</t>
  </si>
  <si>
    <t>12/16/2019 08:05:12</t>
  </si>
  <si>
    <t>12/16/2019 08:03:28</t>
  </si>
  <si>
    <t>12/16/2019 08:03:29</t>
  </si>
  <si>
    <t>12/16/2019 08:03:30</t>
  </si>
  <si>
    <t>12/16/2019 08:03:31</t>
  </si>
  <si>
    <t>12/16/2019 08:03:32</t>
  </si>
  <si>
    <t>12/16/2019 08:03:33</t>
  </si>
  <si>
    <t>12/16/2019 08:03:34</t>
  </si>
  <si>
    <t>12/16/2019 08:03:35</t>
  </si>
  <si>
    <t>12/16/2019 08:00:48</t>
  </si>
  <si>
    <t>4bdab051-327e-4e12-b3fe-828c437169f4.tmp</t>
  </si>
  <si>
    <t>\\acsfs\profiles$\vivianalds\Downloads\4bdab051-327e-4e12-b3fe-828c437169f4.tmp</t>
  </si>
  <si>
    <t>12/16/2019 08:02:41</t>
  </si>
  <si>
    <t>215275cd-45e1-4581-ac26-d672a5cece49.tmp</t>
  </si>
  <si>
    <t>\\acsfs\profiles$\vivianalds\Downloads\215275cd-45e1-4581-ac26-d672a5cece49.tmp</t>
  </si>
  <si>
    <t>12/16/2019 08:00:59</t>
  </si>
  <si>
    <t>12/16/2019 08:03:57</t>
  </si>
  <si>
    <t>094b1ae1-3553-4465-a17b-5a4d9dfe5ce6.tmp</t>
  </si>
  <si>
    <t>\\acsfs\profiles$\jonatanls\Downloads\094b1ae1-3553-4465-a17b-5a4d9dfe5ce6.tmp</t>
  </si>
  <si>
    <t>12/16/2019 08:04:18</t>
  </si>
  <si>
    <t>b34fa191-1a5a-47dc-a064-94f04628304e.tmp</t>
  </si>
  <si>
    <t>\\acsfs\profiles$\jonatanls\Downloads\b34fa191-1a5a-47dc-a064-94f04628304e.tmp</t>
  </si>
  <si>
    <t>12/16/2019 07:59:56</t>
  </si>
  <si>
    <t>3afc6789-2fc7-4c0b-8f45-1c795c7df6ed.tmp</t>
  </si>
  <si>
    <t>\\acsfs\profiles$\paulovadc\Downloads\3afc6789-2fc7-4c0b-8f45-1c795c7df6ed.tmp</t>
  </si>
  <si>
    <t>12/16/2019 08:01:19</t>
  </si>
  <si>
    <t>12/16/2019 08:06:11</t>
  </si>
  <si>
    <t>102750b4-2fd0-4751-87df-c06d1618e5ee.tmp</t>
  </si>
  <si>
    <t>\\acsfs\profiles$\adrielyas\Downloads\102750b4-2fd0-4751-87df-c06d1618e5ee.tmp</t>
  </si>
  <si>
    <t>12/15/2019 15:19:01</t>
  </si>
  <si>
    <t>12/15/2019 15:19:39</t>
  </si>
  <si>
    <t>12/16/2019 08:02:58</t>
  </si>
  <si>
    <t>12/16/2019 08:08:11</t>
  </si>
  <si>
    <t>6b523fa0-02a6-4d87-a427-ce9779dcf08e.tmp</t>
  </si>
  <si>
    <t>\\acsfs\profiles$\dhiulliananads\Downloads\6b523fa0-02a6-4d87-a427-ce9779dcf08e.tmp</t>
  </si>
  <si>
    <t>9eb681f6-b85a-4f58-b594-4ec272529733.tmp</t>
  </si>
  <si>
    <t>\\acsfs\profiles$\dhiulliananads\Downloads\9eb681f6-b85a-4f58-b594-4ec272529733.tmp</t>
  </si>
  <si>
    <t>12/16/2019 08:05:11</t>
  </si>
  <si>
    <t>12/16/2019 08:06:40</t>
  </si>
  <si>
    <t>934c2000-a3d5-49be-8584-12c933b21697.tmp</t>
  </si>
  <si>
    <t>\\acsfs\profiles$\deborahsi\Downloads\934c2000-a3d5-49be-8584-12c933b21697.tmp</t>
  </si>
  <si>
    <t>12/16/2019 08:07:52</t>
  </si>
  <si>
    <t>2707b74e-b586-4cc9-8d49-73f0c93a14c8.tmp</t>
  </si>
  <si>
    <t>\\acsfs\profiles$\deborahsi\Downloads\2707b74e-b586-4cc9-8d49-73f0c93a14c8.tmp</t>
  </si>
  <si>
    <t>12/13/2019 16:59:48</t>
  </si>
  <si>
    <t>12/16/2019 08:09:12</t>
  </si>
  <si>
    <t>mail.google.com/_/upload?authuser=0&amp;dcp=asu-n&amp;upload_id=AEnB2UoPg4dHruy6NV34F2XBSnOQ0vOb0ByzBwNc5NPIPdiJzK6YqnSUkP43bOuvKk75MU_sFkN0WD2Ldhi2GiVDC2wmt9zM9g&amp;upload_protocol=resumable</t>
  </si>
  <si>
    <t>\\acsfs\deptos\PMO Governança\03 - ACOMPANHAMENTO DE PROJETOS\00 - STATUS GERAL\HOLDING\10_ Papo_Perf_Dez2019_v3.pptx\</t>
  </si>
  <si>
    <t>mail.google.com/_/upload?authuser=0&amp;dcp=asu-n&amp;upload_id=AEnB2UpOOZkmF_gNMjSQQ51BAp85ewX-VfBX4fJgx2oOIPA0GL033qiguTEaXjVBqzl_9Vu2VohCucLrQS6uVXTF8xTvy_Usmw&amp;upload_protocol=resumable</t>
  </si>
  <si>
    <t>Papo de Performance v6.xlsx</t>
  </si>
  <si>
    <t>12/16/2019 08:05:16</t>
  </si>
  <si>
    <t>12/16/2019 08:10:12</t>
  </si>
  <si>
    <t>12/16/2019 08:05:28</t>
  </si>
  <si>
    <t>12/16/2019 08:05:29</t>
  </si>
  <si>
    <t>lu448603tq2gv.tmp</t>
  </si>
  <si>
    <t>\\acsfs\profiles$\VIVIANALDS\My Documents\lu448603tq2gv.tmp</t>
  </si>
  <si>
    <t>\\acsfs\profiles$\VIVIANALDS\My Documents\lu448603tq2gv.tmp\</t>
  </si>
  <si>
    <t>\\acsfs\profiles$\VIVIANALDS\My Documents\lu448603tq2gv.tmp\META-INF\</t>
  </si>
  <si>
    <t>\\acsfs\profiles$\VIVIANALDS\My Documents\lu448603tq2gv.tmp\Thumbnails\</t>
  </si>
  <si>
    <t>12/16/2019 08:05:10</t>
  </si>
  <si>
    <t>0a148983-4429-4c48-99c3-dde02d27d4fd.tmp</t>
  </si>
  <si>
    <t>\\acsfs\profiles$\jonatanls\Downloads\0a148983-4429-4c48-99c3-dde02d27d4fd.tmp</t>
  </si>
  <si>
    <t>12/16/2019 08:05:24</t>
  </si>
  <si>
    <t>10.12.243.125</t>
  </si>
  <si>
    <t>12/16/2019 08:05:41</t>
  </si>
  <si>
    <t>12/16/2019 08:11:12</t>
  </si>
  <si>
    <t>2b85c803-2481-4e37-a542-9b0053e2bff3.tmp</t>
  </si>
  <si>
    <t>\\acsfs\profiles$\adrielyas\Downloads\2b85c803-2481-4e37-a542-9b0053e2bff3.tmp</t>
  </si>
  <si>
    <t>12/16/2019 08:06:03</t>
  </si>
  <si>
    <t>12/16/2019 08:06:53</t>
  </si>
  <si>
    <t>12/16/2019 08:10:25</t>
  </si>
  <si>
    <t>12/16/2019 08:09:00</t>
  </si>
  <si>
    <t>12/16/2019 08:13:12</t>
  </si>
  <si>
    <t>12/16/2019 08:12:10</t>
  </si>
  <si>
    <t>12/16/2019 08:09:58</t>
  </si>
  <si>
    <t>5e844e3a-c430-49e6-9b4c-d710cac28cdb.tmp</t>
  </si>
  <si>
    <t>\\acsfs\profiles$\deborahsi\Downloads\5e844e3a-c430-49e6-9b4c-d710cac28cdb.tmp</t>
  </si>
  <si>
    <t>12/16/2019 08:10:52</t>
  </si>
  <si>
    <t>12/16/2019 08:14:11</t>
  </si>
  <si>
    <t>12/16/2019 08:14:30</t>
  </si>
  <si>
    <t>12/16/2019 08:15:12</t>
  </si>
  <si>
    <t>12/16/2019 08:13:35</t>
  </si>
  <si>
    <t>12/16/2019 08:16:11</t>
  </si>
  <si>
    <t>10.200.66.28</t>
  </si>
  <si>
    <t>52914e38-035f-46f5-a718-bb2b4f92973b.tmp</t>
  </si>
  <si>
    <t>\\acsfs\profiles$\milenaas\Downloads\52914e38-035f-46f5-a718-bb2b4f92973b.tmp</t>
  </si>
  <si>
    <t>12/16/2019 08:12:00</t>
  </si>
  <si>
    <t>12/16/2019 08:11:20</t>
  </si>
  <si>
    <t>12/16/2019 08:11:44</t>
  </si>
  <si>
    <t>57597af2-5bab-4b43-88f1-1e15adb2a4a9.tmp</t>
  </si>
  <si>
    <t>\\acsfs\profiles$\valeriasda\Downloads\57597af2-5bab-4b43-88f1-1e15adb2a4a9.tmp</t>
  </si>
  <si>
    <t>12/16/2019 08:11:47</t>
  </si>
  <si>
    <t>6ae49e58-a1ff-424b-b94f-c30af62361b0.tmp</t>
  </si>
  <si>
    <t>\\acsfs\profiles$\valeriasda\Downloads\6ae49e58-a1ff-424b-b94f-c30af62361b0.tmp</t>
  </si>
  <si>
    <t>12/16/2019 08:11:53</t>
  </si>
  <si>
    <t>766ab3bd-1aa7-4938-81e5-a6c3fdf11d96.tmp</t>
  </si>
  <si>
    <t>\\acsfs\profiles$\valeriasda\Downloads\766ab3bd-1aa7-4938-81e5-a6c3fdf11d96.tmp</t>
  </si>
  <si>
    <t>12/16/2019 08:11:57</t>
  </si>
  <si>
    <t>e4db439d-9060-4a9f-a061-e9dad8ee1683.tmp</t>
  </si>
  <si>
    <t>\\acsfs\profiles$\valeriasda\Downloads\e4db439d-9060-4a9f-a061-e9dad8ee1683.tmp</t>
  </si>
  <si>
    <t>12/16/2019 08:11:58</t>
  </si>
  <si>
    <t>7581503b-a6d6-431c-91ba-c97892d538ec.tmp</t>
  </si>
  <si>
    <t>\\acsfs\profiles$\valeriasda\Downloads\7581503b-a6d6-431c-91ba-c97892d538ec.tmp</t>
  </si>
  <si>
    <t>12/16/2019 08:12:19</t>
  </si>
  <si>
    <t>575dce9b-674f-4a6e-bb13-3fe8027ea5e4.tmp</t>
  </si>
  <si>
    <t>\\acsfs\profiles$\valeriasda\Downloads\575dce9b-674f-4a6e-bb13-3fe8027ea5e4.tmp</t>
  </si>
  <si>
    <t>12/16/2019 08:10:40</t>
  </si>
  <si>
    <t>12/16/2019 08:15:41</t>
  </si>
  <si>
    <t>12/16/2019 08:15:42</t>
  </si>
  <si>
    <t>12/16/2019 08:15:43</t>
  </si>
  <si>
    <t>12/16/2019 08:15:44</t>
  </si>
  <si>
    <t>12/16/2019 08:15:45</t>
  </si>
  <si>
    <t>12/16/2019 08:15:46</t>
  </si>
  <si>
    <t>12/16/2019 08:13:57</t>
  </si>
  <si>
    <t>\\acsfs\profiles$\milennyss\My Documents\</t>
  </si>
  <si>
    <t>Acessos.txt</t>
  </si>
  <si>
    <t>\\acsfs\profiles$\milennyss\My Documents\Acessos.txt</t>
  </si>
  <si>
    <t>12/16/2019 08:15:34</t>
  </si>
  <si>
    <t>12/16/2019 08:13:29</t>
  </si>
  <si>
    <t>12/16/2019 08:18:11</t>
  </si>
  <si>
    <t>12/16/2019 08:13:38</t>
  </si>
  <si>
    <t>lu2454023e2nw.tmp</t>
  </si>
  <si>
    <t>\\acsfs\profiles$\dhiulliananads\My Documents\lu2454023e2nw.tmp</t>
  </si>
  <si>
    <t>\\acsfs\profiles$\dhiulliananads\My Documents\lu2454023e2nw.tmp\</t>
  </si>
  <si>
    <t>12/16/2019 08:13:39</t>
  </si>
  <si>
    <t>\\acsfs\profiles$\dhiulliananads\My Documents\lu2454023e2nw.tmp\META-INF\</t>
  </si>
  <si>
    <t>\\acsfs\profiles$\dhiulliananads\My Documents\lu2454023e2nw.tmp\Thumbnails\</t>
  </si>
  <si>
    <t>12/16/2019 08:13:55</t>
  </si>
  <si>
    <t>lu2454023e2o1.tmp</t>
  </si>
  <si>
    <t>\\acsfs\profiles$\dhiulliananads\My Documents\lu2454023e2o1.tmp</t>
  </si>
  <si>
    <t>\\acsfs\profiles$\dhiulliananads\My Documents\lu2454023e2o1.tmp\</t>
  </si>
  <si>
    <t>\\acsfs\profiles$\dhiulliananads\My Documents\lu2454023e2o1.tmp\META-INF\</t>
  </si>
  <si>
    <t>\\acsfs\profiles$\dhiulliananads\My Documents\lu2454023e2o1.tmp\Thumbnails\</t>
  </si>
  <si>
    <t>12/16/2019 08:14:29</t>
  </si>
  <si>
    <t>12/16/2019 08:16:43</t>
  </si>
  <si>
    <t>12/15/2019 13:59:14</t>
  </si>
  <si>
    <t>CATALOGAÇÃO.xlsx</t>
  </si>
  <si>
    <t>"mozilla/5.0 (windows nt 10.0; win64; x64) applewebkit/537.36 (khtml,1,13,13700109,13700167,13700185,13700235,13700264,13700451,13700563,13700607,13700883,13700946,13700951,13700982,13701078,13701127,13701139,13701207,13701214,13701235,13701239,13701262,13701298,13701418,13701422,13701430,13701450,13701458,13701486,13701506,13701510,13701534,13701537,13701573,13701577,13701589,13701609,13701613,13701621,13701625,13701633,13701653,13701657,13701693,13701709,13701749,13701825,13701833,13701901,13701906,13701909,13701921,13701946,13701950,13701953]]],13701957,13701969,13702064,13702068,13702086,13702089,2,52,560,5701393,["drive.web-frontend_20191,[[13701276,[[null,[],[false,ancestorhasaugmentedpermissions,containsunsubscribedchildren,displayname,domain,emailaddress,en,explicitlytrashed,false,false],false]],filesize,hasthumbnail,hasvisitorpermissions,id,id),items(kind,ken,lastmodifyinguser(kind,lastviewedbymedate,like gecko) chrome/78.0.3904.108 safari/537.36",mimetype,modifiedbymedate,modifieddate,null,ontainsun</t>
  </si>
  <si>
    <t>12/16/2019 08:15:47</t>
  </si>
  <si>
    <t>12/16/2019 08:16:33</t>
  </si>
  <si>
    <t>12/16/2019 08:19:12</t>
  </si>
  <si>
    <t>674596ed-2b53-415b-a393-c753e2baeefe.tmp</t>
  </si>
  <si>
    <t>\\acsfs\profiles$\ayalabfi\Downloads\674596ed-2b53-415b-a393-c753e2baeefe.tmp</t>
  </si>
  <si>
    <t>12/16/2019 08:16:44</t>
  </si>
  <si>
    <t>50d8bb4c-e35a-4457-80eb-9a4372167d35.tmp</t>
  </si>
  <si>
    <t>\\acsfs\profiles$\ayalabfi\Downloads\50d8bb4c-e35a-4457-80eb-9a4372167d35.tmp</t>
  </si>
  <si>
    <t>12/16/2019 08:16:45</t>
  </si>
  <si>
    <t>f7433b9a-c93a-4b7c-828e-0310e8b75f41.tmp</t>
  </si>
  <si>
    <t>\\acsfs\profiles$\ayalabfi\Downloads\f7433b9a-c93a-4b7c-828e-0310e8b75f41.tmp</t>
  </si>
  <si>
    <t>12/16/2019 08:18:08</t>
  </si>
  <si>
    <t>8b4f44e5-720a-4191-965b-261ea1f758d7.tmp</t>
  </si>
  <si>
    <t>\\acsfs\profiles$\ayalabfi\Downloads\8b4f44e5-720a-4191-965b-261ea1f758d7.tmp</t>
  </si>
  <si>
    <t>12/15/2019 08:31:19</t>
  </si>
  <si>
    <t>12/16/2019 08:20:12</t>
  </si>
  <si>
    <t>\\acsfs\profiles$\marcellewdl\My Documents\My Music\</t>
  </si>
  <si>
    <t>\\acsfs\profiles$\marcellewdl\My Documents\My Pictures\desktop.ini</t>
  </si>
  <si>
    <t>12/15/2019 08:31:21</t>
  </si>
  <si>
    <t>12/15/2019 08:31:22</t>
  </si>
  <si>
    <t>12/15/2019 08:31:24</t>
  </si>
  <si>
    <t>12/15/2019 08:31:26</t>
  </si>
  <si>
    <t>\\acsfs\profiles$\marcellewdl\Contacts\</t>
  </si>
  <si>
    <t>\\acsfs\profiles$\marcellewdl\Contacts\desktop.ini</t>
  </si>
  <si>
    <t>12/15/2019 08:31:27</t>
  </si>
  <si>
    <t>12/15/2019 08:31:28</t>
  </si>
  <si>
    <t>12/15/2019 08:31:30</t>
  </si>
  <si>
    <t>12/15/2019 08:31:31</t>
  </si>
  <si>
    <t>12/15/2019 08:31:33</t>
  </si>
  <si>
    <t>\\acsfs\profiles$\marcellewdl\Favorites\desktop.ini</t>
  </si>
  <si>
    <t>12/15/2019 08:31:35</t>
  </si>
  <si>
    <t>12/15/2019 08:31:36</t>
  </si>
  <si>
    <t>12/15/2019 08:31:37</t>
  </si>
  <si>
    <t>12/15/2019 08:31:39</t>
  </si>
  <si>
    <t>12/15/2019 08:31:40</t>
  </si>
  <si>
    <t>12/15/2019 08:31:41</t>
  </si>
  <si>
    <t>12/15/2019 08:31:42</t>
  </si>
  <si>
    <t>\\acsfs\profiles$\marcellewdl\My Documents\My Music\desktop.ini</t>
  </si>
  <si>
    <t>12/15/2019 08:31:45</t>
  </si>
  <si>
    <t>12/15/2019 08:31:46</t>
  </si>
  <si>
    <t>12/15/2019 08:31:47</t>
  </si>
  <si>
    <t>12/15/2019 08:31:48</t>
  </si>
  <si>
    <t>12/15/2019 08:31:51</t>
  </si>
  <si>
    <t>\\acsfs\profiles$\marcellewdl\Searches\</t>
  </si>
  <si>
    <t>\\acsfs\profiles$\marcellewdl\Searches\desktop.ini</t>
  </si>
  <si>
    <t>12/15/2019 08:31:53</t>
  </si>
  <si>
    <t>12/15/2019 08:32:03</t>
  </si>
  <si>
    <t>12/15/2019 08:32:07</t>
  </si>
  <si>
    <t>12/15/2019 08:32:08</t>
  </si>
  <si>
    <t>12/15/2019 08:32:10</t>
  </si>
  <si>
    <t>12/16/2019 08:17:20</t>
  </si>
  <si>
    <t>01a57fcf-efba-474c-938f-c76c0d7ff4a5.tmp</t>
  </si>
  <si>
    <t>\\acsfs\profiles$\sarahbal\Downloads\01a57fcf-efba-474c-938f-c76c0d7ff4a5.tmp</t>
  </si>
  <si>
    <t>12/15/2019 08:32:11</t>
  </si>
  <si>
    <t>\\acsfs\profiles$\marcellewdl\Downloads\desktop.ini</t>
  </si>
  <si>
    <t>12/15/2019 08:32:12</t>
  </si>
  <si>
    <t>12/15/2019 08:32:14</t>
  </si>
  <si>
    <t>\\acsfs\profiles$\marcellewdl\Favorites\</t>
  </si>
  <si>
    <t>\\acsfs\profiles$\marcellewdl\My Documents\desktop.ini</t>
  </si>
  <si>
    <t>12/15/2019 08:32:15</t>
  </si>
  <si>
    <t>12/15/2019 08:32:16</t>
  </si>
  <si>
    <t>12/15/2019 08:32:18</t>
  </si>
  <si>
    <t>12/15/2019 08:32:22</t>
  </si>
  <si>
    <t>12/15/2019 08:32:24</t>
  </si>
  <si>
    <t>12/15/2019 08:32:26</t>
  </si>
  <si>
    <t>\\acsfs\profiles$\marcellewdl\Saved Games\desktop.ini</t>
  </si>
  <si>
    <t>12/15/2019 08:32:28</t>
  </si>
  <si>
    <t>12/15/2019 08:32:55</t>
  </si>
  <si>
    <t>winrt--{S-1-5-21-602162358-764733703-839522115-354180}-.searchconnector-ms</t>
  </si>
  <si>
    <t>\\acsfs\profiles$\marcellewdl\Searches\winrt--{S-1-5-21-602162358-764733703-839522115-354180}-.searchconnector-ms</t>
  </si>
  <si>
    <t>12/16/2019 08:16:14</t>
  </si>
  <si>
    <t>f551eae9-9e1b-4d6c-83ca-786677b44eb5.tmp</t>
  </si>
  <si>
    <t>\\acsfs\profiles$\jonatanls\Downloads\f551eae9-9e1b-4d6c-83ca-786677b44eb5.tmp</t>
  </si>
  <si>
    <t>12/16/2019 08:19:50</t>
  </si>
  <si>
    <t>8fb131c6-64ae-4f41-a8e5-a6dd61d207e4.tmp</t>
  </si>
  <si>
    <t>\\acsfs\profiles$\larissaad\Downloads\8fb131c6-64ae-4f41-a8e5-a6dd61d207e4.tmp</t>
  </si>
  <si>
    <t>12/16/2019 08:19:56</t>
  </si>
  <si>
    <t>098e00fc-55f9-4639-a2c5-b8d259569363.tmp</t>
  </si>
  <si>
    <t>\\acsfs\profiles$\larissaad\Downloads\098e00fc-55f9-4639-a2c5-b8d259569363.tmp</t>
  </si>
  <si>
    <t>12/16/2019 08:16:17</t>
  </si>
  <si>
    <t>12/16/2019 08:21:12</t>
  </si>
  <si>
    <t>12/16/2019 08:15:17</t>
  </si>
  <si>
    <t>3a8bd28e-b17f-46bf-bbd0-26cc123e0120.tmp</t>
  </si>
  <si>
    <t>\\acsfs\profiles$\milenaas\Downloads\3a8bd28e-b17f-46bf-bbd0-26cc123e0120.tmp</t>
  </si>
  <si>
    <t>64fac393-0d02-4d7a-81b2-4679673e7aaf.tmp</t>
  </si>
  <si>
    <t>\\acsfs\profiles$\milenaas\Downloads\64fac393-0d02-4d7a-81b2-4679673e7aaf.tmp</t>
  </si>
  <si>
    <t>12/16/2019 08:16:12</t>
  </si>
  <si>
    <t>6411f0f7-c688-4ca0-8bdc-322efb719c1a.tmp</t>
  </si>
  <si>
    <t>\\acsfs\profiles$\milenaas\Downloads\6411f0f7-c688-4ca0-8bdc-322efb719c1a.tmp</t>
  </si>
  <si>
    <t>12/16/2019 08:15:48</t>
  </si>
  <si>
    <t>12/16/2019 08:15:49</t>
  </si>
  <si>
    <t>12/16/2019 08:15:50</t>
  </si>
  <si>
    <t>12/16/2019 08:15:51</t>
  </si>
  <si>
    <t>12/16/2019 08:15:52</t>
  </si>
  <si>
    <t>12/16/2019 08:16:31</t>
  </si>
  <si>
    <t>12/16/2019 08:15:53</t>
  </si>
  <si>
    <t>12/16/2019 08:15:54</t>
  </si>
  <si>
    <t>12/16/2019 08:15:55</t>
  </si>
  <si>
    <t>12/16/2019 08:15:56</t>
  </si>
  <si>
    <t>12/16/2019 08:15:57</t>
  </si>
  <si>
    <t>12/16/2019 08:15:58</t>
  </si>
  <si>
    <t>12/16/2019 08:15:59</t>
  </si>
  <si>
    <t>12/16/2019 08:16:00</t>
  </si>
  <si>
    <t>12/16/2019 08:16:01</t>
  </si>
  <si>
    <t>12/16/2019 08:16:02</t>
  </si>
  <si>
    <t>12/16/2019 08:16:03</t>
  </si>
  <si>
    <t>12/16/2019 08:19:24</t>
  </si>
  <si>
    <t>12/16/2019 08:20:16</t>
  </si>
  <si>
    <t>12/16/2019 08:22:12</t>
  </si>
  <si>
    <t>bef1bdbd-5226-4658-a03e-bd038b2030b3.tmp</t>
  </si>
  <si>
    <t>\\acsfs\profiles$\gabrielarb\Downloads\bef1bdbd-5226-4658-a03e-bd038b2030b3.tmp</t>
  </si>
  <si>
    <t>21d98e3e-97c6-41f1-bc88-d6032735fb90.tmp</t>
  </si>
  <si>
    <t>\\acsfs\profiles$\gabrielarb\Downloads\21d98e3e-97c6-41f1-bc88-d6032735fb90.tmp</t>
  </si>
  <si>
    <t>12/16/2019 08:20:18</t>
  </si>
  <si>
    <t>8a4e5a5d-aa34-43d8-9bac-282edc5c1baa.tmp</t>
  </si>
  <si>
    <t>\\acsfs\profiles$\gabrielarb\Downloads\8a4e5a5d-aa34-43d8-9bac-282edc5c1baa.tmp</t>
  </si>
  <si>
    <t>12/16/2019 08:20:21</t>
  </si>
  <si>
    <t>70a5b1f0-5c29-4652-8393-ab9e14211ac9.tmp</t>
  </si>
  <si>
    <t>\\acsfs\profiles$\gabrielarb\Downloads\70a5b1f0-5c29-4652-8393-ab9e14211ac9.tmp</t>
  </si>
  <si>
    <t>12/16/2019 08:20:23</t>
  </si>
  <si>
    <t>7e0fdd5c-5a78-46a8-96a5-c68128410f83.tmp</t>
  </si>
  <si>
    <t>\\acsfs\profiles$\gabrielarb\Downloads\7e0fdd5c-5a78-46a8-96a5-c68128410f83.tmp</t>
  </si>
  <si>
    <t>12/16/2019 08:21:11</t>
  </si>
  <si>
    <t>cfe37cb6-2d09-450b-a0dd-2b850208b4b2.tmp</t>
  </si>
  <si>
    <t>\\acsfs\profiles$\gabrielarb\Downloads\cfe37cb6-2d09-450b-a0dd-2b850208b4b2.tmp</t>
  </si>
  <si>
    <t>12/16/2019 08:23:45</t>
  </si>
  <si>
    <t>12/16/2019 08:25:12</t>
  </si>
  <si>
    <t>lu448603tq2gz.tmp</t>
  </si>
  <si>
    <t>\\acsfs\profiles$\VIVIANALDS\My Documents\lu448603tq2gz.tmp</t>
  </si>
  <si>
    <t>\\acsfs\profiles$\VIVIANALDS\My Documents\lu448603tq2gz.tmp\</t>
  </si>
  <si>
    <t>\\acsfs\profiles$\VIVIANALDS\My Documents\lu448603tq2gz.tmp\META-INF\</t>
  </si>
  <si>
    <t>\\acsfs\profiles$\VIVIANALDS\My Documents\lu448603tq2gz.tmp\Thumbnails\</t>
  </si>
  <si>
    <t>12/16/2019 08:19:34</t>
  </si>
  <si>
    <t>\\acsfs\profiles$\lucasns\My Documents\My Pictures\</t>
  </si>
  <si>
    <t>\\acsfs\profiles$\LUCASNS\My Documents\My Videos\desktop.ini</t>
  </si>
  <si>
    <t>12/16/2019 08:19:39</t>
  </si>
  <si>
    <t>\\acsfs\profiles$\LUCASNS\My Documents\My Videos\</t>
  </si>
  <si>
    <t>12/16/2019 08:19:40</t>
  </si>
  <si>
    <t>12/16/2019 08:19:41</t>
  </si>
  <si>
    <t>12/16/2019 08:19:42</t>
  </si>
  <si>
    <t>12/16/2019 08:19:44</t>
  </si>
  <si>
    <t>\\acsfs\profiles$\lucasns\My Documents\My Music\</t>
  </si>
  <si>
    <t>\\acsfs\profiles$\LUCASNS\My Documents\My Pictures\desktop.ini</t>
  </si>
  <si>
    <t>12/16/2019 08:19:45</t>
  </si>
  <si>
    <t>\\acsfs\profiles$\lucasns\My Documents\My Videos\</t>
  </si>
  <si>
    <t>12/16/2019 08:19:46</t>
  </si>
  <si>
    <t>12/16/2019 08:19:47</t>
  </si>
  <si>
    <t>12/16/2019 08:19:49</t>
  </si>
  <si>
    <t>\\acsfs\profiles$\LUCASNS\Contacts\</t>
  </si>
  <si>
    <t>\\acsfs\profiles$\LUCASNS\Contacts\desktop.ini</t>
  </si>
  <si>
    <t>12/16/2019 08:19:51</t>
  </si>
  <si>
    <t>12/16/2019 08:19:52</t>
  </si>
  <si>
    <t>12/16/2019 08:19:54</t>
  </si>
  <si>
    <t>\\acsfs\profiles$\lucasns\My Documents\</t>
  </si>
  <si>
    <t>\\acsfs\profiles$\LUCASNS\Favorites\desktop.ini</t>
  </si>
  <si>
    <t>12/16/2019 08:19:57</t>
  </si>
  <si>
    <t>12/16/2019 08:19:59</t>
  </si>
  <si>
    <t>12/16/2019 08:20:00</t>
  </si>
  <si>
    <t>12/16/2019 08:20:03</t>
  </si>
  <si>
    <t>12/16/2019 08:20:04</t>
  </si>
  <si>
    <t>12/16/2019 08:20:05</t>
  </si>
  <si>
    <t>12/16/2019 08:20:07</t>
  </si>
  <si>
    <t>\\acsfs\profiles$\LUCASNS\My Documents\My Music\desktop.ini</t>
  </si>
  <si>
    <t>12/16/2019 08:20:08</t>
  </si>
  <si>
    <t>\\acsfs\profiles$\LUCASNS\My Documents\My Music\</t>
  </si>
  <si>
    <t>12/16/2019 08:20:09</t>
  </si>
  <si>
    <t>12/16/2019 08:20:11</t>
  </si>
  <si>
    <t>12/16/2019 08:20:13</t>
  </si>
  <si>
    <t>12/16/2019 08:20:17</t>
  </si>
  <si>
    <t>\\acsfs\profiles$\LUCASNS\Searches\desktop.ini</t>
  </si>
  <si>
    <t>12/16/2019 08:20:22</t>
  </si>
  <si>
    <t>12/16/2019 08:20:24</t>
  </si>
  <si>
    <t>12/16/2019 08:20:26</t>
  </si>
  <si>
    <t>\\acsfs\profiles$\LUCASNS\Downloads\desktop.ini</t>
  </si>
  <si>
    <t>12/16/2019 08:20:28</t>
  </si>
  <si>
    <t>12/16/2019 08:20:29</t>
  </si>
  <si>
    <t>\\acsfs\profiles$\lucasns\Favorites\</t>
  </si>
  <si>
    <t>\\acsfs\profiles$\LUCASNS\My Documents\desktop.ini</t>
  </si>
  <si>
    <t>12/16/2019 08:20:30</t>
  </si>
  <si>
    <t>\\acsfs\profiles$\LUCASNS\My Documents\</t>
  </si>
  <si>
    <t>12/16/2019 08:20:31</t>
  </si>
  <si>
    <t>12/16/2019 08:20:32</t>
  </si>
  <si>
    <t>12/16/2019 08:20:34</t>
  </si>
  <si>
    <t>12/16/2019 08:20:36</t>
  </si>
  <si>
    <t>12/16/2019 08:20:38</t>
  </si>
  <si>
    <t>\\acsfs\profiles$\lucasns\Downloads\</t>
  </si>
  <si>
    <t>\\acsfs\profiles$\LUCASNS\Saved Games\desktop.ini</t>
  </si>
  <si>
    <t>12/16/2019 08:20:39</t>
  </si>
  <si>
    <t>12/16/2019 08:21:05</t>
  </si>
  <si>
    <t>12/16/2019 08:22:19</t>
  </si>
  <si>
    <t>12/16/2019 08:20:58</t>
  </si>
  <si>
    <t>4bd16b1b-d0cd-4ffb-941c-4171df3a0020.tmp</t>
  </si>
  <si>
    <t>\\acsfs\profiles$\larissaad\Downloads\4bd16b1b-d0cd-4ffb-941c-4171df3a0020.tmp</t>
  </si>
  <si>
    <t>12/16/2019 08:21:27</t>
  </si>
  <si>
    <t>12/16/2019 08:26:11</t>
  </si>
  <si>
    <t>690ca921-6492-485e-b6a7-4c4db5855348.tmp</t>
  </si>
  <si>
    <t>\\acsfs\profiles$\wenderbnm\Downloads\690ca921-6492-485e-b6a7-4c4db5855348.tmp</t>
  </si>
  <si>
    <t>12/16/2019 08:23:22</t>
  </si>
  <si>
    <t>ffbdf671-4386-4614-a095-6c5690b9b089.tmp</t>
  </si>
  <si>
    <t>\\acsfs\profiles$\wenderbnm\Downloads\ffbdf671-4386-4614-a095-6c5690b9b089.tmp</t>
  </si>
  <si>
    <t>12/16/2019 08:21:39</t>
  </si>
  <si>
    <t>5b8b9bcc-70cd-454e-baf3-3a63a99b3449.tmp</t>
  </si>
  <si>
    <t>\\acsfs\profiles$\milenaas\Downloads\5b8b9bcc-70cd-454e-baf3-3a63a99b3449.tmp</t>
  </si>
  <si>
    <t>12/16/2019 08:22:42</t>
  </si>
  <si>
    <t>12/16/2019 08:27:12</t>
  </si>
  <si>
    <t>a846f1da-bf24-4f45-a3b0-5c7fae95054b.tmp</t>
  </si>
  <si>
    <t>\\acsfs\profiles$\geovannasm\Downloads\a846f1da-bf24-4f45-a3b0-5c7fae95054b.tmp</t>
  </si>
  <si>
    <t>12/16/2019 08:23:05</t>
  </si>
  <si>
    <t>f8a56c3a-ff19-4f44-932d-c5542b64a368.tmp</t>
  </si>
  <si>
    <t>\\acsfs\profiles$\geovannasm\Downloads\f8a56c3a-ff19-4f44-932d-c5542b64a368.tmp</t>
  </si>
  <si>
    <t>12/16/2019 08:23:26</t>
  </si>
  <si>
    <t>88713526-03eb-4363-8435-e78ecedb835e.tmp</t>
  </si>
  <si>
    <t>\\acsfs\profiles$\geovannasm\Downloads\88713526-03eb-4363-8435-e78ecedb835e.tmp</t>
  </si>
  <si>
    <t>12/16/2019 08:24:17</t>
  </si>
  <si>
    <t>fb5cb571-c789-4613-b88f-c55b1a24df10.tmp</t>
  </si>
  <si>
    <t>\\acsfs\profiles$\geovannasm\Downloads\fb5cb571-c789-4613-b88f-c55b1a24df10.tmp</t>
  </si>
  <si>
    <t>12/16/2019 08:26:33</t>
  </si>
  <si>
    <t>851f5cd1-88a5-46e3-89e7-72e8c601d892.tmp</t>
  </si>
  <si>
    <t>\\acsfs\profiles$\geovannasm\Downloads\851f5cd1-88a5-46e3-89e7-72e8c601d892.tmp</t>
  </si>
  <si>
    <t>12/16/2019 08:23:01</t>
  </si>
  <si>
    <t>12/16/2019 08:28:12</t>
  </si>
  <si>
    <t>https://col.eum-appdynamics.com/eumcollector/beacons/browser/v1/ad-aab-aaf-szc/adrum</t>
  </si>
  <si>
    <t>12/16/2019 08:23:11</t>
  </si>
  <si>
    <t>12/16/2019 08:24:58</t>
  </si>
  <si>
    <t>12/16/2019 08:25:50</t>
  </si>
  <si>
    <t>https://udpmailboxap01/h/search;jsessionid=ysi9nmukllht2cr2ujwpe1kl?si=0&amp;so=0&amp;sc=44418&amp;st=conversation&amp;action=compose</t>
  </si>
  <si>
    <t>12/16/2019 08:26:50</t>
  </si>
  <si>
    <t>12/16/2019 08:27:20</t>
  </si>
  <si>
    <t>12/16/2019 08:23:14</t>
  </si>
  <si>
    <t>129d9535-973d-48d5-8350-b109371f2143.tmp</t>
  </si>
  <si>
    <t>\\acsfs\profiles$\alicecpbc\Downloads\129d9535-973d-48d5-8350-b109371f2143.tmp</t>
  </si>
  <si>
    <t>12/16/2019 08:26:36</t>
  </si>
  <si>
    <t>12/16/2019 08:29:12</t>
  </si>
  <si>
    <t>62b9fca1-7963-4aab-a5dc-ac96b56da13e.tmp</t>
  </si>
  <si>
    <t>\\acsfs\profiles$\isabellegtds\Downloads\62b9fca1-7963-4aab-a5dc-ac96b56da13e.tmp</t>
  </si>
  <si>
    <t>2abf76c1-9847-417a-a4e0-b10bad0ea278.tmp</t>
  </si>
  <si>
    <t>\\acsfs\profiles$\isabellegtds\Downloads\2abf76c1-9847-417a-a4e0-b10bad0ea278.tmp</t>
  </si>
  <si>
    <t>12/16/2019 08:28:43</t>
  </si>
  <si>
    <t>12/16/2019 08:30:11</t>
  </si>
  <si>
    <t>97b3fee5-085e-4f3c-8adf-5f3cf84590cb.tmp</t>
  </si>
  <si>
    <t>\\acsfs\profiles$\sarahbal\Downloads\97b3fee5-085e-4f3c-8adf-5f3cf84590cb.tmp</t>
  </si>
  <si>
    <t>12/16/2019 08:26:28</t>
  </si>
  <si>
    <t>9ebe17f5-cb2f-4a7c-948a-64c812b4f5ac.tmp</t>
  </si>
  <si>
    <t>\\acsfs\profiles$\luanarda\Downloads\9ebe17f5-cb2f-4a7c-948a-64c812b4f5ac.tmp</t>
  </si>
  <si>
    <t>12/16/2019 08:29:52</t>
  </si>
  <si>
    <t>d7b4e83e-6f94-454c-a087-b1bafcab1b2f.tmp</t>
  </si>
  <si>
    <t>\\acsfs\profiles$\larissaad\Downloads\d7b4e83e-6f94-454c-a087-b1bafcab1b2f.tmp</t>
  </si>
  <si>
    <t>12/16/2019 08:27:40</t>
  </si>
  <si>
    <t>10.200.67.20</t>
  </si>
  <si>
    <t>74-86-7A-FC-CF-AB</t>
  </si>
  <si>
    <t>VOTORANT-GB004</t>
  </si>
  <si>
    <t>stefaniasdf</t>
  </si>
  <si>
    <t>\\acsfs\profiles$\stefaniasdf\My Documents\xworkcenter\lex\</t>
  </si>
  <si>
    <t>\\acsfs\profiles$\stefaniasdf\My Documents\xworkcenter\lex\temp.tlx</t>
  </si>
  <si>
    <t>12/16/2019 08:27:41</t>
  </si>
  <si>
    <t>12/16/2019 08:27:42</t>
  </si>
  <si>
    <t>12/16/2019 08:27:43</t>
  </si>
  <si>
    <t>12/16/2019 08:27:44</t>
  </si>
  <si>
    <t>12/16/2019 08:27:45</t>
  </si>
  <si>
    <t>12/16/2019 08:30:08</t>
  </si>
  <si>
    <t>12/16/2019 08:27:46</t>
  </si>
  <si>
    <t>12/16/2019 08:27:47</t>
  </si>
  <si>
    <t>12/16/2019 08:27:48</t>
  </si>
  <si>
    <t>12/16/2019 08:31:12</t>
  </si>
  <si>
    <t>12/16/2019 08:27:49</t>
  </si>
  <si>
    <t>12/16/2019 08:27:50</t>
  </si>
  <si>
    <t>12/16/2019 08:27:51</t>
  </si>
  <si>
    <t>12/16/2019 08:27:52</t>
  </si>
  <si>
    <t>12/16/2019 08:27:53</t>
  </si>
  <si>
    <t>12/16/2019 08:27:54</t>
  </si>
  <si>
    <t>12/16/2019 08:27:55</t>
  </si>
  <si>
    <t>12/16/2019 08:27:56</t>
  </si>
  <si>
    <t>12/16/2019 08:27:57</t>
  </si>
  <si>
    <t>12/16/2019 08:27:58</t>
  </si>
  <si>
    <t>12/16/2019 08:27:59</t>
  </si>
  <si>
    <t>12/16/2019 08:28:00</t>
  </si>
  <si>
    <t>12/16/2019 08:28:01</t>
  </si>
  <si>
    <t>12/16/2019 08:28:02</t>
  </si>
  <si>
    <t>12/16/2019 08:28:03</t>
  </si>
  <si>
    <t>12/16/2019 08:28:04</t>
  </si>
  <si>
    <t>12/16/2019 08:28:05</t>
  </si>
  <si>
    <t>12/16/2019 08:28:06</t>
  </si>
  <si>
    <t>12/13/2019 11:07:01</t>
  </si>
  <si>
    <t>C:\Users\akassiablc.ACS\Documents\fechamento 112019\Prévia Dezembro - Copia v2.zip\</t>
  </si>
  <si>
    <t>Pr‚via Dezembro - Copia v2.xlsx</t>
  </si>
  <si>
    <t>12/16/2019 08:30:19</t>
  </si>
  <si>
    <t>305581cd-b977-4d90-b07d-996dd35dc612.tmp</t>
  </si>
  <si>
    <t>\\acsfs\profiles$\valeriasda\Downloads\305581cd-b977-4d90-b07d-996dd35dc612.tmp</t>
  </si>
  <si>
    <t>12/16/2019 08:29:05</t>
  </si>
  <si>
    <t>12/16/2019 08:30:05</t>
  </si>
  <si>
    <t>12/16/2019 08:32:11</t>
  </si>
  <si>
    <t>C:\Users\polati\OneDrive - Grupo Algar\algar\BU Financeira 2020\</t>
  </si>
  <si>
    <t>bu financeira 2020.xlsx</t>
  </si>
  <si>
    <t>12/16/2019 08:30:15</t>
  </si>
  <si>
    <t>12/16/2019 08:29:21</t>
  </si>
  <si>
    <t>12/16/2019 08:33:12</t>
  </si>
  <si>
    <t>12/16/2019 08:29:02</t>
  </si>
  <si>
    <t>https://udpmailboxap01/h/search;jsessionid=24xs4sve9nwc1petkym1n3b84?si=0&amp;so=0&amp;sc=44422&amp;st=conversation&amp;action=compose</t>
  </si>
  <si>
    <t>12/16/2019 08:29:32</t>
  </si>
  <si>
    <t>12/16/2019 08:32:32</t>
  </si>
  <si>
    <t>12/16/2019 08:31:51</t>
  </si>
  <si>
    <t>12/13/2019 16:20:21</t>
  </si>
  <si>
    <t>12/16/2019 08:34:11</t>
  </si>
  <si>
    <t>ances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m,permiss,permission,permissionid,pict,picture,rpermissions,shared,sharedwithmedate,thumbnailversion,title,userpermission(role),workspaceids</t>
  </si>
  <si>
    <t>12/15/2019 11:23:40</t>
  </si>
  <si>
    <t>ancestorhasaugmentedp,ancestorhasaugmentedpermissions,containsunsubscribedchildren,displa,displayname,domain,emailaddre,emailaddress,explicitlytrashed�,file(kind,fileid,filesize,hasthumbnail,hasvisitorpermissions,id,id),items(deleted,ken,kind,lastmodifyinguser(kind,lastviewedbymedate,modifiedbymedate,modifieddate,ontainsunsubscribedchildren,owners(kind,permissionid,picture,rpermissions,shared,sharedwithmedate,thumbnailversion,title,userpermission(role)</t>
  </si>
  <si>
    <t>12/16/2019 08:33:40</t>
  </si>
  <si>
    <t>12/16/2019 08:35:12</t>
  </si>
  <si>
    <t>bc1b5d00-5f12-4220-b3cc-55b46a8ab432.tmp</t>
  </si>
  <si>
    <t>\\acsfs\profiles$\geovanaasa\Downloads\bc1b5d00-5f12-4220-b3cc-55b46a8ab432.tmp</t>
  </si>
  <si>
    <t>12/16/2019 08:33:00</t>
  </si>
  <si>
    <t>12/16/2019 08:30:58</t>
  </si>
  <si>
    <t>12/16/2019 08:36:11</t>
  </si>
  <si>
    <t>43ba9fc1-7ca3-4073-9a37-4964635a887c.tmp</t>
  </si>
  <si>
    <t>\\acsfs\profiles$\felipetds\Downloads\43ba9fc1-7ca3-4073-9a37-4964635a887c.tmp</t>
  </si>
  <si>
    <t>12/16/2019 08:34:14</t>
  </si>
  <si>
    <t>b4339b68-fb66-4455-a7a9-5fa7d1cca0ad.tmp</t>
  </si>
  <si>
    <t>\\acsfs\profiles$\felipetds\Downloads\b4339b68-fb66-4455-a7a9-5fa7d1cca0ad.tmp</t>
  </si>
  <si>
    <t>12/16/2019 08:33:16</t>
  </si>
  <si>
    <t>12/16/2019 08:34:31</t>
  </si>
  <si>
    <t>1b583622-5bb9-41d1-a214-627167a27ff7.tmp</t>
  </si>
  <si>
    <t>\\acsfs\profiles$\PEDROHAB\Downloads\1b583622-5bb9-41d1-a214-627167a27ff7.tmp</t>
  </si>
  <si>
    <t>8c5fed5c-bab6-4171-8b2d-fbc94e605946.tmp</t>
  </si>
  <si>
    <t>\\acsfs\profiles$\PEDROHAB\Downloads\8c5fed5c-bab6-4171-8b2d-fbc94e605946.tmp</t>
  </si>
  <si>
    <t>12/16/2019 08:35:56</t>
  </si>
  <si>
    <t>12/16/2019 08:33:59</t>
  </si>
  <si>
    <t>12/16/2019 08:37:12</t>
  </si>
  <si>
    <t>c1badf6f-c008-411d-a14f-103b89c850c5.tmp</t>
  </si>
  <si>
    <t>\\acsfs\profiles$\geovannasm\Downloads\c1badf6f-c008-411d-a14f-103b89c850c5.tmp</t>
  </si>
  <si>
    <t>12/16/2019 08:35:01</t>
  </si>
  <si>
    <t>a12ff4ec-49f5-40c0-9caa-1e5caf428bf5.tmp</t>
  </si>
  <si>
    <t>\\acsfs\profiles$\geovannasm\Downloads\a12ff4ec-49f5-40c0-9caa-1e5caf428bf5.tmp</t>
  </si>
  <si>
    <t>12/13/2019 12:00:33</t>
  </si>
  <si>
    <t>jefersonfo@algartech.com</t>
  </si>
  <si>
    <t>arjunior@grupoboticario.com.br;lucianarba@algartech.com;marcotulio@algartech.com;rodrigo.soares@grupoboticario.com.br;sabrinavds@algartech.com;t_algar.ramon.ramos@grupoboticario.com.br;t_algar.rodrigo.silva@grupoboticario.com.br;thiago.patricio@grupoboticario.com.br;</t>
  </si>
  <si>
    <t>C:\Users\jefersonfo\Documents\Votorantim\Propostas\</t>
  </si>
  <si>
    <t>Template - Algar Tech v2.xlsx</t>
  </si>
  <si>
    <t>arjunior@grupoboticario.com.br,lucianarba@algartech.com,marcotulio@algartech.com,rodrigo.soares@grupoboticario.com.br,sabrinavds@algartech.com,t_algar.ramon.ramos@grupoboticario.com.br,t_algar.rodrigo.silva@grupoboticario.com.br,thiago.patricio@grupoboticario.com.br</t>
  </si>
  <si>
    <t>12/16/2019 08:34:39</t>
  </si>
  <si>
    <t>12/16/2019 08:38:11</t>
  </si>
  <si>
    <t>12/16/2019 08:33:02</t>
  </si>
  <si>
    <t>12/16/2019 08:33:32</t>
  </si>
  <si>
    <t>12/16/2019 08:37:02</t>
  </si>
  <si>
    <t>12/16/2019 08:34:02</t>
  </si>
  <si>
    <t>XLOG_Angelicacldr_13122019_094609.log</t>
  </si>
  <si>
    <t>\\acsfs\profiles$\Angelicacldr\My Documents\xworkcenter\logs\XLOG_Angelicacldr_13122019_094609.log</t>
  </si>
  <si>
    <t>12/16/2019 08:34:40</t>
  </si>
  <si>
    <t>86757453-f1e0-478a-b8d8-c3b5b2e64d16.tmp</t>
  </si>
  <si>
    <t>\\acsfs\profiles$\YASMINSC\Downloads\86757453-f1e0-478a-b8d8-c3b5b2e64d16.tmp</t>
  </si>
  <si>
    <t>12/16/2019 08:36:06</t>
  </si>
  <si>
    <t>a9681de2-3f84-4412-af30-e99272f815a2.tmp</t>
  </si>
  <si>
    <t>\\acsfs\profiles$\YASMINSC\Downloads\a9681de2-3f84-4412-af30-e99272f815a2.tmp</t>
  </si>
  <si>
    <t>12/16/2019 08:35:43</t>
  </si>
  <si>
    <t>12/16/2019 08:39:12</t>
  </si>
  <si>
    <t>12/16/2019 08:35:48</t>
  </si>
  <si>
    <t>e4bfad21-ce5e-4c92-abf3-802a458c5a35.tmp</t>
  </si>
  <si>
    <t>\\acsfs\profiles$\cintiadcf\Downloads\e4bfad21-ce5e-4c92-abf3-802a458c5a35.tmp</t>
  </si>
  <si>
    <t>12/16/2019 08:36:29</t>
  </si>
  <si>
    <t>7f9611a0-8a35-40d7-8a64-bc17d57d1b0d.tmp</t>
  </si>
  <si>
    <t>\\acsfs\profiles$\cintiadcf\Downloads\7f9611a0-8a35-40d7-8a64-bc17d57d1b0d.tmp</t>
  </si>
  <si>
    <t>12/16/2019 08:35:30</t>
  </si>
  <si>
    <t>12/16/2019 08:40:11</t>
  </si>
  <si>
    <t>e900e026-3734-4162-8fc7-8f61ba6defca.tmp</t>
  </si>
  <si>
    <t>\\acsfs\profiles$\geovanaasa\Downloads\e900e026-3734-4162-8fc7-8f61ba6defca.tmp</t>
  </si>
  <si>
    <t>12/16/2019 08:36:56</t>
  </si>
  <si>
    <t>6d9b19e2-842c-44e7-b352-5cc5e7e8b3a7.tmp</t>
  </si>
  <si>
    <t>\\acsfs\profiles$\LUCASNS\Downloads\6d9b19e2-842c-44e7-b352-5cc5e7e8b3a7.tmp</t>
  </si>
  <si>
    <t>12/16/2019 08:37:06</t>
  </si>
  <si>
    <t>ba778e22-987b-4011-b918-dce6a976e09a.tmp</t>
  </si>
  <si>
    <t>\\acsfs\profiles$\LUCASNS\Downloads\ba778e22-987b-4011-b918-dce6a976e09a.tmp</t>
  </si>
  <si>
    <t>12/16/2019 08:37:39</t>
  </si>
  <si>
    <t>1e8cef97-7a97-44bb-99ed-348de041a6e0.tmp</t>
  </si>
  <si>
    <t>\\acsfs\profiles$\LUCASNS\Downloads\1e8cef97-7a97-44bb-99ed-348de041a6e0.tmp</t>
  </si>
  <si>
    <t>12/16/2019 08:38:56</t>
  </si>
  <si>
    <t>12/16/2019 08:35:54</t>
  </si>
  <si>
    <t>12/16/2019 08:41:11</t>
  </si>
  <si>
    <t>c08be132-99f0-4867-b0a4-74e069931921.tmp</t>
  </si>
  <si>
    <t>\\acsfs\profiles$\PEDROHAB\Downloads\c08be132-99f0-4867-b0a4-74e069931921.tmp</t>
  </si>
  <si>
    <t>12/16/2019 08:40:40</t>
  </si>
  <si>
    <t>12/16/2019 08:42:12</t>
  </si>
  <si>
    <t>d198d567-4563-4a36-8182-4809d7abc448.tmp</t>
  </si>
  <si>
    <t>\\acsfs\profiles$\matheushds\Downloads\d198d567-4563-4a36-8182-4809d7abc448.tmp</t>
  </si>
  <si>
    <t>12/16/2019 08:40:42</t>
  </si>
  <si>
    <t>e316c629-9c51-415c-ab8e-f55278073fb4.tmp</t>
  </si>
  <si>
    <t>\\acsfs\profiles$\gabrielarb\Downloads\e316c629-9c51-415c-ab8e-f55278073fb4.tmp</t>
  </si>
  <si>
    <t>12/16/2019 08:37:42</t>
  </si>
  <si>
    <t>12/16/2019 08:43:11</t>
  </si>
  <si>
    <t>6f19adc0-e26c-45cf-b294-34ea282bef0d.tmp</t>
  </si>
  <si>
    <t>\\acsfs\profiles$\marcellewdl\Downloads\6f19adc0-e26c-45cf-b294-34ea282bef0d.tmp</t>
  </si>
  <si>
    <t>12/16/2019 08:38:32</t>
  </si>
  <si>
    <t>12/16/2019 08:39:02</t>
  </si>
  <si>
    <t>12/16/2019 08:40:02</t>
  </si>
  <si>
    <t>12/16/2019 08:40:32</t>
  </si>
  <si>
    <t>12/16/2019 08:41:02</t>
  </si>
  <si>
    <t>12/16/2019 08:41:32</t>
  </si>
  <si>
    <t>12/16/2019 08:42:02</t>
  </si>
  <si>
    <t>12/16/2019 08:42:32</t>
  </si>
  <si>
    <t>12/16/2019 08:39:29</t>
  </si>
  <si>
    <t>12/16/2019 08:45:11</t>
  </si>
  <si>
    <t>12/16/2019 08:40:16</t>
  </si>
  <si>
    <t>795b292b-f2e3-447e-8d8d-05bd1bae6c29.tmp</t>
  </si>
  <si>
    <t>\\acsfs\profiles$\LUCASNS\Downloads\795b292b-f2e3-447e-8d8d-05bd1bae6c29.tmp</t>
  </si>
  <si>
    <t>12/16/2019 08:40:22</t>
  </si>
  <si>
    <t>a3320aa6-b419-4128-9d20-06143b29f5e7.tmp</t>
  </si>
  <si>
    <t>\\acsfs\profiles$\LUCASNS\Downloads\a3320aa6-b419-4128-9d20-06143b29f5e7.tmp</t>
  </si>
  <si>
    <t>12/16/2019 08:41:29</t>
  </si>
  <si>
    <t>ba5616d1-97a8-4cf5-82b4-0e1fc865c38e.tmp</t>
  </si>
  <si>
    <t>\\acsfs\profiles$\LUCASNS\Downloads\ba5616d1-97a8-4cf5-82b4-0e1fc865c38e.tmp</t>
  </si>
  <si>
    <t>12/16/2019 08:41:37</t>
  </si>
  <si>
    <t>f334419e-365a-4a5b-941e-cea41046e3d9.tmp</t>
  </si>
  <si>
    <t>\\acsfs\profiles$\LUCASNS\Downloads\f334419e-365a-4a5b-941e-cea41046e3d9.tmp</t>
  </si>
  <si>
    <t>12/16/2019 08:41:41</t>
  </si>
  <si>
    <t>0c4de832-5075-42b4-be99-7cbc96ef7961.tmp</t>
  </si>
  <si>
    <t>\\acsfs\profiles$\LUCASNS\Downloads\0c4de832-5075-42b4-be99-7cbc96ef7961.tmp</t>
  </si>
  <si>
    <t>12/16/2019 08:41:42</t>
  </si>
  <si>
    <t>fa26cb1a-404a-4e67-9a82-35e02ef33756.tmp</t>
  </si>
  <si>
    <t>\\acsfs\profiles$\LUCASNS\Downloads\fa26cb1a-404a-4e67-9a82-35e02ef33756.tmp</t>
  </si>
  <si>
    <t>12/16/2019 08:41:49</t>
  </si>
  <si>
    <t>a53bcc35-c1b2-43aa-b857-481aa62592df.tmp</t>
  </si>
  <si>
    <t>\\acsfs\profiles$\LUCASNS\Downloads\a53bcc35-c1b2-43aa-b857-481aa62592df.tmp</t>
  </si>
  <si>
    <t>12/16/2019 08:42:06</t>
  </si>
  <si>
    <t>0d6635e9-8b07-4981-833f-7b5f066683f0.tmp</t>
  </si>
  <si>
    <t>\\acsfs\profiles$\LUCASNS\Downloads\0d6635e9-8b07-4981-833f-7b5f066683f0.tmp</t>
  </si>
  <si>
    <t>12/16/2019 08:43:07</t>
  </si>
  <si>
    <t>eb3e76ec-2ab9-4391-83c1-f481a168690a.tmp</t>
  </si>
  <si>
    <t>\\acsfs\profiles$\LUCASNS\Downloads\eb3e76ec-2ab9-4391-83c1-f481a168690a.tmp</t>
  </si>
  <si>
    <t>12/16/2019 08:42:01</t>
  </si>
  <si>
    <t>12/16/2019 08:46:12</t>
  </si>
  <si>
    <t>12/16/2019 08:42:31</t>
  </si>
  <si>
    <t>12/16/2019 08:47:12</t>
  </si>
  <si>
    <t>d1052363-8c4c-47d5-95e1-c353bfa87be2.tmp</t>
  </si>
  <si>
    <t>\\acsfs\profiles$\geovannasm\Downloads\d1052363-8c4c-47d5-95e1-c353bfa87be2.tmp</t>
  </si>
  <si>
    <t>12/16/2019 08:46:15</t>
  </si>
  <si>
    <t>e2c2b1f4-8d15-4010-a50b-27f1b1d6cb05.tmp</t>
  </si>
  <si>
    <t>\\acsfs\profiles$\matheushds\Downloads\e2c2b1f4-8d15-4010-a50b-27f1b1d6cb05.tmp</t>
  </si>
  <si>
    <t>12/16/2019 08:47:03</t>
  </si>
  <si>
    <t>96669ef7-8ac0-498c-a390-201d7ce01840.tmp</t>
  </si>
  <si>
    <t>\\acsfs\profiles$\gabrielarb\Downloads\96669ef7-8ac0-498c-a390-201d7ce01840.tmp</t>
  </si>
  <si>
    <t>12/16/2019 08:44:04</t>
  </si>
  <si>
    <t>12/16/2019 08:48:12</t>
  </si>
  <si>
    <t>12/16/2019 08:45:15</t>
  </si>
  <si>
    <t>12/16/2019 08:46:04</t>
  </si>
  <si>
    <t>12/16/2019 08:43:02</t>
  </si>
  <si>
    <t>12/16/2019 08:43:32</t>
  </si>
  <si>
    <t>12/16/2019 08:45:02</t>
  </si>
  <si>
    <t>12/16/2019 08:45:32</t>
  </si>
  <si>
    <t>12/16/2019 08:46:32</t>
  </si>
  <si>
    <t>12/16/2019 08:47:02</t>
  </si>
  <si>
    <t>12/16/2019 08:47:32</t>
  </si>
  <si>
    <t>12/13/2019 17:18:32</t>
  </si>
  <si>
    <t>12/16/2019 08:46:05</t>
  </si>
  <si>
    <t>12/16/2019 08:49:13</t>
  </si>
  <si>
    <t>f3fc1f2f-e699-441e-a9cf-60535aab4f80.tmp</t>
  </si>
  <si>
    <t>\\acsfs\profiles$\yurics\Downloads\f3fc1f2f-e699-441e-a9cf-60535aab4f80.tmp</t>
  </si>
  <si>
    <t>12/16/2019 08:46:33</t>
  </si>
  <si>
    <t>18762e96-ac73-4ddf-b78b-91498e8fc64e.tmp</t>
  </si>
  <si>
    <t>\\acsfs\profiles$\yurics\Downloads\18762e96-ac73-4ddf-b78b-91498e8fc64e.tmp</t>
  </si>
  <si>
    <t>12/16/2019 08:45:14</t>
  </si>
  <si>
    <t>12/16/2019 08:50:12</t>
  </si>
  <si>
    <t>0b562c1b-c020-4132-8ff7-d14e5a2511e0.tmp</t>
  </si>
  <si>
    <t>\\acsfs\profiles$\LUCASNS\Downloads\0b562c1b-c020-4132-8ff7-d14e5a2511e0.tmp</t>
  </si>
  <si>
    <t>12/16/2019 08:51:13</t>
  </si>
  <si>
    <t>12/16/2019 08:49:24</t>
  </si>
  <si>
    <t>12/16/2019 08:53:13</t>
  </si>
  <si>
    <t>Relatorio de Vendas - Auditoria BV Cartoes (Dezembro)__6.xlsx</t>
  </si>
  <si>
    <t>\\acsfs\DEPTOS\Operacao\Banco_Votorantim\Qualidade\Anderson\Jose\Relatorio de Vendas - Auditoria BV Cartoes (Dezembro)__6.xlsx</t>
  </si>
  <si>
    <t>12/16/2019 08:49:27</t>
  </si>
  <si>
    <t>12/16/2019 08:48:02</t>
  </si>
  <si>
    <t>12/16/2019 08:52:32</t>
  </si>
  <si>
    <t>12/16/2019 08:49:29</t>
  </si>
  <si>
    <t>12/16/2019 08:49:30</t>
  </si>
  <si>
    <t>12/16/2019 08:49:31</t>
  </si>
  <si>
    <t>12/16/2019 08:49:32</t>
  </si>
  <si>
    <t>12/16/2019 08:49:34</t>
  </si>
  <si>
    <t>12/16/2019 08:49:35</t>
  </si>
  <si>
    <t>12/16/2019 08:49:36</t>
  </si>
  <si>
    <t>12/16/2019 08:49:37</t>
  </si>
  <si>
    <t>12/16/2019 08:49:38</t>
  </si>
  <si>
    <t>12/16/2019 08:49:39</t>
  </si>
  <si>
    <t>12/16/2019 08:49:40</t>
  </si>
  <si>
    <t>12/16/2019 08:49:41</t>
  </si>
  <si>
    <t>12/16/2019 08:49:42</t>
  </si>
  <si>
    <t>12/16/2019 08:49:43</t>
  </si>
  <si>
    <t>12/16/2019 08:49:44</t>
  </si>
  <si>
    <t>12/16/2019 08:49:45</t>
  </si>
  <si>
    <t>12/16/2019 08:49:46</t>
  </si>
  <si>
    <t>12/16/2019 08:49:47</t>
  </si>
  <si>
    <t>12/16/2019 08:49:48</t>
  </si>
  <si>
    <t>12/16/2019 08:49:49</t>
  </si>
  <si>
    <t>12/16/2019 08:49:50</t>
  </si>
  <si>
    <t>12/16/2019 08:49:51</t>
  </si>
  <si>
    <t>12/16/2019 08:49:52</t>
  </si>
  <si>
    <t>12/16/2019 08:49:53</t>
  </si>
  <si>
    <t>12/16/2019 08:49:54</t>
  </si>
  <si>
    <t>12/16/2019 08:49:55</t>
  </si>
  <si>
    <t>12/16/2019 08:49:56</t>
  </si>
  <si>
    <t>12/16/2019 08:49:57</t>
  </si>
  <si>
    <t>12/16/2019 08:49:58</t>
  </si>
  <si>
    <t>12/16/2019 08:49:59</t>
  </si>
  <si>
    <t>12/16/2019 08:49:00</t>
  </si>
  <si>
    <t>12/16/2019 08:54:12</t>
  </si>
  <si>
    <t>011cfce9-3af7-4d29-a5bb-d008de07b591.tmp</t>
  </si>
  <si>
    <t>\\acsfs\profiles$\ayalabfi\Downloads\011cfce9-3af7-4d29-a5bb-d008de07b591.tmp</t>
  </si>
  <si>
    <t>7a4466da-db76-4604-b8cf-b4c0e83f3999.tmp</t>
  </si>
  <si>
    <t>\\acsfs\profiles$\ayalabfi\Downloads\7a4466da-db76-4604-b8cf-b4c0e83f3999.tmp</t>
  </si>
  <si>
    <t>12/16/2019 08:51:46</t>
  </si>
  <si>
    <t>12/16/2019 08:55:13</t>
  </si>
  <si>
    <t>12/16/2019 08:54:04</t>
  </si>
  <si>
    <t>12/16/2019 08:54:05</t>
  </si>
  <si>
    <t>Cópia de Itens pontuados - Next.xlsx</t>
  </si>
  <si>
    <t>12/16/2019 08:54:10</t>
  </si>
  <si>
    <t>12/16/2019 08:51:40</t>
  </si>
  <si>
    <t>12/16/2019 08:52:31</t>
  </si>
  <si>
    <t>12/16/2019 08:56:13</t>
  </si>
  <si>
    <t>8025c744-a57b-4a1e-ac82-7ec5ca90703f.tmp</t>
  </si>
  <si>
    <t>\\acsfs\profiles$\valeriasda\Downloads\8025c744-a57b-4a1e-ac82-7ec5ca90703f.tmp</t>
  </si>
  <si>
    <t>12/16/2019 08:51:20</t>
  </si>
  <si>
    <t>C:\Users\lucineiaale\Desktop\TAP E BP\Enviados Drive\</t>
  </si>
  <si>
    <t>OBZ – Fornecedores de TI (Redução 5%) - BP 2020.xlsx</t>
  </si>
  <si>
    <t>ances,ancest,ancestorhasaugmentedpermissions,containsunsubscribedchildren,copyable,displayname,domain,emailaddress,explicitlytrashed,file(kind,fileid,filesize,foldercolor,hasthumbnail,hasvisitorpermissions,id,id),items(deleted,items(kind,ken,kind,lastmodifyinguser(kind,lastviewedbymedate,mimetype,modifiedbymedate,modifieddate,ontainsunsubscribedchildren,owners(kind,per,permissionid,pict,pictu,picture,quotabytesused,rpermissions,shareable,shared,sharedwithmedate,subscribed,thumbnailversion,title,userp,userpermission(role),workspaceids</t>
  </si>
  <si>
    <t>12/14/2019 13:12:55</t>
  </si>
  <si>
    <t>12/16/2019 08:57:02</t>
  </si>
  <si>
    <t>12/16/2019 08:58:13</t>
  </si>
  <si>
    <t>1c52aad0-191d-4c3c-9db4-b83cdd36d034.tmp</t>
  </si>
  <si>
    <t>\\acsfs\profiles$\gabrielhca\Downloads\1c52aad0-191d-4c3c-9db4-b83cdd36d034.tmp</t>
  </si>
  <si>
    <t>1ddd6798-24f4-4e97-b798-a0516b2fc2cd.tmp</t>
  </si>
  <si>
    <t>\\acsfs\profiles$\gabrielhca\Downloads\1ddd6798-24f4-4e97-b798-a0516b2fc2cd.tmp</t>
  </si>
  <si>
    <t>12/16/2019 08:57:06</t>
  </si>
  <si>
    <t>7622ae97-7b13-4438-ac10-94c53e68edb5.tmp</t>
  </si>
  <si>
    <t>\\acsfs\profiles$\gabrielhca\Downloads\7622ae97-7b13-4438-ac10-94c53e68edb5.tmp</t>
  </si>
  <si>
    <t>12/16/2019 08:54:14</t>
  </si>
  <si>
    <t>12/16/2019 08:53:02</t>
  </si>
  <si>
    <t>12/16/2019 08:53:32</t>
  </si>
  <si>
    <t>12/16/2019 08:55:02</t>
  </si>
  <si>
    <t>12/16/2019 08:58:36</t>
  </si>
  <si>
    <t>12/16/2019 09:00:13</t>
  </si>
  <si>
    <t>KAREN DE SOUZA RODRIGUES (16).contact</t>
  </si>
  <si>
    <t>\\acsfs\profiles$\KARENDSR\Contacts\KAREN DE SOUZA RODRIGUES (16).contact</t>
  </si>
  <si>
    <t>12/16/2019 08:58:37</t>
  </si>
  <si>
    <t>12/16/2019 08:59:23</t>
  </si>
  <si>
    <t>12/16/2019 08:59:24</t>
  </si>
  <si>
    <t>12/16/2019 08:59:25</t>
  </si>
  <si>
    <t>12/16/2019 08:56:21</t>
  </si>
  <si>
    <t>d43e42a2-1d04-4c04-bc45-c27eef5877c2.tmp</t>
  </si>
  <si>
    <t>\\acsfs\profiles$\sarahbal\Downloads\d43e42a2-1d04-4c04-bc45-c27eef5877c2.tmp</t>
  </si>
  <si>
    <t>12/16/2019 08:58:38</t>
  </si>
  <si>
    <t>lu448603tq2hd.tmp</t>
  </si>
  <si>
    <t>\\acsfs\profiles$\VIVIANALDS\My Documents\lu448603tq2hd.tmp</t>
  </si>
  <si>
    <t>\\acsfs\profiles$\VIVIANALDS\My Documents\lu448603tq2hd.tmp\</t>
  </si>
  <si>
    <t>\\acsfs\profiles$\VIVIANALDS\My Documents\lu448603tq2hd.tmp\META-INF\</t>
  </si>
  <si>
    <t>\\acsfs\profiles$\VIVIANALDS\My Documents\lu448603tq2hd.tmp\Thumbnails\</t>
  </si>
  <si>
    <t>12/16/2019 08:57:29</t>
  </si>
  <si>
    <t>12/16/2019 08:55:16</t>
  </si>
  <si>
    <t>12/16/2019 08:56:33</t>
  </si>
  <si>
    <t>12/16/2019 09:01:13</t>
  </si>
  <si>
    <t>Rebate Vale Transporte - BP 2020.xlsx</t>
  </si>
  <si>
    <t>ckalgbcgki4yu 94q65gikfioulti5otywmdc2nje5odc2nzu5mdekcwjrl5ywsdxe3zabmin5q66roirhxjomotq3mze4otg5odazebd8xapoj,ckalgbcgkiotju94q65gikfcosntmwnjkymduwmtcznzkxmzuwcgoiynwq7nt/7nh7min5q66roirhxjomotq3mze4otg5odazewj4 /bwzhaog</t>
  </si>
  <si>
    <t>12/16/2019 08:57:07</t>
  </si>
  <si>
    <t>Re9 - GRC - BP 2020.xlsx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Subscr</t>
  </si>
  <si>
    <t>12/16/2019 08:57:54</t>
  </si>
  <si>
    <t>Revisão da Política de RV - BP 2020.xlsx</t>
  </si>
  <si>
    <t>ances,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,pictu,picture,quotabytesused,rpermissions,shareable,shared,sharedwithmedate,shared�,sub,thumbnailversion,title,userpermission(role),workspaceids</t>
  </si>
  <si>
    <t>12/16/2019 08:58:55</t>
  </si>
  <si>
    <t>Otimização FMC - BP 2020.xlsx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,shareable,shared,sharedwithmedate,thumbnailversion,tit,title,userpermission(role),workspaceids</t>
  </si>
  <si>
    <t>12/16/2019 08:59:56</t>
  </si>
  <si>
    <t>12/16/2019 09:02:13</t>
  </si>
  <si>
    <t>12/16/2019 09:01:04</t>
  </si>
  <si>
    <t>0b40abdb-cc89-4200-86fd-2dad0ef9066a.tmp</t>
  </si>
  <si>
    <t>\\acsfs\profiles$\geovannasm\Downloads\0b40abdb-cc89-4200-86fd-2dad0ef9066a.tmp</t>
  </si>
  <si>
    <t>12/16/2019 09:01:12</t>
  </si>
  <si>
    <t>0550fb7d-2cdc-412c-8605-1d5f5f9288ce.tmp</t>
  </si>
  <si>
    <t>\\acsfs\profiles$\geovannasm\Downloads\0550fb7d-2cdc-412c-8605-1d5f5f9288ce.tmp</t>
  </si>
  <si>
    <t>1b75030d-c258-4045-b429-2b6347a9bee4.tmp</t>
  </si>
  <si>
    <t>\\acsfs\profiles$\geovannasm\Downloads\1b75030d-c258-4045-b429-2b6347a9bee4.tmp</t>
  </si>
  <si>
    <t>12/16/2019 09:00:25</t>
  </si>
  <si>
    <t>7ac34362-6505-4d20-bbc7-8e5fbf8501a1.tmp</t>
  </si>
  <si>
    <t>\\acsfs\profiles$\gabrielarb\Downloads\7ac34362-6505-4d20-bbc7-8e5fbf8501a1.tmp</t>
  </si>
  <si>
    <t>12/16/2019 08:57:50</t>
  </si>
  <si>
    <t>e5c31d52-33f1-4ace-80ac-63424f5dc85b.tmp</t>
  </si>
  <si>
    <t>\\acsfs\profiles$\gabrielhca\Downloads\e5c31d52-33f1-4ace-80ac-63424f5dc85b.tmp</t>
  </si>
  <si>
    <t>12/16/2019 08:59:11</t>
  </si>
  <si>
    <t>9b214823-b8dc-46aa-a7bc-9fa300541af3.tmp</t>
  </si>
  <si>
    <t>\\acsfs\profiles$\gabrielhca\Downloads\9b214823-b8dc-46aa-a7bc-9fa300541af3.tmp</t>
  </si>
  <si>
    <t>12/16/2019 08:59:36</t>
  </si>
  <si>
    <t>12/16/2019 09:03:13</t>
  </si>
  <si>
    <t>0a862111-d226-4b95-a420-5eee37cb01bf.tmp</t>
  </si>
  <si>
    <t>\\acsfs\profiles$\gabrielhca\Downloads\0a862111-d226-4b95-a420-5eee37cb01bf.tmp</t>
  </si>
  <si>
    <t>12/16/2019 09:01:19</t>
  </si>
  <si>
    <t>10.200.66.153</t>
  </si>
  <si>
    <t>\\acsfs\profiles$\JOAOVAL\Contacts\</t>
  </si>
  <si>
    <t>JOAO VITOR ALVES LIMA (19).contact</t>
  </si>
  <si>
    <t>\\acsfs\profiles$\JOAOVAL\Contacts\JOAO VITOR ALVES LIMA (19).contact</t>
  </si>
  <si>
    <t>12/16/2019 09:01:30</t>
  </si>
  <si>
    <t>\\acsfs\profiles$\JOAOVAL\My Documents\My Videos\</t>
  </si>
  <si>
    <t>\\acsfs\profiles$\JOAOVAL\My Documents\My Videos\desktop.ini</t>
  </si>
  <si>
    <t>12/16/2019 09:01:31</t>
  </si>
  <si>
    <t>\\acsfs\profiles$\JOAOVAL\My Documents\My Pictures\</t>
  </si>
  <si>
    <t>\\acsfs\profiles$\JOAOVAL\My Documents\My Pictures\desktop.ini</t>
  </si>
  <si>
    <t>12/16/2019 09:01:32</t>
  </si>
  <si>
    <t>\\acsfs\profiles$\JOAOVAL\Contacts\desktop.ini</t>
  </si>
  <si>
    <t>12/16/2019 09:01:33</t>
  </si>
  <si>
    <t>\\acsfs\profiles$\JOAOVAL\Favorites\</t>
  </si>
  <si>
    <t>\\acsfs\profiles$\JOAOVAL\Favorites\desktop.ini</t>
  </si>
  <si>
    <t>\\acsfs\profiles$\JOAOVAL\My Documents\My Music\</t>
  </si>
  <si>
    <t>\\acsfs\profiles$\JOAOVAL\My Documents\My Music\desktop.ini</t>
  </si>
  <si>
    <t>12/16/2019 09:01:34</t>
  </si>
  <si>
    <t>\\acsfs\profiles$\JOAOVAL\Searches\</t>
  </si>
  <si>
    <t>\\acsfs\profiles$\JOAOVAL\Searches\desktop.ini</t>
  </si>
  <si>
    <t>12/16/2019 09:01:35</t>
  </si>
  <si>
    <t>\\acsfs\profiles$\JOAOVAL\Downloads\desktop.ini</t>
  </si>
  <si>
    <t>\\acsfs\profiles$\JOAOVAL\My Documents\desktop.ini</t>
  </si>
  <si>
    <t>12/16/2019 09:01:36</t>
  </si>
  <si>
    <t>\\acsfs\profiles$\JOAOVAL\Saved Games\</t>
  </si>
  <si>
    <t>\\acsfs\profiles$\JOAOVAL\Saved Games\desktop.ini</t>
  </si>
  <si>
    <t>12/16/2019 09:01:48</t>
  </si>
  <si>
    <t>\\acsfs\profiles$\JOAOVAL\Favorites\Links for Brasil\desktop.ini</t>
  </si>
  <si>
    <t>12/16/2019 09:01:49</t>
  </si>
  <si>
    <t>12/16/2019 08:58:32</t>
  </si>
  <si>
    <t>12/16/2019 08:59:02</t>
  </si>
  <si>
    <t>12/16/2019 09:00:02</t>
  </si>
  <si>
    <t>12/16/2019 09:00:32</t>
  </si>
  <si>
    <t>12/16/2019 09:01:02</t>
  </si>
  <si>
    <t>12/14/2019 13:05:23</t>
  </si>
  <si>
    <t>c:\users\flavia\desktop\verificar\</t>
  </si>
  <si>
    <t>pendencias.xlsb</t>
  </si>
  <si>
    <t>12/14/2019 13:06:28</t>
  </si>
  <si>
    <t>12/16/2019 09:00:22</t>
  </si>
  <si>
    <t>8b016e39-64ab-4ef9-af2b-87e95febda40.tmp</t>
  </si>
  <si>
    <t>\\acsfs\profiles$\YASMINSC\Downloads\8b016e39-64ab-4ef9-af2b-87e95febda40.tmp</t>
  </si>
  <si>
    <t>12/16/2019 09:00:45</t>
  </si>
  <si>
    <t>12/16/2019 09:04:13</t>
  </si>
  <si>
    <t>12/16/2019 09:01:11</t>
  </si>
  <si>
    <t>Jéssica Bloco Principal.txt</t>
  </si>
  <si>
    <t>\\acsfs\profiles$\jessicanes\My Documents\Jéssica Bloco Principal.txt</t>
  </si>
  <si>
    <t>12/16/2019 08:59:26</t>
  </si>
  <si>
    <t>12/16/2019 09:05:13</t>
  </si>
  <si>
    <t>12/16/2019 08:59:27</t>
  </si>
  <si>
    <t>12/16/2019 08:59:28</t>
  </si>
  <si>
    <t>12/16/2019 08:59:29</t>
  </si>
  <si>
    <t>12/16/2019 08:59:30</t>
  </si>
  <si>
    <t>12/16/2019 08:59:31</t>
  </si>
  <si>
    <t>12/16/2019 08:59:32</t>
  </si>
  <si>
    <t>12/16/2019 08:59:33</t>
  </si>
  <si>
    <t>12/16/2019 08:59:34</t>
  </si>
  <si>
    <t>12/16/2019 08:59:35</t>
  </si>
  <si>
    <t>12/16/2019 08:59:37</t>
  </si>
  <si>
    <t>12/16/2019 08:59:38</t>
  </si>
  <si>
    <t>12/16/2019 08:59:39</t>
  </si>
  <si>
    <t>12/16/2019 08:59:40</t>
  </si>
  <si>
    <t>12/16/2019 08:59:41</t>
  </si>
  <si>
    <t>12/16/2019 08:59:43</t>
  </si>
  <si>
    <t>12/16/2019 08:59:44</t>
  </si>
  <si>
    <t>12/16/2019 08:59:47</t>
  </si>
  <si>
    <t>12/16/2019 09:04:05</t>
  </si>
  <si>
    <t>12/16/2019 09:00:57</t>
  </si>
  <si>
    <t>12/16/2019 09:00:58</t>
  </si>
  <si>
    <t>12/16/2019 09:00:59</t>
  </si>
  <si>
    <t>12/16/2019 09:01:00</t>
  </si>
  <si>
    <t>12/16/2019 09:03:50</t>
  </si>
  <si>
    <t>12/16/2019 09:01:03</t>
  </si>
  <si>
    <t>12/16/2019 09:03:25</t>
  </si>
  <si>
    <t>f1164ee5-4dbd-42e6-8672-c18d949bde8c.tmp</t>
  </si>
  <si>
    <t>\\acsfs\profiles$\KARENDSR\Downloads\f1164ee5-4dbd-42e6-8672-c18d949bde8c.tmp</t>
  </si>
  <si>
    <t>12/16/2019 09:04:06</t>
  </si>
  <si>
    <t>a0f94e5f-4cba-4dc7-a825-9d7b74b66d7d.tmp</t>
  </si>
  <si>
    <t>\\acsfs\profiles$\KARENDSR\Downloads\a0f94e5f-4cba-4dc7-a825-9d7b74b66d7d.tmp</t>
  </si>
  <si>
    <t>12/16/2019 09:04:27</t>
  </si>
  <si>
    <t>f0fcd4f0-8845-4776-9b52-6f93dacef5ee.tmp</t>
  </si>
  <si>
    <t>\\acsfs\profiles$\KARENDSR\Downloads\f0fcd4f0-8845-4776-9b52-6f93dacef5ee.tmp</t>
  </si>
  <si>
    <t>12/16/2019 09:02:51</t>
  </si>
  <si>
    <t>12/16/2019 09:06:14</t>
  </si>
  <si>
    <t>12/13/2019 12:58:09</t>
  </si>
  <si>
    <t>12/16/2019 09:07:13</t>
  </si>
  <si>
    <t>C:\Users\leonardo.caetano\Desktop\Repasse Renata x Leonardo\Toyota\Propsota 3 turno\</t>
  </si>
  <si>
    <t>218450_SERVICEDESK_ATUAL + RED TURNO_DEZ_19_Rev.xlsx</t>
  </si>
  <si>
    <t>12/13/2019 15:45:51</t>
  </si>
  <si>
    <t>C:\Users\leonardo.caetano\Desktop\Sky\idade\</t>
  </si>
  <si>
    <t>Idade SKY.csv</t>
  </si>
  <si>
    <t>12/16/2019 09:04:00</t>
  </si>
  <si>
    <t>12/16/2019 09:08:13</t>
  </si>
  <si>
    <t>12/16/2019 09:04:19</t>
  </si>
  <si>
    <t>12/16/2019 09:03:34</t>
  </si>
  <si>
    <t>841a911c-9fce-4c3a-acaa-a22246c1d76c.tmp</t>
  </si>
  <si>
    <t>\\acsfs\profiles$\JOAOVAL\Downloads\841a911c-9fce-4c3a-acaa-a22246c1d76c.tmp</t>
  </si>
  <si>
    <t>12/16/2019 09:03:37</t>
  </si>
  <si>
    <t>ae2bd25a-eb62-4137-9802-e7118091589a.tmp</t>
  </si>
  <si>
    <t>\\acsfs\profiles$\JOAOVAL\Downloads\ae2bd25a-eb62-4137-9802-e7118091589a.tmp</t>
  </si>
  <si>
    <t>12/16/2019 09:04:49</t>
  </si>
  <si>
    <t>ada13451-0c93-437f-828d-49c7e17c223f.tmp</t>
  </si>
  <si>
    <t>\\acsfs\profiles$\JOAOVAL\Downloads\ada13451-0c93-437f-828d-49c7e17c223f.tmp</t>
  </si>
  <si>
    <t>12/16/2019 09:07:11</t>
  </si>
  <si>
    <t>de36e773-e5cc-49e8-bff3-884ba6f139ce.tmp</t>
  </si>
  <si>
    <t>\\acsfs\profiles$\JOAOVAL\Downloads\de36e773-e5cc-49e8-bff3-884ba6f139ce.tmp</t>
  </si>
  <si>
    <t>12/16/2019 09:06:32</t>
  </si>
  <si>
    <t>12/16/2019 09:07:02</t>
  </si>
  <si>
    <t>12/16/2019 09:07:32</t>
  </si>
  <si>
    <t>12/16/2019 09:06:21</t>
  </si>
  <si>
    <t>2e1aee6b-0b87-4854-be4b-9007244df645.tmp</t>
  </si>
  <si>
    <t>\\acsfs\profiles$\deborahsi\Downloads\2e1aee6b-0b87-4854-be4b-9007244df645.tmp</t>
  </si>
  <si>
    <t>12/13/2019 17:29:37</t>
  </si>
  <si>
    <t>12/16/2019 09:09:13</t>
  </si>
  <si>
    <t>C:\Users\ricardobal\OneDrive - Grupo Algar\Algar Tecnologia\01 - CLIENTES\ALGAR TELECOM\BPO\VAREJO\PROPOSTAS\Proposta Retenção II (1).pptx\</t>
  </si>
  <si>
    <t>12/13/2019 12:06:26</t>
  </si>
  <si>
    <t>mail.google.com/_/upload?authuser=0&amp;dcp=asu-n&amp;upload_id=AEnB2UoW_AvxjcljPHeaUPyMEAK1ao1hbWPlvJS5zTE3QZ3XmH9cuEs8jSHe-csPalyNCv9vllv95BdMJdn8CUUZ50VdeKCcoPQd4NvkkdceY83w8sroPNI&amp;upload_protocol=resumable</t>
  </si>
  <si>
    <t>ENVIO PRÉVIA CLIENTES - DEZ.19 V2.xlsx</t>
  </si>
  <si>
    <t>12/16/2019 09:05:42</t>
  </si>
  <si>
    <t>12/16/2019 09:10:14</t>
  </si>
  <si>
    <t>90082c65-bee1-4fa3-a6cc-4001c1ccd6d2.tmp</t>
  </si>
  <si>
    <t>\\acsfs\profiles$\geovanaasa\Downloads\90082c65-bee1-4fa3-a6cc-4001c1ccd6d2.tmp</t>
  </si>
  <si>
    <t>12/16/2019 09:07:21</t>
  </si>
  <si>
    <t>ENC: Ponto de Controle - Rotinas - ATA</t>
  </si>
  <si>
    <t>Base de Acionamento Ação de Repescagem.xlsx</t>
  </si>
  <si>
    <t>12/16/2019 09:05:25</t>
  </si>
  <si>
    <t>34367721-903d-492f-bd08-adb8aae05165.tmp</t>
  </si>
  <si>
    <t>\\acsfs\profiles$\KARENDSR\Downloads\34367721-903d-492f-bd08-adb8aae05165.tmp</t>
  </si>
  <si>
    <t>12/16/2019 09:07:10</t>
  </si>
  <si>
    <t>0864eca4-c877-408a-aac2-390b517f7bae.tmp</t>
  </si>
  <si>
    <t>\\acsfs\profiles$\KARENDSR\Downloads\0864eca4-c877-408a-aac2-390b517f7bae.tmp</t>
  </si>
  <si>
    <t>12/16/2019 09:07:24</t>
  </si>
  <si>
    <t>d517b73e-3aa2-4dde-b041-f4978a039282.tmp</t>
  </si>
  <si>
    <t>\\acsfs\profiles$\KARENDSR\Downloads\d517b73e-3aa2-4dde-b041-f4978a039282.tmp</t>
  </si>
  <si>
    <t>12/16/2019 09:09:08</t>
  </si>
  <si>
    <t>b3547a01-38be-4a39-ac62-46186d820680.tmp</t>
  </si>
  <si>
    <t>\\acsfs\profiles$\KARENDSR\Downloads\b3547a01-38be-4a39-ac62-46186d820680.tmp</t>
  </si>
  <si>
    <t>12/16/2019 09:09:14</t>
  </si>
  <si>
    <t>708db945-d444-4f5e-a32f-da9b57bb9e96.tmp</t>
  </si>
  <si>
    <t>\\acsfs\profiles$\KARENDSR\Downloads\708db945-d444-4f5e-a32f-da9b57bb9e96.tmp</t>
  </si>
  <si>
    <t>12/16/2019 09:05:05</t>
  </si>
  <si>
    <t>12/16/2019 09:06:43</t>
  </si>
  <si>
    <t>12/16/2019 09:11:51</t>
  </si>
  <si>
    <t>12/16/2019 09:13:14</t>
  </si>
  <si>
    <t>12/16/2019 09:10:59</t>
  </si>
  <si>
    <t>12/16/2019 09:08:02</t>
  </si>
  <si>
    <t>12/16/2019 09:08:32</t>
  </si>
  <si>
    <t>12/16/2019 09:09:02</t>
  </si>
  <si>
    <t>12/16/2019 09:09:32</t>
  </si>
  <si>
    <t>12/16/2019 09:11:03</t>
  </si>
  <si>
    <t>12/16/2019 09:10:00</t>
  </si>
  <si>
    <t>151853cb-c530-450f-a024-d7cf36e9d0d5.tmp</t>
  </si>
  <si>
    <t>\\acsfs\profiles$\YASMINSC\Downloads\151853cb-c530-450f-a024-d7cf36e9d0d5.tmp</t>
  </si>
  <si>
    <t>12/16/2019 09:10:24</t>
  </si>
  <si>
    <t>12/16/2019 09:14:13</t>
  </si>
  <si>
    <t>5f0f891d-61f2-4193-ba6a-3094eea9c8fc.tmp</t>
  </si>
  <si>
    <t>\\acsfs\profiles$\yurics\Downloads\5f0f891d-61f2-4193-ba6a-3094eea9c8fc.tmp</t>
  </si>
  <si>
    <t>12/16/2019 09:10:46</t>
  </si>
  <si>
    <t>95ee4f0a-576d-43cb-a9c6-709f09663c4c.tmp</t>
  </si>
  <si>
    <t>\\acsfs\profiles$\yurics\Downloads\95ee4f0a-576d-43cb-a9c6-709f09663c4c.tmp</t>
  </si>
  <si>
    <t>12/16/2019 09:10:55</t>
  </si>
  <si>
    <t>23c2b7e7-c11a-460b-98e6-3c7f98854462.tmp</t>
  </si>
  <si>
    <t>\\acsfs\profiles$\yurics\Downloads\23c2b7e7-c11a-460b-98e6-3c7f98854462.tmp</t>
  </si>
  <si>
    <t>12/16/2019 09:11:13</t>
  </si>
  <si>
    <t>13091620-dc1d-4801-8a18-c6debfac1efb.tmp</t>
  </si>
  <si>
    <t>\\acsfs\profiles$\yurics\Downloads\13091620-dc1d-4801-8a18-c6debfac1efb.tmp</t>
  </si>
  <si>
    <t>12/16/2019 09:10:53</t>
  </si>
  <si>
    <t>9c5abfe0-9dcc-4468-8bf6-785c2f7886a8.tmp</t>
  </si>
  <si>
    <t>\\acsfs\profiles$\ayalabfi\Downloads\9c5abfe0-9dcc-4468-8bf6-785c2f7886a8.tmp</t>
  </si>
  <si>
    <t>12/16/2019 09:13:50</t>
  </si>
  <si>
    <t>6f6f29fd-cad0-4a2b-89c4-36eaf1841a3f.tmp</t>
  </si>
  <si>
    <t>\\acsfs\profiles$\isabellegtds\Downloads\6f6f29fd-cad0-4a2b-89c4-36eaf1841a3f.tmp</t>
  </si>
  <si>
    <t>12/16/2019 09:14:11</t>
  </si>
  <si>
    <t>12/16/2019 09:15:13</t>
  </si>
  <si>
    <t>bf2ac068-8649-45b9-839e-64189a45c756.tmp</t>
  </si>
  <si>
    <t>\\acsfs\profiles$\geovanaasa\Downloads\bf2ac068-8649-45b9-839e-64189a45c756.tmp</t>
  </si>
  <si>
    <t>12/16/2019 09:11:53</t>
  </si>
  <si>
    <t>0b97c394-feba-418a-bae4-158b41205df4.tmp</t>
  </si>
  <si>
    <t>\\acsfs\profiles$\jonatanls\Downloads\0b97c394-feba-418a-bae4-158b41205df4.tmp</t>
  </si>
  <si>
    <t>12/16/2019 09:14:18</t>
  </si>
  <si>
    <t>12/16/2019 09:11:45</t>
  </si>
  <si>
    <t>12/16/2019 09:13:19</t>
  </si>
  <si>
    <t>12/16/2019 09:17:14</t>
  </si>
  <si>
    <t>c56e6f24-aeb0-438f-88ec-3de4429549cb.tmp</t>
  </si>
  <si>
    <t>\\acsfs\profiles$\geovannasm\Downloads\c56e6f24-aeb0-438f-88ec-3de4429549cb.tmp</t>
  </si>
  <si>
    <t>12/16/2019 09:16:47</t>
  </si>
  <si>
    <t>12/16/2019 09:18:13</t>
  </si>
  <si>
    <t>lu2454023e2oc.tmp</t>
  </si>
  <si>
    <t>\\acsfs\profiles$\dhiulliananads\My Documents\lu2454023e2oc.tmp</t>
  </si>
  <si>
    <t>\\acsfs\profiles$\dhiulliananads\My Documents\lu2454023e2oc.tmp\</t>
  </si>
  <si>
    <t>\\acsfs\profiles$\dhiulliananads\My Documents\lu2454023e2oc.tmp\META-INF\</t>
  </si>
  <si>
    <t>\\acsfs\profiles$\dhiulliananads\My Documents\lu2454023e2oc.tmp\Thumbnails\</t>
  </si>
  <si>
    <t>12/16/2019 09:15:34</t>
  </si>
  <si>
    <t>\\acsfs\DEPTOS\Operacao\Banco_Votorantim\Supervisao\SUPERS BV CARTÕES\ADILSON\Escalas Feriados\</t>
  </si>
  <si>
    <t>\\acsfs\DEPTOS\Operacao\Banco_Votorantim\Supervisao\SUPERS BV CARTÕES\ADILSON\Escalas Feriados\Escala Operadores Natal e Ano Novo Alterações.xlsx</t>
  </si>
  <si>
    <t>12/16/2019 09:15:50</t>
  </si>
  <si>
    <t>pausas.url:favicon</t>
  </si>
  <si>
    <t>\\acsfs\profiles$\vanessacgs\Favorites\pausas.url:favicon</t>
  </si>
  <si>
    <t>\\acsfs\profiles$\vanessacgs\Favorites\pausas.url\</t>
  </si>
  <si>
    <t>\\acsfs\profiles$\vanessacgs\Favorites\pausas.url\:favicon:$DATA</t>
  </si>
  <si>
    <t>pausas.url</t>
  </si>
  <si>
    <t>\\acsfs\profiles$\vanessacgs\Favorites\pausas.url</t>
  </si>
  <si>
    <t>12/16/2019 09:14:33</t>
  </si>
  <si>
    <t>12/16/2019 09:15:03</t>
  </si>
  <si>
    <t>12/16/2019 09:15:33</t>
  </si>
  <si>
    <t>12/16/2019 09:16:03</t>
  </si>
  <si>
    <t>12/16/2019 09:16:33</t>
  </si>
  <si>
    <t>12/16/2019 09:17:03</t>
  </si>
  <si>
    <t>12/16/2019 09:17:33</t>
  </si>
  <si>
    <t>12/16/2019 09:16:20</t>
  </si>
  <si>
    <t>12/16/2019 09:19:14</t>
  </si>
  <si>
    <t>c5b34eaa-2ea5-4846-869e-1ee7a91dcdf0.tmp</t>
  </si>
  <si>
    <t>\\acsfs\profiles$\yurics\Downloads\c5b34eaa-2ea5-4846-869e-1ee7a91dcdf0.tmp</t>
  </si>
  <si>
    <t>12/16/2019 09:16:37</t>
  </si>
  <si>
    <t>12/16/2019 09:16:38</t>
  </si>
  <si>
    <t>12/16/2019 09:16:39</t>
  </si>
  <si>
    <t>12/16/2019 09:16:40</t>
  </si>
  <si>
    <t>12/16/2019 09:16:48</t>
  </si>
  <si>
    <t>12/16/2019 09:17:13</t>
  </si>
  <si>
    <t>12/16/2019 09:17:36</t>
  </si>
  <si>
    <t>12/16/2019 09:17:38</t>
  </si>
  <si>
    <t>12/16/2019 09:17:40</t>
  </si>
  <si>
    <t>12/16/2019 09:17:42</t>
  </si>
  <si>
    <t>12/16/2019 09:17:49</t>
  </si>
  <si>
    <t>12/16/2019 09:17:52</t>
  </si>
  <si>
    <t>12/16/2019 09:20:13</t>
  </si>
  <si>
    <t>c6ec256b-81f4-4556-8143-2af5e7c6f251.tmp</t>
  </si>
  <si>
    <t>\\acsfs\profiles$\LUCASNS\Downloads\c6ec256b-81f4-4556-8143-2af5e7c6f251.tmp</t>
  </si>
  <si>
    <t>12/16/2019 09:18:11</t>
  </si>
  <si>
    <t>12/16/2019 09:21:13</t>
  </si>
  <si>
    <t>12/16/2019 09:18:01</t>
  </si>
  <si>
    <t>12/16/2019 09:22:13</t>
  </si>
  <si>
    <t>\\acsfs\profiles$\albertofn\Downloads\Redes 2 - CAP 4.rtf</t>
  </si>
  <si>
    <t>12/16/2019 09:19:12</t>
  </si>
  <si>
    <t>c558b01a-933a-4559-8103-26b36aa1a254.tmp</t>
  </si>
  <si>
    <t>\\acsfs\profiles$\geovannasm\Downloads\c558b01a-933a-4559-8103-26b36aa1a254.tmp</t>
  </si>
  <si>
    <t>12/16/2019 09:19:25</t>
  </si>
  <si>
    <t>12/16/2019 09:23:13</t>
  </si>
  <si>
    <t>12/16/2019 09:19:26</t>
  </si>
  <si>
    <t>lu2454023e2oh.tmp</t>
  </si>
  <si>
    <t>\\acsfs\profiles$\dhiulliananads\My Documents\lu2454023e2oh.tmp</t>
  </si>
  <si>
    <t>\\acsfs\profiles$\dhiulliananads\My Documents\lu2454023e2oh.tmp\</t>
  </si>
  <si>
    <t>\\acsfs\profiles$\dhiulliananads\My Documents\lu2454023e2oh.tmp\META-INF\</t>
  </si>
  <si>
    <t>\\acsfs\profiles$\dhiulliananads\My Documents\lu2454023e2oh.tmp\Thumbnails\</t>
  </si>
  <si>
    <t>12/16/2019 09:19:49</t>
  </si>
  <si>
    <t>12/16/2019 09:21:28</t>
  </si>
  <si>
    <t>1bb8beba-f9e4-4b9d-b364-d483f598a5f9.tmp</t>
  </si>
  <si>
    <t>\\acsfs\profiles$\marcellewdl\Downloads\1bb8beba-f9e4-4b9d-b364-d483f598a5f9.tmp</t>
  </si>
  <si>
    <t>12/16/2019 09:22:02</t>
  </si>
  <si>
    <t>29918b7d-f5fe-49a7-90ff-96c73ed65d16.tmp</t>
  </si>
  <si>
    <t>\\acsfs\profiles$\marcellewdl\Downloads\29918b7d-f5fe-49a7-90ff-96c73ed65d16.tmp</t>
  </si>
  <si>
    <t>12/16/2019 09:21:33</t>
  </si>
  <si>
    <t>12/16/2019 09:22:03</t>
  </si>
  <si>
    <t>12/16/2019 09:22:33</t>
  </si>
  <si>
    <t>12/16/2019 09:21:00</t>
  </si>
  <si>
    <t>12/16/2019 09:24:14</t>
  </si>
  <si>
    <t>12/16/2019 09:21:01</t>
  </si>
  <si>
    <t>12/16/2019 09:22:53</t>
  </si>
  <si>
    <t>12/16/2019 09:21:32</t>
  </si>
  <si>
    <t>12/16/2019 09:25:13</t>
  </si>
  <si>
    <t>29106885-de6d-42c2-933e-af291b81ccb5.tmp</t>
  </si>
  <si>
    <t>\\acsfs\profiles$\sarahbal\Downloads\29106885-de6d-42c2-933e-af291b81ccb5.tmp</t>
  </si>
  <si>
    <t>12/16/2019 09:19:56</t>
  </si>
  <si>
    <t>12/16/2019 09:23:08</t>
  </si>
  <si>
    <t>12/16/2019 09:23:42</t>
  </si>
  <si>
    <t>12/16/2019 09:26:12</t>
  </si>
  <si>
    <t>12/16/2019 09:24:37</t>
  </si>
  <si>
    <t>12/16/2019 09:28:12</t>
  </si>
  <si>
    <t>12/16/2019 09:24:38</t>
  </si>
  <si>
    <t>lu2454023e2om.tmp</t>
  </si>
  <si>
    <t>\\acsfs\profiles$\dhiulliananads\My Documents\lu2454023e2om.tmp</t>
  </si>
  <si>
    <t>\\acsfs\profiles$\dhiulliananads\My Documents\lu2454023e2om.tmp\</t>
  </si>
  <si>
    <t>\\acsfs\profiles$\dhiulliananads\My Documents\lu2454023e2om.tmp\META-INF\</t>
  </si>
  <si>
    <t>\\acsfs\profiles$\dhiulliananads\My Documents\lu2454023e2om.tmp\Thumbnails\</t>
  </si>
  <si>
    <t>12/16/2019 09:25:10</t>
  </si>
  <si>
    <t>12/16/2019 09:27:06</t>
  </si>
  <si>
    <t>12/16/2019 09:24:06</t>
  </si>
  <si>
    <t>12/16/2019 09:23:03</t>
  </si>
  <si>
    <t>12/16/2019 09:24:33</t>
  </si>
  <si>
    <t>12/16/2019 09:25:03</t>
  </si>
  <si>
    <t>12/16/2019 09:25:33</t>
  </si>
  <si>
    <t>12/16/2019 09:27:03</t>
  </si>
  <si>
    <t>12/16/2019 09:27:33</t>
  </si>
  <si>
    <t>12/16/2019 09:27:50</t>
  </si>
  <si>
    <t>12/16/2019 09:29:13</t>
  </si>
  <si>
    <t>9ec6f9cd-9a77-4c1c-ab1b-83d1c5c9a333.tmp</t>
  </si>
  <si>
    <t>\\acsfs\profiles$\yurics\Downloads\9ec6f9cd-9a77-4c1c-ab1b-83d1c5c9a333.tmp</t>
  </si>
  <si>
    <t>12/16/2019 09:24:40</t>
  </si>
  <si>
    <t>12/16/2019 09:24:56</t>
  </si>
  <si>
    <t>12/16/2019 09:25:05</t>
  </si>
  <si>
    <t>12/16/2019 09:28:55</t>
  </si>
  <si>
    <t>12/16/2019 09:30:13</t>
  </si>
  <si>
    <t>12/16/2019 09:25:50</t>
  </si>
  <si>
    <t>b03d1807-9b86-4044-a6e9-79ad7e822b78.tmp</t>
  </si>
  <si>
    <t>\\acsfs\profiles$\LUCASNS\Downloads\b03d1807-9b86-4044-a6e9-79ad7e822b78.tmp</t>
  </si>
  <si>
    <t>12/16/2019 09:26:32</t>
  </si>
  <si>
    <t>6c1b0ce0-097a-43e5-95ed-4d0c4b63c772.tmp</t>
  </si>
  <si>
    <t>\\acsfs\profiles$\LUCASNS\Downloads\6c1b0ce0-097a-43e5-95ed-4d0c4b63c772.tmp</t>
  </si>
  <si>
    <t>12/16/2019 09:28:04</t>
  </si>
  <si>
    <t>d0cd8936-cb41-4de5-ad9e-8d29b8658e70.tmp</t>
  </si>
  <si>
    <t>\\acsfs\profiles$\LUCASNS\Downloads\d0cd8936-cb41-4de5-ad9e-8d29b8658e70.tmp</t>
  </si>
  <si>
    <t>12/16/2019 09:28:46</t>
  </si>
  <si>
    <t>12/16/2019 09:31:13</t>
  </si>
  <si>
    <t>12/16/2019 09:29:04</t>
  </si>
  <si>
    <t>12/16/2019 09:29:45</t>
  </si>
  <si>
    <t>12/16/2019 09:29:46</t>
  </si>
  <si>
    <t>lu477205lknkl.tmp</t>
  </si>
  <si>
    <t>\\acsfs\profiles$\kamillacr\My Documents\lu477205lknkl.tmp</t>
  </si>
  <si>
    <t>\\acsfs\profiles$\kamillacr\My Documents\lu477205lknkl.tmp\</t>
  </si>
  <si>
    <t>\\acsfs\profiles$\kamillacr\My Documents\lu477205lknkl.tmp\META-INF\</t>
  </si>
  <si>
    <t>\\acsfs\profiles$\kamillacr\My Documents\lu477205lknkl.tmp\Thumbnails\</t>
  </si>
  <si>
    <t>12/16/2019 09:30:32</t>
  </si>
  <si>
    <t>12/16/2019 09:32:13</t>
  </si>
  <si>
    <t>e3655f5c-60bd-4a0b-ab27-b36828febd86.tmp</t>
  </si>
  <si>
    <t>\\acsfs\profiles$\alexandrapp\Downloads\e3655f5c-60bd-4a0b-ab27-b36828febd86.tmp</t>
  </si>
  <si>
    <t>Q29udHJvbGxlci5Xb3Jrc3BhY2UtRGVza3RvcC1F (1).ica:Zone.Identifier</t>
  </si>
  <si>
    <t>\\acsfs\profiles$\alexandrapp\Downloads\Q29udHJvbGxlci5Xb3Jrc3BhY2UtRGVza3RvcC1F (1).ica:Zone.Identifier</t>
  </si>
  <si>
    <t>12/16/2019 09:30:33</t>
  </si>
  <si>
    <t>ad955674-bf9a-47de-9c38-2c39fd223c1a.tmp</t>
  </si>
  <si>
    <t>\\acsfs\profiles$\alexandrapp\Downloads\ad955674-bf9a-47de-9c38-2c39fd223c1a.tmp</t>
  </si>
  <si>
    <t>Q29udHJvbGxlci5TQUNBLVNBQw--.ica:Zone.Identifier</t>
  </si>
  <si>
    <t>\\acsfs\profiles$\alexandrapp\Downloads\Q29udHJvbGxlci5TQUNBLVNBQw--.ica:Zone.Identifier</t>
  </si>
  <si>
    <t>12/16/2019 09:30:00</t>
  </si>
  <si>
    <t>140667d2-f902-4805-9f2a-1eeb261ce388.tmp</t>
  </si>
  <si>
    <t>\\acsfs\profiles$\gabrielarb\Downloads\140667d2-f902-4805-9f2a-1eeb261ce388.tmp</t>
  </si>
  <si>
    <t>12/16/2019 09:31:54</t>
  </si>
  <si>
    <t>12/16/2019 09:33:13</t>
  </si>
  <si>
    <t>12/16/2019 09:31:55</t>
  </si>
  <si>
    <t>lu2454023e2or.tmp</t>
  </si>
  <si>
    <t>\\acsfs\profiles$\dhiulliananads\My Documents\lu2454023e2or.tmp</t>
  </si>
  <si>
    <t>\\acsfs\profiles$\dhiulliananads\My Documents\lu2454023e2or.tmp\</t>
  </si>
  <si>
    <t>\\acsfs\profiles$\dhiulliananads\My Documents\lu2454023e2or.tmp\META-INF\</t>
  </si>
  <si>
    <t>\\acsfs\profiles$\dhiulliananads\My Documents\lu2454023e2or.tmp\Thumbnails\</t>
  </si>
  <si>
    <t>mail.google.com/_/upload?authuser=0&amp;dcp=asu-n&amp;upload_id=AEnB2UqBALKkRBChpEk_4nw-CCvK3GRKKVMVHItsN5qZZjOcUkkl1kLXlY8dzSUHWrvFokJjR7sgib0s-wh-xq--41YDYHw_tKnokwIJ9el23boYmh9joj0&amp;upload_protocol=resumable</t>
  </si>
  <si>
    <t>12/16/2019 09:28:03</t>
  </si>
  <si>
    <t>12/16/2019 09:28:33</t>
  </si>
  <si>
    <t>12/16/2019 09:29:03</t>
  </si>
  <si>
    <t>12/16/2019 09:32:52</t>
  </si>
  <si>
    <t>12/16/2019 09:35:13</t>
  </si>
  <si>
    <t>12/16/2019 09:31:45</t>
  </si>
  <si>
    <t>12/16/2019 09:33:17</t>
  </si>
  <si>
    <t>07bc9f14-a50b-4536-b93d-1d596a2ca689.tmp</t>
  </si>
  <si>
    <t>\\acsfs\profiles$\wenderbnm\Downloads\07bc9f14-a50b-4536-b93d-1d596a2ca689.tmp</t>
  </si>
  <si>
    <t>12/16/2019 09:34:27</t>
  </si>
  <si>
    <t>12/16/2019 09:36:13</t>
  </si>
  <si>
    <t>0b534a6b-36ed-44cf-825d-e085dd55fd9d.tmp</t>
  </si>
  <si>
    <t>\\acsfs\profiles$\adrielyas\Downloads\0b534a6b-36ed-44cf-825d-e085dd55fd9d.tmp</t>
  </si>
  <si>
    <t>12/16/2019 09:31:40</t>
  </si>
  <si>
    <t>12/16/2019 09:31:47</t>
  </si>
  <si>
    <t>12/16/2019 09:37:13</t>
  </si>
  <si>
    <t>d7453220-f30d-49a2-88ae-5f8d8ffc3f76.tmp</t>
  </si>
  <si>
    <t>\\acsfs\profiles$\alexandrapp\Downloads\d7453220-f30d-49a2-88ae-5f8d8ffc3f76.tmp</t>
  </si>
  <si>
    <t>12/16/2019 09:31:48</t>
  </si>
  <si>
    <t>12/16/2019 09:34:35</t>
  </si>
  <si>
    <t>deb8c28c-d37e-4874-b161-79b50588f162.tmp</t>
  </si>
  <si>
    <t>\\acsfs\profiles$\geovannasm\Downloads\deb8c28c-d37e-4874-b161-79b50588f162.tmp</t>
  </si>
  <si>
    <t>12/16/2019 09:32:35</t>
  </si>
  <si>
    <t>620daa61-2d1b-4c48-b83b-d3f80ffedfd6.tmp</t>
  </si>
  <si>
    <t>\\acsfs\profiles$\gabrielarb\Downloads\620daa61-2d1b-4c48-b83b-d3f80ffedfd6.tmp</t>
  </si>
  <si>
    <t>12/16/2019 09:34:44</t>
  </si>
  <si>
    <t>12/16/2019 09:38:13</t>
  </si>
  <si>
    <t>12/16/2019 09:33:03</t>
  </si>
  <si>
    <t>12/16/2019 09:33:33</t>
  </si>
  <si>
    <t>12/16/2019 09:34:33</t>
  </si>
  <si>
    <t>12/16/2019 09:35:03</t>
  </si>
  <si>
    <t>12/16/2019 09:37:33</t>
  </si>
  <si>
    <t>12/16/2019 09:34:19</t>
  </si>
  <si>
    <t>12/16/2019 09:36:33</t>
  </si>
  <si>
    <t>12/16/2019 09:42:13</t>
  </si>
  <si>
    <t>6183d843-e4af-4087-b4f8-226c7905952b.tmp</t>
  </si>
  <si>
    <t>\\acsfs\profiles$\alexandrapp\Downloads\6183d843-e4af-4087-b4f8-226c7905952b.tmp</t>
  </si>
  <si>
    <t>Q29udHJvbGxlci5JRS1Qb3J0YWw-.ica:Zone.Identifier</t>
  </si>
  <si>
    <t>\\acsfs\profiles$\alexandrapp\Downloads\Q29udHJvbGxlci5JRS1Qb3J0YWw-.ica:Zone.Identifier</t>
  </si>
  <si>
    <t>12/16/2019 09:39:18</t>
  </si>
  <si>
    <t>6e3c07da-3450-4b6d-a349-deeb66f03d2a.tmp</t>
  </si>
  <si>
    <t>\\acsfs\profiles$\leticiala\Downloads\6e3c07da-3450-4b6d-a349-deeb66f03d2a.tmp</t>
  </si>
  <si>
    <t>12/16/2019 09:39:19</t>
  </si>
  <si>
    <t>c2d934ad-8e40-4089-a5d9-61260bfd4010.tmp</t>
  </si>
  <si>
    <t>\\acsfs\profiles$\leticiala\Downloads\c2d934ad-8e40-4089-a5d9-61260bfd4010.tmp</t>
  </si>
  <si>
    <t>12/16/2019 09:40:52</t>
  </si>
  <si>
    <t>4710cb00-a91e-4073-8ba9-eef550192b1f.tmp</t>
  </si>
  <si>
    <t>\\acsfs\profiles$\leticiala\Downloads\4710cb00-a91e-4073-8ba9-eef550192b1f.tmp</t>
  </si>
  <si>
    <t>12/16/2019 09:40:12</t>
  </si>
  <si>
    <t>74056a29-06ec-470f-98c6-812817874e4a.tmp</t>
  </si>
  <si>
    <t>\\acsfs\profiles$\geovannasm\Downloads\74056a29-06ec-470f-98c6-812817874e4a.tmp</t>
  </si>
  <si>
    <t>12/16/2019 09:37:22</t>
  </si>
  <si>
    <t>3a270087-1a48-410a-8f6d-925423d59b9b.tmp</t>
  </si>
  <si>
    <t>\\acsfs\profiles$\gabrielarb\Downloads\3a270087-1a48-410a-8f6d-925423d59b9b.tmp</t>
  </si>
  <si>
    <t>12/16/2019 09:37:52</t>
  </si>
  <si>
    <t>f532e661-641f-4cc5-b588-5c6ef78b349c.tmp</t>
  </si>
  <si>
    <t>\\acsfs\profiles$\gabrielarb\Downloads\f532e661-641f-4cc5-b588-5c6ef78b349c.tmp</t>
  </si>
  <si>
    <t>12/16/2019 09:40:36</t>
  </si>
  <si>
    <t>12/16/2019 09:43:13</t>
  </si>
  <si>
    <t>lu2454023e2ow.tmp</t>
  </si>
  <si>
    <t>\\acsfs\profiles$\dhiulliananads\My Documents\lu2454023e2ow.tmp</t>
  </si>
  <si>
    <t>\\acsfs\profiles$\dhiulliananads\My Documents\lu2454023e2ow.tmp\</t>
  </si>
  <si>
    <t>\\acsfs\profiles$\dhiulliananads\My Documents\lu2454023e2ow.tmp\META-INF\</t>
  </si>
  <si>
    <t>\\acsfs\profiles$\dhiulliananads\My Documents\lu2454023e2ow.tmp\Thumbnails\</t>
  </si>
  <si>
    <t>12/16/2019 09:37:30</t>
  </si>
  <si>
    <t>12/16/2019 09:38:22</t>
  </si>
  <si>
    <t>12/16/2019 09:38:03</t>
  </si>
  <si>
    <t>12/16/2019 09:38:33</t>
  </si>
  <si>
    <t>12/16/2019 09:39:03</t>
  </si>
  <si>
    <t>12/16/2019 09:44:37</t>
  </si>
  <si>
    <t>12/16/2019 09:46:13</t>
  </si>
  <si>
    <t>12/16/2019 09:44:42</t>
  </si>
  <si>
    <t>OfficeScan agent listing (6).csv</t>
  </si>
  <si>
    <t>12/16/2019 09:44:43</t>
  </si>
  <si>
    <t>C:\Users\alefl\OneDrive - Grupo Algar\Bra\Antivirus\New\Instal\</t>
  </si>
  <si>
    <t>OfficeScan agent listing (5).csv</t>
  </si>
  <si>
    <t>OfficeScan agent listing (4).csv</t>
  </si>
  <si>
    <t>12/13/2019 12:15:41</t>
  </si>
  <si>
    <t>\\acsfs\ACS\Suporte à Operações\02 - Faturamento\2020\1 - Janeiro\BRADESCO\</t>
  </si>
  <si>
    <t>Faturamento Janeiro.xlsb</t>
  </si>
  <si>
    <t>12/16/2019 09:44:03</t>
  </si>
  <si>
    <t>12/16/2019 09:47:13</t>
  </si>
  <si>
    <t>ed6b8170-b532-4cc0-ad3d-2c6d9d11a336.tmp</t>
  </si>
  <si>
    <t>\\acsfs\profiles$\leticiala\Downloads\ed6b8170-b532-4cc0-ad3d-2c6d9d11a336.tmp</t>
  </si>
  <si>
    <t>12/16/2019 09:42:52</t>
  </si>
  <si>
    <t>12/16/2019 09:48:13</t>
  </si>
  <si>
    <t>12/16/2019 09:46:02</t>
  </si>
  <si>
    <t>12/16/2019 09:46:08</t>
  </si>
  <si>
    <t>12/16/2019 09:46:45</t>
  </si>
  <si>
    <t>12/16/2019 09:47:43</t>
  </si>
  <si>
    <t>12/16/2019 09:47:44</t>
  </si>
  <si>
    <t>12/16/2019 09:47:45</t>
  </si>
  <si>
    <t>12/16/2019 09:47:46</t>
  </si>
  <si>
    <t>12/16/2019 09:47:47</t>
  </si>
  <si>
    <t>12/16/2019 09:47:48</t>
  </si>
  <si>
    <t>12/16/2019 09:47:49</t>
  </si>
  <si>
    <t>12/16/2019 09:47:50</t>
  </si>
  <si>
    <t>12/16/2019 09:47:51</t>
  </si>
  <si>
    <t>12/16/2019 09:45:15</t>
  </si>
  <si>
    <t>12/16/2019 09:47:21</t>
  </si>
  <si>
    <t>48b8ba16-984d-423c-b93e-3dcc31fb40a2.tmp</t>
  </si>
  <si>
    <t>\\acsfs\profiles$\kellzylenneasr\Downloads\48b8ba16-984d-423c-b93e-3dcc31fb40a2.tmp</t>
  </si>
  <si>
    <t>12/16/2019 09:45:02</t>
  </si>
  <si>
    <t>12/16/2019 09:49:13</t>
  </si>
  <si>
    <t>12/16/2019 09:47:30</t>
  </si>
  <si>
    <t>mail.google.com/_/upload?authuser=0&amp;dcp=asu-n&amp;upload_id=AEnB2UoQLdXpIzppmCRON8p0tM9K6BG_-olc6WiVDznUmW9xmflqvtcI_awCAm9lR0xXBXspKYRwzZCfOmGXIV9HurRpn2i65WnYYLwEZrZVWyzM75lzdJA&amp;upload_protocol=resumable</t>
  </si>
  <si>
    <t>C:\Users\edilsonrb\Documents\02.Trabalho\85.ANO.2019\03.CARLOS.MAURICIO\02.RAO\06.DEZEMBRO\</t>
  </si>
  <si>
    <t>12/16/2019 09:50:13</t>
  </si>
  <si>
    <t>\\acsfs\DEPTOS\Seguranca do Trabalho\7 - Treinamentos NRs - GERAL\7.4 - Escalas - Agendamentos NR17, Integração Staff e CIPA\TREINAMENTOS 2019\</t>
  </si>
  <si>
    <t>Lista de presença NR17 (em branco).xlsx</t>
  </si>
  <si>
    <t>12/16/2019 09:49:07</t>
  </si>
  <si>
    <t>12/16/2019 09:51:13</t>
  </si>
  <si>
    <t>12/16/2019 09:50:05</t>
  </si>
  <si>
    <t>12/16/2019 09:52:13</t>
  </si>
  <si>
    <t>b43f3335-9785-44ea-828e-fbaea77a2c96.tmp</t>
  </si>
  <si>
    <t>\\acsfs\profiles$\geovannasm\Downloads\b43f3335-9785-44ea-828e-fbaea77a2c96.tmp</t>
  </si>
  <si>
    <t>12/16/2019 09:51:21</t>
  </si>
  <si>
    <t>12/16/2019 09:53:13</t>
  </si>
  <si>
    <t>12/16/2019 09:52:38</t>
  </si>
  <si>
    <t>2ee31204-7fdb-45b3-ada6-ebe750a38573.tmp</t>
  </si>
  <si>
    <t>\\acsfs\profiles$\luanaldsi\Downloads\2ee31204-7fdb-45b3-ada6-ebe750a38573.tmp</t>
  </si>
  <si>
    <t>12/16/2019 09:52:33</t>
  </si>
  <si>
    <t>12/16/2019 09:47:52</t>
  </si>
  <si>
    <t>12/16/2019 09:47:53</t>
  </si>
  <si>
    <t>12/16/2019 09:47:54</t>
  </si>
  <si>
    <t>12/16/2019 09:47:55</t>
  </si>
  <si>
    <t>12/16/2019 09:47:56</t>
  </si>
  <si>
    <t>12/16/2019 09:47:57</t>
  </si>
  <si>
    <t>12/16/2019 09:47:58</t>
  </si>
  <si>
    <t>12/16/2019 09:47:59</t>
  </si>
  <si>
    <t>12/16/2019 09:48:00</t>
  </si>
  <si>
    <t>12/16/2019 09:51:51</t>
  </si>
  <si>
    <t>563a0f7c-e9d6-4c51-b5f9-b5cc46fab84f.tmp</t>
  </si>
  <si>
    <t>\\acsfs\profiles$\deborahsi\Downloads\563a0f7c-e9d6-4c51-b5f9-b5cc46fab84f.tmp</t>
  </si>
  <si>
    <t>12/16/2019 09:48:56</t>
  </si>
  <si>
    <t>62dbd173-881b-4203-a3c5-f1ba96e93eaa.tmp</t>
  </si>
  <si>
    <t>\\acsfs\profiles$\kellzylenneasr\Downloads\62dbd173-881b-4203-a3c5-f1ba96e93eaa.tmp</t>
  </si>
  <si>
    <t>12/16/2019 09:49:06</t>
  </si>
  <si>
    <t>12/16/2019 09:54:13</t>
  </si>
  <si>
    <t>12/16/2019 09:49:32</t>
  </si>
  <si>
    <t>12/16/2019 09:55:13</t>
  </si>
  <si>
    <t>12/16/2019 09:49:36</t>
  </si>
  <si>
    <t>12/16/2019 09:50:45</t>
  </si>
  <si>
    <t>carla.campisi@bradesco.com.br;eleida.fraga@bradesco.com.br;fabianapm@algartech.com;ivia.santos@bradesco.com.br;leonardoamf@algartech.com.br;leonoraat@algartech.com.br;lucianaas@algartech.com.br;michellefcas@algartech.com.br;rafaeljvf@algartech.com.br;selmaasr@algartech.com.br;thaismo@algartech.com.br;</t>
  </si>
  <si>
    <t>RES: Ponto de Controle - Rotinas - ATA</t>
  </si>
  <si>
    <t>carla.campisi@bradesco.com.br,eleida.fraga@bradesco.com.br,fabianapm@algartech.com,ivia.santos@bradesco.com.br,leonardoamf@algartech.com.br,leonoraat@algartech.com.br,lucianaas@algartech.com.br,michellefcas@algartech.com.br,rafaeljvf@algartech.com.br,selmaasr@algartech.com.br,thaismo@algartech.com.br</t>
  </si>
  <si>
    <t>12/16/2019 09:51:58</t>
  </si>
  <si>
    <t>10.200.67.8</t>
  </si>
  <si>
    <t>TALITA SANTOS SILVA CASTRO (10947).contact</t>
  </si>
  <si>
    <t>\\acsfs\profiles$\talitassc\Contacts\TALITA SANTOS SILVA CASTRO (10947).contact</t>
  </si>
  <si>
    <t>12/16/2019 09:52:14</t>
  </si>
  <si>
    <t>12/16/2019 09:52:15</t>
  </si>
  <si>
    <t>12/16/2019 09:52:16</t>
  </si>
  <si>
    <t>12/16/2019 09:52:17</t>
  </si>
  <si>
    <t>12/16/2019 09:52:18</t>
  </si>
  <si>
    <t>12/16/2019 09:52:19</t>
  </si>
  <si>
    <t>12/16/2019 09:52:20</t>
  </si>
  <si>
    <t>12/16/2019 09:52:21</t>
  </si>
  <si>
    <t>12/16/2019 09:52:49</t>
  </si>
  <si>
    <t>12/16/2019 09:52:50</t>
  </si>
  <si>
    <t>12/16/2019 09:52:51</t>
  </si>
  <si>
    <t>12/16/2019 09:53:02</t>
  </si>
  <si>
    <t>12/16/2019 09:51:45</t>
  </si>
  <si>
    <t>12/16/2019 09:57:13</t>
  </si>
  <si>
    <t>31ae9a55-6360-475e-bf32-ba07870ca655.tmp</t>
  </si>
  <si>
    <t>\\acsfs\profiles$\alexandrapp\Downloads\31ae9a55-6360-475e-bf32-ba07870ca655.tmp</t>
  </si>
  <si>
    <t>12/16/2019 09:51:46</t>
  </si>
  <si>
    <t>12/16/2019 09:58:12</t>
  </si>
  <si>
    <t>lu2454023e2p5.tmp</t>
  </si>
  <si>
    <t>\\acsfs\profiles$\dhiulliananads\My Documents\lu2454023e2p5.tmp</t>
  </si>
  <si>
    <t>\\acsfs\profiles$\dhiulliananads\My Documents\lu2454023e2p5.tmp\</t>
  </si>
  <si>
    <t>\\acsfs\profiles$\dhiulliananads\My Documents\lu2454023e2p5.tmp\META-INF\</t>
  </si>
  <si>
    <t>\\acsfs\profiles$\dhiulliananads\My Documents\lu2454023e2p5.tmp\Thumbnails\</t>
  </si>
  <si>
    <t>12/16/2019 09:55:14</t>
  </si>
  <si>
    <t>12/16/2019 09:52:39</t>
  </si>
  <si>
    <t>30b3a7a1-6cd1-4ad7-99b1-7c7ef68c479a.tmp</t>
  </si>
  <si>
    <t>\\acsfs\profiles$\luanaldsi\Downloads\30b3a7a1-6cd1-4ad7-99b1-7c7ef68c479a.tmp</t>
  </si>
  <si>
    <t>12/16/2019 09:52:41</t>
  </si>
  <si>
    <t>b77a633e-3103-4308-ab8f-278e9747556b.tmp</t>
  </si>
  <si>
    <t>\\acsfs\profiles$\luanaldsi\Downloads\b77a633e-3103-4308-ab8f-278e9747556b.tmp</t>
  </si>
  <si>
    <t>12/16/2019 09:54:27</t>
  </si>
  <si>
    <t>f30bc679-7379-4edb-a311-e3bb4b3e6709.tmp</t>
  </si>
  <si>
    <t>\\acsfs\profiles$\luanaldsi\Downloads\f30bc679-7379-4edb-a311-e3bb4b3e6709.tmp</t>
  </si>
  <si>
    <t>12/16/2019 09:54:30</t>
  </si>
  <si>
    <t>3c98ffdd-23ed-478d-be14-a35c914c9fc8.tmp</t>
  </si>
  <si>
    <t>\\acsfs\profiles$\luanaldsi\Downloads\3c98ffdd-23ed-478d-be14-a35c914c9fc8.tmp</t>
  </si>
  <si>
    <t>12/16/2019 09:53:03</t>
  </si>
  <si>
    <t>12/16/2019 09:53:33</t>
  </si>
  <si>
    <t>12/16/2019 09:54:03</t>
  </si>
  <si>
    <t>12/16/2019 09:54:33</t>
  </si>
  <si>
    <t>12/16/2019 09:55:03</t>
  </si>
  <si>
    <t>12/16/2019 09:55:33</t>
  </si>
  <si>
    <t>12/16/2019 09:56:03</t>
  </si>
  <si>
    <t>12/16/2019 09:56:33</t>
  </si>
  <si>
    <t>12/16/2019 09:57:03</t>
  </si>
  <si>
    <t>12/16/2019 09:55:29</t>
  </si>
  <si>
    <t>12/16/2019 10:00:12</t>
  </si>
  <si>
    <t>/o=exchangelabs/ou=exchange administrative group (fydibohf23spdlt)/cn=recipients/cn=8b5b63d67af648d081a40c45cc800804-fabiana per;equipefabi@algartech.com.br;</t>
  </si>
  <si>
    <t>ENC: Acompanhamento de Horas - Migração - Franquia Ec</t>
  </si>
  <si>
    <t>Acompanhamento de Horas - Migração.xlsm</t>
  </si>
  <si>
    <t>/o=exchangelabs/ou=exchange administrative group (fydibohf23spdlt)/cn=recipients/cn=8b5b63d67af648d081a40c45cc800804-fabiana per,equipefabi@algartech.com.br</t>
  </si>
  <si>
    <t>12/16/2019 09:59:36</t>
  </si>
  <si>
    <t>12/13/2019 18:18:02</t>
  </si>
  <si>
    <t>12/16/2019 10:01:13</t>
  </si>
  <si>
    <t>12/16/2019 09:57:26</t>
  </si>
  <si>
    <t>ee165e1b-be18-463d-9904-c27df9f78c8a.tmp</t>
  </si>
  <si>
    <t>\\acsfs\profiles$\valeriasda\Downloads\ee165e1b-be18-463d-9904-c27df9f78c8a.tmp</t>
  </si>
  <si>
    <t>12/16/2019 09:58:32</t>
  </si>
  <si>
    <t>6ba1dad8-150b-43c9-b2b7-044027b60322.tmp</t>
  </si>
  <si>
    <t>\\acsfs\profiles$\gabrielafs\Downloads\6ba1dad8-150b-43c9-b2b7-044027b60322.tmp</t>
  </si>
  <si>
    <t>533a2bf7-08f0-4d10-93c6-143088c8cc80.tmp</t>
  </si>
  <si>
    <t>\\acsfs\profiles$\gabrielafs\Downloads\533a2bf7-08f0-4d10-93c6-143088c8cc80.tmp</t>
  </si>
  <si>
    <t>12/16/2019 09:58:33</t>
  </si>
  <si>
    <t>cefed317-82b9-48e3-bffc-bf5be9a04437.tmp</t>
  </si>
  <si>
    <t>\\acsfs\profiles$\gabrielafs\Downloads\cefed317-82b9-48e3-bffc-bf5be9a04437.tmp</t>
  </si>
  <si>
    <t>12/16/2019 09:58:37</t>
  </si>
  <si>
    <t>d96040b9-2cd4-450a-a92e-c46fd8b77523.tmp</t>
  </si>
  <si>
    <t>\\acsfs\profiles$\gabrielafs\Downloads\d96040b9-2cd4-450a-a92e-c46fd8b77523.tmp</t>
  </si>
  <si>
    <t>12/16/2019 09:59:58</t>
  </si>
  <si>
    <t>5d10c86f-fc49-4fda-8696-3fb011bfe8cb.tmp</t>
  </si>
  <si>
    <t>\\acsfs\profiles$\gabrielafs\Downloads\5d10c86f-fc49-4fda-8696-3fb011bfe8cb.tmp</t>
  </si>
  <si>
    <t>12/16/2019 09:57:43</t>
  </si>
  <si>
    <t>12/16/2019 10:02:12</t>
  </si>
  <si>
    <t>12/16/2019 09:57:45</t>
  </si>
  <si>
    <t>12/16/2019 10:00:34</t>
  </si>
  <si>
    <t>12/16/2019 10:03:13</t>
  </si>
  <si>
    <t>12/16/2019 10:01:03</t>
  </si>
  <si>
    <t>12/16/2019 10:01:27</t>
  </si>
  <si>
    <t>12/16/2019 10:02:16</t>
  </si>
  <si>
    <t>12/16/2019 10:02:22</t>
  </si>
  <si>
    <t>12/16/2019 09:59:03</t>
  </si>
  <si>
    <t>12/16/2019 09:59:33</t>
  </si>
  <si>
    <t>12/16/2019 10:01:33</t>
  </si>
  <si>
    <t>12/16/2019 10:02:33</t>
  </si>
  <si>
    <t>12/16/2019 10:02:55</t>
  </si>
  <si>
    <t>12/16/2019 10:05:13</t>
  </si>
  <si>
    <t>12/16/2019 10:04:15</t>
  </si>
  <si>
    <t>12/16/2019 10:05:03</t>
  </si>
  <si>
    <t>12/16/2019 10:07:13</t>
  </si>
  <si>
    <t>12/16/2019 10:02:29</t>
  </si>
  <si>
    <t>4361239a-faf9-4662-b239-ce69bcd04fd4.tmp</t>
  </si>
  <si>
    <t>\\acsfs\profiles$\gabrielarb\Downloads\4361239a-faf9-4662-b239-ce69bcd04fd4.tmp</t>
  </si>
  <si>
    <t>12/16/2019 10:04:40</t>
  </si>
  <si>
    <t>12/16/2019 10:08:13</t>
  </si>
  <si>
    <t>C:\Users\guilhermeaso\AppData\Local\Temp\chrome_drag3160_899895101\</t>
  </si>
  <si>
    <t>11. COTY- SAVOY ( FATURAMENTO Dezembro)_v2.xlsx</t>
  </si>
  <si>
    <t>12/16/2019 10:02:24</t>
  </si>
  <si>
    <t>12/16/2019 10:02:25</t>
  </si>
  <si>
    <t>lu2454023e2pe.tmp</t>
  </si>
  <si>
    <t>\\acsfs\profiles$\dhiulliananads\My Documents\lu2454023e2pe.tmp</t>
  </si>
  <si>
    <t>\\acsfs\profiles$\dhiulliananads\My Documents\lu2454023e2pe.tmp\</t>
  </si>
  <si>
    <t>\\acsfs\profiles$\dhiulliananads\My Documents\lu2454023e2pe.tmp\META-INF\</t>
  </si>
  <si>
    <t>\\acsfs\profiles$\dhiulliananads\My Documents\lu2454023e2pe.tmp\Thumbnails\</t>
  </si>
  <si>
    <t>12/16/2019 10:03:15</t>
  </si>
  <si>
    <t>12/16/2019 10:03:19</t>
  </si>
  <si>
    <t>lu2454023e2pi.tmp</t>
  </si>
  <si>
    <t>\\acsfs\profiles$\dhiulliananads\My Documents\lu2454023e2pi.tmp</t>
  </si>
  <si>
    <t>\\acsfs\profiles$\dhiulliananads\My Documents\lu2454023e2pi.tmp\</t>
  </si>
  <si>
    <t>\\acsfs\profiles$\dhiulliananads\My Documents\lu2454023e2pi.tmp\META-INF\</t>
  </si>
  <si>
    <t>\\acsfs\profiles$\dhiulliananads\My Documents\lu2454023e2pi.tmp\Thumbnails\</t>
  </si>
  <si>
    <t>12/16/2019 10:02:30</t>
  </si>
  <si>
    <t>12/16/2019 10:06:31</t>
  </si>
  <si>
    <t>12/16/2019 10:06:49</t>
  </si>
  <si>
    <t>mail.google.com/sync/u/0/i/s?hl=pt-BR&amp;c=470</t>
  </si>
  <si>
    <t>12/16/2019 10:07:06</t>
  </si>
  <si>
    <t>mail.google.com/sync/u/0/i/s?hl=pt-BR&amp;c=472</t>
  </si>
  <si>
    <t>12/16/2019 10:07:17</t>
  </si>
  <si>
    <t>12/16/2019 10:07:22</t>
  </si>
  <si>
    <t>12/16/2019 10:03:03</t>
  </si>
  <si>
    <t>12/16/2019 10:03:33</t>
  </si>
  <si>
    <t>12/16/2019 10:04:03</t>
  </si>
  <si>
    <t>12/16/2019 10:04:33</t>
  </si>
  <si>
    <t>12/16/2019 10:06:34</t>
  </si>
  <si>
    <t>12/16/2019 10:07:03</t>
  </si>
  <si>
    <t>12/16/2019 10:07:34</t>
  </si>
  <si>
    <t>12/16/2019 10:07:33</t>
  </si>
  <si>
    <t>12/16/2019 10:10:12</t>
  </si>
  <si>
    <t>12/16/2019 10:02:02</t>
  </si>
  <si>
    <t>12/16/2019 10:12:12</t>
  </si>
  <si>
    <t>michelbdsa@algartech.com;sheila.lopes@youse.com.br;wasleylc@algartech.com;</t>
  </si>
  <si>
    <t>Forecast Youse Televendas Receptivo - Janeiro</t>
  </si>
  <si>
    <t>michelbdsa@algartech.com,sheila.lopes@youse.com.br,wasleylc@algartech.com</t>
  </si>
  <si>
    <t>12/16/2019 10:07:29</t>
  </si>
  <si>
    <t>12/16/2019 10:07:30</t>
  </si>
  <si>
    <t>12/16/2019 10:13:13</t>
  </si>
  <si>
    <t>12/16/2019 10:07:35</t>
  </si>
  <si>
    <t>12/16/2019 10:07:36</t>
  </si>
  <si>
    <t>12/16/2019 10:07:46</t>
  </si>
  <si>
    <t>12/16/2019 10:07:47</t>
  </si>
  <si>
    <t>12/16/2019 10:07:48</t>
  </si>
  <si>
    <t>12/16/2019 10:07:50</t>
  </si>
  <si>
    <t>12/16/2019 10:07:51</t>
  </si>
  <si>
    <t>12/16/2019 10:08:09</t>
  </si>
  <si>
    <t>12/16/2019 10:08:10</t>
  </si>
  <si>
    <t>12/16/2019 10:08:12</t>
  </si>
  <si>
    <t>12/16/2019 10:08:17</t>
  </si>
  <si>
    <t>12/16/2019 10:10:13</t>
  </si>
  <si>
    <t>mail.google.com/mail/u/0/jserror?script=https://mail.google.com/mail/u/0/#inbox&amp;error=yo&amp;line=not available&amp;txz=p</t>
  </si>
  <si>
    <t>12/16/2019 10:08:04</t>
  </si>
  <si>
    <t>12/16/2019 10:08:34</t>
  </si>
  <si>
    <t>12/16/2019 10:10:34</t>
  </si>
  <si>
    <t>12/16/2019 10:11:04</t>
  </si>
  <si>
    <t>12/16/2019 10:11:36</t>
  </si>
  <si>
    <t>12/16/2019 10:14:12</t>
  </si>
  <si>
    <t>301395ab-ea72-4bcf-85f4-9a85545cc4e2.tmp</t>
  </si>
  <si>
    <t>\\acsfs\profiles$\ayalabfi\Downloads\301395ab-ea72-4bcf-85f4-9a85545cc4e2.tmp</t>
  </si>
  <si>
    <t>12/16/2019 10:12:49</t>
  </si>
  <si>
    <t>12/16/2019 10:15:13</t>
  </si>
  <si>
    <t>12/16/2019 10:09:44</t>
  </si>
  <si>
    <t>12/16/2019 10:09:45</t>
  </si>
  <si>
    <t>lu158081e5tkg.tmp</t>
  </si>
  <si>
    <t>\\acsfs\profiles$\jonatanls\My Documents\lu158081e5tkg.tmp</t>
  </si>
  <si>
    <t>12/16/2019 10:15:46</t>
  </si>
  <si>
    <t>12/16/2019 10:17:13</t>
  </si>
  <si>
    <t>dc797604-32b8-49a3-9e7b-07a8f7164c44.tmp</t>
  </si>
  <si>
    <t>\\acsfs\profiles$\alexandrapp\Downloads\dc797604-32b8-49a3-9e7b-07a8f7164c44.tmp</t>
  </si>
  <si>
    <t>Q29udHJvbGxlci5BQ09NLVNvdUJWXzE-.ica:Zone.Identifier</t>
  </si>
  <si>
    <t>\\acsfs\profiles$\alexandrapp\Downloads\Q29udHJvbGxlci5BQ09NLVNvdUJWXzE-.ica:Zone.Identifier</t>
  </si>
  <si>
    <t>12/16/2019 10:12:29</t>
  </si>
  <si>
    <t>12/16/2019 10:18:12</t>
  </si>
  <si>
    <t>12/16/2019 10:13:49</t>
  </si>
  <si>
    <t>12/16/2019 10:13:20</t>
  </si>
  <si>
    <t>12/16/2019 10:13:58</t>
  </si>
  <si>
    <t>12/16/2019 10:14:11</t>
  </si>
  <si>
    <t>12/16/2019 10:17:04</t>
  </si>
  <si>
    <t>12/16/2019 10:18:15</t>
  </si>
  <si>
    <t>12/16/2019 10:21:12</t>
  </si>
  <si>
    <t>c732db41-8c6f-49a8-a80e-74524db09bad.tmp</t>
  </si>
  <si>
    <t>\\acsfs\profiles$\gabrielafs\Downloads\c732db41-8c6f-49a8-a80e-74524db09bad.tmp</t>
  </si>
  <si>
    <t>12/16/2019 10:18:59</t>
  </si>
  <si>
    <t>f6fe83a8-8613-46ca-a02a-546a8faf715c.tmp</t>
  </si>
  <si>
    <t>\\acsfs\profiles$\gabrielafs\Downloads\f6fe83a8-8613-46ca-a02a-546a8faf715c.tmp</t>
  </si>
  <si>
    <t>12/16/2019 10:19:59</t>
  </si>
  <si>
    <t>12/16/2019 10:18:49</t>
  </si>
  <si>
    <t>12/16/2019 10:23:12</t>
  </si>
  <si>
    <t>12/16/2019 10:19:49</t>
  </si>
  <si>
    <t>12/16/2019 10:18:53</t>
  </si>
  <si>
    <t>12/16/2019 10:25:38</t>
  </si>
  <si>
    <t>12/16/2019 10:27:13</t>
  </si>
  <si>
    <t>74c35c58-14a7-4a62-8e4a-069813314b2d.tmp</t>
  </si>
  <si>
    <t>\\acsfs\profiles$\gabrielarb\Downloads\74c35c58-14a7-4a62-8e4a-069813314b2d.tmp</t>
  </si>
  <si>
    <t>12/16/2019 10:25:55</t>
  </si>
  <si>
    <t>6067009d-03c2-42ca-99e1-57a4a6d1ef13.tmp</t>
  </si>
  <si>
    <t>\\acsfs\profiles$\gabrielarb\Downloads\6067009d-03c2-42ca-99e1-57a4a6d1ef13.tmp</t>
  </si>
  <si>
    <t>12/16/2019 10:24:25</t>
  </si>
  <si>
    <t>12/16/2019 10:28:13</t>
  </si>
  <si>
    <t>mail.google.com/mail/u/0/jserror?script=https://mail.google.com/mail/u/0/#inbox/fmfcgxwgcqtclgzrdblsjqfqtxgxzbcw&amp;error=yo&amp;line=not available&amp;txz=p</t>
  </si>
  <si>
    <t>12/16/2019 10:24:49</t>
  </si>
  <si>
    <t>12/16/2019 10:25:20</t>
  </si>
  <si>
    <t>12/16/2019 10:25:49</t>
  </si>
  <si>
    <t>12/16/2019 10:25:51</t>
  </si>
  <si>
    <t>12/16/2019 10:25:59</t>
  </si>
  <si>
    <t>mail.google.com/mail/u/0/jserror?script=https://mail.google.com/mail/u/0/#inbox/fmfcgxwgchdmzskkrqbqxknzslvwglkr&amp;error=yo&amp;line=not available&amp;txz=p</t>
  </si>
  <si>
    <t>12/16/2019 10:26:34</t>
  </si>
  <si>
    <t>12/16/2019 10:26:40</t>
  </si>
  <si>
    <t>12/16/2019 10:26:41</t>
  </si>
  <si>
    <t>12/16/2019 10:27:02</t>
  </si>
  <si>
    <t>IM (AIM)</t>
  </si>
  <si>
    <t>673&amp;i=400&amp;ai=mail:o.b28b.2.1</t>
  </si>
  <si>
    <t>12/16/2019 10:22:42</t>
  </si>
  <si>
    <t>12/16/2019 10:25:34</t>
  </si>
  <si>
    <t>12/16/2019 10:26:04</t>
  </si>
  <si>
    <t>12/16/2019 10:27:04</t>
  </si>
  <si>
    <t>12/16/2019 10:27:34</t>
  </si>
  <si>
    <t>12/16/2019 10:26:45</t>
  </si>
  <si>
    <t>12/16/2019 10:28:10</t>
  </si>
  <si>
    <t>12/16/2019 10:30:13</t>
  </si>
  <si>
    <t>4e5c880d-1c31-4f18-a360-3bcc11358f97.tmp</t>
  </si>
  <si>
    <t>\\acsfs\profiles$\sarahbal\Downloads\4e5c880d-1c31-4f18-a360-3bcc11358f97.tmp</t>
  </si>
  <si>
    <t>12/16/2019 10:28:15</t>
  </si>
  <si>
    <t>dfd13780-03b7-48ac-8407-0277445b3986.tmp</t>
  </si>
  <si>
    <t>\\acsfs\profiles$\sarahbal\Downloads\dfd13780-03b7-48ac-8407-0277445b3986.tmp</t>
  </si>
  <si>
    <t>12/16/2019 10:28:45</t>
  </si>
  <si>
    <t>10.200.57.127</t>
  </si>
  <si>
    <t>mail.google.com/mail/u/0/?hl=pt-BR#inbox?compose=CllgCJvmZlJwKjqqnwntbzVCBZgnJkznwPJqpsLFRDbvRJmBZgNpfnHVhLGFvbXRZXBTSBqMZVq</t>
  </si>
  <si>
    <t>Retirar da Lista.xlsx</t>
  </si>
  <si>
    <t>12/16/2019 10:29:13</t>
  </si>
  <si>
    <t>12/16/2019 10:28:21</t>
  </si>
  <si>
    <t>12/16/2019 10:32:13</t>
  </si>
  <si>
    <t>372dc102-700f-4758-9e12-e7444c8f0210.tmp</t>
  </si>
  <si>
    <t>\\acsfs\profiles$\gabrielarb\Downloads\372dc102-700f-4758-9e12-e7444c8f0210.tmp</t>
  </si>
  <si>
    <t>12/16/2019 10:33:13</t>
  </si>
  <si>
    <t>12/16/2019 10:28:29</t>
  </si>
  <si>
    <t>12/16/2019 10:28:43</t>
  </si>
  <si>
    <t>12/16/2019 10:29:59</t>
  </si>
  <si>
    <t>mail.google.com/mail/u/0/jserror?script=https://mail.google.com/mail/u/0/#inbox/fmfcgxwgcqtctrmpdvbhmvlxgglgvqkh&amp;error=yo&amp;line=not available&amp;txz=p</t>
  </si>
  <si>
    <t>12/16/2019 10:27:31</t>
  </si>
  <si>
    <t>12/16/2019 10:30:37</t>
  </si>
  <si>
    <t>\\acsfs\DEPTOS\Operacao\Banco_Votorantim\Comum\00 - COMUM - BV CARTÕES\EQUIPE ADILSON\Vendas\</t>
  </si>
  <si>
    <t>Valor Prêmio por Operador Dezembro - até 15.12.pdf</t>
  </si>
  <si>
    <t>\\acsfs\DEPTOS\Operacao\Banco_Votorantim\Comum\00 - COMUM - BV CARTÕES\EQUIPE ADILSON\Vendas\Valor Prêmio por Operador Dezembro - até 15.12.pdf</t>
  </si>
  <si>
    <t>12/16/2019 10:31:10</t>
  </si>
  <si>
    <t>12/16/2019 10:28:04</t>
  </si>
  <si>
    <t>12/16/2019 10:28:34</t>
  </si>
  <si>
    <t>12/16/2019 10:32:34</t>
  </si>
  <si>
    <t>12/16/2019 10:29:21</t>
  </si>
  <si>
    <t>30cf5814-6a9c-406e-bc3a-fb1ecdd2c80f.tmp</t>
  </si>
  <si>
    <t>\\acsfs\profiles$\deborahsi\Downloads\30cf5814-6a9c-406e-bc3a-fb1ecdd2c80f.tmp</t>
  </si>
  <si>
    <t>12/16/2019 10:33:46</t>
  </si>
  <si>
    <t>12/16/2019 10:35:13</t>
  </si>
  <si>
    <t>12/16/2019 10:30:25</t>
  </si>
  <si>
    <t>12/16/2019 10:30:26</t>
  </si>
  <si>
    <t>lu158081e5tkm.tmp</t>
  </si>
  <si>
    <t>\\acsfs\profiles$\jonatanls\My Documents\lu158081e5tkm.tmp</t>
  </si>
  <si>
    <t>12/16/2019 10:31:23</t>
  </si>
  <si>
    <t>12/16/2019 10:36:13</t>
  </si>
  <si>
    <t>12/16/2019 10:31:28</t>
  </si>
  <si>
    <t>mail.google.com/_/upload?authuser=0&amp;dcp=asu-n&amp;upload_id=AEnB2UonAHIp1RzLe7QV_zIwC1De-C8-_VRSmmn6HqsqFma7RW1XAkCIBidvEV51B-BrqsCnfv0FfaQC25vuFUNGW-bwvnG6OnYsKcqfxVe5Lui7exhLrkw&amp;upload_protocol=resumable</t>
  </si>
  <si>
    <t>\\acsfs\Deptos\Operacao\Banco_Votorantim\Qualidade\Fernanda\ALERTA DE ATENDIMENTO (2).xlsx\</t>
  </si>
  <si>
    <t>12/16/2019 10:33:45</t>
  </si>
  <si>
    <t>12/16/2019 10:38:13</t>
  </si>
  <si>
    <t>c5c291e1-2ea1-46b6-bc52-1f402e3190cd.tmp</t>
  </si>
  <si>
    <t>\\acsfs\profiles$\gabrielhca\Downloads\c5c291e1-2ea1-46b6-bc52-1f402e3190cd.tmp</t>
  </si>
  <si>
    <t>12/16/2019 10:32:49</t>
  </si>
  <si>
    <t>12/16/2019 10:33:49</t>
  </si>
  <si>
    <t>12/16/2019 10:34:26</t>
  </si>
  <si>
    <t>12/16/2019 10:34:27</t>
  </si>
  <si>
    <t>12/16/2019 10:37:02</t>
  </si>
  <si>
    <t>mail.google.com/mail/u/0/jserror?script=https://mail.google.com/mail/u/0/#inbox/fmfcgxwgcqtctrlklbkhmxwsvmlprfmt&amp;error=yo&amp;line=not available&amp;txz=p</t>
  </si>
  <si>
    <t>12/16/2019 10:35:10</t>
  </si>
  <si>
    <t>lu2454023e2pr.tmp</t>
  </si>
  <si>
    <t>\\acsfs\profiles$\dhiulliananads\My Documents\lu2454023e2pr.tmp</t>
  </si>
  <si>
    <t>\\acsfs\profiles$\dhiulliananads\My Documents\lu2454023e2pr.tmp\</t>
  </si>
  <si>
    <t>\\acsfs\profiles$\dhiulliananads\My Documents\lu2454023e2pr.tmp\META-INF\</t>
  </si>
  <si>
    <t>\\acsfs\profiles$\dhiulliananads\My Documents\lu2454023e2pr.tmp\Thumbnails\</t>
  </si>
  <si>
    <t>12/16/2019 10:33:04</t>
  </si>
  <si>
    <t>12/16/2019 10:35:04</t>
  </si>
  <si>
    <t>12/16/2019 10:33:57</t>
  </si>
  <si>
    <t>4cefb7e2-e4cd-499d-9f90-18b80e53066a.tmp</t>
  </si>
  <si>
    <t>\\acsfs\profiles$\alicecpbc\Downloads\4cefb7e2-e4cd-499d-9f90-18b80e53066a.tmp</t>
  </si>
  <si>
    <t>12/16/2019 10:40:13</t>
  </si>
  <si>
    <t>12/16/2019 10:41:13</t>
  </si>
  <si>
    <t>12/16/2019 10:37:34</t>
  </si>
  <si>
    <t>12/16/2019 10:42:13</t>
  </si>
  <si>
    <t>12/16/2019 10:36:33</t>
  </si>
  <si>
    <t>14405299-c4a2-439d-8781-c08fcbe761de.tmp</t>
  </si>
  <si>
    <t>\\acsfs\profiles$\leticiala\Downloads\14405299-c4a2-439d-8781-c08fcbe761de.tmp</t>
  </si>
  <si>
    <t>12/16/2019 10:41:35</t>
  </si>
  <si>
    <t>caac209c-6b53-41c1-9445-a5892cb8a8b1.tmp</t>
  </si>
  <si>
    <t>\\acsfs\profiles$\geovannasm\Downloads\caac209c-6b53-41c1-9445-a5892cb8a8b1.tmp</t>
  </si>
  <si>
    <t>12/16/2019 10:37:35</t>
  </si>
  <si>
    <t>12/16/2019 10:43:13</t>
  </si>
  <si>
    <t>673&amp;i=400&amp;ai=mail:o.b28b.2.1;</t>
  </si>
  <si>
    <t>12/16/2019 10:37:41</t>
  </si>
  <si>
    <t>mail.google.com/mail/u/0/jserror?script=https://mail.google.com/mail/u/0/#inbox/fmfcgxwgcqtclfrntlqggxhdkqddgttg&amp;error=yo&amp;line=not available&amp;txz=p</t>
  </si>
  <si>
    <t>12/16/2019 10:38:49</t>
  </si>
  <si>
    <t>12/16/2019 10:39:33</t>
  </si>
  <si>
    <t>mail.google.com/sync/u/0/i/s?hl=pt-br&amp;c=36</t>
  </si>
  <si>
    <t>12/16/2019 10:39:49</t>
  </si>
  <si>
    <t>12/16/2019 10:39:51</t>
  </si>
  <si>
    <t>mail.google.com/sync/u/0/i/s?hl=pt-br&amp;c=40</t>
  </si>
  <si>
    <t>12/16/2019 10:40:10</t>
  </si>
  <si>
    <t>mail.google.com/sync/u/0/i/s?hl=pt-br&amp;c=42</t>
  </si>
  <si>
    <t>12/16/2019 10:40:33</t>
  </si>
  <si>
    <t>12/16/2019 10:40:54</t>
  </si>
  <si>
    <t>12/16/2019 10:41:09</t>
  </si>
  <si>
    <t>mail.google.com/sync/u/0/i/s?hl=pt-br&amp;c=49</t>
  </si>
  <si>
    <t>mail.google.com/sync/u/0/i/s?hl=pt-br&amp;c=51</t>
  </si>
  <si>
    <t>12/16/2019 10:41:36</t>
  </si>
  <si>
    <t>12/16/2019 10:41:52</t>
  </si>
  <si>
    <t>mail.google.com/sync/u/0/i/s?hl=pt-br&amp;c=56</t>
  </si>
  <si>
    <t>12/16/2019 10:42:10</t>
  </si>
  <si>
    <t>mail.google.com/sync/u/0/i/s?hl=pt-br&amp;c=58</t>
  </si>
  <si>
    <t>12/16/2019 10:38:19</t>
  </si>
  <si>
    <t>88390879-7063-4a12-b625-e469a4bfe2ce.tmp</t>
  </si>
  <si>
    <t>\\acsfs\profiles$\gisellyador\Downloads\88390879-7063-4a12-b625-e469a4bfe2ce.tmp</t>
  </si>
  <si>
    <t>\\acsfs\profiles$\gisellyador\Downloads\88390879-7063-4a12-b625-e469a4bfe2ce.tmp\PREVENTIVAS 2 SEMANA TIM\QUADROS ELÃ‰TRICOS AC 1\</t>
  </si>
  <si>
    <t>QUADROS ELETRICOS _v3.0.xlsx</t>
  </si>
  <si>
    <t>QUADROS ELETRICOS_v3.0.1.xlsx</t>
  </si>
  <si>
    <t>QUADROS ELETRICOS_v3.0.2.xlsx</t>
  </si>
  <si>
    <t>QUADROS ELETRICOS_v3.0.3.xlsx</t>
  </si>
  <si>
    <t>QUADROS ELETRICOS_v3.0.4.xlsx</t>
  </si>
  <si>
    <t>QUADROS ELETRICOS_v3.0.5.xlsx</t>
  </si>
  <si>
    <t>QUADROS ELETRICOS_v3.0.6.xlsx</t>
  </si>
  <si>
    <t>\\acsfs\profiles$\gisellyador\Downloads\88390879-7063-4a12-b625-e469a4bfe2ce.tmp\PREVENTIVAS 2 SEMANA TIM\QUADROS ELÃ‰TRICOS DC\</t>
  </si>
  <si>
    <t>QUADROS ELETRICOS_v4.0-01.xlsx</t>
  </si>
  <si>
    <t>QUADROS ELETRICOS_v4.0-02.xlsx</t>
  </si>
  <si>
    <t>QUADROS ELETRICOS_v4.0-03.xlsx</t>
  </si>
  <si>
    <t>QUADROS ELETRICOS_v4.0-05.xlsx</t>
  </si>
  <si>
    <t>QUADROS ELETRICOS_v4.0-06.xlsx</t>
  </si>
  <si>
    <t>QUADROS ELETRICOS_v4.0-4.xlsx</t>
  </si>
  <si>
    <t>QUADROS ELETRICOS_v4.0.xlsx</t>
  </si>
  <si>
    <t>12/16/2019 10:38:20</t>
  </si>
  <si>
    <t>Não confirmado 895921.crdownload</t>
  </si>
  <si>
    <t>\\acsfs\profiles$\gisellyador\Downloads\Não confirmado 895921.crdownload</t>
  </si>
  <si>
    <t>12/16/2019 10:40:52</t>
  </si>
  <si>
    <t>12/16/2019 10:41:19</t>
  </si>
  <si>
    <t>RVTools_AlgarElcano_2019-11-29.xlsx</t>
  </si>
  <si>
    <t>12/16/2019 10:42:23</t>
  </si>
  <si>
    <t>12/16/2019 10:40:28</t>
  </si>
  <si>
    <t>12/16/2019 10:45:13</t>
  </si>
  <si>
    <t>12/16/2019 10:46:13</t>
  </si>
  <si>
    <t>12/16/2019 10:43:15</t>
  </si>
  <si>
    <t>12/16/2019 10:41:47</t>
  </si>
  <si>
    <t>12/16/2019 10:41:55</t>
  </si>
  <si>
    <t>mail.google.com/sync/u/0/i/s?hl=pt-BR&amp;c=195</t>
  </si>
  <si>
    <t>12/16/2019 10:42:00</t>
  </si>
  <si>
    <t>12/16/2019 10:42:03</t>
  </si>
  <si>
    <t>12/16/2019 10:42:15</t>
  </si>
  <si>
    <t>12/16/2019 10:42:53</t>
  </si>
  <si>
    <t>12/16/2019 10:47:12</t>
  </si>
  <si>
    <t>742aa368-d845-47a4-ba9a-1b169730a724.tmp</t>
  </si>
  <si>
    <t>\\acsfs\profiles$\geovannasm\Downloads\742aa368-d845-47a4-ba9a-1b169730a724.tmp</t>
  </si>
  <si>
    <t>12/16/2019 10:46:18</t>
  </si>
  <si>
    <t>2c8dcf80-cef3-4984-a3dc-75870be4b35e.tmp</t>
  </si>
  <si>
    <t>\\acsfs\profiles$\geovannasm\Downloads\2c8dcf80-cef3-4984-a3dc-75870be4b35e.tmp</t>
  </si>
  <si>
    <t>12/16/2019 10:42:26</t>
  </si>
  <si>
    <t>12/16/2019 10:48:13</t>
  </si>
  <si>
    <t>mail.google.com/sync/u/0/i/s?hl=pt-br&amp;c=60</t>
  </si>
  <si>
    <t>12/16/2019 10:42:47</t>
  </si>
  <si>
    <t>mail.google.com/sync/u/0/i/s?hl=pt-br&amp;c=63</t>
  </si>
  <si>
    <t>12/16/2019 10:42:50</t>
  </si>
  <si>
    <t>12/16/2019 10:43:00</t>
  </si>
  <si>
    <t>12/16/2019 10:43:29</t>
  </si>
  <si>
    <t>mail.google.com/mail/u/0/jserror?script=https://mail.google.com/mail/u/0/#inbox/fmfcgxwgcqtctsttphqptgpwxwnhxcxd&amp;error=yo&amp;line=not available&amp;txz=p</t>
  </si>
  <si>
    <t>12/16/2019 10:43:37</t>
  </si>
  <si>
    <t>12/16/2019 10:43:39</t>
  </si>
  <si>
    <t>mail.google.com/mail/u/0/jserror?script=https://mail.google.com/mail/u/0/#inbox/fmfcgxwgcqtctsttczxfgshpbxfdvzdc&amp;error=yo&amp;line=not available&amp;txz=p</t>
  </si>
  <si>
    <t>12/16/2019 10:44:27</t>
  </si>
  <si>
    <t>12/16/2019 10:44:49</t>
  </si>
  <si>
    <t>12/16/2019 10:45:49</t>
  </si>
  <si>
    <t>12/16/2019 10:46:26</t>
  </si>
  <si>
    <t>12/16/2019 10:46:29</t>
  </si>
  <si>
    <t>mail.google.com/sync/u/0/i/s?hl=pt-br&amp;c=84</t>
  </si>
  <si>
    <t>12/16/2019 10:46:58</t>
  </si>
  <si>
    <t>mail.google.com/sync/u/0/i/s?hl=pt-br&amp;c=87</t>
  </si>
  <si>
    <t>12/16/2019 10:47:07</t>
  </si>
  <si>
    <t>mail.google.com/sync/u/0/i/s?hl=pt-br&amp;c=89</t>
  </si>
  <si>
    <t>12/16/2019 10:44:03</t>
  </si>
  <si>
    <t>12/16/2019 10:44:39</t>
  </si>
  <si>
    <t>12/16/2019 10:46:22</t>
  </si>
  <si>
    <t>JOYCE MARIA MENDES DIAS LOPES.txt</t>
  </si>
  <si>
    <t>\\acsfs\DEPTOS\Operacao\Banco_Votorantim\Qualidade\Anderson\Jose\JOYCE MARIA MENDES DIAS LOPES.txt</t>
  </si>
  <si>
    <t>12/16/2019 10:43:04</t>
  </si>
  <si>
    <t>12/16/2019 10:44:04</t>
  </si>
  <si>
    <t>12/16/2019 10:44:34</t>
  </si>
  <si>
    <t>12/16/2019 10:45:04</t>
  </si>
  <si>
    <t>12/16/2019 10:43:59</t>
  </si>
  <si>
    <t>RVTools_AlgarElcano_2019-11-29(2).xlsx</t>
  </si>
  <si>
    <t>12/16/2019 10:44:35</t>
  </si>
  <si>
    <t>Landscape.xlsx</t>
  </si>
  <si>
    <t>12/16/2019 10:45:46</t>
  </si>
  <si>
    <t>12/16/2019 10:50:13</t>
  </si>
  <si>
    <t>12/16/2019 10:47:02</t>
  </si>
  <si>
    <t>12/16/2019 10:51:12</t>
  </si>
  <si>
    <t>12/16/2019 10:47:39</t>
  </si>
  <si>
    <t>12/16/2019 10:53:13</t>
  </si>
  <si>
    <t>12/16/2019 10:47:57</t>
  </si>
  <si>
    <t>mail.google.com/sync/u/0/i/s?hl=pt-br&amp;c=94</t>
  </si>
  <si>
    <t>12/16/2019 10:48:19</t>
  </si>
  <si>
    <t>mail.google.com/sync/u/0/i/s?hl=pt-br&amp;c=96</t>
  </si>
  <si>
    <t>12/16/2019 10:48:22</t>
  </si>
  <si>
    <t>mail.google.com/mail/u/0/jserror?script=https://mail.google.com/mail/u/0/#inbox?compose=cllgckcgljwkkdpwvrlpmdkqlpqvnrhghsmrmcjchffvwflrhzmtllgbptvpndljgncwcchgznb&amp;error=yo&amp;line=not available&amp;txz=p</t>
  </si>
  <si>
    <t>12/16/2019 10:48:30</t>
  </si>
  <si>
    <t>mail.google.com/mail/u/0/jserror?script=https://mail.google.com/mail/u/0/#inbox/fmfcgxwgcqtcttbpdqstmdtsrvgnnftn?compose=cllgckcgljwkkdpwvrlpmdkqlpqvnrhghsmrmcjchffvwflrhzmtllgbptvpndljgncwcchgznb&amp;error=yo&amp;line=not available&amp;txz=p</t>
  </si>
  <si>
    <t>12/16/2019 10:50:49</t>
  </si>
  <si>
    <t>12/16/2019 10:51:27</t>
  </si>
  <si>
    <t>12/16/2019 10:51:49</t>
  </si>
  <si>
    <t>12/16/2019 10:50:58</t>
  </si>
  <si>
    <t>12/16/2019 10:50:59</t>
  </si>
  <si>
    <t>lu2454023e2q0.tmp</t>
  </si>
  <si>
    <t>\\acsfs\profiles$\dhiulliananads\My Documents\lu2454023e2q0.tmp</t>
  </si>
  <si>
    <t>\\acsfs\profiles$\dhiulliananads\My Documents\lu2454023e2q0.tmp\</t>
  </si>
  <si>
    <t>\\acsfs\profiles$\dhiulliananads\My Documents\lu2454023e2q0.tmp\META-INF\</t>
  </si>
  <si>
    <t>\\acsfs\profiles$\dhiulliananads\My Documents\lu2454023e2q0.tmp\Thumbnails\</t>
  </si>
  <si>
    <t>12/16/2019 10:51:29</t>
  </si>
  <si>
    <t>12/16/2019 10:51:30</t>
  </si>
  <si>
    <t>lu2454023e2q5.tmp</t>
  </si>
  <si>
    <t>\\acsfs\profiles$\dhiulliananads\My Documents\lu2454023e2q5.tmp</t>
  </si>
  <si>
    <t>\\acsfs\profiles$\dhiulliananads\My Documents\lu2454023e2q5.tmp\</t>
  </si>
  <si>
    <t>\\acsfs\profiles$\dhiulliananads\My Documents\lu2454023e2q5.tmp\META-INF\</t>
  </si>
  <si>
    <t>\\acsfs\profiles$\dhiulliananads\My Documents\lu2454023e2q5.tmp\Thumbnails\</t>
  </si>
  <si>
    <t>12/16/2019 10:49:26</t>
  </si>
  <si>
    <t>rogerio.silva@cscalgar.com.br;</t>
  </si>
  <si>
    <t>C:\Users\diegorg\Downloads\</t>
  </si>
  <si>
    <t>Certificações Diego Garcia - Tech (1).xlsx</t>
  </si>
  <si>
    <t>rogerio.silva@cscalgar.com.br</t>
  </si>
  <si>
    <t>12/16/2019 10:34:03</t>
  </si>
  <si>
    <t>NEXT 2020.xlsx</t>
  </si>
  <si>
    <t>12/16/2019 10:48:34</t>
  </si>
  <si>
    <t>12/16/2019 10:49:04</t>
  </si>
  <si>
    <t>12/16/2019 10:49:34</t>
  </si>
  <si>
    <t>12/16/2019 10:49:11</t>
  </si>
  <si>
    <t>df27dd6e-7a50-47f3-ba67-00c36b519f98.tmp</t>
  </si>
  <si>
    <t>\\acsfs\profiles$\deborahsi\Downloads\df27dd6e-7a50-47f3-ba67-00c36b519f98.tmp</t>
  </si>
  <si>
    <t>12/16/2019 10:53:20</t>
  </si>
  <si>
    <t>12/16/2019 10:55:13</t>
  </si>
  <si>
    <t>12/16/2019 10:53:22</t>
  </si>
  <si>
    <t>12/16/2019 10:53:18</t>
  </si>
  <si>
    <t>12/16/2019 10:54:39</t>
  </si>
  <si>
    <t>12/16/2019 10:58:13</t>
  </si>
  <si>
    <t>mail.google.com/sync/u/0/i/s?hl=pt-br&amp;c=106</t>
  </si>
  <si>
    <t>12/16/2019 10:54:48</t>
  </si>
  <si>
    <t>12/16/2019 10:56:04</t>
  </si>
  <si>
    <t>mail.google.com/sync/u/0/i/s?hl=pt-br&amp;c=112</t>
  </si>
  <si>
    <t>12/16/2019 10:56:08</t>
  </si>
  <si>
    <t>mail.google.com/sync/u/0/i/s?hl=pt-br&amp;c=114</t>
  </si>
  <si>
    <t>12/16/2019 10:56:32</t>
  </si>
  <si>
    <t>mail.google.com/sync/u/0/i/s?hl=pt-br&amp;c=116</t>
  </si>
  <si>
    <t>12/16/2019 10:56:49</t>
  </si>
  <si>
    <t>12/16/2019 10:57:16</t>
  </si>
  <si>
    <t>mail.google.com/sync/u/0/i/s?hl=pt-br&amp;c=119</t>
  </si>
  <si>
    <t>12/16/2019 10:53:04</t>
  </si>
  <si>
    <t>12/16/2019 10:54:04</t>
  </si>
  <si>
    <t>12/16/2019 10:54:34</t>
  </si>
  <si>
    <t>12/16/2019 10:55:34</t>
  </si>
  <si>
    <t>d6cbea20-1b11-42f7-9987-207d020f1b5d.tmp</t>
  </si>
  <si>
    <t>\\acsfs\profiles$\alicecpbc\Downloads\d6cbea20-1b11-42f7-9987-207d020f1b5d.tmp</t>
  </si>
  <si>
    <t>12/16/2019 10:56:29</t>
  </si>
  <si>
    <t>12/16/2019 11:00:13</t>
  </si>
  <si>
    <t>12/16/2019 10:56:10</t>
  </si>
  <si>
    <t>12/16/2019 11:01:13</t>
  </si>
  <si>
    <t>lu477205lknkp.tmp</t>
  </si>
  <si>
    <t>\\acsfs\profiles$\kamillacr\My Documents\lu477205lknkp.tmp</t>
  </si>
  <si>
    <t>\\acsfs\profiles$\kamillacr\My Documents\lu477205lknkp.tmp\</t>
  </si>
  <si>
    <t>\\acsfs\profiles$\kamillacr\My Documents\lu477205lknkp.tmp\META-INF\</t>
  </si>
  <si>
    <t>\\acsfs\profiles$\kamillacr\My Documents\lu477205lknkp.tmp\Thumbnails\</t>
  </si>
  <si>
    <t>12/16/2019 10:57:31</t>
  </si>
  <si>
    <t>12/16/2019 11:02:13</t>
  </si>
  <si>
    <t>52ac3836-a053-4433-8a1c-9fa6d99c9358.tmp</t>
  </si>
  <si>
    <t>\\acsfs\profiles$\leonardobb\Downloads\52ac3836-a053-4433-8a1c-9fa6d99c9358.tmp</t>
  </si>
  <si>
    <t>12/16/2019 10:58:08</t>
  </si>
  <si>
    <t>52e795f5-b3c3-4a91-9c52-9a118a921670.tmp</t>
  </si>
  <si>
    <t>\\acsfs\profiles$\leonardobb\Downloads\52e795f5-b3c3-4a91-9c52-9a118a921670.tmp</t>
  </si>
  <si>
    <t>12/16/2019 10:57:24</t>
  </si>
  <si>
    <t>12/16/2019 11:03:13</t>
  </si>
  <si>
    <t>mail.google.com/sync/u/0/i/s?hl=pt-br&amp;c=121</t>
  </si>
  <si>
    <t>12/16/2019 10:57:28</t>
  </si>
  <si>
    <t>mail.google.com/sync/u/0/i/s?hl=pt-br&amp;c=124</t>
  </si>
  <si>
    <t>mail.google.com/sync/u/0/i/s?hl=pt-br&amp;c=126</t>
  </si>
  <si>
    <t>12/16/2019 10:57:35</t>
  </si>
  <si>
    <t>mail.google.com/sync/u/0/i/s?hl=pt-br&amp;c=128</t>
  </si>
  <si>
    <t>12/16/2019 10:57:39</t>
  </si>
  <si>
    <t>mail.google.com/sync/u/0/i/s?hl=pt-br&amp;c=131</t>
  </si>
  <si>
    <t>12/16/2019 10:57:49</t>
  </si>
  <si>
    <t>12/16/2019 10:57:50</t>
  </si>
  <si>
    <t>mail.google.com/sync/u/0/i/s?hl=pt-br&amp;c=133</t>
  </si>
  <si>
    <t>12/16/2019 10:58:04</t>
  </si>
  <si>
    <t>mail.google.com/sync/u/0/i/s?hl=pt-br&amp;c=135</t>
  </si>
  <si>
    <t>12/16/2019 11:00:28</t>
  </si>
  <si>
    <t>12/16/2019 11:01:31</t>
  </si>
  <si>
    <t>12/16/2019 11:01:43</t>
  </si>
  <si>
    <t>12/16/2019 10:59:35</t>
  </si>
  <si>
    <t>12/16/2019 11:00:08</t>
  </si>
  <si>
    <t>12/16/2019 10:58:42</t>
  </si>
  <si>
    <t>800bb299-71be-4eee-9a02-1d8f8bf501a6.tmp</t>
  </si>
  <si>
    <t>\\acsfs\profiles$\YASMINSC\Downloads\800bb299-71be-4eee-9a02-1d8f8bf501a6.tmp</t>
  </si>
  <si>
    <t>12/16/2019 10:58:51</t>
  </si>
  <si>
    <t>12/16/2019 11:04:14</t>
  </si>
  <si>
    <t>$IA6YPSE.txt</t>
  </si>
  <si>
    <t>\\acsfs\profiles$\cassianogc\My Documents\$RECYCLE.BIN\$IA6YPSE.txt</t>
  </si>
  <si>
    <t>12/16/2019 11:01:55</t>
  </si>
  <si>
    <t>12/16/2019 11:01:37</t>
  </si>
  <si>
    <t>12/16/2019 11:05:13</t>
  </si>
  <si>
    <t>ed1c1cf1-4c16-429f-966a-22c0aa15e40f.tmp</t>
  </si>
  <si>
    <t>\\acsfs\profiles$\LUCASNS\Downloads\ed1c1cf1-4c16-429f-966a-22c0aa15e40f.tmp</t>
  </si>
  <si>
    <t>12/16/2019 11:01:53</t>
  </si>
  <si>
    <t>1b32ec19-ea73-4bd5-8e38-18a1b6dbd3bd.tmp</t>
  </si>
  <si>
    <t>\\acsfs\profiles$\LUCASNS\Downloads\1b32ec19-ea73-4bd5-8e38-18a1b6dbd3bd.tmp</t>
  </si>
  <si>
    <t>12/16/2019 11:02:51</t>
  </si>
  <si>
    <t>12/16/2019 11:02:52</t>
  </si>
  <si>
    <t>lu158081e5tkw.tmp</t>
  </si>
  <si>
    <t>\\acsfs\profiles$\jonatanls\My Documents\lu158081e5tkw.tmp</t>
  </si>
  <si>
    <t>12/16/2019 11:04:33</t>
  </si>
  <si>
    <t>12/16/2019 11:06:14</t>
  </si>
  <si>
    <t>12/16/2019 11:04:40</t>
  </si>
  <si>
    <t>12/16/2019 11:04:41</t>
  </si>
  <si>
    <t>lu477205lknkt.tmp</t>
  </si>
  <si>
    <t>\\acsfs\profiles$\kamillacr\My Documents\lu477205lknkt.tmp</t>
  </si>
  <si>
    <t>\\acsfs\profiles$\kamillacr\My Documents\lu477205lknkt.tmp\</t>
  </si>
  <si>
    <t>\\acsfs\profiles$\kamillacr\My Documents\lu477205lknkt.tmp\META-INF\</t>
  </si>
  <si>
    <t>\\acsfs\profiles$\kamillacr\My Documents\lu477205lknkt.tmp\Thumbnails\</t>
  </si>
  <si>
    <t>12/16/2019 11:03:59</t>
  </si>
  <si>
    <t>12/16/2019 11:07:13</t>
  </si>
  <si>
    <t>17273303-c943-4719-b0e3-a56b2c8410ae.tmp</t>
  </si>
  <si>
    <t>\\acsfs\profiles$\geovannasm\Downloads\17273303-c943-4719-b0e3-a56b2c8410ae.tmp</t>
  </si>
  <si>
    <t>12/16/2019 11:07:24</t>
  </si>
  <si>
    <t>12/16/2019 11:08:14</t>
  </si>
  <si>
    <t>Coaching GTH Padrão.txt</t>
  </si>
  <si>
    <t>\\acsfs\DEPTOS\Operacao\Banco_Votorantim\Supervisao\SUPERS BV CARTÕES\ADILSON\Coaching GTH Padrão.txt</t>
  </si>
  <si>
    <t>12/16/2019 11:02:50</t>
  </si>
  <si>
    <t>12/16/2019 11:03:22</t>
  </si>
  <si>
    <t>mail.google.com/sync/u/0/i/s?hl=pt-br&amp;c=146</t>
  </si>
  <si>
    <t>12/16/2019 11:03:25</t>
  </si>
  <si>
    <t>mail.google.com/sync/u/0/i/s?hl=pt-br&amp;c=148</t>
  </si>
  <si>
    <t>12/16/2019 11:03:48</t>
  </si>
  <si>
    <t>mail.google.com/sync/u/0/i/s?hl=pt-br&amp;c=152</t>
  </si>
  <si>
    <t>12/16/2019 11:03:50</t>
  </si>
  <si>
    <t>12/16/2019 11:03:51</t>
  </si>
  <si>
    <t>12/16/2019 11:03:57</t>
  </si>
  <si>
    <t>mail.google.com/mail/u/0/jserror?script=https://mail.google.com/mail/u/0/#inbox/fmfcgxwgcqtcttbpdqstmdtsrvgnnftn&amp;error=yo&amp;line=not available&amp;txz=p</t>
  </si>
  <si>
    <t>12/16/2019 11:04:04</t>
  </si>
  <si>
    <t>mail.google.com/mail/u/0/jserror?script=https://mail.google.com/mail/u/0/#sent&amp;error=yo&amp;line=not available&amp;txz=p</t>
  </si>
  <si>
    <t>12/16/2019 11:04:07</t>
  </si>
  <si>
    <t>mail.google.com/mail/u/0/jserror?script=https://mail.google.com/mail/u/0/#sent/ktbxlzgsrzppdqtfvjlnrjmlcrckzmzvml&amp;error=yo&amp;line=not available&amp;txz=p</t>
  </si>
  <si>
    <t>1345&amp;mn=sz:7935,at:1&amp;ai=mail:sd.b28b.20.0/s:v=2&amp;a=lc&amp;sv=di&amp;ev=di&amp;t=732&amp;i=632&amp;ai=mail:lc.b28b.21.0/s:v=2&amp;a=o&amp;sv=di&amp;ev=cv&amp;t=443&amp;i=266&amp;ai=mail:o.b28b.22.0/s:v=2&amp;a=lc&amp;sv=cv&amp;ev=di&amp;t=612.89990234375&amp;i=136.89990234375&amp;ai=mail:lc.b28b.23.0/s:v=2&amp;a=lc&amp;sv=di&amp;ev=tl&amp;t=2893&amp;i=2585&amp;ai=mail:lc.b28b.24.0;</t>
  </si>
  <si>
    <t>12/16/2019 11:04:13</t>
  </si>
  <si>
    <t>12/16/2019 11:04:15</t>
  </si>
  <si>
    <t>mail.google.com/mail/u/0/jserror?script=https://mail.google.com/mail/u/0/#inbox/fmfcgxwgcqtctvjvlhscfrkbhjrkfrxl&amp;error=yo&amp;line=not available&amp;txz=p</t>
  </si>
  <si>
    <t>12/16/2019 11:05:40</t>
  </si>
  <si>
    <t>12/16/2019 11:05:43</t>
  </si>
  <si>
    <t>12/16/2019 11:03:07</t>
  </si>
  <si>
    <t>10.200.66.184</t>
  </si>
  <si>
    <t>74-86-7A-FB-1A-15</t>
  </si>
  <si>
    <t>VOTORANT-WB003</t>
  </si>
  <si>
    <t>marianacgs@algartech.com</t>
  </si>
  <si>
    <t>12/16/2019 11:03:17</t>
  </si>
  <si>
    <t>12/16/2019 11:03:24</t>
  </si>
  <si>
    <t>12/16/2019 11:05:46</t>
  </si>
  <si>
    <t>12/16/2019 11:05:47</t>
  </si>
  <si>
    <t>12/16/2019 11:04:35</t>
  </si>
  <si>
    <t>12/16/2019 11:05:05</t>
  </si>
  <si>
    <t>12/16/2019 11:06:05</t>
  </si>
  <si>
    <t>12/16/2019 11:05:25</t>
  </si>
  <si>
    <t>12/16/2019 11:10:13</t>
  </si>
  <si>
    <t>1fb67af5-e8c7-49cb-b0ad-b26759f481fe.tmp</t>
  </si>
  <si>
    <t>\\acsfs\profiles$\geovanaasa\Downloads\1fb67af5-e8c7-49cb-b0ad-b26759f481fe.tmp</t>
  </si>
  <si>
    <t>12/16/2019 11:06:08</t>
  </si>
  <si>
    <t>12/16/2019 11:11:13</t>
  </si>
  <si>
    <t>FTE_Caixa_Nov - Copia.xlsb</t>
  </si>
  <si>
    <t>12/16/2019 11:09:03</t>
  </si>
  <si>
    <t>12/16/2019 11:12:14</t>
  </si>
  <si>
    <t>6e8bff96-0744-4215-9a6a-dbb01bebd004.tmp</t>
  </si>
  <si>
    <t>\\acsfs\profiles$\geovannasm\Downloads\6e8bff96-0744-4215-9a6a-dbb01bebd004.tmp</t>
  </si>
  <si>
    <t>12/16/2019 11:09:36</t>
  </si>
  <si>
    <t>Férias - Youse SAC</t>
  </si>
  <si>
    <t>Controle de Férias Fina2.xls</t>
  </si>
  <si>
    <t>12/16/2019 11:10:53</t>
  </si>
  <si>
    <t>7af52b97-7b21-4e9a-bed6-85ca722d294b.tmp</t>
  </si>
  <si>
    <t>\\acsfs\profiles$\gabrielarb\Downloads\7af52b97-7b21-4e9a-bed6-85ca722d294b.tmp</t>
  </si>
  <si>
    <t>12/16/2019 11:07:53</t>
  </si>
  <si>
    <t>12/16/2019 11:13:14</t>
  </si>
  <si>
    <t>mail.google.com/mail/u/0/jserror?script=https://mail.google.com/mail/u/0/#inbox/fmfcgxwgcqtctvknggnzswqszzvgjfdf&amp;error=yo&amp;line=not available&amp;txz=p</t>
  </si>
  <si>
    <t>12/16/2019 11:07:55</t>
  </si>
  <si>
    <t>361&amp;i=182&amp;ai=mail:o.b28b.25.1/s:v=2&amp;a=lc&amp;sv=cv&amp;ev=di&amp;t=1246&amp;i=336&amp;ai=mail:lc.b28b.26.0/s:v=2&amp;a=o&amp;sv=di&amp;ev=cv&amp;t=455&amp;i=278&amp;ai=mail:o.b28b.27.0/s:v=2&amp;a=lc&amp;sv=cv&amp;ev=di&amp;t=659&amp;i=135&amp;ai=mail:lc.b28b.28.0</t>
  </si>
  <si>
    <t>12/16/2019 11:08:02</t>
  </si>
  <si>
    <t>12/16/2019 11:08:03</t>
  </si>
  <si>
    <t>mail.google.com/mail/u/0/jserror?script=https://mail.google.com/mail/u/0/#inbox/fmfcgxwgcqtctvknjstkjzvcrxvvtcxv&amp;error=yo&amp;line=not available&amp;txz=p</t>
  </si>
  <si>
    <t>12/16/2019 11:08:56</t>
  </si>
  <si>
    <t>12/16/2019 11:09:47</t>
  </si>
  <si>
    <t>12/16/2019 11:09:50</t>
  </si>
  <si>
    <t>12/16/2019 11:09:59</t>
  </si>
  <si>
    <t>mail.google.com/mail/u/0/jserror?script=https://mail.google.com/mail/u/0/#starred&amp;error=yo&amp;line=not available&amp;txz=p</t>
  </si>
  <si>
    <t>12/16/2019 11:09:05</t>
  </si>
  <si>
    <t>12/16/2019 11:11:43</t>
  </si>
  <si>
    <t>12/16/2019 11:16:14</t>
  </si>
  <si>
    <t>mail.google.com/_/upload?authuser=1&amp;dcp=asu-n&amp;upload_id=AEnB2UpIC6O0EDzZtiMsS4TcqY3smE8c3iedPGt9mEJDS7ghon6eWkhL5Y8An8-bO88LZYqjQy5xi0MS46IyIVawHXrr-S9bo2ApTU8qejw2US2euDFztYU&amp;upload_protocol=resumable</t>
  </si>
  <si>
    <t>FTE_Caixa_Dez.xlsb</t>
  </si>
  <si>
    <t>12/16/2019 11:12:34</t>
  </si>
  <si>
    <t>FTE_BV_Nov19_v2 - Copia.xlsb</t>
  </si>
  <si>
    <t>12/16/2019 11:15:52</t>
  </si>
  <si>
    <t>12/16/2019 11:17:14</t>
  </si>
  <si>
    <t>Cenários Retenção Contingências V2.xlsx</t>
  </si>
  <si>
    <t>12/16/2019 11:14:33</t>
  </si>
  <si>
    <t>/o=exchangelabs/ou=exchange administrative group (fydibohf23spdlt)/cn=recipients/cn=anderson pereira chaves;michelbdsa@algartech.com;wasleylc@algartech.com;</t>
  </si>
  <si>
    <t>Férias - Youse Receptivo</t>
  </si>
  <si>
    <t>/o=exchangelabs/ou=exchange administrative group (fydibohf23spdlt)/cn=recipients/cn=anderson pereira chaves,michelbdsa@algartech.com,wasleylc@algartech.com</t>
  </si>
  <si>
    <t>12/16/2019 11:16:36</t>
  </si>
  <si>
    <t>/o=exchangelabs/ou=exchange administrative group (fydibohf23spdlt)/cn=recipients/cn=14c08a8300184ee2bc1d99a9b08e4b56-andrea mari;/o=exchangelabs/ou=exchange administrative group (fydibohf23spdlt)/cn=recipients/cn=2ac887867ba14793b9e5f0874f3080cd-marcia regi;/o=exchangelabs/ou=exchange administrative group (fydibohf23spdlt)/cn=recipients/cn=anderson pereira chaves;wasleylc@algartech.com;</t>
  </si>
  <si>
    <t>Férias - Youse Ativo</t>
  </si>
  <si>
    <t>/o=exchangelabs/ou=exchange administrative group (fydibohf23spdlt)/cn=recipients/cn=14c08a8300184ee2bc1d99a9b08e4b56-andrea mari,/o=exchangelabs/ou=exchange administrative group (fydibohf23spdlt)/cn=recipients/cn=2ac887867ba14793b9e5f0874f3080cd-marcia regi,/o=exchangelabs/ou=exchange administrative group (fydibohf23spdlt)/cn=recipients/cn=anderson pereira chaves,wasleylc@algartech.com</t>
  </si>
  <si>
    <t>12/16/2019 11:12:29</t>
  </si>
  <si>
    <t>12/16/2019 11:18:14</t>
  </si>
  <si>
    <t>12/16/2019 11:12:41</t>
  </si>
  <si>
    <t>12/16/2019 11:12:47</t>
  </si>
  <si>
    <t>mail.google.com/mail/u/0/jserror?script=https://mail.google.com/mail/u/0/#inbox/fmfcgxwgcqtctvkqlkmzgpcknzzxkbkl&amp;error=yo&amp;line=not available&amp;txz=p</t>
  </si>
  <si>
    <t>12/16/2019 11:14:50</t>
  </si>
  <si>
    <t>12/16/2019 11:14:55</t>
  </si>
  <si>
    <t>mail.google.com/sync/u/0/i/s?hl=pt-br&amp;c=214</t>
  </si>
  <si>
    <t>12/16/2019 11:15:29</t>
  </si>
  <si>
    <t>mail.google.com/sync/u/0/i/s?hl=pt-br&amp;c=216</t>
  </si>
  <si>
    <t>12/16/2019 11:15:50</t>
  </si>
  <si>
    <t>12/16/2019 11:15:51</t>
  </si>
  <si>
    <t>mail.google.com/sync/u/0/i/s?hl=pt-br&amp;c=219</t>
  </si>
  <si>
    <t>12/16/2019 11:16:10</t>
  </si>
  <si>
    <t>mail.google.com/sync/u/0/i/s?hl=pt-br&amp;c=221</t>
  </si>
  <si>
    <t>12/16/2019 11:16:15</t>
  </si>
  <si>
    <t>mail.google.com/sync/u/0/i/s?hl=pt-br&amp;c=223</t>
  </si>
  <si>
    <t>12/16/2019 11:16:28</t>
  </si>
  <si>
    <t>12/16/2019 11:16:32</t>
  </si>
  <si>
    <t>mail.google.com/sync/u/0/i/s?hl=pt-br&amp;c=225</t>
  </si>
  <si>
    <t>12/16/2019 11:16:38</t>
  </si>
  <si>
    <t>mail.google.com/sync/u/0/i/s?hl=pt-br&amp;c=228</t>
  </si>
  <si>
    <t>12/16/2019 11:16:43</t>
  </si>
  <si>
    <t>mail.google.com/sync/u/0/i/s?hl=pt-br&amp;c=230</t>
  </si>
  <si>
    <t>12/16/2019 11:17:12</t>
  </si>
  <si>
    <t>mail.google.com/sync/u/0/i/s?hl=pt-br&amp;c=232</t>
  </si>
  <si>
    <t>12/16/2019 11:13:47</t>
  </si>
  <si>
    <t>12/16/2019 11:19:14</t>
  </si>
  <si>
    <t>12/16/2019 11:19:40</t>
  </si>
  <si>
    <t>12/16/2019 11:21:14</t>
  </si>
  <si>
    <t>FTE_BV_Dez19.xlsb</t>
  </si>
  <si>
    <t>12/16/2019 11:16:18</t>
  </si>
  <si>
    <t>48103571-3279-4bee-8eb1-be08b2a21797.tmp</t>
  </si>
  <si>
    <t>\\acsfs\profiles$\valeriasda\Downloads\48103571-3279-4bee-8eb1-be08b2a21797.tmp</t>
  </si>
  <si>
    <t>12/16/2019 11:19:20</t>
  </si>
  <si>
    <t>bca47e46-fa61-4daa-bda5-862abfb59fb0.tmp</t>
  </si>
  <si>
    <t>\\acsfs\profiles$\gabrielafs\Downloads\bca47e46-fa61-4daa-bda5-862abfb59fb0.tmp</t>
  </si>
  <si>
    <t>12/16/2019 11:17:50</t>
  </si>
  <si>
    <t>12/16/2019 11:22:14</t>
  </si>
  <si>
    <t>51a01a30-1280-4d3b-ad6e-349fa1f883a4.tmp</t>
  </si>
  <si>
    <t>\\acsfs\profiles$\gabrielarb\Downloads\51a01a30-1280-4d3b-ad6e-349fa1f883a4.tmp</t>
  </si>
  <si>
    <t>12/16/2019 11:20:03</t>
  </si>
  <si>
    <t>87ec619d-b74c-4eec-a7e6-14ed653a7133.tmp</t>
  </si>
  <si>
    <t>\\acsfs\profiles$\gabrielarb\Downloads\87ec619d-b74c-4eec-a7e6-14ed653a7133.tmp</t>
  </si>
  <si>
    <t>12/16/2019 11:20:11</t>
  </si>
  <si>
    <t>7ff250f0-e2e6-4ae8-a9d5-5c562891c34e.tmp</t>
  </si>
  <si>
    <t>\\acsfs\profiles$\gabrielarb\Downloads\7ff250f0-e2e6-4ae8-a9d5-5c562891c34e.tmp</t>
  </si>
  <si>
    <t>12/16/2019 11:17:36</t>
  </si>
  <si>
    <t>12/16/2019 11:23:14</t>
  </si>
  <si>
    <t>mail.google.com/sync/u/0/i/s?hl=pt-br&amp;c=234</t>
  </si>
  <si>
    <t>12/16/2019 11:17:41</t>
  </si>
  <si>
    <t>mail.google.com/sync/u/0/i/s?hl=pt-br&amp;c=237</t>
  </si>
  <si>
    <t>12/16/2019 11:18:09</t>
  </si>
  <si>
    <t>mail.google.com/sync/u/0/i/s?hl=pt-br&amp;c=239</t>
  </si>
  <si>
    <t>mail.google.com/sync/u/0/i/s?hl=pt-br&amp;c=241</t>
  </si>
  <si>
    <t>12/16/2019 11:18:19</t>
  </si>
  <si>
    <t>mail.google.com/sync/u/0/i/s?hl=pt-br&amp;c=243</t>
  </si>
  <si>
    <t>12/16/2019 11:18:21</t>
  </si>
  <si>
    <t>12/16/2019 11:20:50</t>
  </si>
  <si>
    <t>12/16/2019 11:21:50</t>
  </si>
  <si>
    <t>12/16/2019 11:22:43</t>
  </si>
  <si>
    <t>12/16/2019 11:25:13</t>
  </si>
  <si>
    <t>Importar_Quadro_Colaboradores_Sinergy - Quille (2).xlsx</t>
  </si>
  <si>
    <t>12/16/2019 11:23:04</t>
  </si>
  <si>
    <t>12/16/2019 11:20:31</t>
  </si>
  <si>
    <t>12/16/2019 11:26:14</t>
  </si>
  <si>
    <t>mail.google.com/_/upload?authuser=1&amp;dcp=asu-n&amp;upload_id=AEnB2Uq1iX9LIdPySLlUCoPOguZj30XQieDv6uG9-XHUTV1H8woRTXOEpjTrdtlcZXeNpCNKgmKUAU_puIARRZ7OW8ANb8b3NBR_YWmjaRr88NCwIc9RUBg&amp;upload_protocol=resumable</t>
  </si>
  <si>
    <t>12/16/2019 11:24:55</t>
  </si>
  <si>
    <t>12/16/2019 11:25:31</t>
  </si>
  <si>
    <t>C:\Users\miriantof\Desktop\</t>
  </si>
  <si>
    <t>Bradesco_Incluir CR.xlsx</t>
  </si>
  <si>
    <t>12/16/2019 11:22:42</t>
  </si>
  <si>
    <t>12/16/2019 11:23:57</t>
  </si>
  <si>
    <t>12/16/2019 11:23:58</t>
  </si>
  <si>
    <t>lu477205lknkx.tmp</t>
  </si>
  <si>
    <t>\\acsfs\profiles$\kamillacr\My Documents\lu477205lknkx.tmp</t>
  </si>
  <si>
    <t>\\acsfs\profiles$\kamillacr\My Documents\lu477205lknkx.tmp\</t>
  </si>
  <si>
    <t>\\acsfs\profiles$\kamillacr\My Documents\lu477205lknkx.tmp\META-INF\</t>
  </si>
  <si>
    <t>\\acsfs\profiles$\kamillacr\My Documents\lu477205lknkx.tmp\Thumbnails\</t>
  </si>
  <si>
    <t>12/16/2019 11:24:13</t>
  </si>
  <si>
    <t>12/16/2019 11:25:33</t>
  </si>
  <si>
    <t>10.200.67.139</t>
  </si>
  <si>
    <t>C:\Users\andrelpsa\Desktop\Comissão e Incentivo\</t>
  </si>
  <si>
    <t>Comissão _ CRBV Vendas _ Dez.19.xlsx</t>
  </si>
  <si>
    <t>Incentivo BV _ SAC BV _ Dez.19.xlsx</t>
  </si>
  <si>
    <t>12/16/2019 11:26:50</t>
  </si>
  <si>
    <t>12/16/2019 11:28:14</t>
  </si>
  <si>
    <t>12/16/2019 11:25:45</t>
  </si>
  <si>
    <t>mail.google.com/_/upload?authuser=0&amp;dcp=asu-n&amp;upload_id=AEnB2UrJKpO4dFtNYHVZfwc_kTW6efQIn1m1hxoDt1MBeoraGjTA1HwbLiMDM30z53q4LJOTdSRIAKFu6yur_ttT8W3Q4SZLkj885Uoz0QJcDogghYOl07I&amp;upload_protocol=resumable</t>
  </si>
  <si>
    <t>C:\Users\gustavoas\Documents\Algar Tech Local\RAO\RAO_GAT_Desafios_2020.pptx\</t>
  </si>
  <si>
    <t>12/16/2019 11:25:57</t>
  </si>
  <si>
    <t>mail.google.com/_/upload?authuser=0&amp;dcp=asu-n&amp;upload_id=AEnB2UqWbBTVRirn-oEye0xAESLPMS2xeG4KOhEc9raWImnVXsMqeNo7nEyWKhUoLm2WtIKHeuJWIChQu63JnIBWX_zPo9LW7SOEl_Ot8kIpGEQ6NG95kc0&amp;upload_protocol=resumable</t>
  </si>
  <si>
    <t>Compromissos Servico - Egidio.xlsx</t>
  </si>
  <si>
    <t>12/16/2019 11:24:04</t>
  </si>
  <si>
    <t>12/16/2019 11:29:13</t>
  </si>
  <si>
    <t>12/16/2019 11:25:05</t>
  </si>
  <si>
    <t>12/16/2019 11:30:14</t>
  </si>
  <si>
    <t>12/16/2019 11:25:27</t>
  </si>
  <si>
    <t>12/16/2019 11:26:57</t>
  </si>
  <si>
    <t>mail.google.com/_/upload?authuser=0&amp;dcp=asu-n&amp;upload_id=AEnB2Up2LAzuGEq_ujip_If_LYTLTFxGahRT7sLT6G5phntSDDBO46O6OxxTr2h2FIvI3E3-XwOLoWvsrGl2hntoXseOFvwvEQ&amp;upload_protocol=resumable</t>
  </si>
  <si>
    <t>annecsm@algartech.com;cintia.nunes@algartech.com;gabriela.harben@caixaseguradora.com.br;leonardoefo@algartech.com;lucia.farias@algar.com.br;mariliafsc@algartech.com;ouvidoria@algartech.com;thallitaarg@algartech.com;</t>
  </si>
  <si>
    <t>\\acsfs\DEPTOS\Operacao\CAIXA\Gerencia\IRIS LOPES\2019\DIREN\</t>
  </si>
  <si>
    <t>Acompanhamento de ações DIREN V4 dezembro.xlsx</t>
  </si>
  <si>
    <t>annecsm@algartech.com,cintia.nunes@algartech.com,gabriela.harben@caixaseguradora.com.br,leonardoefo@algartech.com,lucia.farias@algar.com.br,mariliafsc@algartech.com,ouvidoria@algartech.com,thallitaarg@algartech.com</t>
  </si>
  <si>
    <t>12/16/2019 11:26:37</t>
  </si>
  <si>
    <t>12/16/2019 11:31:13</t>
  </si>
  <si>
    <t>12/16/2019 11:30:13</t>
  </si>
  <si>
    <t>12/16/2019 11:32:14</t>
  </si>
  <si>
    <t>CURVA NORMAL - 13/12/2019</t>
  </si>
  <si>
    <t>12/16/2019 11:27:50</t>
  </si>
  <si>
    <t>12/16/2019 11:33:13</t>
  </si>
  <si>
    <t>12/16/2019 11:32:27</t>
  </si>
  <si>
    <t>12/16/2019 11:31:07</t>
  </si>
  <si>
    <t>C:\Users\diegobg\Downloads\</t>
  </si>
  <si>
    <t>FORMULARIO DE FORNECEDOR DETERMINADO_.doc</t>
  </si>
  <si>
    <t>12/16/2019 11:29:47</t>
  </si>
  <si>
    <t>mail.google.com/_/upload?authuser=2&amp;dcp=asu-n&amp;upload_id=AEnB2UqyDvVB21REQ6uLrMjpXjNeBPvgczhIHLUWpmT9Jnj3F_sLVBg0bT5q4V2gmehWLazU8xLNgrYBT3N3FsOnh-Dcxw5bEHbqjYXRg5akFnbIT73vGa4&amp;upload_protocol=resumable</t>
  </si>
  <si>
    <t>Distribuição - OTJ.xls</t>
  </si>
  <si>
    <t>12/16/2019 11:23:34</t>
  </si>
  <si>
    <t>12/16/2019 11:34:14</t>
  </si>
  <si>
    <t>12/16/2019 11:35:14</t>
  </si>
  <si>
    <t>\\acsfs\deptos\CAS - Coordenação de Arquitetura de Soluções\Gestão da Área\01 - Controle de Férias\</t>
  </si>
  <si>
    <t>Controle de Férias - Patrícia Araújo.xlsx</t>
  </si>
  <si>
    <t>12/16/2019 11:30:17</t>
  </si>
  <si>
    <t>mail.google.com/mail/u/0/?hl=pt-BR#inbox?compose=CllgCKCCRnHBdfMLmsXCtXVrKdbMMMSjzvbjlJChzDvTmQLfdZTtxJDddhtXrQnmnFbXVvjCgcL</t>
  </si>
  <si>
    <t>Lista de Venda..xlsx</t>
  </si>
  <si>
    <t>12/16/2019 11:30:45</t>
  </si>
  <si>
    <t>12/16/2019 11:36:14</t>
  </si>
  <si>
    <t>12/16/2019 11:32:50</t>
  </si>
  <si>
    <t>12/16/2019 11:38:13</t>
  </si>
  <si>
    <t>12/16/2019 11:33:50</t>
  </si>
  <si>
    <t>12/16/2019 11:37:33</t>
  </si>
  <si>
    <t>12/16/2019 11:33:20</t>
  </si>
  <si>
    <t>a67ffa6f-8489-440e-afe4-b03b704136b0.tmp</t>
  </si>
  <si>
    <t>\\acsfs\profiles$\YASMINSC\Downloads\a67ffa6f-8489-440e-afe4-b03b704136b0.tmp</t>
  </si>
  <si>
    <t>12/16/2019 11:39:12</t>
  </si>
  <si>
    <t>12/16/2019 11:40:14</t>
  </si>
  <si>
    <t>12/16/2019 11:36:10</t>
  </si>
  <si>
    <t>2c1e787f-60b2-4e59-82c6-eaafe62a1423.tmp</t>
  </si>
  <si>
    <t>\\acsfs\profiles$\paulovadc\Downloads\2c1e787f-60b2-4e59-82c6-eaafe62a1423.tmp</t>
  </si>
  <si>
    <t>12/16/2019 11:35:38</t>
  </si>
  <si>
    <t>12/16/2019 11:40:33</t>
  </si>
  <si>
    <t>12/16/2019 11:42:14</t>
  </si>
  <si>
    <t>mail.google.com/_/upload?authuser=1&amp;dcp=asu-n&amp;upload_id=AEnB2UoHqKeoMPXCL2lQsVBcYaO4-sYfeXo4_o6q9oRpeqGHUoLb3j5ZA-KaENRbYrIJLFJfxRJrhhPJhqKaABB3YoNFRiNJKc0MREYLs12HJUIvYFClQ6I&amp;upload_protocol=resumable</t>
  </si>
  <si>
    <t>TIM BBN - Expurgos Solicitados - W2.xlsx</t>
  </si>
  <si>
    <t>12/16/2019 11:38:05</t>
  </si>
  <si>
    <t>12/16/2019 11:43:15</t>
  </si>
  <si>
    <t>12/16/2019 11:38:50</t>
  </si>
  <si>
    <t>12/16/2019 11:39:50</t>
  </si>
  <si>
    <t>12/16/2019 11:42:04</t>
  </si>
  <si>
    <t>12/16/2019 11:43:22</t>
  </si>
  <si>
    <t>12/16/2019 11:45:14</t>
  </si>
  <si>
    <t>12/16/2019 11:39:36</t>
  </si>
  <si>
    <t>C:\Users\pauloslj\Downloads\</t>
  </si>
  <si>
    <t>Exporta_Unica_Leads (3).xlsx</t>
  </si>
  <si>
    <t>12/16/2019 11:43:17</t>
  </si>
  <si>
    <t>12/16/2019 11:46:14</t>
  </si>
  <si>
    <t>fernandorsju@algartech.com;talmaiardo@algartech.com;thiagordu@algartech.com;</t>
  </si>
  <si>
    <t>fernandorsju@algartech.com,talmaiardo@algartech.com,thiagordu@algartech.com</t>
  </si>
  <si>
    <t>12/16/2019 11:43:27</t>
  </si>
  <si>
    <t>12/16/2019 11:43:31</t>
  </si>
  <si>
    <t>12/16/2019 11:43:36</t>
  </si>
  <si>
    <t>mail.google.com/sync/u/0/i/s?hl=pt-BR&amp;c=76</t>
  </si>
  <si>
    <t>12/16/2019 11:43:43</t>
  </si>
  <si>
    <t>12/16/2019 11:44:14</t>
  </si>
  <si>
    <t>12/16/2019 11:44:18</t>
  </si>
  <si>
    <t>12/16/2019 11:44:20</t>
  </si>
  <si>
    <t>12/16/2019 11:44:35</t>
  </si>
  <si>
    <t>mail.google.com/sync/u/0/i/s?hl=pt-BR&amp;c=89</t>
  </si>
  <si>
    <t>12/16/2019 11:44:46</t>
  </si>
  <si>
    <t>DePara_Producao.xlsx</t>
  </si>
  <si>
    <t>12/16/2019 11:41:52</t>
  </si>
  <si>
    <t>12/16/2019 11:47:14</t>
  </si>
  <si>
    <t>bef7506e-d0a2-4692-be1d-e962bc5c7473.tmp</t>
  </si>
  <si>
    <t>\\acsfs\profiles$\geovannasm\Downloads\bef7506e-d0a2-4692-be1d-e962bc5c7473.tmp</t>
  </si>
  <si>
    <t>12/16/2019 11:42:08</t>
  </si>
  <si>
    <t>6a20d97d-1046-4301-8fc7-99af52168b40.tmp</t>
  </si>
  <si>
    <t>\\acsfs\profiles$\matheushds\Downloads\6a20d97d-1046-4301-8fc7-99af52168b40.tmp</t>
  </si>
  <si>
    <t>12/16/2019 11:43:35</t>
  </si>
  <si>
    <t>10.211.3.53</t>
  </si>
  <si>
    <t>C:\Users\leonardo.caetano\Desktop\Controles Mesa Digital\</t>
  </si>
  <si>
    <t>12/16/2019 11:44:50</t>
  </si>
  <si>
    <t>12/16/2019 11:48:14</t>
  </si>
  <si>
    <t>12/16/2019 11:45:50</t>
  </si>
  <si>
    <t>12/16/2019 11:43:34</t>
  </si>
  <si>
    <t>12/16/2019 11:49:11</t>
  </si>
  <si>
    <t>12/16/2019 11:50:14</t>
  </si>
  <si>
    <t>118ce02c-d50a-40e6-b4d1-8f470df43d26.tmp</t>
  </si>
  <si>
    <t>\\acsfs\profiles$\paulovadc\Downloads\118ce02c-d50a-40e6-b4d1-8f470df43d26.tmp</t>
  </si>
  <si>
    <t>12/16/2019 11:46:57</t>
  </si>
  <si>
    <t>12/16/2019 11:49:56</t>
  </si>
  <si>
    <t>12/16/2019 11:51:15</t>
  </si>
  <si>
    <t>12/16/2019 11:45:49</t>
  </si>
  <si>
    <t>12/16/2019 11:46:03</t>
  </si>
  <si>
    <t>mail.google.com/sync/u/0/i/s?hl=pt-BR&amp;c=94</t>
  </si>
  <si>
    <t>12/16/2019 11:50:50</t>
  </si>
  <si>
    <t>12/16/2019 11:53:14</t>
  </si>
  <si>
    <t>12/16/2019 11:51:50</t>
  </si>
  <si>
    <t>12/16/2019 11:51:12</t>
  </si>
  <si>
    <t>12/16/2019 11:55:14</t>
  </si>
  <si>
    <t>c101ba8a-1cad-40df-a51e-e9a157d62b7f.tmp</t>
  </si>
  <si>
    <t>\\acsfs\profiles$\wenderbnm\Downloads\c101ba8a-1cad-40df-a51e-e9a157d62b7f.tmp</t>
  </si>
  <si>
    <t>12/16/2019 11:53:57</t>
  </si>
  <si>
    <t>12/16/2019 11:57:14</t>
  </si>
  <si>
    <t>30a4ffbb-dee6-4d4a-bcfe-6e809f6b7b1a.tmp</t>
  </si>
  <si>
    <t>\\acsfs\profiles$\leticiala\Downloads\30a4ffbb-dee6-4d4a-bcfe-6e809f6b7b1a.tmp</t>
  </si>
  <si>
    <t>12/16/2019 11:55:21</t>
  </si>
  <si>
    <t>ab823c43-2ee7-43c5-9cda-57a059df1b6c.tmp</t>
  </si>
  <si>
    <t>\\acsfs\profiles$\leticiala\Downloads\ab823c43-2ee7-43c5-9cda-57a059df1b6c.tmp</t>
  </si>
  <si>
    <t>12/16/2019 11:54:51</t>
  </si>
  <si>
    <t>12/16/2019 11:58:14</t>
  </si>
  <si>
    <t>12/16/2019 11:56:50</t>
  </si>
  <si>
    <t>12/16/2019 11:54:37</t>
  </si>
  <si>
    <t>12/16/2019 12:00:14</t>
  </si>
  <si>
    <t>Avaliação - Prodex.xlsx</t>
  </si>
  <si>
    <t>12/16/2019 11:56:44</t>
  </si>
  <si>
    <t>bd7ece1f-2185-4f85-99a1-9518691d957d.tmp</t>
  </si>
  <si>
    <t>\\acsfs\profiles$\wenderbnm\Downloads\bd7ece1f-2185-4f85-99a1-9518691d957d.tmp</t>
  </si>
  <si>
    <t>12/16/2019 11:56:49</t>
  </si>
  <si>
    <t>e65cc172-28ec-4cee-bdca-86ff3b3c9dec.tmp</t>
  </si>
  <si>
    <t>\\acsfs\profiles$\wenderbnm\Downloads\e65cc172-28ec-4cee-bdca-86ff3b3c9dec.tmp</t>
  </si>
  <si>
    <t>12/16/2019 11:58:27</t>
  </si>
  <si>
    <t>7dcb9003-e0fb-4db9-b039-bc6a39c29184.tmp</t>
  </si>
  <si>
    <t>\\acsfs\profiles$\wenderbnm\Downloads\7dcb9003-e0fb-4db9-b039-bc6a39c29184.tmp</t>
  </si>
  <si>
    <t>12/16/2019 11:58:41</t>
  </si>
  <si>
    <t>12/16/2019 12:01:14</t>
  </si>
  <si>
    <t>12/16/2019 11:56:05</t>
  </si>
  <si>
    <t>12/16/2019 11:59:51</t>
  </si>
  <si>
    <t>lu477205lknl1.tmp</t>
  </si>
  <si>
    <t>\\acsfs\profiles$\kamillacr\My Documents\lu477205lknl1.tmp</t>
  </si>
  <si>
    <t>\\acsfs\profiles$\kamillacr\My Documents\lu477205lknl1.tmp\</t>
  </si>
  <si>
    <t>\\acsfs\profiles$\kamillacr\My Documents\lu477205lknl1.tmp\META-INF\</t>
  </si>
  <si>
    <t>\\acsfs\profiles$\kamillacr\My Documents\lu477205lknl1.tmp\Thumbnails\</t>
  </si>
  <si>
    <t>12/16/2019 12:01:24</t>
  </si>
  <si>
    <t>12/16/2019 12:02:13</t>
  </si>
  <si>
    <t>7289311a-fd82-4779-b373-2d3709840039.tmp</t>
  </si>
  <si>
    <t>\\acsfs\profiles$\geovannasm\Downloads\7289311a-fd82-4779-b373-2d3709840039.tmp</t>
  </si>
  <si>
    <t>12/16/2019 11:57:50</t>
  </si>
  <si>
    <t>12/16/2019 12:03:14</t>
  </si>
  <si>
    <t>12/16/2019 12:00:42</t>
  </si>
  <si>
    <t>mail.google.com/mail/u/0/jserror?script=https://mail.google.com/mail/u/0/#inbox/fmfcgxwgcqtctzbcwhvbthbjjhwqzttb&amp;error=yo&amp;line=not available&amp;txz=p</t>
  </si>
  <si>
    <t>12/16/2019 12:02:18</t>
  </si>
  <si>
    <t>12/16/2019 12:02:19</t>
  </si>
  <si>
    <t>12/16/2019 12:02:24</t>
  </si>
  <si>
    <t>12/16/2019 12:04:14</t>
  </si>
  <si>
    <t>12/16/2019 12:05:14</t>
  </si>
  <si>
    <t>12/16/2019 12:02:59</t>
  </si>
  <si>
    <t>12/16/2019 12:02:50</t>
  </si>
  <si>
    <t>12/16/2019 12:02:51</t>
  </si>
  <si>
    <t>C:\Users\marcos.pereira\Downloads\Anexo IB - FTTS São Gonçalo - TRJ.PPTX\</t>
  </si>
  <si>
    <t>C:\Users\marcos.pereira\Downloads\Anexo IB - FTTS São Gonçalo - TRJ.PPTX\oleObject1.dat\s4\</t>
  </si>
  <si>
    <t>C:\Users\marcos.pereira\Downloads\Anexo IB - FTTS São Gonçalo - TRJ.PPTX\oleObject2.dat\s4\</t>
  </si>
  <si>
    <t>mail.google.com/_/upload?authuser=0&amp;dcp=asu-n&amp;upload_id=AEnB2Up32QnE77Sqes07-6BWpy9EDQ8cYK6kmpRuLs8jg6kSo0K1zGEPCxWe2Iq9uM2WnEANQgA66YDC9n5yMD7QRNZlkycau0Xd17zW1iH9NSO7GYBDiQ0&amp;upload_protocol=resumable</t>
  </si>
  <si>
    <t>12/16/2019 12:06:13</t>
  </si>
  <si>
    <t>Mobilizações_Orçamentos executados Consolidado Algar.xlsx</t>
  </si>
  <si>
    <t>mail.google.com/_/upload?authuser=0&amp;dcp=asu-n&amp;upload_id=AEnB2Uod_zKaqUapggmF0J8GdIK-viAgJ60DamwqhNNIcnffVH0yru-tE9YF2sa_JNC3pVS3h1-zzx-YMYeKgzeDKsQzHI80jA&amp;upload_protocol=resumable</t>
  </si>
  <si>
    <t>cms_files_57445_1567629839Planilha_Itausa (1).xlsx</t>
  </si>
  <si>
    <t>E:\INVESTIMENTOS\AÇÕES\cms_files_57445_1567629839Planilha_Itausa (1).xlsx</t>
  </si>
  <si>
    <t>Extrato Conta Corrente-121220191924.xls</t>
  </si>
  <si>
    <t>E:\INVESTIMENTOS\Extrato Conta Corrente-121220191924.xls</t>
  </si>
  <si>
    <t>E:\INVESTIMENTOS\EXTRATO-CONTA-CORRENTE\</t>
  </si>
  <si>
    <t>Extrato Conta Corrente-12-12-2019.xlsx</t>
  </si>
  <si>
    <t>E:\INVESTIMENTOS\EXTRATO-CONTA-CORRENTE\Extrato Conta Corrente-12-12-2019.xlsx</t>
  </si>
  <si>
    <t>12/13/2019 07:18:49</t>
  </si>
  <si>
    <t>C:\ACEITAÇÃO-SITES\</t>
  </si>
  <si>
    <t>EXECUTADOS-ES.xls</t>
  </si>
  <si>
    <t>E:\ACEITAÇÃO-SITES\EXECUTADOS-ES.xls</t>
  </si>
  <si>
    <t>12/13/2019 07:18:50</t>
  </si>
  <si>
    <t>EXECUTADOS.xls</t>
  </si>
  <si>
    <t>E:\ACEITAÇÃO-SITES\EXECUTADOS.xls</t>
  </si>
  <si>
    <t>12/13/2019 07:18:52</t>
  </si>
  <si>
    <t>MODELO-ACEITAÇÃO DE SITES.xlsx</t>
  </si>
  <si>
    <t>E:\ACEITAÇÃO-SITES\MODELO-ACEITAÇÃO DE SITES.xlsx</t>
  </si>
  <si>
    <t>12/13/2019 07:18:53</t>
  </si>
  <si>
    <t>Pasta6.xlsx</t>
  </si>
  <si>
    <t>E:\ACEITAÇÃO-SITES\Pasta6.xlsx</t>
  </si>
  <si>
    <t>12/13/2019 07:18:54</t>
  </si>
  <si>
    <t>C:\ACEITAÇÃO-SITES\ACEITAÇÃO-SITES-SUL\</t>
  </si>
  <si>
    <t>ACEITAÇÃO_SITES_RSUL.xlsx</t>
  </si>
  <si>
    <t>E:\ACEITAÇÃO-SITES\ACEITAÇÃO-SITES-SUL\ACEITAÇÃO_SITES_RSUL.xlsx</t>
  </si>
  <si>
    <t>12/13/2019 07:18:55</t>
  </si>
  <si>
    <t>ACEITAÇÃO_SITES_SC.xlsx</t>
  </si>
  <si>
    <t>E:\ACEITAÇÃO-SITES\ACEITAÇÃO-SITES-SUL\ACEITAÇÃO_SITES_SC.xlsx</t>
  </si>
  <si>
    <t>12/13/2019 07:18:56</t>
  </si>
  <si>
    <t>C:\ACEITAÇÃO-SITES\BRENDA\</t>
  </si>
  <si>
    <t>ACEITAÇÃO.csv</t>
  </si>
  <si>
    <t>E:\ACEITAÇÃO-SITES\BRENDA\ACEITAÇÃO.csv</t>
  </si>
  <si>
    <t>12/13/2019 07:18:57</t>
  </si>
  <si>
    <t>Aceitações-realizadas_Consolidado_TRJ-2.xlsx</t>
  </si>
  <si>
    <t>E:\ACEITAÇÃO-SITES\BRENDA\Aceitações-realizadas_Consolidado_TRJ-2.xlsx</t>
  </si>
  <si>
    <t>12/13/2019 07:18:58</t>
  </si>
  <si>
    <t>NAO ECONTRADO.xlsx</t>
  </si>
  <si>
    <t>E:\ACEITAÇÃO-SITES\BRENDA\NAO ECONTRADO.xlsx</t>
  </si>
  <si>
    <t>12/13/2019 07:18:59</t>
  </si>
  <si>
    <t>TRJ_ACEITAÇÃO FISICA_EQUIPAMENTO_HUWAEI_FATURA A_ENGESET_OUT_2018- nao faturado.csv</t>
  </si>
  <si>
    <t>E:\ACEITAÇÃO-SITES\BRENDA\TRJ_ACEITAÇÃO FISICA_EQUIPAMENTO_HUWAEI_FATURA A_ENGESET_OUT_2018- nao faturado.csv</t>
  </si>
  <si>
    <t>TRJ_ACEITAÇÃO FISICA_EQUIPAMENTO_NOKIA_FATURA A_ENGESET_OUT_2018- nao faturado.csv</t>
  </si>
  <si>
    <t>E:\ACEITAÇÃO-SITES\BRENDA\TRJ_ACEITAÇÃO FISICA_EQUIPAMENTO_NOKIA_FATURA A_ENGESET_OUT_2018- nao faturado.csv</t>
  </si>
  <si>
    <t>12/13/2019 07:19:00</t>
  </si>
  <si>
    <t>TRJ_ACEITAÇÃO FISICA_INFRA_FATURA A_ENGESET_OUT_2018_LOTE2.csv</t>
  </si>
  <si>
    <t>E:\ACEITAÇÃO-SITES\BRENDA\TRJ_ACEITAÇÃO FISICA_INFRA_FATURA A_ENGESET_OUT_2018_LOTE2.csv</t>
  </si>
  <si>
    <t>12/13/2019 07:31:26</t>
  </si>
  <si>
    <t>C:\A2\PAULAO\ACEITAÇÃO DE SITES\ET_NW_OPM_16_015 - Serviços de aceitação física de novos NEs e Infra - REV6 201016.doc\</t>
  </si>
  <si>
    <t>E:\ACEITAÇÃO DE SITES\ET_NW_OPM_16_015 - Serviços de aceitação física de novos NEs e Infra - REV6 201016.doc</t>
  </si>
  <si>
    <t>12/13/2019 07:31:37</t>
  </si>
  <si>
    <t>12/13/2019 07:33:11</t>
  </si>
  <si>
    <t>12/13/2019 07:33:13</t>
  </si>
  <si>
    <t>C:\A2\PAULAO\ACEITAÇÃO DE SITES\FAM - Fornecedor.pptx\</t>
  </si>
  <si>
    <t>E:\ACEITAÇÃO DE SITES\FAM - Fornecedor.pptx</t>
  </si>
  <si>
    <t>12/13/2019 07:33:23</t>
  </si>
  <si>
    <t>C:\A2\PAULAO\ACEITAÇÃO DE SITES\Ferramenta FAM Web - Manual do Colaborador TIM v2.docx\</t>
  </si>
  <si>
    <t>E:\ACEITAÇÃO DE SITES\Ferramenta FAM Web - Manual do Colaborador TIM v2.docx</t>
  </si>
  <si>
    <t>12/13/2019 07:33:24</t>
  </si>
  <si>
    <t>C:\A2\PAULAO\ACEITAÇÃO DE SITES\</t>
  </si>
  <si>
    <t>FERRAMENTAS_OBRIGATORIA.xlsx</t>
  </si>
  <si>
    <t>E:\ACEITAÇÃO DE SITES\FERRAMENTAS_OBRIGATORIA.xlsx</t>
  </si>
  <si>
    <t>Logins - XTTS.xls</t>
  </si>
  <si>
    <t>E:\ACEITAÇÃO DE SITES\Logins - XTTS.xls</t>
  </si>
  <si>
    <t>LPU DE CUSTO - PARCEIRO CO_RJ_ES.xlsx</t>
  </si>
  <si>
    <t>E:\ACEITAÇÃO DE SITES\LPU DE CUSTO - PARCEIRO CO_RJ_ES.xlsx</t>
  </si>
  <si>
    <t>12/13/2019 07:33:25</t>
  </si>
  <si>
    <t>LPU DE CUSTO REVISITA CO_RJ_ES.xlsx</t>
  </si>
  <si>
    <t>E:\ACEITAÇÃO DE SITES\LPU DE CUSTO REVISITA CO_RJ_ES.xlsx</t>
  </si>
  <si>
    <t>RJ-TCO - LISTA DE COLABORADORES_NSN.xlsx</t>
  </si>
  <si>
    <t>E:\ACEITAÇÃO DE SITES\RJ-TCO - LISTA DE COLABORADORES_NSN.xlsx</t>
  </si>
  <si>
    <t>TCO - LISTA DE COLABORADORES_NSN (003).xlsx</t>
  </si>
  <si>
    <t>E:\ACEITAÇÃO DE SITES\TCO - LISTA DE COLABORADORES_NSN (003).xlsx</t>
  </si>
  <si>
    <t>12/13/2019 07:33:27</t>
  </si>
  <si>
    <t>C:\A2\PAULAO\ACEITAÇÃO DE SITES\AKASSIA\</t>
  </si>
  <si>
    <t>lista_ordens_servicos (10).xlsx</t>
  </si>
  <si>
    <t>E:\ACEITAÇÃO DE SITES\AKASSIA\lista_ordens_servicos (10).xlsx</t>
  </si>
  <si>
    <t>12/13/2019 07:33:29</t>
  </si>
  <si>
    <t>lista_ordens_servicos -10-06-09horas.xlsx</t>
  </si>
  <si>
    <t>E:\ACEITAÇÃO DE SITES\AKASSIA\lista_ordens_servicos -10-06-09horas.xlsx</t>
  </si>
  <si>
    <t>12/13/2019 07:33:30</t>
  </si>
  <si>
    <t>C:\A2\PAULAO\ACEITAÇÃO DE SITES\ALEXANDRE_LEAL\</t>
  </si>
  <si>
    <t>ACEITAÇÃO_SITES-RJ_ES_Algartech - Tecnicos.xlsx</t>
  </si>
  <si>
    <t>E:\ACEITAÇÃO DE SITES\ALEXANDRE_LEAL\ACEITAÇÃO_SITES-RJ_ES_Algartech - Tecnicos.xlsx</t>
  </si>
  <si>
    <t>ALGAR - Controle de aceitação_TEMPLATE TRJ - 24_01 á 29_03_18 - Nota Fiscal nº319.xlsx</t>
  </si>
  <si>
    <t>E:\ACEITAÇÃO DE SITES\ALEXANDRE_LEAL\ALGAR - Controle de aceitação_TEMPLATE TRJ - 24_01 á 29_03_18 - Nota Fiscal nº319.xlsx</t>
  </si>
  <si>
    <t>12/13/2019 07:33:31</t>
  </si>
  <si>
    <t>ALGAR - Controle de aceitação_TEMPLATE TRJ - JUL_18 - 09_07 á 28_07_18 - Nota Fiscal nº372 V1.xlsx</t>
  </si>
  <si>
    <t>E:\ACEITAÇÃO DE SITES\ALEXANDRE_LEAL\ALGAR - Controle de aceitação_TEMPLATE TRJ - JUL_18 - 09_07 á 28_07_18 - Nota Fiscal nº372 V1.xlsx</t>
  </si>
  <si>
    <t>CONSOLIDADO JULHO TRJ -16-07-2018.xlsx</t>
  </si>
  <si>
    <t>E:\ACEITAÇÃO DE SITES\ALEXANDRE_LEAL\CONSOLIDADO JULHO TRJ -16-07-2018.xlsx</t>
  </si>
  <si>
    <t>12/13/2019 07:33:32</t>
  </si>
  <si>
    <t>CONSOLIDADO JULHO TRJ.xlsx</t>
  </si>
  <si>
    <t>E:\ACEITAÇÃO DE SITES\ALEXANDRE_LEAL\CONSOLIDADO JULHO TRJ.xlsx</t>
  </si>
  <si>
    <t>12/13/2019 07:33:35</t>
  </si>
  <si>
    <t>Controle de aceitação_TEMPLATE TRJ - 22_09_17 á 22_01_18.xlsx</t>
  </si>
  <si>
    <t>E:\ACEITAÇÃO DE SITES\ALEXANDRE_LEAL\Controle de aceitação_TEMPLATE TRJ - 22_09_17 á 22_01_18.xlsx</t>
  </si>
  <si>
    <t>12/13/2019 07:33:37</t>
  </si>
  <si>
    <t>C:\A2\PAULAO\ACEITAÇÃO DE SITES\ALEXANDRE_LEAL\ENC Rollout Algar TRJ - Fechamentos Março 2018.msg\s1\</t>
  </si>
  <si>
    <t>ALGAR - Controle de aceitação_TEMPLATE TRJ - 24_01 á 29_03_18 - Nota Fiscal nºXXX.xlsx</t>
  </si>
  <si>
    <t>E:\ACEITAÇÃO DE SITES\ALEXANDRE_LEAL\ENC Rollout Algar TRJ - Fechamentos Março 2018.msg</t>
  </si>
  <si>
    <t>Enviados_TIM.xls</t>
  </si>
  <si>
    <t>E:\ACEITAÇÃO DE SITES\ALEXANDRE_LEAL\Enviados_TIM.xls</t>
  </si>
  <si>
    <t>Enviados_TIM.xlsx</t>
  </si>
  <si>
    <t>E:\ACEITAÇÃO DE SITES\ALEXANDRE_LEAL\Enviados_TIM.xlsx</t>
  </si>
  <si>
    <t>12/13/2019 07:33:38</t>
  </si>
  <si>
    <t>C:\A2\PAULAO\ACEITAÇÃO DE SITES\ALEXANDRE_LEAL\Fechamento TRJ Aceitações LTE - MAIO18.msg\s1\</t>
  </si>
  <si>
    <t>ALGAR - Controle de Aceitação_TEMPLATE TRJ - 04_05 á 02_06.xlsx</t>
  </si>
  <si>
    <t>E:\ACEITAÇÃO DE SITES\ALEXANDRE_LEAL\Fechamento TRJ Aceitações LTE - MAIO18.msg</t>
  </si>
  <si>
    <t>E:\ACEITAÇÃO DE SITES\ALEXANDRE_LEAL\Pasta1.xlsx</t>
  </si>
  <si>
    <t>PENDENICAS-ACEITAÇÃO.xlsx</t>
  </si>
  <si>
    <t>E:\ACEITAÇÃO DE SITES\ALEXANDRE_LEAL\PENDENICAS-ACEITAÇÃO.xlsx</t>
  </si>
  <si>
    <t>12/13/2019 07:33:39</t>
  </si>
  <si>
    <t>PENDENTES-OPERADOR.xls</t>
  </si>
  <si>
    <t>E:\ACEITAÇÃO DE SITES\ALEXANDRE_LEAL\PENDENTES-OPERADOR.xls</t>
  </si>
  <si>
    <t>Relatórios de Carimbo de sites executados -TRJ (002).xlsx</t>
  </si>
  <si>
    <t>E:\ACEITAÇÃO DE SITES\ALEXANDRE_LEAL\Relatórios de Carimbo de sites executados -TRJ (002).xlsx</t>
  </si>
  <si>
    <t>Relatórios de Carimbo de sites executados -TRJ.xlsx</t>
  </si>
  <si>
    <t>E:\ACEITAÇÃO DE SITES\ALEXANDRE_LEAL\Relatórios de Carimbo de sites executados -TRJ.xlsx</t>
  </si>
  <si>
    <t>12/13/2019 07:33:45</t>
  </si>
  <si>
    <t>C:\A2\PAULAO\ACEITAÇÃO DE SITES\ALEXANDRE_LEAL\2019\</t>
  </si>
  <si>
    <t>Cópia de Reunião Aceitação Física 06052019_Algar_W20_W21 (002).xlsx</t>
  </si>
  <si>
    <t>E:\ACEITAÇÃO DE SITES\ALEXANDRE_LEAL\2019\Cópia de Reunião Aceitação Física 06052019_Algar_W20_W21 (002).xlsx</t>
  </si>
  <si>
    <t>12/13/2019 07:33:46</t>
  </si>
  <si>
    <t>Planilha-aceitação-sites Mar.xls</t>
  </si>
  <si>
    <t>E:\ACEITAÇÃO DE SITES\ALEXANDRE_LEAL\2019\Planilha-aceitação-sites Mar.xls</t>
  </si>
  <si>
    <t>TEMPLATE_Consolidado_TRJ_-_JANEIRO18.xlsx</t>
  </si>
  <si>
    <t>E:\ACEITAÇÃO DE SITES\ALEXANDRE_LEAL\2019\TEMPLATE_Consolidado_TRJ_-_JANEIRO18.xlsx</t>
  </si>
  <si>
    <t>12/13/2019 07:33:47</t>
  </si>
  <si>
    <t>TEMPLATE_Consolidado_TSL_-_JANEIRO__19_-.xlsx</t>
  </si>
  <si>
    <t>E:\ACEITAÇÃO DE SITES\ALEXANDRE_LEAL\2019\TEMPLATE_Consolidado_TSL_-_JANEIRO__19_-.xlsx</t>
  </si>
  <si>
    <t>TRJ-BOQ.xlsx</t>
  </si>
  <si>
    <t>E:\ACEITAÇÃO DE SITES\ALEXANDRE_LEAL\2019\TRJ-BOQ.xlsx</t>
  </si>
  <si>
    <t>TSP-MW.xlsx</t>
  </si>
  <si>
    <t>E:\ACEITAÇÃO DE SITES\ALEXANDRE_LEAL\2019\TSP-MW.xlsx</t>
  </si>
  <si>
    <t>TSP-TNO-MW.xlsx</t>
  </si>
  <si>
    <t>E:\ACEITAÇÃO DE SITES\ALEXANDRE_LEAL\2019\TSP-TNO-MW.xlsx</t>
  </si>
  <si>
    <t>12/13/2019 07:33:48</t>
  </si>
  <si>
    <t>C:\A2\PAULAO\ACEITAÇÃO DE SITES\ALEXANDRE_LEAL\2019\ABRIL\</t>
  </si>
  <si>
    <t>ENCAMINHADO NETFLOW.xlsx</t>
  </si>
  <si>
    <t>E:\ACEITAÇÃO DE SITES\ALEXANDRE_LEAL\2019\ABRIL\ENCAMINHADO NETFLOW.xlsx</t>
  </si>
  <si>
    <t>C:\A2\PAULAO\ACEITAÇÃO DE SITES\ALEXANDRE_LEAL\2019\AGOSTO\</t>
  </si>
  <si>
    <t>E:\ACEITAÇÃO DE SITES\ALEXANDRE_LEAL\2019\AGOSTO\Aceitações-Sites aprovadas AGO-2019 -TNE.xlsx</t>
  </si>
  <si>
    <t>12/13/2019 07:33:49</t>
  </si>
  <si>
    <t>Evidencias enviadas para NETFLOW.xlsx</t>
  </si>
  <si>
    <t>E:\ACEITAÇÃO DE SITES\ALEXANDRE_LEAL\2019\AGOSTO\Evidencias enviadas para NETFLOW.xlsx</t>
  </si>
  <si>
    <t>12/13/2019 07:33:50</t>
  </si>
  <si>
    <t>Faturamento Aceitação de Site Agosto 2019 TCO.xlsx</t>
  </si>
  <si>
    <t>E:\ACEITAÇÃO DE SITES\ALEXANDRE_LEAL\2019\AGOSTO\Faturamento Aceitação de Site Agosto 2019 TCO.xlsx</t>
  </si>
  <si>
    <t>12/13/2019 07:34:04</t>
  </si>
  <si>
    <t>lista_ordens_servicos -26-08.xlsx</t>
  </si>
  <si>
    <t>E:\ACEITAÇÃO DE SITES\ALEXANDRE_LEAL\2019\AGOSTO\lista_ordens_servicos -26-08.xlsx</t>
  </si>
  <si>
    <t>12/13/2019 07:34:09</t>
  </si>
  <si>
    <t>TEMPLATE_TRJ_AGOSTO__2019.xlsx</t>
  </si>
  <si>
    <t>E:\ACEITAÇÃO DE SITES\ALEXANDRE_LEAL\2019\AGOSTO\TEMPLATE_TRJ_AGOSTO__2019.xlsx</t>
  </si>
  <si>
    <t>12/13/2019 07:34:10</t>
  </si>
  <si>
    <t>C:\A2\PAULAO\ACEITAÇÃO DE SITES\ALEXANDRE_LEAL\2019\FEVEREIRO\</t>
  </si>
  <si>
    <t>E:\ACEITAÇÃO DE SITES\ALEXANDRE_LEAL\2019\FEVEREIRO\Aceitações-Sites FEV 2019 CONSOLIDADO.xlsx</t>
  </si>
  <si>
    <t>RELATORIOS REALIZADOS ACEITAÇÃO DE SITES -FEV-2019.xls</t>
  </si>
  <si>
    <t>E:\ACEITAÇÃO DE SITES\ALEXANDRE_LEAL\2019\FEVEREIRO\RELATORIOS REALIZADOS ACEITAÇÃO DE SITES -FEV-2019.xls</t>
  </si>
  <si>
    <t>12/13/2019 07:34:11</t>
  </si>
  <si>
    <t>RELATORIOS REALIZADOS ACEITAÇÃO DE SITES -MODELO.xls</t>
  </si>
  <si>
    <t>E:\ACEITAÇÃO DE SITES\ALEXANDRE_LEAL\2019\FEVEREIRO\RELATORIOS REALIZADOS ACEITAÇÃO DE SITES -MODELO.xls</t>
  </si>
  <si>
    <t>12/13/2019 07:34:12</t>
  </si>
  <si>
    <t>TEMPLATE_Consolidado_TRJ_-_FEVEREIRO__19.xlsx</t>
  </si>
  <si>
    <t>E:\ACEITAÇÃO DE SITES\ALEXANDRE_LEAL\2019\FEVEREIRO\TEMPLATE_Consolidado_TRJ_-_FEVEREIRO__19.xlsx</t>
  </si>
  <si>
    <t>12/13/2019 07:34:13</t>
  </si>
  <si>
    <t>C:\A2\PAULAO\ACEITAÇÃO DE SITES\ALEXANDRE_LEAL\2019\FEVEREIRO\FEVEREIRO-REGIONAIS\</t>
  </si>
  <si>
    <t>Aceitação de Site TBS Fevereiro 2019.xlsx</t>
  </si>
  <si>
    <t>E:\ACEITAÇÃO DE SITES\ALEXANDRE_LEAL\2019\FEVEREIRO\FEVEREIRO-REGIONAIS\Aceitação de Site TBS Fevereiro 2019.xlsx</t>
  </si>
  <si>
    <t>12/13/2019 07:34:15</t>
  </si>
  <si>
    <t>Aceitações-Sites aprovadas Fevereiro-2019-tno-tne.xlsx</t>
  </si>
  <si>
    <t>E:\ACEITAÇÃO DE SITES\ALEXANDRE_LEAL\2019\FEVEREIRO\FEVEREIRO-REGIONAIS\Aceitações-Sites aprovadas Fevereiro-2019-tno-tne.xlsx</t>
  </si>
  <si>
    <t>12/13/2019 07:34:24</t>
  </si>
  <si>
    <t>ALGAR 20190314 - aceitação sites.xlsx</t>
  </si>
  <si>
    <t>E:\ACEITAÇÃO DE SITES\ALEXANDRE_LEAL\2019\FEVEREIRO\FEVEREIRO-REGIONAIS\ALGAR 20190314 - aceitação sites.xlsx</t>
  </si>
  <si>
    <t>12/13/2019 07:34:26</t>
  </si>
  <si>
    <t>Cópia de WO-ACEITAÇÕES_REALIZADAS-CONSOLIDADO-ALGAR (002).xlsx</t>
  </si>
  <si>
    <t>E:\ACEITAÇÃO DE SITES\ALEXANDRE_LEAL\2019\FEVEREIRO\FEVEREIRO-REGIONAIS\Cópia de WO-ACEITAÇÕES_REALIZADAS-CONSOLIDADO-ALGAR (002).xlsx</t>
  </si>
  <si>
    <t>12/13/2019 07:34:32</t>
  </si>
  <si>
    <t>Resumo FAM TX Algar 20190313.xlsx</t>
  </si>
  <si>
    <t>E:\ACEITAÇÃO DE SITES\ALEXANDRE_LEAL\2019\FEVEREIRO\FEVEREIRO-REGIONAIS\Resumo FAM TX Algar 20190313.xlsx</t>
  </si>
  <si>
    <t>12/13/2019 07:34:33</t>
  </si>
  <si>
    <t>TMG fevererio 2019 2.xlsx</t>
  </si>
  <si>
    <t>E:\ACEITAÇÃO DE SITES\ALEXANDRE_LEAL\2019\FEVEREIRO\FEVEREIRO-REGIONAIS\TMG fevererio 2019 2.xlsx</t>
  </si>
  <si>
    <t>TMG fevererio 2019.xlsx</t>
  </si>
  <si>
    <t>E:\ACEITAÇÃO DE SITES\ALEXANDRE_LEAL\2019\FEVEREIRO\FEVEREIRO-REGIONAIS\TMG fevererio 2019.xlsx</t>
  </si>
  <si>
    <t>TSL fevereiro 2019.xlsx</t>
  </si>
  <si>
    <t>E:\ACEITAÇÃO DE SITES\ALEXANDRE_LEAL\2019\FEVEREIRO\FEVEREIRO-REGIONAIS\TSL fevereiro 2019.xlsx</t>
  </si>
  <si>
    <t>12/13/2019 07:34:34</t>
  </si>
  <si>
    <t>TSP Fevereiro 2019.xlsx</t>
  </si>
  <si>
    <t>E:\ACEITAÇÃO DE SITES\ALEXANDRE_LEAL\2019\FEVEREIRO\FEVEREIRO-REGIONAIS\TSP Fevereiro 2019.xlsx</t>
  </si>
  <si>
    <t>12/13/2019 07:34:35</t>
  </si>
  <si>
    <t>C:\A2\PAULAO\ACEITAÇÃO DE SITES\ALEXANDRE_LEAL\2019\JANEIRO\</t>
  </si>
  <si>
    <t>Cópia de Para liberar acesso - TRJ - 030119.xlsx</t>
  </si>
  <si>
    <t>E:\ACEITAÇÃO DE SITES\ALEXANDRE_LEAL\2019\JANEIRO\Cópia de Para liberar acesso - TRJ - 030119.xlsx</t>
  </si>
  <si>
    <t>Evidencias-encaminhadas NETFLOW.xlsx</t>
  </si>
  <si>
    <t>E:\ACEITAÇÃO DE SITES\ALEXANDRE_LEAL\2019\JANEIRO\Evidencias-encaminhadas NETFLOW.xlsx</t>
  </si>
  <si>
    <t>12/13/2019 07:34:36</t>
  </si>
  <si>
    <t>TEMPLATE_Consolidado_TRJ_-_FEVEREIRO__19-PRIME.xlsx</t>
  </si>
  <si>
    <t>E:\ACEITAÇÃO DE SITES\ALEXANDRE_LEAL\2019\JANEIRO\TEMPLATE_Consolidado_TRJ_-_FEVEREIRO__19-PRIME.xlsx</t>
  </si>
  <si>
    <t>TEMPLATE_Consolidado_TRJ_-_JANEIRO 2019.xlsx</t>
  </si>
  <si>
    <t>E:\ACEITAÇÃO DE SITES\ALEXANDRE_LEAL\2019\JANEIRO\TEMPLATE_Consolidado_TRJ_-_JANEIRO 2019.xlsx</t>
  </si>
  <si>
    <t>12/13/2019 07:34:37</t>
  </si>
  <si>
    <t>TEMPLATE_Consolidado_TRJ_-_JANEIRO__18-Brenda.xlsx</t>
  </si>
  <si>
    <t>E:\ACEITAÇÃO DE SITES\ALEXANDRE_LEAL\2019\JANEIRO\TEMPLATE_Consolidado_TRJ_-_JANEIRO__18-Brenda.xlsx</t>
  </si>
  <si>
    <t>TEMPLATE_Consolidado_TRJ_-_JANEIRO__18.xlsx</t>
  </si>
  <si>
    <t>E:\ACEITAÇÃO DE SITES\ALEXANDRE_LEAL\2019\JANEIRO\TEMPLATE_Consolidado_TRJ_-_JANEIRO__18.xlsx</t>
  </si>
  <si>
    <t>TEMPLATE_Consolidado_TRJ_-_JANEIRO__19.xlsx</t>
  </si>
  <si>
    <t>E:\ACEITAÇÃO DE SITES\ALEXANDRE_LEAL\2019\JANEIRO\TEMPLATE_Consolidado_TRJ_-_JANEIRO__19.xlsx</t>
  </si>
  <si>
    <t>12/13/2019 07:34:43</t>
  </si>
  <si>
    <t>C:\A2\PAULAO\ACEITAÇÃO DE SITES\ALEXANDRE_LEAL\2019\JOSELEITAO\</t>
  </si>
  <si>
    <t>ACEITAÇÕES REALIZADAS-ALGAR.xlsx</t>
  </si>
  <si>
    <t>E:\ACEITAÇÃO DE SITES\ALEXANDRE_LEAL\2019\JOSELEITAO\ACEITAÇÕES REALIZADAS-ALGAR.xlsx</t>
  </si>
  <si>
    <t>12/13/2019 07:34:52</t>
  </si>
  <si>
    <t>ALGAR 20190320.xlsx</t>
  </si>
  <si>
    <t>E:\ACEITAÇÃO DE SITES\ALEXANDRE_LEAL\2019\JOSELEITAO\ALGAR 20190320.xlsx</t>
  </si>
  <si>
    <t>12/13/2019 07:34:57</t>
  </si>
  <si>
    <t>Análise Algar - Análise Ordens de Serviço ALGAR - 20190306.xlsx</t>
  </si>
  <si>
    <t>E:\ACEITAÇÃO DE SITES\ALEXANDRE_LEAL\2019\JOSELEITAO\Análise Algar - Análise Ordens de Serviço ALGAR - 20190306.xlsx</t>
  </si>
  <si>
    <t>12/13/2019 07:35:09</t>
  </si>
  <si>
    <t>Análise pleito Algar Aceitação_V1.0 -Pendentes FS.xlsx</t>
  </si>
  <si>
    <t>E:\ACEITAÇÃO DE SITES\ALEXANDRE_LEAL\2019\JOSELEITAO\Análise pleito Algar Aceitação_V1.0 -Pendentes FS.xlsx</t>
  </si>
  <si>
    <t>12/13/2019 07:35:12</t>
  </si>
  <si>
    <t>12/16/2019 12:07:14</t>
  </si>
  <si>
    <t>Análise pleito Algar Aceitação_V1.0.xlsx</t>
  </si>
  <si>
    <t>E:\ACEITAÇÃO DE SITES\ALEXANDRE_LEAL\2019\JOSELEITAO\Análise pleito Algar Aceitação_V1.0.xlsx</t>
  </si>
  <si>
    <t>12/13/2019 07:35:18</t>
  </si>
  <si>
    <t>lista_ordens_servicos - SP 10-07-2019.xlsx</t>
  </si>
  <si>
    <t>E:\ACEITAÇÃO DE SITES\ALEXANDRE_LEAL\2019\JOSELEITAO\lista_ordens_servicos - SP 10-07-2019.xlsx</t>
  </si>
  <si>
    <t>12/13/2019 07:35:19</t>
  </si>
  <si>
    <t>C:\A2\PAULAO\ACEITAÇÃO DE SITES\ALEXANDRE_LEAL\2019\JOSELEITAO\AGOSTO\</t>
  </si>
  <si>
    <t>Aceitação de Site - Agosto 2019- CONSOLIDADO.xlsx</t>
  </si>
  <si>
    <t>E:\ACEITAÇÃO DE SITES\ALEXANDRE_LEAL\2019\JOSELEITAO\AGOSTO\Aceitação de Site - Agosto 2019- CONSOLIDADO.xlsx</t>
  </si>
  <si>
    <t>12/13/2019 07:35:21</t>
  </si>
  <si>
    <t>Faturamento Aceitação de Site TCO Agosto 2019.xlsx</t>
  </si>
  <si>
    <t>E:\ACEITAÇÃO DE SITES\ALEXANDRE_LEAL\2019\JOSELEITAO\AGOSTO\Faturamento Aceitação de Site TCO Agosto 2019.xlsx</t>
  </si>
  <si>
    <t>TRJ-Aceitação de sites -Pendentes.xlsx</t>
  </si>
  <si>
    <t>E:\ACEITAÇÃO DE SITES\ALEXANDRE_LEAL\2019\JOSELEITAO\AGOSTO\TRJ-Aceitação de sites -Pendentes.xlsx</t>
  </si>
  <si>
    <t>12/13/2019 07:35:22</t>
  </si>
  <si>
    <t>TSP AGOSTO.xlsx</t>
  </si>
  <si>
    <t>E:\ACEITAÇÃO DE SITES\ALEXANDRE_LEAL\2019\JOSELEITAO\AGOSTO\TSP AGOSTO.xlsx</t>
  </si>
  <si>
    <t>12/13/2019 07:35:30</t>
  </si>
  <si>
    <t>C:\A2\PAULAO\ACEITAÇÃO DE SITES\ALEXANDRE_LEAL\2019\JOSELEITAO\INVESTIGAÇÃO\</t>
  </si>
  <si>
    <t>E:\ACEITAÇÃO DE SITES\ALEXANDRE_LEAL\2019\JOSELEITAO\INVESTIGAÇÃO\Aceitação de Site - Agosto_setembro_outubro 2019- CONSOLIDADO.xlsx</t>
  </si>
  <si>
    <t>12/13/2019 07:35:50</t>
  </si>
  <si>
    <t>E:\ACEITAÇÃO DE SITES\ALEXANDRE_LEAL\2019\JOSELEITAO\INVESTIGAÇÃO\Aceitação de Site setembro_outubro- 2019.xlsx</t>
  </si>
  <si>
    <t>12/13/2019 07:35:51</t>
  </si>
  <si>
    <t>Aceitação de Sites Julho CONSOLIDADO.xls</t>
  </si>
  <si>
    <t>E:\ACEITAÇÃO DE SITES\ALEXANDRE_LEAL\2019\JOSELEITAO\INVESTIGAÇÃO\Aceitação de Sites Julho CONSOLIDADO.xls</t>
  </si>
  <si>
    <t>12/13/2019 07:36:30</t>
  </si>
  <si>
    <t>E:\ACEITAÇÃO DE SITES\ALEXANDRE_LEAL\2019\JOSELEITAO\INVESTIGAÇÃO\ALGAR 20191009.xlsx</t>
  </si>
  <si>
    <t>12/13/2019 07:36:36</t>
  </si>
  <si>
    <t>Controle de Penalidades - Dez_2016- FINAL.xlsx</t>
  </si>
  <si>
    <t>E:\ACEITAÇÃO DE SITES\ALEXANDRE_LEAL\2019\JOSELEITAO\INVESTIGAÇÃO\Controle de Penalidades - Dez_2016- FINAL.xlsx</t>
  </si>
  <si>
    <t>12/13/2019 07:36:38</t>
  </si>
  <si>
    <t>C:\A2\PAULAO\ACEITAÇÃO DE SITES\ALEXANDRE_LEAL\2019\JOSELEITAO\JULHO\</t>
  </si>
  <si>
    <t>Aceitação de Sites Julho CONSOLIDADO 16-08.xls</t>
  </si>
  <si>
    <t>E:\ACEITAÇÃO DE SITES\ALEXANDRE_LEAL\2019\JOSELEITAO\JULHO\Aceitação de Sites Julho CONSOLIDADO 16-08.xls</t>
  </si>
  <si>
    <t>12/13/2019 07:36:40</t>
  </si>
  <si>
    <t>E:\ACEITAÇÃO DE SITES\ALEXANDRE_LEAL\2019\JOSELEITAO\JULHO\Aceitação de Sites Julho CONSOLIDADO.xls</t>
  </si>
  <si>
    <t>12/13/2019 07:36:42</t>
  </si>
  <si>
    <t>Encaminhados para NETFLOW.xlsx</t>
  </si>
  <si>
    <t>E:\ACEITAÇÃO DE SITES\ALEXANDRE_LEAL\2019\JOSELEITAO\JULHO\Encaminhados para NETFLOW.xlsx</t>
  </si>
  <si>
    <t>12/13/2019 07:36:44</t>
  </si>
  <si>
    <t>Evindencias_enviadas-NTEFLOW-TRJ- 18 08 19.xlsx</t>
  </si>
  <si>
    <t>E:\ACEITAÇÃO DE SITES\ALEXANDRE_LEAL\2019\JOSELEITAO\JULHO\Evindencias_enviadas-NTEFLOW-TRJ- 18 08 19.xlsx</t>
  </si>
  <si>
    <t>12/13/2019 07:36:46</t>
  </si>
  <si>
    <t>lista_ordens_servicos (32).xlsx</t>
  </si>
  <si>
    <t>E:\ACEITAÇÃO DE SITES\ALEXANDRE_LEAL\2019\JOSELEITAO\JULHO\lista_ordens_servicos (32).xlsx</t>
  </si>
  <si>
    <t>12/13/2019 07:36:48</t>
  </si>
  <si>
    <t>TSP JULHO_2019 .xlsx</t>
  </si>
  <si>
    <t>E:\ACEITAÇÃO DE SITES\ALEXANDRE_LEAL\2019\JOSELEITAO\JULHO\TSP JULHO_2019 .xlsx</t>
  </si>
  <si>
    <t>12/13/2019 07:36:56</t>
  </si>
  <si>
    <t>C:\A2\PAULAO\ACEITAÇÃO DE SITES\ALEXANDRE_LEAL\2019\JOSELEITAO\JULHO\TRJ-PENDNETE\</t>
  </si>
  <si>
    <t>E:\ACEITAÇÃO DE SITES\ALEXANDRE_LEAL\2019\JOSELEITAO\JULHO\TRJ-PENDNETE\Aceitação de Sites Julho CONSOLIDADO.xls</t>
  </si>
  <si>
    <t>12/13/2019 07:36:57</t>
  </si>
  <si>
    <t>Cópia de Planilha-aceitação-sites Encaminhados para Netflow.xls</t>
  </si>
  <si>
    <t>E:\ACEITAÇÃO DE SITES\ALEXANDRE_LEAL\2019\JOSELEITAO\JULHO\TRJ-PENDNETE\Cópia de Planilha-aceitação-sites Encaminhados para Netflow.xls</t>
  </si>
  <si>
    <t>12/13/2019 07:36:58</t>
  </si>
  <si>
    <t>Planilha-aceitação-sites - PENDENTES DE 2018.xls</t>
  </si>
  <si>
    <t>E:\ACEITAÇÃO DE SITES\ALEXANDRE_LEAL\2019\JOSELEITAO\JULHO\TRJ-PENDNETE\Planilha-aceitação-sites - PENDENTES DE 2018.xls</t>
  </si>
  <si>
    <t>12/13/2019 07:36:59</t>
  </si>
  <si>
    <t>Planilha-aceitação-sites Encaminhados para Netflow.xls</t>
  </si>
  <si>
    <t>E:\ACEITAÇÃO DE SITES\ALEXANDRE_LEAL\2019\JOSELEITAO\JULHO\TRJ-PENDNETE\Planilha-aceitação-sites Encaminhados para Netflow.xls</t>
  </si>
  <si>
    <t>12/13/2019 07:37:01</t>
  </si>
  <si>
    <t>C:\A2\PAULAO\ACEITAÇÃO DE SITES\ALEXANDRE_LEAL\2019\JOSELEITAO\JUNHO-2019\</t>
  </si>
  <si>
    <t>E:\ACEITAÇÃO DE SITES\ALEXANDRE_LEAL\2019\JOSELEITAO\JUNHO-2019\Aceitação de Sites Junho CONSOLIDADO.xls</t>
  </si>
  <si>
    <t>12/13/2019 07:37:02</t>
  </si>
  <si>
    <t>C:\A2\PAULAO\ACEITAÇÃO DE SITES\ALEXANDRE_LEAL\2019\JOSELEITAO\MARÇO-2019\</t>
  </si>
  <si>
    <t>Aceitações-sites Março 2019 ALGAR CONSOLIDADO.xlsx</t>
  </si>
  <si>
    <t>E:\ACEITAÇÃO DE SITES\ALEXANDRE_LEAL\2019\JOSELEITAO\MARÇO-2019\Aceitações-sites Março 2019 ALGAR CONSOLIDADO.xlsx</t>
  </si>
  <si>
    <t>12/13/2019 07:37:04</t>
  </si>
  <si>
    <t>C:\A2\PAULAO\ACEITAÇÃO DE SITES\ALEXANDRE_LEAL\2019\JOSELEITAO\NOVEMBRO\</t>
  </si>
  <si>
    <t>11-Faturamento Aceitação de Site TLE Ba_Se Novembro2019.xlsx</t>
  </si>
  <si>
    <t>E:\ACEITAÇÃO DE SITES\ALEXANDRE_LEAL\2019\JOSELEITAO\NOVEMBRO\11-Faturamento Aceitação de Site TLE Ba_Se Novembro2019.xlsx</t>
  </si>
  <si>
    <t>12/13/2019 07:37:09</t>
  </si>
  <si>
    <t>C:\A2\PAULAO\ACEITAÇÃO DE SITES\ALEXANDRE_LEAL\2019\JOSELEITAO\OUTUBRO\</t>
  </si>
  <si>
    <t>E:\ACEITAÇÃO DE SITES\ALEXANDRE_LEAL\2019\JOSELEITAO\OUTUBRO\Aceitação de Site - Agosto_setembro_outubro 2019- CONSOLIDADO.xlsx</t>
  </si>
  <si>
    <t>12/13/2019 07:37:11</t>
  </si>
  <si>
    <t>Aceitação de Site TLE Outubro2019.xlsx</t>
  </si>
  <si>
    <t>E:\ACEITAÇÃO DE SITES\ALEXANDRE_LEAL\2019\JOSELEITAO\OUTUBRO\Aceitação de Site TLE Outubro2019.xlsx</t>
  </si>
  <si>
    <t>OS ACEITAÇÕES SP SUL.xlsx</t>
  </si>
  <si>
    <t>E:\ACEITAÇÃO DE SITES\ALEXANDRE_LEAL\2019\JOSELEITAO\OUTUBRO\OS ACEITAÇÕES SP SUL.xlsx</t>
  </si>
  <si>
    <t>12/13/2019 07:37:12</t>
  </si>
  <si>
    <t>OS_5775_TIMCELULARS.A_7_FaturamentoAceitaÃ§ÃodeSiteTLEBa_SeJulho2019 (1).xlsx</t>
  </si>
  <si>
    <t>E:\ACEITAÇÃO DE SITES\ALEXANDRE_LEAL\2019\JOSELEITAO\OUTUBRO\OS_5775_TIMCELULARS.A_7_FaturamentoAceitaÃ§ÃodeSiteTLEBa_SeJulho2019 (1).xlsx</t>
  </si>
  <si>
    <t>12/13/2019 07:37:17</t>
  </si>
  <si>
    <t>C:\A2\PAULAO\ACEITAÇÃO DE SITES\ALEXANDRE_LEAL\2019\JOSELEITAO\SETEMBRO\</t>
  </si>
  <si>
    <t>Aceitação de Sites Setembro 2019.xlsx</t>
  </si>
  <si>
    <t>E:\ACEITAÇÃO DE SITES\ALEXANDRE_LEAL\2019\JOSELEITAO\SETEMBRO\Aceitação de Sites Setembro 2019.xlsx</t>
  </si>
  <si>
    <t>12/13/2019 07:37:28</t>
  </si>
  <si>
    <t>E:\ACEITAÇÃO DE SITES\ALEXANDRE_LEAL\2019\JOSELEITAO\SETEMBRO\Cópia de Aceitação de Site - Agosto_setembro_outubro 2019- CONSOLIDADO.xlsx</t>
  </si>
  <si>
    <t>12/13/2019 07:37:29</t>
  </si>
  <si>
    <t>C:\A2\PAULAO\ACEITAÇÃO DE SITES\ALEXANDRE_LEAL\2019\MAIO\</t>
  </si>
  <si>
    <t>Planilha-aceitação-sites Maio CONSOLIDADO.xls</t>
  </si>
  <si>
    <t>E:\ACEITAÇÃO DE SITES\ALEXANDRE_LEAL\2019\MAIO\Planilha-aceitação-sites Maio CONSOLIDADO.xls</t>
  </si>
  <si>
    <t>12/16/2019 12:03:26</t>
  </si>
  <si>
    <t>12/16/2019 12:08:13</t>
  </si>
  <si>
    <t>12/16/2019 12:02:53</t>
  </si>
  <si>
    <t>mail.google.com/mail/u/0/jserror?script=https://mail.google.com/mail/u/0/#inbox/fmfcgxwgchdlwdxqmkprbnsprgbnklbf&amp;error=yo&amp;line=not available&amp;txz=p</t>
  </si>
  <si>
    <t>12/16/2019 12:02:54</t>
  </si>
  <si>
    <t>12/16/2019 12:03:07</t>
  </si>
  <si>
    <t>12/16/2019 12:03:50</t>
  </si>
  <si>
    <t>12/16/2019 12:04:28</t>
  </si>
  <si>
    <t>12/16/2019 12:06:05</t>
  </si>
  <si>
    <t>\\acsfs\profiles$\danielpdl\Links\</t>
  </si>
  <si>
    <t>link.txt</t>
  </si>
  <si>
    <t>\\acsfs\profiles$\danielpdl\Links\link.txt</t>
  </si>
  <si>
    <t>XLOG_danielpdl_11122019_124428.log</t>
  </si>
  <si>
    <t>\\acsfs\profiles$\danielpdl\My Documents\xworkcenter\logs\XLOG_danielpdl_11122019_124428.log</t>
  </si>
  <si>
    <t>wrapper.log</t>
  </si>
  <si>
    <t>\\acsfs\profiles$\danielpdl\My Documents\xworkcenter\logs\wrapper.log</t>
  </si>
  <si>
    <t>12/16/2019 12:05:57</t>
  </si>
  <si>
    <t>12/16/2019 12:10:14</t>
  </si>
  <si>
    <t>5dc04ffb-ecf4-4a4e-9875-8f4769448fa6.tmp</t>
  </si>
  <si>
    <t>\\acsfs\profiles$\geovanaasa\Downloads\5dc04ffb-ecf4-4a4e-9875-8f4769448fa6.tmp</t>
  </si>
  <si>
    <t>12/16/2019 12:08:27</t>
  </si>
  <si>
    <t>10aac47e-95e3-4a58-ba6a-570d5074e756.tmp</t>
  </si>
  <si>
    <t>\\acsfs\profiles$\geovanaasa\Downloads\10aac47e-95e3-4a58-ba6a-570d5074e756.tmp</t>
  </si>
  <si>
    <t>12/16/2019 12:06:21</t>
  </si>
  <si>
    <t>12/16/2019 12:08:42</t>
  </si>
  <si>
    <t>7f40c775-32ad-4e9f-8934-09144a4ac898.tmp</t>
  </si>
  <si>
    <t>\\acsfs\profiles$\sarahbal\Downloads\7f40c775-32ad-4e9f-8934-09144a4ac898.tmp</t>
  </si>
  <si>
    <t>12/16/2019 12:08:57</t>
  </si>
  <si>
    <t>79af6c0d-307a-4710-8dad-d874efeff402.tmp</t>
  </si>
  <si>
    <t>\\acsfs\profiles$\sarahbal\Downloads\79af6c0d-307a-4710-8dad-d874efeff402.tmp</t>
  </si>
  <si>
    <t>12/16/2019 12:09:09</t>
  </si>
  <si>
    <t>5c005583-24ae-4b88-a1ef-3e4e983a64c2.tmp</t>
  </si>
  <si>
    <t>\\acsfs\profiles$\sarahbal\Downloads\5c005583-24ae-4b88-a1ef-3e4e983a64c2.tmp</t>
  </si>
  <si>
    <t>12/16/2019 12:09:14</t>
  </si>
  <si>
    <t>99f8aec8-1060-423a-9739-c66e43308369.tmp</t>
  </si>
  <si>
    <t>\\acsfs\profiles$\vivianalds\Downloads\99f8aec8-1060-423a-9739-c66e43308369.tmp</t>
  </si>
  <si>
    <t>12/16/2019 12:08:59</t>
  </si>
  <si>
    <t>52b5a681-557c-4173-9c5f-9d8faa9c2d9f.tmp</t>
  </si>
  <si>
    <t>\\acsfs\profiles$\KARENDSR\Downloads\52b5a681-557c-4173-9c5f-9d8faa9c2d9f.tmp</t>
  </si>
  <si>
    <t>12/16/2019 12:06:32</t>
  </si>
  <si>
    <t>12/16/2019 12:07:17</t>
  </si>
  <si>
    <t>ListaDePresenca Kanban e SuperReview.xlsx</t>
  </si>
  <si>
    <t>12/16/2019 12:08:56</t>
  </si>
  <si>
    <t>e8f1be34-1f02-4309-aca7-c0fbfb045bc9.tmp</t>
  </si>
  <si>
    <t>\\acsfs\profiles$\luanarda\Downloads\e8f1be34-1f02-4309-aca7-c0fbfb045bc9.tmp</t>
  </si>
  <si>
    <t>12/16/2019 12:09:08</t>
  </si>
  <si>
    <t>b106b719-83ad-4754-975e-598d33a2ae3d.tmp</t>
  </si>
  <si>
    <t>\\acsfs\profiles$\wenderbnm\Downloads\b106b719-83ad-4754-975e-598d33a2ae3d.tmp</t>
  </si>
  <si>
    <t>12/16/2019 12:09:23</t>
  </si>
  <si>
    <t>23bcc616-b542-449c-a0b0-0f4b2bc1d304.tmp</t>
  </si>
  <si>
    <t>\\acsfs\profiles$\wenderbnm\Downloads\23bcc616-b542-449c-a0b0-0f4b2bc1d304.tmp</t>
  </si>
  <si>
    <t>12/16/2019 12:11:13</t>
  </si>
  <si>
    <t>1fe512e8-8a64-4c6d-889c-ce02e19fb4b3.tmp</t>
  </si>
  <si>
    <t>\\acsfs\profiles$\felipetds\Downloads\1fe512e8-8a64-4c6d-889c-ce02e19fb4b3.tmp</t>
  </si>
  <si>
    <t>f929b7d8-e868-46ad-be04-fbc32053810f.tmp</t>
  </si>
  <si>
    <t>\\acsfs\profiles$\ERICALSR\Downloads\f929b7d8-e868-46ad-be04-fbc32053810f.tmp</t>
  </si>
  <si>
    <t>12/16/2019 12:08:35</t>
  </si>
  <si>
    <t>12/16/2019 12:12:14</t>
  </si>
  <si>
    <t>12/16/2019 12:08:31</t>
  </si>
  <si>
    <t>12/16/2019 12:13:13</t>
  </si>
  <si>
    <t>08d9e937-60ec-48d0-b82a-9ca58b18ea39.tmp</t>
  </si>
  <si>
    <t>\\acsfs\profiles$\gabrielhca\Downloads\08d9e937-60ec-48d0-b82a-9ca58b18ea39.tmp</t>
  </si>
  <si>
    <t>12/16/2019 12:08:50</t>
  </si>
  <si>
    <t>4823986a-466e-457f-b894-945b14bc8eed.tmp</t>
  </si>
  <si>
    <t>\\acsfs\profiles$\gabrielhca\Downloads\4823986a-466e-457f-b894-945b14bc8eed.tmp</t>
  </si>
  <si>
    <t>12/16/2019 12:11:49</t>
  </si>
  <si>
    <t>d8fd6013-6f56-479a-a3d6-69f817dfc969.tmp</t>
  </si>
  <si>
    <t>\\acsfs\profiles$\gabrielhca\Downloads\d8fd6013-6f56-479a-a3d6-69f817dfc969.tmp</t>
  </si>
  <si>
    <t>12/16/2019 12:11:56</t>
  </si>
  <si>
    <t>6109c755-6794-4e05-b80b-78a21a2384aa.tmp</t>
  </si>
  <si>
    <t>\\acsfs\profiles$\gabrielhca\Downloads\6109c755-6794-4e05-b80b-78a21a2384aa.tmp</t>
  </si>
  <si>
    <t>12/16/2019 12:12:10</t>
  </si>
  <si>
    <t>a95f4c28-307a-4d76-bbb9-5f6ffb3e07b6.tmp</t>
  </si>
  <si>
    <t>\\acsfs\profiles$\dhiulliananads\Downloads\a95f4c28-307a-4d76-bbb9-5f6ffb3e07b6.tmp</t>
  </si>
  <si>
    <t>12/16/2019 12:08:58</t>
  </si>
  <si>
    <t>65e91ea0-8270-48a4-80da-af41411780ca.tmp</t>
  </si>
  <si>
    <t>\\acsfs\profiles$\marcellewdl\Downloads\65e91ea0-8270-48a4-80da-af41411780ca.tmp</t>
  </si>
  <si>
    <t>12/16/2019 12:09:51</t>
  </si>
  <si>
    <t>d3b2b393-634b-421f-b4bc-eb8bff13dc56.tmp</t>
  </si>
  <si>
    <t>\\acsfs\profiles$\kellzylenneasr\Downloads\d3b2b393-634b-421f-b4bc-eb8bff13dc56.tmp</t>
  </si>
  <si>
    <t>12/16/2019 12:15:14</t>
  </si>
  <si>
    <t>C:\Users\vanessasara\OneDrive - Grupo Algar\Ecossistema de Inovação\Prodex\PRODEX 2020 - PROPOSTA #DESAFIODOCLIENTE.pptx\</t>
  </si>
  <si>
    <t>12/16/2019 12:09:52</t>
  </si>
  <si>
    <t>12/16/2019 12:09:45</t>
  </si>
  <si>
    <t>84df56c4-78d5-4c84-a007-31419b5cddc6.tmp</t>
  </si>
  <si>
    <t>\\acsfs\profiles$\sarahbal\Downloads\84df56c4-78d5-4c84-a007-31419b5cddc6.tmp</t>
  </si>
  <si>
    <t>12/16/2019 12:10:08</t>
  </si>
  <si>
    <t>28125f85-b777-4d4e-99cb-09b0f483b1d5.tmp</t>
  </si>
  <si>
    <t>\\acsfs\profiles$\larissaad\Downloads\28125f85-b777-4d4e-99cb-09b0f483b1d5.tmp</t>
  </si>
  <si>
    <t>12/16/2019 12:17:14</t>
  </si>
  <si>
    <t>12/16/2019 12:14:38</t>
  </si>
  <si>
    <t>12/16/2019 12:15:21</t>
  </si>
  <si>
    <t>12/16/2019 12:18:14</t>
  </si>
  <si>
    <t>12/16/2019 12:15:22</t>
  </si>
  <si>
    <t>lu2454023e2qu.tmp</t>
  </si>
  <si>
    <t>\\acsfs\profiles$\dhiulliananads\My Documents\lu2454023e2qu.tmp</t>
  </si>
  <si>
    <t>\\acsfs\profiles$\dhiulliananads\My Documents\lu2454023e2qu.tmp\</t>
  </si>
  <si>
    <t>\\acsfs\profiles$\dhiulliananads\My Documents\lu2454023e2qu.tmp\META-INF\</t>
  </si>
  <si>
    <t>\\acsfs\profiles$\dhiulliananads\My Documents\lu2454023e2qu.tmp\Thumbnails\</t>
  </si>
  <si>
    <t>12/16/2019 12:13:03</t>
  </si>
  <si>
    <t>12/16/2019 12:13:04</t>
  </si>
  <si>
    <t>12/16/2019 12:14:50</t>
  </si>
  <si>
    <t>12/16/2019 12:15:51</t>
  </si>
  <si>
    <t>12/16/2019 12:12:26</t>
  </si>
  <si>
    <t>658bd9cf-3fb2-46e4-a363-2aad65ea8969.tmp</t>
  </si>
  <si>
    <t>\\acsfs\profiles$\gabrielhca\Downloads\658bd9cf-3fb2-46e4-a363-2aad65ea8969.tmp</t>
  </si>
  <si>
    <t>12/16/2019 12:16:17</t>
  </si>
  <si>
    <t>12/16/2019 12:21:14</t>
  </si>
  <si>
    <t>12/16/2019 12:19:19</t>
  </si>
  <si>
    <t>12/16/2019 12:22:14</t>
  </si>
  <si>
    <t>12/16/2019 12:20:32</t>
  </si>
  <si>
    <t>12/16/2019 12:23:15</t>
  </si>
  <si>
    <t>12/16/2019 12:20:50</t>
  </si>
  <si>
    <t>12/16/2019 12:21:50</t>
  </si>
  <si>
    <t>12/16/2019 12:20:21</t>
  </si>
  <si>
    <t>\\acsfs\profiles$\nataliafsi\My Documents\$RECYCLE.BIN\</t>
  </si>
  <si>
    <t>$IV8OO4F.txt</t>
  </si>
  <si>
    <t>\\acsfs\profiles$\nataliafsi\My Documents\$RECYCLE.BIN\$IV8OO4F.txt</t>
  </si>
  <si>
    <t>12/16/2019 12:20:31</t>
  </si>
  <si>
    <t>$I2F7WQS.txt</t>
  </si>
  <si>
    <t>\\acsfs\profiles$\nataliafsi\My Documents\$RECYCLE.BIN\$I2F7WQS.txt</t>
  </si>
  <si>
    <t>12/16/2019 12:20:27</t>
  </si>
  <si>
    <t>adalbertoms@algartech.com;alexandreapi@algartech.com;andersonoa@algartech.com;camilat@algartech.com;cinthia.guimaraes@algartech.com;danieldom@algartech.com;edilson@algartech.com;elisangela.silva@algartech.com;gisele.lopes@algartech.com;hugobsa@algartech.com;jeffersonrdsa@algartech.com;joelson.rosa@algarnet.onmicrosoft.com;kamiladsv@algartech.com;luiz.m.carvalho@algartech.com;marco.padovani@algartech.com;otavioffds@algartech.com;pablomlqu@algartech.com;patriciaf@algartech.com;pedrofs@algartech.com;renata.silva@algartech.com;renatobrl@algartech.com;sgc-th_gat@algartech.com;simoneesm@algartech.com;suenyfo@algartech.com;walter.silva@algartech.com;wesleydal@algartech.com;wilsonaapn@algartech.com;</t>
  </si>
  <si>
    <t>\\Acsfs\dsti\GAT\CIT - Coordenacao Inteligencia de TI\RELATORIOS FPW\Controle\OCORRENCIAS\OCORRENCIAS_DEZEMBRO2019\</t>
  </si>
  <si>
    <t>Ocorrências01a1212.xlsm</t>
  </si>
  <si>
    <t>adalbertoms@algartech.com,alexandreapi@algartech.com,andersonoa@algartech.com,camilat@algartech.com,cinthia.guimaraes@algartech.com,danieldom@algartech.com,edilson@algartech.com,elisangela.silva@algartech.com,gisele.lopes@algartech.com,hugobsa@algartech.com,jeffersonrdsa@algartech.com,joelson.rosa@algarnet.onmicrosoft.com,kamiladsv@algartech.com,luiz.m.carvalho@algartech.com,marco.padovani@algartech.com,otavioffds@algartech.com,pablomlqu@algartech.com,patriciaf@algartech.com,pedrofs@algartech.com,renata.silva@algartech.com,renatobrl@algartech.com,sgc-th_gat@algartech.com,simoneesm@algartech.com,suenyfo@algartech.com,walter.silva@algartech.com,wesleydal@algartech.com,wilsonaapn@algartech.com</t>
  </si>
  <si>
    <t>12/16/2019 12:19:11</t>
  </si>
  <si>
    <t>algartechcpcbv@algartech.com;andrelps@algartech.com;andrelpsa@algartech.com;flora.lira@bv.com.br;gabrielsma@algartech.com;jose.gomes@bv.com.br;rafaelggs@algartech.com;viniciussg@algartech.com;</t>
  </si>
  <si>
    <t>algartechcpcbv@algartech.com,andrelps@algartech.com,andrelpsa@algartech.com,flora.lira@bv.com.br,gabrielsma@algartech.com,jose.gomes@bv.com.br,rafaelggs@algartech.com,viniciussg@algartech.com</t>
  </si>
  <si>
    <t>12/16/2019 12:21:15</t>
  </si>
  <si>
    <t>12/16/2019 12:24:14</t>
  </si>
  <si>
    <t>TALITA SANTOS SILVA CASTRO (19337).contact</t>
  </si>
  <si>
    <t>\\acsfs\profiles$\talitassc\Contacts\TALITA SANTOS SILVA CASTRO (19337).contact</t>
  </si>
  <si>
    <t>12/16/2019 12:21:28</t>
  </si>
  <si>
    <t>12/16/2019 12:21:29</t>
  </si>
  <si>
    <t>12/16/2019 12:21:30</t>
  </si>
  <si>
    <t>12/16/2019 12:21:31</t>
  </si>
  <si>
    <t>12/16/2019 12:21:32</t>
  </si>
  <si>
    <t>12/16/2019 12:21:33</t>
  </si>
  <si>
    <t>12/16/2019 12:21:34</t>
  </si>
  <si>
    <t>12/16/2019 12:21:35</t>
  </si>
  <si>
    <t>12/16/2019 12:21:49</t>
  </si>
  <si>
    <t>12/16/2019 12:21:36</t>
  </si>
  <si>
    <t>12/16/2019 12:21:05</t>
  </si>
  <si>
    <t>12/16/2019 12:26:14</t>
  </si>
  <si>
    <t>12/16/2019 12:21:25</t>
  </si>
  <si>
    <t>12/16/2019 12:21:42</t>
  </si>
  <si>
    <t>12/16/2019 12:21:56</t>
  </si>
  <si>
    <t>12/16/2019 12:22:01</t>
  </si>
  <si>
    <t>12/16/2019 12:22:05</t>
  </si>
  <si>
    <t>12/16/2019 12:22:10</t>
  </si>
  <si>
    <t>12/16/2019 12:23:37</t>
  </si>
  <si>
    <t>12/16/2019 12:24:00</t>
  </si>
  <si>
    <t>12/16/2019 12:24:16</t>
  </si>
  <si>
    <t>12/16/2019 12:24:43</t>
  </si>
  <si>
    <t>12/16/2019 12:25:08</t>
  </si>
  <si>
    <t>12/16/2019 12:25:23</t>
  </si>
  <si>
    <t>12/16/2019 12:25:25</t>
  </si>
  <si>
    <t>12/16/2019 12:25:29</t>
  </si>
  <si>
    <t>12/16/2019 12:25:33</t>
  </si>
  <si>
    <t>12/16/2019 12:25:37</t>
  </si>
  <si>
    <t>FATURAMENTO URR I 2019...xlsx</t>
  </si>
  <si>
    <t>12/16/2019 12:23:52</t>
  </si>
  <si>
    <t>12/16/2019 12:27:15</t>
  </si>
  <si>
    <t>8da14944-3892-4885-a0cf-ae072074beb0.tmp</t>
  </si>
  <si>
    <t>\\acsfs\profiles$\leticiala\Downloads\8da14944-3892-4885-a0cf-ae072074beb0.tmp</t>
  </si>
  <si>
    <t>12/16/2019 12:25:58</t>
  </si>
  <si>
    <t>d1096b9e-afd5-4db0-a91c-80604a24ec0b.tmp</t>
  </si>
  <si>
    <t>\\acsfs\profiles$\leticiala\Downloads\d1096b9e-afd5-4db0-a91c-80604a24ec0b.tmp</t>
  </si>
  <si>
    <t>12/16/2019 12:22:50</t>
  </si>
  <si>
    <t>12/16/2019 12:23:00</t>
  </si>
  <si>
    <t>12/16/2019 12:28:14</t>
  </si>
  <si>
    <t>12/16/2019 12:26:49</t>
  </si>
  <si>
    <t>12/16/2019 12:26:50</t>
  </si>
  <si>
    <t>12/16/2019 12:24:33</t>
  </si>
  <si>
    <t>mail.google.com/mail/u/0/jserror?script=https://mail.google.com/mail/u/0/#inbox/fmfcgxwgcqtddjdmslnqjjhnbqfbxgbw&amp;error=yo&amp;line=not available&amp;txz=p</t>
  </si>
  <si>
    <t>12/16/2019 12:26:51</t>
  </si>
  <si>
    <t>12/16/2019 12:26:03</t>
  </si>
  <si>
    <t>12/16/2019 12:26:52</t>
  </si>
  <si>
    <t>12/16/2019 12:25:35</t>
  </si>
  <si>
    <t>nr17.pdf</t>
  </si>
  <si>
    <t>\\acsfs\profiles$\nataliafsi\My Documents\nr17.pdf</t>
  </si>
  <si>
    <t>12/16/2019 12:27:27</t>
  </si>
  <si>
    <t>12/16/2019 12:30:14</t>
  </si>
  <si>
    <t>equipefabi@algartech.com.br;tecnicospj@algartech.com.br;</t>
  </si>
  <si>
    <t>Rotina Repescagem.</t>
  </si>
  <si>
    <t>equipefabi@algartech.com.br,tecnicospj@algartech.com.br</t>
  </si>
  <si>
    <t>12/16/2019 12:26:30</t>
  </si>
  <si>
    <t>\\acsfs\profiles$\ERICALSR\My Documents\</t>
  </si>
  <si>
    <t>adicional.txt</t>
  </si>
  <si>
    <t>\\acsfs\profiles$\ERICALSR\My Documents\adicional.txt</t>
  </si>
  <si>
    <t>12/16/2019 12:25:50</t>
  </si>
  <si>
    <t>12/16/2019 12:32:14</t>
  </si>
  <si>
    <t>12/16/2019 12:27:51</t>
  </si>
  <si>
    <t>12/16/2019 12:33:14</t>
  </si>
  <si>
    <t>12/16/2019 12:32:50</t>
  </si>
  <si>
    <t>12/16/2019 12:27:55</t>
  </si>
  <si>
    <t>12/16/2019 12:28:17</t>
  </si>
  <si>
    <t>$I08YON3.pdf</t>
  </si>
  <si>
    <t>\\acsfs\profiles$\nataliafsi\My Documents\$RECYCLE.BIN\$I08YON3.pdf</t>
  </si>
  <si>
    <t>12/16/2019 12:29:05</t>
  </si>
  <si>
    <t>12/16/2019 12:33:27</t>
  </si>
  <si>
    <t>12/16/2019 12:35:14</t>
  </si>
  <si>
    <t>12/16/2019 12:31:56</t>
  </si>
  <si>
    <t>12/16/2019 12:32:26</t>
  </si>
  <si>
    <t>12/16/2019 12:36:14</t>
  </si>
  <si>
    <t>12/16/2019 12:37:14</t>
  </si>
  <si>
    <t>12/16/2019 12:35:25</t>
  </si>
  <si>
    <t>12/16/2019 12:38:14</t>
  </si>
  <si>
    <t>mail.google.com/_/upload?authuser=0&amp;dcp=asu-n&amp;upload_id=AEnB2UqTbkpTTfL_N5xcMVhJV_DFHP9LeDpp_7k_NBRFisZPZKGIp3nUVIZlIJGy96ozlsU2oJT8L-4vlGGmswWmzku47GhIF1Xc7tLqYIrAUyVXQM06WGw&amp;upload_protocol=resumable</t>
  </si>
  <si>
    <t>12/16/2019 12:33:51</t>
  </si>
  <si>
    <t>12/16/2019 12:36:39</t>
  </si>
  <si>
    <t>12/16/2019 12:37:10</t>
  </si>
  <si>
    <t>12/16/2019 12:37:12</t>
  </si>
  <si>
    <t>12/16/2019 12:42:14</t>
  </si>
  <si>
    <t>12/16/2019 12:38:51</t>
  </si>
  <si>
    <t>12/16/2019 12:43:13</t>
  </si>
  <si>
    <t>12/16/2019 12:41:28</t>
  </si>
  <si>
    <t>12/16/2019 12:39:27</t>
  </si>
  <si>
    <t>12/16/2019 12:39:51</t>
  </si>
  <si>
    <t>12/16/2019 12:41:25</t>
  </si>
  <si>
    <t>12/16/2019 12:39:26</t>
  </si>
  <si>
    <t>12/16/2019 12:39:53</t>
  </si>
  <si>
    <t>lu7460fq8r.tmp</t>
  </si>
  <si>
    <t>\\acsfs\profiles$\CINTIADCF\lu7460fq8r.tmp</t>
  </si>
  <si>
    <t>\\acsfs\profiles$\CINTIADCF\lu7460fq8r.tmp\</t>
  </si>
  <si>
    <t>\\acsfs\profiles$\CINTIADCF\lu7460fq8r.tmp\META-INF\</t>
  </si>
  <si>
    <t>12/16/2019 12:44:14</t>
  </si>
  <si>
    <t>\\acsfs\profiles$\CINTIADCF\lu7460fq8r.tmp\Thumbnails\</t>
  </si>
  <si>
    <t>12/16/2019 12:42:49</t>
  </si>
  <si>
    <t>micheless@algartech.com.br;thaisaol@algartech.com.br;</t>
  </si>
  <si>
    <t>UPH GERAL</t>
  </si>
  <si>
    <t>micheless@algartech.com.br,thaisaol@algartech.com.br</t>
  </si>
  <si>
    <t>12/16/2019 12:42:09</t>
  </si>
  <si>
    <t>12/16/2019 12:47:13</t>
  </si>
  <si>
    <t>81c5f89a-9235-4113-a9ac-29145da60782.tmp</t>
  </si>
  <si>
    <t>\\acsfs\profiles$\leonardobb\Downloads\81c5f89a-9235-4113-a9ac-29145da60782.tmp</t>
  </si>
  <si>
    <t>12/16/2019 12:42:16</t>
  </si>
  <si>
    <t>da2e2141-b5d2-4733-929e-2c8c4d67dae1.tmp</t>
  </si>
  <si>
    <t>\\acsfs\profiles$\leonardobb\Downloads\da2e2141-b5d2-4733-929e-2c8c4d67dae1.tmp</t>
  </si>
  <si>
    <t>12/16/2019 12:44:51</t>
  </si>
  <si>
    <t>12/16/2019 12:48:13</t>
  </si>
  <si>
    <t>12/16/2019 12:45:51</t>
  </si>
  <si>
    <t>12/16/2019 12:52:13</t>
  </si>
  <si>
    <t>12/16/2019 12:48:35</t>
  </si>
  <si>
    <t>12/16/2019 12:53:14</t>
  </si>
  <si>
    <t>\\acsfs\profiles$\nataliafsi\Contacts\</t>
  </si>
  <si>
    <t>NATALIA FERNANDES SILVA (2063).contact</t>
  </si>
  <si>
    <t>\\acsfs\profiles$\nataliafsi\Contacts\NATALIA FERNANDES SILVA (2063).contact</t>
  </si>
  <si>
    <t>12/16/2019 12:48:52</t>
  </si>
  <si>
    <t>12/16/2019 12:51:22</t>
  </si>
  <si>
    <t>babae2c3-b562-4480-880d-8d2b778fecb0.tmp</t>
  </si>
  <si>
    <t>\\acsfs\profiles$\YASMINSC\Downloads\babae2c3-b562-4480-880d-8d2b778fecb0.tmp</t>
  </si>
  <si>
    <t>12/16/2019 12:48:53</t>
  </si>
  <si>
    <t>12/16/2019 12:52:36</t>
  </si>
  <si>
    <t>2b322cf6-9e23-4470-84c9-513c599a033a.tmp</t>
  </si>
  <si>
    <t>\\acsfs\profiles$\YASMINSC\Downloads\2b322cf6-9e23-4470-84c9-513c599a033a.tmp</t>
  </si>
  <si>
    <t>12/16/2019 12:50:51</t>
  </si>
  <si>
    <t>12/16/2019 12:51:51</t>
  </si>
  <si>
    <t>12/16/2019 12:52:38</t>
  </si>
  <si>
    <t>12/16/2019 12:48:39</t>
  </si>
  <si>
    <t>12/16/2019 12:50:40</t>
  </si>
  <si>
    <t>12/16/2019 12:54:13</t>
  </si>
  <si>
    <t>anapscl@algartech.com;bonfim.silva@bradesco.com.br;cristiany.caixeta@bradesco.com.br;greiciele.alves@bradesco.com.br;jussaragp@algartech.com;leandra.cardoso@bradesco.com.br;micheless@algartech.com.br;patriciaa.lima@temposervicos.com.br;rosemery.silva@bradesco.com.br;</t>
  </si>
  <si>
    <t>anapscl@algartech.com,bonfim.silva@bradesco.com.br,cristiany.caixeta@bradesco.com.br,greiciele.alves@bradesco.com.br,jussaragp@algartech.com,leandra.cardoso@bradesco.com.br,micheless@algartech.com.br,patriciaa.lima@temposervicos.com.br,rosemery.silva@bradesco.com.br</t>
  </si>
  <si>
    <t>12/16/2019 12:51:57</t>
  </si>
  <si>
    <t>12/16/2019 12:55:14</t>
  </si>
  <si>
    <t>326eedf1-8dc9-435d-abcb-6d438f3ce074.tmp</t>
  </si>
  <si>
    <t>\\acsfs\profiles$\geovanaasa\Downloads\326eedf1-8dc9-435d-abcb-6d438f3ce074.tmp</t>
  </si>
  <si>
    <t>12/16/2019 12:52:58</t>
  </si>
  <si>
    <t>e1479aa0-055d-47d5-b68a-8b7ed58a7200.tmp</t>
  </si>
  <si>
    <t>\\acsfs\profiles$\geovanaasa\Downloads\e1479aa0-055d-47d5-b68a-8b7ed58a7200.tmp</t>
  </si>
  <si>
    <t>12/16/2019 12:52:02</t>
  </si>
  <si>
    <t>679c7195-d68c-4a21-9ef0-201579d5b180.tmp</t>
  </si>
  <si>
    <t>\\acsfs\profiles$\ERICALSR\Downloads\679c7195-d68c-4a21-9ef0-201579d5b180.tmp</t>
  </si>
  <si>
    <t>12/16/2019 12:53:01</t>
  </si>
  <si>
    <t>aed0a4a8-2213-485c-803e-aee395827ea1.tmp</t>
  </si>
  <si>
    <t>\\acsfs\profiles$\ERICALSR\Downloads\aed0a4a8-2213-485c-803e-aee395827ea1.tmp</t>
  </si>
  <si>
    <t>12/16/2019 12:50:03</t>
  </si>
  <si>
    <t>12/16/2019 12:54:15</t>
  </si>
  <si>
    <t>12/16/2019 12:56:13</t>
  </si>
  <si>
    <t>lu7460fq8w.tmp</t>
  </si>
  <si>
    <t>\\acsfs\profiles$\CINTIADCF\lu7460fq8w.tmp</t>
  </si>
  <si>
    <t>\\acsfs\profiles$\CINTIADCF\lu7460fq8w.tmp\</t>
  </si>
  <si>
    <t>\\acsfs\profiles$\CINTIADCF\lu7460fq8w.tmp\META-INF\</t>
  </si>
  <si>
    <t>\\acsfs\profiles$\CINTIADCF\lu7460fq8w.tmp\Thumbnails\</t>
  </si>
  <si>
    <t>12/16/2019 12:57:14</t>
  </si>
  <si>
    <t>12/16/2019 12:53:46</t>
  </si>
  <si>
    <t>12/16/2019 12:58:13</t>
  </si>
  <si>
    <t>58962b24-4f78-4d4b-813d-e3ffee7484ce.tmp</t>
  </si>
  <si>
    <t>\\acsfs\profiles$\dhiulliananads\Downloads\58962b24-4f78-4d4b-813d-e3ffee7484ce.tmp</t>
  </si>
  <si>
    <t>12/16/2019 12:55:22</t>
  </si>
  <si>
    <t>44a9ff37-38bf-4ce1-8e69-7b75271f451b.tmp</t>
  </si>
  <si>
    <t>\\acsfs\profiles$\dhiulliananads\Downloads\44a9ff37-38bf-4ce1-8e69-7b75271f451b.tmp</t>
  </si>
  <si>
    <t>12/16/2019 12:55:59</t>
  </si>
  <si>
    <t>\\acsfs\profiles$\GABRIELHCA\My Documents\</t>
  </si>
  <si>
    <t>831e1540-cb4c-4ee0-94b2-360a5afab640.pdf</t>
  </si>
  <si>
    <t>\\acsfs\profiles$\GABRIELHCA\My Documents\831e1540-cb4c-4ee0-94b2-360a5afab640.pdf</t>
  </si>
  <si>
    <t>12/16/2019 12:57:01</t>
  </si>
  <si>
    <t>12/16/2019 12:56:51</t>
  </si>
  <si>
    <t>12/16/2019 12:57:51</t>
  </si>
  <si>
    <t>12/16/2019 12:59:14</t>
  </si>
  <si>
    <t>ENC: DEPARA - ATUALIZAÇÃO PESQUISA EMPRESA X BASE GERENCIADAS</t>
  </si>
  <si>
    <t>03 - DEPARA - BASE GERENCIADAS X ATUALIZAÇÃO PESQUISA EMPRESA.xlsx</t>
  </si>
  <si>
    <t>12/16/2019 12:55:26</t>
  </si>
  <si>
    <t>12/16/2019 13:00:13</t>
  </si>
  <si>
    <t>https://udpwfmniceap02/web/guest/home?p_auth=vj1fqnkb&amp;p_p_id=58&amp;p_p_lifecycle=1&amp;p_p_state=maximized&amp;p_p_mode=view&amp;savelastpath=0&amp;_58_struts_action=/login/forgot_password</t>
  </si>
  <si>
    <t>12/16/2019 12:56:35</t>
  </si>
  <si>
    <t>https://udpwfmniceap02/pt_br/web/guest/home?p_auth=vj1fqnkb&amp;p_p_id=58&amp;p_p_lifecycle=1&amp;p_p_state=maximized&amp;p_p_mode=view&amp;savelastpath=0&amp;_58_struts_action=/login/forgot_password</t>
  </si>
  <si>
    <t>12/16/2019 12:57:54</t>
  </si>
  <si>
    <t>12/16/2019 12:58:14</t>
  </si>
  <si>
    <t>12/16/2019 12:57:27</t>
  </si>
  <si>
    <t>ENC: Rotina Repescagem.</t>
  </si>
  <si>
    <t>12/16/2019 13:00:04</t>
  </si>
  <si>
    <t>12/16/2019 13:01:14</t>
  </si>
  <si>
    <t>2b3bdf59-c361-4b27-94d4-a4f34b900dd1.tmp</t>
  </si>
  <si>
    <t>\\acsfs\profiles$\valeriasda\Downloads\2b3bdf59-c361-4b27-94d4-a4f34b900dd1.tmp</t>
  </si>
  <si>
    <t>12/16/2019 13:00:25</t>
  </si>
  <si>
    <t>c01acaca-5263-4716-aadf-0c65e665f62e.tmp</t>
  </si>
  <si>
    <t>\\acsfs\profiles$\valeriasda\Downloads\c01acaca-5263-4716-aadf-0c65e665f62e.tmp</t>
  </si>
  <si>
    <t>12/16/2019 12:59:33</t>
  </si>
  <si>
    <t>71d66a9c-e940-4a49-8da4-864afbe3e78e.tmp</t>
  </si>
  <si>
    <t>\\acsfs\profiles$\felipetds\Downloads\71d66a9c-e940-4a49-8da4-864afbe3e78e.tmp</t>
  </si>
  <si>
    <t>12/16/2019 12:56:25</t>
  </si>
  <si>
    <t>12/16/2019 12:58:04</t>
  </si>
  <si>
    <t>12/16/2019 13:00:21</t>
  </si>
  <si>
    <t>831a760e-1bba-4e6b-bc25-373899195570.tmp</t>
  </si>
  <si>
    <t>\\acsfs\profiles$\isabellegtds\Downloads\831a760e-1bba-4e6b-bc25-373899195570.tmp</t>
  </si>
  <si>
    <t>12/16/2019 12:57:36</t>
  </si>
  <si>
    <t>12/16/2019 13:02:13</t>
  </si>
  <si>
    <t>192.168.1.121</t>
  </si>
  <si>
    <t>12/16/2019 12:59:53</t>
  </si>
  <si>
    <t>12/16/2019 13:03:13</t>
  </si>
  <si>
    <t>72cee4af-29b3-4c90-b4e4-71147ec90890.tmp</t>
  </si>
  <si>
    <t>\\acsfs\profiles$\kellzylenneasr\Downloads\72cee4af-29b3-4c90-b4e4-71147ec90890.tmp</t>
  </si>
  <si>
    <t>12/16/2019 13:02:51</t>
  </si>
  <si>
    <t>c50a339f-2809-44f5-be63-d7cbf710a986.tmp</t>
  </si>
  <si>
    <t>\\acsfs\profiles$\kellzylenneasr\Downloads\c50a339f-2809-44f5-be63-d7cbf710a986.tmp</t>
  </si>
  <si>
    <t>12/16/2019 13:01:33</t>
  </si>
  <si>
    <t>e54b1db8-3eef-4d93-84fb-34e2336d4c31.tmp</t>
  </si>
  <si>
    <t>\\acsfs\profiles$\alicecpbc\Downloads\e54b1db8-3eef-4d93-84fb-34e2336d4c31.tmp</t>
  </si>
  <si>
    <t>12/16/2019 13:01:45</t>
  </si>
  <si>
    <t>8ac5f2c8-8c22-4373-a25d-25ef205737cd.tmp</t>
  </si>
  <si>
    <t>\\acsfs\profiles$\alicecpbc\Downloads\8ac5f2c8-8c22-4373-a25d-25ef205737cd.tmp</t>
  </si>
  <si>
    <t>12/16/2019 13:04:13</t>
  </si>
  <si>
    <t>12/16/2019 13:03:19</t>
  </si>
  <si>
    <t>12/16/2019 13:03:03</t>
  </si>
  <si>
    <t>12/16/2019 13:05:14</t>
  </si>
  <si>
    <t>7405bba6-3573-41fa-855a-7536d4f0ae28.tmp</t>
  </si>
  <si>
    <t>\\acsfs\profiles$\vivianalds\Downloads\7405bba6-3573-41fa-855a-7536d4f0ae28.tmp</t>
  </si>
  <si>
    <t>12/16/2019 13:04:17</t>
  </si>
  <si>
    <t>b885c113-9d13-4a95-9cea-45b8fc7820a5.tmp</t>
  </si>
  <si>
    <t>\\acsfs\profiles$\vivianalds\Downloads\b885c113-9d13-4a95-9cea-45b8fc7820a5.tmp</t>
  </si>
  <si>
    <t>12/16/2019 13:00:51</t>
  </si>
  <si>
    <t>7d975cec-7cf0-4e72-b99b-9abdeac89213.tmp</t>
  </si>
  <si>
    <t>\\acsfs\profiles$\paulovadc\Downloads\7d975cec-7cf0-4e72-b99b-9abdeac89213.tmp</t>
  </si>
  <si>
    <t>12/16/2019 13:01:30</t>
  </si>
  <si>
    <t>12/16/2019 13:00:29</t>
  </si>
  <si>
    <t>a28ea1f9-abc7-4a2c-9182-fb85d751c42f.tmp</t>
  </si>
  <si>
    <t>\\acsfs\profiles$\luanarda\Downloads\a28ea1f9-abc7-4a2c-9182-fb85d751c42f.tmp</t>
  </si>
  <si>
    <t>12/16/2019 13:01:35</t>
  </si>
  <si>
    <t>e10a0c00-135e-4ee8-91ae-aac0d2f0bc4e.tmp</t>
  </si>
  <si>
    <t>\\acsfs\profiles$\luanarda\Downloads\e10a0c00-135e-4ee8-91ae-aac0d2f0bc4e.tmp</t>
  </si>
  <si>
    <t>12/16/2019 13:04:58</t>
  </si>
  <si>
    <t>12/16/2019 13:06:13</t>
  </si>
  <si>
    <t>12/16/2019 13:00:26</t>
  </si>
  <si>
    <t>2b69620e-2aae-48d2-92a0-b2dd6db180b3.tmp</t>
  </si>
  <si>
    <t>\\acsfs\profiles$\valeriasda\Downloads\2b69620e-2aae-48d2-92a0-b2dd6db180b3.tmp</t>
  </si>
  <si>
    <t>12/16/2019 13:00:34</t>
  </si>
  <si>
    <t>3e4ac945-c2bf-4068-8c59-69aa312bee44.tmp</t>
  </si>
  <si>
    <t>\\acsfs\profiles$\valeriasda\Downloads\3e4ac945-c2bf-4068-8c59-69aa312bee44.tmp</t>
  </si>
  <si>
    <t>12/16/2019 13:04:00</t>
  </si>
  <si>
    <t>lu402444z0.tmp</t>
  </si>
  <si>
    <t>\\acsfs\profiles$\CINTIADCF\lu402444z0.tmp</t>
  </si>
  <si>
    <t>\\acsfs\profiles$\CINTIADCF\lu402444z0.tmp\</t>
  </si>
  <si>
    <t>\\acsfs\profiles$\CINTIADCF\lu402444z0.tmp\META-INF\</t>
  </si>
  <si>
    <t>\\acsfs\profiles$\CINTIADCF\lu402444z0.tmp\Thumbnails\</t>
  </si>
  <si>
    <t>12/16/2019 13:00:49</t>
  </si>
  <si>
    <t>5533a87c-8ea4-4fe6-89a0-98185be0f93d.tmp</t>
  </si>
  <si>
    <t>\\acsfs\profiles$\felipetds\Downloads\5533a87c-8ea4-4fe6-89a0-98185be0f93d.tmp</t>
  </si>
  <si>
    <t>12/16/2019 13:06:00</t>
  </si>
  <si>
    <t>XLOG_anacdos_16122019_081534.log</t>
  </si>
  <si>
    <t>\\acsfs\profiles$\anacdos\My Documents\xworkcenter\logs\XLOG_anacdos_16122019_081534.log</t>
  </si>
  <si>
    <t>12/16/2019 13:04:47</t>
  </si>
  <si>
    <t>12/16/2019 13:02:23</t>
  </si>
  <si>
    <t>12/16/2019 13:07:14</t>
  </si>
  <si>
    <t>Importar_Quadro_Colaboradores_SinergyRH_20190913 (1).xlsx</t>
  </si>
  <si>
    <t>12/16/2019 13:05:17</t>
  </si>
  <si>
    <t>12/16/2019 13:06:39</t>
  </si>
  <si>
    <t>12/16/2019 13:08:13</t>
  </si>
  <si>
    <t>e7d68289-1747-4f38-81be-70f78762ae7d.tmp</t>
  </si>
  <si>
    <t>\\acsfs\profiles$\marcellewdl\Downloads\e7d68289-1747-4f38-81be-70f78762ae7d.tmp</t>
  </si>
  <si>
    <t>12/16/2019 13:05:58</t>
  </si>
  <si>
    <t>XLOG_Angelicacldr_16122019_084923.log</t>
  </si>
  <si>
    <t>\\acsfs\profiles$\Angelicacldr\My Documents\xworkcenter\logs\XLOG_Angelicacldr_16122019_084923.log</t>
  </si>
  <si>
    <t>12/16/2019 13:06:01</t>
  </si>
  <si>
    <t>12/16/2019 13:03:51</t>
  </si>
  <si>
    <t>12/16/2019 13:09:14</t>
  </si>
  <si>
    <t>12/16/2019 13:06:50</t>
  </si>
  <si>
    <t>\\acsfs\profiles$\stefaniasdf\My Documents\</t>
  </si>
  <si>
    <t>Duvidas e sugerstão.txt</t>
  </si>
  <si>
    <t>\\acsfs\profiles$\stefaniasdf\My Documents\Duvidas e sugerstão.txt</t>
  </si>
  <si>
    <t>12/16/2019 13:06:48</t>
  </si>
  <si>
    <t>12/16/2019 13:04:37</t>
  </si>
  <si>
    <t>12/16/2019 13:10:13</t>
  </si>
  <si>
    <t>de0d6290-016e-4280-bbf7-e99ee9ce672d.tmp</t>
  </si>
  <si>
    <t>\\acsfs\profiles$\vivianalds\Downloads\de0d6290-016e-4280-bbf7-e99ee9ce672d.tmp</t>
  </si>
  <si>
    <t>4328351a-08f0-4620-af52-7b912ebfdc3c.tmp</t>
  </si>
  <si>
    <t>\\acsfs\profiles$\vivianalds\Downloads\4328351a-08f0-4620-af52-7b912ebfdc3c.tmp</t>
  </si>
  <si>
    <t>12/16/2019 13:09:38</t>
  </si>
  <si>
    <t>12/16/2019 13:11:13</t>
  </si>
  <si>
    <t>7f729859-c75a-4204-9bdd-56809ccbccff.tmp</t>
  </si>
  <si>
    <t>\\acsfs\profiles$\adrielyas\Downloads\7f729859-c75a-4204-9bdd-56809ccbccff.tmp</t>
  </si>
  <si>
    <t>12/16/2019 13:06:29</t>
  </si>
  <si>
    <t>12/16/2019 13:10:10</t>
  </si>
  <si>
    <t>967b9de4-9bc2-4ff0-8a3a-94696942d68f.tmp</t>
  </si>
  <si>
    <t>\\acsfs\profiles$\cintiadcf\Downloads\967b9de4-9bc2-4ff0-8a3a-94696942d68f.tmp</t>
  </si>
  <si>
    <t>12/16/2019 13:10:18</t>
  </si>
  <si>
    <t>fa31c0f8-f725-4e85-908a-f6249fd9e514.tmp</t>
  </si>
  <si>
    <t>\\acsfs\profiles$\cintiadcf\Downloads\fa31c0f8-f725-4e85-908a-f6249fd9e514.tmp</t>
  </si>
  <si>
    <t>12/16/2019 13:07:35</t>
  </si>
  <si>
    <t>12/16/2019 13:12:13</t>
  </si>
  <si>
    <t>12/16/2019 13:09:37</t>
  </si>
  <si>
    <t>12/16/2019 13:13:13</t>
  </si>
  <si>
    <t>C:\Users\renatofol\OneDrive - Grupo Algar\ALGAR_-_Transformação Digital\Consultoria CX\Documentações\TIME CX\Clientes\Caixa Seguradora\</t>
  </si>
  <si>
    <t>cronograma macro.xlsx</t>
  </si>
  <si>
    <t>12/16/2019 13:09:39</t>
  </si>
  <si>
    <t>12/16/2019 13:08:15</t>
  </si>
  <si>
    <t>c2905934-3064-4759-a5dd-8faa4d8fa6c3.tmp</t>
  </si>
  <si>
    <t>\\acsfs\profiles$\marcellewdl\Downloads\c2905934-3064-4759-a5dd-8faa4d8fa6c3.tmp</t>
  </si>
  <si>
    <t>12/16/2019 13:08:51</t>
  </si>
  <si>
    <t>12/16/2019 13:14:13</t>
  </si>
  <si>
    <t>12/16/2019 13:09:55</t>
  </si>
  <si>
    <t>12/16/2019 13:13:28</t>
  </si>
  <si>
    <t>12/16/2019 13:15:13</t>
  </si>
  <si>
    <t>12/16/2019 13:14:07</t>
  </si>
  <si>
    <t>4902febb-2dae-43a9-b712-198308cd86cc.tmp</t>
  </si>
  <si>
    <t>\\acsfs\profiles$\gabrielhca\Downloads\4902febb-2dae-43a9-b712-198308cd86cc.tmp</t>
  </si>
  <si>
    <t>12/16/2019 13:14:51</t>
  </si>
  <si>
    <t>12/16/2019 13:16:14</t>
  </si>
  <si>
    <t>3b90c847-6733-4ead-9066-82a396903d1f.tmp</t>
  </si>
  <si>
    <t>\\acsfs\profiles$\valeriasda\Downloads\3b90c847-6733-4ead-9066-82a396903d1f.tmp</t>
  </si>
  <si>
    <t>12/16/2019 13:11:57</t>
  </si>
  <si>
    <t>12/16/2019 13:11:14</t>
  </si>
  <si>
    <t>0deddf17-3868-489e-aa43-37bb5ca4c433.tmp</t>
  </si>
  <si>
    <t>\\acsfs\profiles$\adrielyas\Downloads\0deddf17-3868-489e-aa43-37bb5ca4c433.tmp</t>
  </si>
  <si>
    <t>12/16/2019 13:15:18</t>
  </si>
  <si>
    <t>02bdaf39-ba0c-4e6b-aad6-558cfc139100.tmp</t>
  </si>
  <si>
    <t>\\acsfs\profiles$\adrielyas\Downloads\02bdaf39-ba0c-4e6b-aad6-558cfc139100.tmp</t>
  </si>
  <si>
    <t>12/16/2019 13:11:22</t>
  </si>
  <si>
    <t>d1e5d793-e323-4ab9-b2d4-0996ae3449da.tmp</t>
  </si>
  <si>
    <t>\\acsfs\profiles$\cintiadcf\Downloads\d1e5d793-e323-4ab9-b2d4-0996ae3449da.tmp</t>
  </si>
  <si>
    <t>12/16/2019 13:14:25</t>
  </si>
  <si>
    <t>9a49c2ef-3f71-44b7-b305-e1991a1edd1f.tmp</t>
  </si>
  <si>
    <t>\\acsfs\profiles$\cintiadcf\Downloads\9a49c2ef-3f71-44b7-b305-e1991a1edd1f.tmp</t>
  </si>
  <si>
    <t>12/16/2019 13:14:55</t>
  </si>
  <si>
    <t>bbd501ff-ccd2-4293-bcf3-06afe82ccdf4.tmp</t>
  </si>
  <si>
    <t>\\acsfs\profiles$\felipetds\Downloads\bbd501ff-ccd2-4293-bcf3-06afe82ccdf4.tmp</t>
  </si>
  <si>
    <t>12/16/2019 13:15:11</t>
  </si>
  <si>
    <t>9f5099f8-65ca-43d9-b17c-7a10be895232.tmp</t>
  </si>
  <si>
    <t>\\acsfs\profiles$\isabellegtds\Downloads\9f5099f8-65ca-43d9-b17c-7a10be895232.tmp</t>
  </si>
  <si>
    <t>12/16/2019 13:17:13</t>
  </si>
  <si>
    <t>12/16/2019 13:14:08</t>
  </si>
  <si>
    <t>12/16/2019 13:14:22</t>
  </si>
  <si>
    <t>12/16/2019 13:14:30</t>
  </si>
  <si>
    <t>12/16/2019 13:14:37</t>
  </si>
  <si>
    <t>12/16/2019 13:15:06</t>
  </si>
  <si>
    <t>12/16/2019 13:15:20</t>
  </si>
  <si>
    <t>12/16/2019 13:16:08</t>
  </si>
  <si>
    <t>12/16/2019 13:15:44</t>
  </si>
  <si>
    <t>12/16/2019 13:18:13</t>
  </si>
  <si>
    <t>07cb7926-8b1f-43db-b544-63d8385bfce0.tmp</t>
  </si>
  <si>
    <t>\\acsfs\profiles$\marcellewdl\Downloads\07cb7926-8b1f-43db-b544-63d8385bfce0.tmp</t>
  </si>
  <si>
    <t>12/16/2019 13:16:11</t>
  </si>
  <si>
    <t>efdd13b4-8f6a-4f72-988f-ebb7d5f0dc6e.tmp</t>
  </si>
  <si>
    <t>\\acsfs\profiles$\marcellewdl\Downloads\efdd13b4-8f6a-4f72-988f-ebb7d5f0dc6e.tmp</t>
  </si>
  <si>
    <t>12/16/2019 13:17:06</t>
  </si>
  <si>
    <t>mail.google.com/_/upload?authuser=0&amp;dcp=asu-n&amp;upload_id=AEnB2Uqfg5crvQx_gfkXSLhkje-a5B1kfFSq5JSIV2Jd4fp7Ihs8YzJDLwhwzBROBulkg7ObRyP0lhZfUs4pKBI-Yhw4NAqt7A&amp;upload_protocol=resumable</t>
  </si>
  <si>
    <t>karinars@algartech.com;luizavs@algartech.com;viniciussg@algartech.com;</t>
  </si>
  <si>
    <t>\\acsfs\DEPTOS\Operacao\PCP\5 - Comum\PLANEJAMENTO WHIRLPOOL\17 - PLANEJAMENTO REVISADO\ticket_526283\17 - PLANEJAMENTO REVISADO\PLANO WHIRLPOOL 2020\D2C\02- FEVEREIRO\</t>
  </si>
  <si>
    <t>karinars@algartech.com,luizavs@algartech.com,viniciussg@algartech.com</t>
  </si>
  <si>
    <t>12/16/2019 13:15:16</t>
  </si>
  <si>
    <t>59b59e32-4d7e-4e41-b460-14807bd7e94d.tmp</t>
  </si>
  <si>
    <t>\\acsfs\profiles$\kellzylenneasr\Downloads\59b59e32-4d7e-4e41-b460-14807bd7e94d.tmp</t>
  </si>
  <si>
    <t>12/16/2019 13:15:22</t>
  </si>
  <si>
    <t>88a2c369-ce37-4a41-ba0d-463b87c72dc6.tmp</t>
  </si>
  <si>
    <t>\\acsfs\profiles$\kellzylenneasr\Downloads\88a2c369-ce37-4a41-ba0d-463b87c72dc6.tmp</t>
  </si>
  <si>
    <t>12/16/2019 13:17:27</t>
  </si>
  <si>
    <t>2e7a0203-048e-44fb-9327-de063ab52ed1.tmp</t>
  </si>
  <si>
    <t>\\acsfs\profiles$\alicecpbc\Downloads\2e7a0203-048e-44fb-9327-de063ab52ed1.tmp</t>
  </si>
  <si>
    <t>12/16/2019 13:19:13</t>
  </si>
  <si>
    <t>12/16/2019 13:15:51</t>
  </si>
  <si>
    <t>12/16/2019 13:15:17</t>
  </si>
  <si>
    <t>12/16/2019 13:20:13</t>
  </si>
  <si>
    <t>0240aac3-a50f-482b-afa8-b845f2668dc9.tmp</t>
  </si>
  <si>
    <t>\\acsfs\profiles$\geovanaasa\Downloads\0240aac3-a50f-482b-afa8-b845f2668dc9.tmp</t>
  </si>
  <si>
    <t>12/16/2019 13:15:37</t>
  </si>
  <si>
    <t>12/16/2019 13:14:48</t>
  </si>
  <si>
    <t>3a26d6c2-fb69-4685-bcf9-317b9e3069f0.tmp</t>
  </si>
  <si>
    <t>\\acsfs\profiles$\ERICALSR\Downloads\3a26d6c2-fb69-4685-bcf9-317b9e3069f0.tmp</t>
  </si>
  <si>
    <t>12/16/2019 13:16:38</t>
  </si>
  <si>
    <t>741e103b-d86b-49e5-a123-7b15f5ecc839.tmp</t>
  </si>
  <si>
    <t>\\acsfs\profiles$\jonatanls\Downloads\741e103b-d86b-49e5-a123-7b15f5ecc839.tmp</t>
  </si>
  <si>
    <t>12/16/2019 13:17:35</t>
  </si>
  <si>
    <t>76159e12-be87-4c6a-a060-3221ba21b242.tmp</t>
  </si>
  <si>
    <t>\\acsfs\profiles$\jonatanls\Downloads\76159e12-be87-4c6a-a060-3221ba21b242.tmp</t>
  </si>
  <si>
    <t>12/16/2019 13:17:42</t>
  </si>
  <si>
    <t>.~lock.Status Filas (2).xlsx#</t>
  </si>
  <si>
    <t>\\acsfs\profiles$\jonatanls\Downloads\.~lock.Status Filas (2).xlsx#</t>
  </si>
  <si>
    <t>12/16/2019 13:18:18</t>
  </si>
  <si>
    <t>a0c121b3-1178-455e-a990-9f5deb4409e0.tmp</t>
  </si>
  <si>
    <t>\\acsfs\profiles$\jonatanls\Downloads\a0c121b3-1178-455e-a990-9f5deb4409e0.tmp</t>
  </si>
  <si>
    <t>12/16/2019 13:18:22</t>
  </si>
  <si>
    <t>.~lock.Status Filas (3).xlsx#</t>
  </si>
  <si>
    <t>\\acsfs\profiles$\jonatanls\Downloads\.~lock.Status Filas (3).xlsx#</t>
  </si>
  <si>
    <t>12/16/2019 13:18:29</t>
  </si>
  <si>
    <t>979802c5-6404-417b-8e24-1b82420e59a4.tmp</t>
  </si>
  <si>
    <t>\\acsfs\profiles$\jonatanls\Downloads\979802c5-6404-417b-8e24-1b82420e59a4.tmp</t>
  </si>
  <si>
    <t>12/16/2019 13:18:32</t>
  </si>
  <si>
    <t>.~lock.Status Filas (4).xlsx#</t>
  </si>
  <si>
    <t>\\acsfs\profiles$\jonatanls\Downloads\.~lock.Status Filas (4).xlsx#</t>
  </si>
  <si>
    <t>12/16/2019 13:19:16</t>
  </si>
  <si>
    <t>.~lock.Status Filas.xlsx#</t>
  </si>
  <si>
    <t>\\acsfs\profiles$\jonatanls\Downloads\.~lock.Status Filas.xlsx#</t>
  </si>
  <si>
    <t>12/16/2019 13:19:27</t>
  </si>
  <si>
    <t>\\acsfs\profiles$\jonatanls\Downloads\$RECYCLE.BIN\</t>
  </si>
  <si>
    <t>$I14EWJM.xlsx</t>
  </si>
  <si>
    <t>\\acsfs\profiles$\jonatanls\Downloads\$RECYCLE.BIN\$I14EWJM.xlsx</t>
  </si>
  <si>
    <t>12/16/2019 13:19:28</t>
  </si>
  <si>
    <t>$IU2ZT7N.xlsx</t>
  </si>
  <si>
    <t>\\acsfs\profiles$\jonatanls\Downloads\$RECYCLE.BIN\$IU2ZT7N.xlsx</t>
  </si>
  <si>
    <t>$I26KJYK.xlsx</t>
  </si>
  <si>
    <t>\\acsfs\profiles$\jonatanls\Downloads\$RECYCLE.BIN\$I26KJYK.xlsx</t>
  </si>
  <si>
    <t>12/16/2019 13:15:09</t>
  </si>
  <si>
    <t>2625b4a7-3b0c-441c-98e1-65f57744fb8d.tmp</t>
  </si>
  <si>
    <t>\\acsfs\profiles$\paulovadc\Downloads\2625b4a7-3b0c-441c-98e1-65f57744fb8d.tmp</t>
  </si>
  <si>
    <t>7777e2f4-3ce4-45b3-b369-0a549b673f65.tmp</t>
  </si>
  <si>
    <t>\\acsfs\profiles$\luanarda\Downloads\7777e2f4-3ce4-45b3-b369-0a549b673f65.tmp</t>
  </si>
  <si>
    <t>e58e86fb-9809-40aa-bee2-f6b139c5e6b1.tmp</t>
  </si>
  <si>
    <t>\\acsfs\profiles$\gabrielhca\Downloads\e58e86fb-9809-40aa-bee2-f6b139c5e6b1.tmp</t>
  </si>
  <si>
    <t>12/16/2019 13:16:18</t>
  </si>
  <si>
    <t>7ae3a4c7-544d-4870-8816-5c67b107cf3a.tmp</t>
  </si>
  <si>
    <t>\\acsfs\profiles$\gabrielhca\Downloads\7ae3a4c7-544d-4870-8816-5c67b107cf3a.tmp</t>
  </si>
  <si>
    <t>12/16/2019 13:16:53</t>
  </si>
  <si>
    <t>5256d3a2-42c6-4022-a9d3-e0a49954c2e3.tmp</t>
  </si>
  <si>
    <t>\\acsfs\profiles$\gabrielhca\Downloads\5256d3a2-42c6-4022-a9d3-e0a49954c2e3.tmp</t>
  </si>
  <si>
    <t>12/16/2019 13:17:20</t>
  </si>
  <si>
    <t>e7780f79-5ab0-4948-ae82-cdecc7b1a83c.tmp</t>
  </si>
  <si>
    <t>\\acsfs\profiles$\gabrielhca\Downloads\e7780f79-5ab0-4948-ae82-cdecc7b1a83c.tmp</t>
  </si>
  <si>
    <t>12/16/2019 13:15:48</t>
  </si>
  <si>
    <t>12/16/2019 13:21:13</t>
  </si>
  <si>
    <t>b41aee26-0e9a-499e-9d56-46d0c0cc717f.tmp</t>
  </si>
  <si>
    <t>\\acsfs\profiles$\PEDROHAB\Downloads\b41aee26-0e9a-499e-9d56-46d0c0cc717f.tmp</t>
  </si>
  <si>
    <t>b4194609-fa7e-49cd-82ca-06f61718065e.tmp</t>
  </si>
  <si>
    <t>\\acsfs\profiles$\PEDROHAB\Downloads\b4194609-fa7e-49cd-82ca-06f61718065e.tmp</t>
  </si>
  <si>
    <t>12/16/2019 13:18:34</t>
  </si>
  <si>
    <t>94c8fb22-24fc-40fd-bc72-109eb2681f20.tmp</t>
  </si>
  <si>
    <t>\\acsfs\profiles$\PEDROHAB\Downloads\94c8fb22-24fc-40fd-bc72-109eb2681f20.tmp</t>
  </si>
  <si>
    <t>12/16/2019 13:18:36</t>
  </si>
  <si>
    <t>bfc8313d-4ecd-438d-8bc2-b0fb5585fc2e.tmp</t>
  </si>
  <si>
    <t>\\acsfs\profiles$\PEDROHAB\Downloads\bfc8313d-4ecd-438d-8bc2-b0fb5585fc2e.tmp</t>
  </si>
  <si>
    <t>12/16/2019 13:20:27</t>
  </si>
  <si>
    <t>c037f89a-042a-45a2-8aa7-9801ea7d6079.tmp</t>
  </si>
  <si>
    <t>\\acsfs\profiles$\isabellegtds\Downloads\c037f89a-042a-45a2-8aa7-9801ea7d6079.tmp</t>
  </si>
  <si>
    <t>12/16/2019 13:20:41</t>
  </si>
  <si>
    <t>12/16/2019 13:22:13</t>
  </si>
  <si>
    <t>89c54ad7-d790-4858-adf7-e8050bb42e30.tmp</t>
  </si>
  <si>
    <t>\\acsfs\profiles$\isabellegtds\Downloads\89c54ad7-d790-4858-adf7-e8050bb42e30.tmp</t>
  </si>
  <si>
    <t>12/16/2019 13:16:12</t>
  </si>
  <si>
    <t>12/16/2019 13:16:27</t>
  </si>
  <si>
    <t>12/16/2019 13:16:34</t>
  </si>
  <si>
    <t>12/16/2019 13:16:39</t>
  </si>
  <si>
    <t>12/16/2019 13:16:44</t>
  </si>
  <si>
    <t>12/16/2019 13:17:59</t>
  </si>
  <si>
    <t>TALITA SANTOS SILVA CASTRO (22203).contact</t>
  </si>
  <si>
    <t>\\acsfs\profiles$\talitassc\Contacts\TALITA SANTOS SILVA CASTRO (22203).contact</t>
  </si>
  <si>
    <t>12/16/2019 13:18:19</t>
  </si>
  <si>
    <t>12/16/2019 13:18:20</t>
  </si>
  <si>
    <t>12/16/2019 13:18:21</t>
  </si>
  <si>
    <t>12/16/2019 13:18:23</t>
  </si>
  <si>
    <t>12/16/2019 13:18:24</t>
  </si>
  <si>
    <t>12/16/2019 13:18:25</t>
  </si>
  <si>
    <t>12/16/2019 13:18:26</t>
  </si>
  <si>
    <t>12/16/2019 13:19:10</t>
  </si>
  <si>
    <t>12/16/2019 13:19:11</t>
  </si>
  <si>
    <t>12/16/2019 13:19:12</t>
  </si>
  <si>
    <t>12/16/2019 13:23:14</t>
  </si>
  <si>
    <t>12/16/2019 13:19:05</t>
  </si>
  <si>
    <t>lu2454023e2qy.tmp</t>
  </si>
  <si>
    <t>\\acsfs\profiles$\dhiulliananads\My Documents\lu2454023e2qy.tmp</t>
  </si>
  <si>
    <t>\\acsfs\profiles$\dhiulliananads\My Documents\lu2454023e2qy.tmp\</t>
  </si>
  <si>
    <t>\\acsfs\profiles$\dhiulliananads\My Documents\lu2454023e2qy.tmp\META-INF\</t>
  </si>
  <si>
    <t>\\acsfs\profiles$\dhiulliananads\My Documents\lu2454023e2qy.tmp\Thumbnails\</t>
  </si>
  <si>
    <t>12/16/2019 13:19:23</t>
  </si>
  <si>
    <t>cf5a5539-bd6c-4942-9a83-7c06dc658e9e.tmp</t>
  </si>
  <si>
    <t>\\acsfs\profiles$\dhiulliananads\Downloads\cf5a5539-bd6c-4942-9a83-7c06dc658e9e.tmp</t>
  </si>
  <si>
    <t>12/16/2019 13:21:38</t>
  </si>
  <si>
    <t>12/16/2019 13:20:51</t>
  </si>
  <si>
    <t>12/16/2019 13:24:13</t>
  </si>
  <si>
    <t>12/16/2019 13:21:51</t>
  </si>
  <si>
    <t>12/16/2019 13:19:52</t>
  </si>
  <si>
    <t>12/16/2019 13:25:13</t>
  </si>
  <si>
    <t>\\acsfs\profiles$\jonatanls\My Documents\$RECYCLE.BIN\</t>
  </si>
  <si>
    <t>$IVHR6TS.ods</t>
  </si>
  <si>
    <t>\\acsfs\profiles$\jonatanls\My Documents\$RECYCLE.BIN\$IVHR6TS.ods</t>
  </si>
  <si>
    <t>12/16/2019 13:19:55</t>
  </si>
  <si>
    <t>\\acsfs\profiles$\jonatanls\My Documents\.~lock.Status Filas.xlsx#</t>
  </si>
  <si>
    <t>12/16/2019 13:23:23</t>
  </si>
  <si>
    <t>80eb0778-ab38-42a4-9587-a425d5ceb3fd.tmp</t>
  </si>
  <si>
    <t>\\acsfs\profiles$\jonatanls\Downloads\80eb0778-ab38-42a4-9587-a425d5ceb3fd.tmp</t>
  </si>
  <si>
    <t>12/16/2019 13:24:24</t>
  </si>
  <si>
    <t>\\acsfs\deptos\seguranca do trabalho\7 - treinamentos nrs - geral\7.4 - escalas - agendamentos nr17, integração staff e cipa\treinamentos 2019\lista de presença\</t>
  </si>
  <si>
    <t>lista de presença nr17 - seguro de vida (16-12-19).xlsx</t>
  </si>
  <si>
    <t>12/16/2019 13:23:02</t>
  </si>
  <si>
    <t>12/16/2019 13:23:04</t>
  </si>
  <si>
    <t>12/16/2019 13:24:25</t>
  </si>
  <si>
    <t>10.200.67.168</t>
  </si>
  <si>
    <t>74-86-7A-FB-18-48</t>
  </si>
  <si>
    <t>VOTORANT-IB009</t>
  </si>
  <si>
    <t>kamilamrc</t>
  </si>
  <si>
    <t>\\acsfs\profiles$\kamilamrc\Downloads\</t>
  </si>
  <si>
    <t>87d3ec90-bf15-44b4-9c5f-3e584fa794f8.tmp</t>
  </si>
  <si>
    <t>\\acsfs\profiles$\kamilamrc\Downloads\87d3ec90-bf15-44b4-9c5f-3e584fa794f8.tmp</t>
  </si>
  <si>
    <t>12/16/2019 13:21:05</t>
  </si>
  <si>
    <t>12/16/2019 13:26:13</t>
  </si>
  <si>
    <t>aa43c246-4e3b-45d6-be75-99a48b94f97b.tmp</t>
  </si>
  <si>
    <t>\\acsfs\profiles$\karinarm\Downloads\aa43c246-4e3b-45d6-be75-99a48b94f97b.tmp</t>
  </si>
  <si>
    <t>12/16/2019 13:25:31</t>
  </si>
  <si>
    <t>12/16/2019 13:27:13</t>
  </si>
  <si>
    <t>C:\Users\elianegr\Downloads\</t>
  </si>
  <si>
    <t>Dimensionamento_Dezembro 1.xlsx</t>
  </si>
  <si>
    <t>\\acsfs\DEPTOS\Operacao\Banco_Votorantim\Qualidade\Anderson\Dimensionamento Elii kk\Dimensionamento_Dezembro 1.xlsx</t>
  </si>
  <si>
    <t>\\acsfs\DEPTOS\Operacao\Banco_Votorantim\Qualidade\Anderson\Dimensionamento Elii kk\Dimensionamento_Dezembro 1.xlsx\</t>
  </si>
  <si>
    <t>\\acsfs\DEPTOS\Operacao\Banco_Votorantim\Qualidade\Anderson\Dimensionamento Elii kk\Dimensionamento_Dezembro 1.xlsx\:Zone.Identifier:$DATA</t>
  </si>
  <si>
    <t>12/16/2019 13:28:13</t>
  </si>
  <si>
    <t>12/16/2019 13:26:51</t>
  </si>
  <si>
    <t>12/16/2019 13:29:13</t>
  </si>
  <si>
    <t>12/16/2019 13:27:51</t>
  </si>
  <si>
    <t>12/16/2019 13:29:45</t>
  </si>
  <si>
    <t>12/16/2019 13:30:13</t>
  </si>
  <si>
    <t>12/16/2019 13:27:50</t>
  </si>
  <si>
    <t>nathalydds</t>
  </si>
  <si>
    <t>\\acsfs\profiles$\nathalydds\Downloads\</t>
  </si>
  <si>
    <t>6ea05a61-5b2e-4211-9df4-b6fa397e9d7d.tmp</t>
  </si>
  <si>
    <t>\\acsfs\profiles$\nathalydds\Downloads\6ea05a61-5b2e-4211-9df4-b6fa397e9d7d.tmp</t>
  </si>
  <si>
    <t>12/16/2019 13:28:27</t>
  </si>
  <si>
    <t>f1115497-9744-43b8-91ba-92d1f28c51ba.tmp</t>
  </si>
  <si>
    <t>\\acsfs\profiles$\nathalydds\Downloads\f1115497-9744-43b8-91ba-92d1f28c51ba.tmp</t>
  </si>
  <si>
    <t>12/16/2019 13:29:50</t>
  </si>
  <si>
    <t>c042b2e2-c239-4aa9-82d5-043fa7ac7508.tmp</t>
  </si>
  <si>
    <t>\\acsfs\profiles$\nathalydds\Downloads\c042b2e2-c239-4aa9-82d5-043fa7ac7508.tmp</t>
  </si>
  <si>
    <t>12/16/2019 13:29:28</t>
  </si>
  <si>
    <t>12/16/2019 13:29:29</t>
  </si>
  <si>
    <t>12/16/2019 13:29:30</t>
  </si>
  <si>
    <t>12/16/2019 13:29:31</t>
  </si>
  <si>
    <t>12/16/2019 13:29:32</t>
  </si>
  <si>
    <t>12/16/2019 13:29:33</t>
  </si>
  <si>
    <t>12/16/2019 13:29:34</t>
  </si>
  <si>
    <t>12/16/2019 13:25:27</t>
  </si>
  <si>
    <t>1cd52253-b164-4956-b0a8-5f358880d8b4.tmp</t>
  </si>
  <si>
    <t>\\acsfs\profiles$\kamilamrc\Downloads\1cd52253-b164-4956-b0a8-5f358880d8b4.tmp</t>
  </si>
  <si>
    <t>12/16/2019 13:25:32</t>
  </si>
  <si>
    <t>7f20eebf-cd0b-4f29-b4c4-9109410c5bd9.tmp</t>
  </si>
  <si>
    <t>\\acsfs\profiles$\kamilamrc\Downloads\7f20eebf-cd0b-4f29-b4c4-9109410c5bd9.tmp</t>
  </si>
  <si>
    <t>12/16/2019 13:25:40</t>
  </si>
  <si>
    <t>d1f1c1d5-f1e6-40e4-a7e7-42c862159d6f.tmp</t>
  </si>
  <si>
    <t>\\acsfs\profiles$\kamilamrc\Downloads\d1f1c1d5-f1e6-40e4-a7e7-42c862159d6f.tmp</t>
  </si>
  <si>
    <t>12/16/2019 13:27:12</t>
  </si>
  <si>
    <t>4124f65d-fee1-46d9-acdf-cc3cfff7a6ff.tmp</t>
  </si>
  <si>
    <t>\\acsfs\profiles$\kamilamrc\Downloads\4124f65d-fee1-46d9-acdf-cc3cfff7a6ff.tmp</t>
  </si>
  <si>
    <t>12/16/2019 13:27:27</t>
  </si>
  <si>
    <t>262c214f-5edb-4d3e-acaa-c28ec57f9f94.tmp</t>
  </si>
  <si>
    <t>\\acsfs\profiles$\kamilamrc\Downloads\262c214f-5edb-4d3e-acaa-c28ec57f9f94.tmp</t>
  </si>
  <si>
    <t>12/16/2019 13:27:37</t>
  </si>
  <si>
    <t>bc91f0fd-0a3f-47d8-9b9a-8ef4569ad41e.tmp</t>
  </si>
  <si>
    <t>\\acsfs\profiles$\kamilamrc\Downloads\bc91f0fd-0a3f-47d8-9b9a-8ef4569ad41e.tmp</t>
  </si>
  <si>
    <t>12/16/2019 13:31:13</t>
  </si>
  <si>
    <t>12/16/2019 13:29:35</t>
  </si>
  <si>
    <t>12/16/2019 13:29:36</t>
  </si>
  <si>
    <t>12/16/2019 13:29:37</t>
  </si>
  <si>
    <t>12/16/2019 13:29:38</t>
  </si>
  <si>
    <t>12/16/2019 13:29:39</t>
  </si>
  <si>
    <t>12/16/2019 13:29:40</t>
  </si>
  <si>
    <t>12/16/2019 13:29:41</t>
  </si>
  <si>
    <t>12/16/2019 13:29:42</t>
  </si>
  <si>
    <t>12/16/2019 13:29:43</t>
  </si>
  <si>
    <t>12/16/2019 13:29:44</t>
  </si>
  <si>
    <t>12/16/2019 13:29:46</t>
  </si>
  <si>
    <t>12/16/2019 13:26:55</t>
  </si>
  <si>
    <t>12/16/2019 13:30:38</t>
  </si>
  <si>
    <t>2584d7c9-4475-426f-b11e-90e67d9f737f.tmp</t>
  </si>
  <si>
    <t>\\acsfs\profiles$\karinarm\Downloads\2584d7c9-4475-426f-b11e-90e67d9f737f.tmp</t>
  </si>
  <si>
    <t>12/16/2019 13:30:35</t>
  </si>
  <si>
    <t>ENC: Produtividade CRCe até 15/12</t>
  </si>
  <si>
    <t>12/16/2019 13:28:32</t>
  </si>
  <si>
    <t>12/16/2019 13:32:14</t>
  </si>
  <si>
    <t>783d6f45-57fb-47cd-82ba-ad75b6dc7901.tmp</t>
  </si>
  <si>
    <t>\\acsfs\profiles$\alexandrapp\Downloads\783d6f45-57fb-47cd-82ba-ad75b6dc7901.tmp</t>
  </si>
  <si>
    <t>12/16/2019 13:29:52</t>
  </si>
  <si>
    <t>f95f1c83-b0ac-4c94-9ace-894cf95790f1.tmp</t>
  </si>
  <si>
    <t>\\acsfs\profiles$\alexandrapp\Downloads\f95f1c83-b0ac-4c94-9ace-894cf95790f1.tmp</t>
  </si>
  <si>
    <t>12/16/2019 13:31:04</t>
  </si>
  <si>
    <t>0fdce2bd-0a43-45ab-b97a-5be20c95c398.tmp</t>
  </si>
  <si>
    <t>\\acsfs\profiles$\alexandrapp\Downloads\0fdce2bd-0a43-45ab-b97a-5be20c95c398.tmp</t>
  </si>
  <si>
    <t>12/16/2019 13:31:06</t>
  </si>
  <si>
    <t>Q29udHJvbGxlci5JRS1XYXRoZG9j.ica:Zone.Identifier</t>
  </si>
  <si>
    <t>\\acsfs\profiles$\alexandrapp\Downloads\Q29udHJvbGxlci5JRS1XYXRoZG9j.ica:Zone.Identifier</t>
  </si>
  <si>
    <t>12/16/2019 13:30:40</t>
  </si>
  <si>
    <t>12/16/2019 13:33:13</t>
  </si>
  <si>
    <t>12/16/2019 13:30:41</t>
  </si>
  <si>
    <t>12/16/2019 13:30:42</t>
  </si>
  <si>
    <t>12/16/2019 13:30:43</t>
  </si>
  <si>
    <t>12/16/2019 13:30:44</t>
  </si>
  <si>
    <t>12/16/2019 13:30:45</t>
  </si>
  <si>
    <t>12/16/2019 13:30:46</t>
  </si>
  <si>
    <t>12/16/2019 13:30:47</t>
  </si>
  <si>
    <t>12/16/2019 13:30:48</t>
  </si>
  <si>
    <t>12/16/2019 13:30:49</t>
  </si>
  <si>
    <t>12/16/2019 13:30:50</t>
  </si>
  <si>
    <t>12/16/2019 13:30:51</t>
  </si>
  <si>
    <t>12/16/2019 13:30:52</t>
  </si>
  <si>
    <t>12/16/2019 13:30:53</t>
  </si>
  <si>
    <t>12/16/2019 13:30:54</t>
  </si>
  <si>
    <t>12/16/2019 13:30:55</t>
  </si>
  <si>
    <t>12/16/2019 13:30:56</t>
  </si>
  <si>
    <t>12/16/2019 13:30:57</t>
  </si>
  <si>
    <t>12/16/2019 13:32:51</t>
  </si>
  <si>
    <t>12/16/2019 13:34:13</t>
  </si>
  <si>
    <t>12/16/2019 13:32:02</t>
  </si>
  <si>
    <t>samldsm</t>
  </si>
  <si>
    <t>\\acsfs\profiles$\samldsm\Downloads\</t>
  </si>
  <si>
    <t>5c0eb618-2497-4b09-b78d-0fb2e3a7a96d.tmp</t>
  </si>
  <si>
    <t>\\acsfs\profiles$\samldsm\Downloads\5c0eb618-2497-4b09-b78d-0fb2e3a7a96d.tmp</t>
  </si>
  <si>
    <t>12/16/2019 13:32:13</t>
  </si>
  <si>
    <t>02a6bc61-fe8d-4646-b40c-f0083ed08876.tmp</t>
  </si>
  <si>
    <t>\\acsfs\profiles$\samldsm\Downloads\02a6bc61-fe8d-4646-b40c-f0083ed08876.tmp</t>
  </si>
  <si>
    <t>12/16/2019 13:32:53</t>
  </si>
  <si>
    <t>Não confirmado 533365.crdownload</t>
  </si>
  <si>
    <t>\\acsfs\profiles$\samldsm\Downloads\Não confirmado 533365.crdownload</t>
  </si>
  <si>
    <t>12/16/2019 13:32:57</t>
  </si>
  <si>
    <t>0bbf50e2-49c6-4b04-8b29-b34873641048.tmp</t>
  </si>
  <si>
    <t>\\acsfs\profiles$\samldsm\Downloads\0bbf50e2-49c6-4b04-8b29-b34873641048.tmp</t>
  </si>
  <si>
    <t>12/16/2019 13:33:11</t>
  </si>
  <si>
    <t>Não confirmado 556508.crdownload</t>
  </si>
  <si>
    <t>\\acsfs\profiles$\samldsm\Downloads\Não confirmado 556508.crdownload</t>
  </si>
  <si>
    <t>a2a45072-0c25-4cd0-9a07-aaa74ffd0ed9.tmp</t>
  </si>
  <si>
    <t>\\acsfs\profiles$\samldsm\Downloads\a2a45072-0c25-4cd0-9a07-aaa74ffd0ed9.tmp</t>
  </si>
  <si>
    <t>12/16/2019 13:33:36</t>
  </si>
  <si>
    <t>12/16/2019 13:33:37</t>
  </si>
  <si>
    <t>12/16/2019 13:33:38</t>
  </si>
  <si>
    <t>12/16/2019 13:33:39</t>
  </si>
  <si>
    <t>12/16/2019 13:31:15</t>
  </si>
  <si>
    <t>http:///batch?%24ct=multipart%2Fmixed%3B%20boundary%3D%22%3D%3D%3D%3D%3Dpvdnvplzkat0%3D%3D%3D%3D%3D%22&amp;key=AIzaSyAy9VVXHSpS2IJpptzYtGbLP3-3_l0aBk4</t>
  </si>
  <si>
    <t>12/16/2019 13:31:23</t>
  </si>
  <si>
    <t>http:///batch?%24ct=multipart%2Fmixed%3B%20boundary%3D%22%3D%3D%3D%3D%3D8ovwdlfacgxd%3D%3D%3D%3D%3D%22&amp;key=AIzaSyAy9VVXHSpS2IJpptzYtGbLP3-3_l0aBk4</t>
  </si>
  <si>
    <t>066bea6da31_u x-goog-authuser: 0 --=====8ovwdlfacgxd=====--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066bea6da31_u x-goog-authuser: 0 --=====8ovwdlfacgxd=====-- 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http:///batch?%24ct=multipart%2Fmixed%3B%20boundary%3D%22%3D%3D%3D%3D%3Dkc1cd9pzrro2%3D%3D%3D%3D%3D%22&amp;key=AIzaSyAy9VVXHSpS2IJpptzYtGbLP3-3_l0aBk4</t>
  </si>
  <si>
    <t>066bea6da31_u x-goog-authuser: 0 --=====8ovwdlfacgxd=====--;066bea6da31_u x-goog-authuser: 0 --=====kc1cd9pzrro2===== content-type: application/http content-transfer-encoding: binary get /drive/v2internal/files/1fganwx3b9hbmljmvekywbmbd5spphqj41xacfem2fzw?fields=kind;actionitems;ancestorhasaugmentedpermissions;containsunsubscribedchildren;copyable;dis;displayname;domain;emailaddress;explicitlytrashed;file(kind;fileextension;fileid;filesize;flaggedforabuse;foldercolor;folderfeatures;haschildfolders;hasnsic_x0017_�r���_x0001_;hasthumbnail;hasvisitorpermissions;id;id);items(deleted;items(kind;ken;kind;lastmodifyi;lastmodifyinguser(kind;lastviewedbymedate;mimetype;modifiedbymedate;modifieddate;ontainsunsubscribedchildren;owners(kind;per;permission;permissionid;picture;primarysyncparentid;quotabytesused;recency;recencyreason;rpermissions;shareable;shared;sharedwithmedate;sharinguser(kind;sourceappid;spaces;subscribed;teamdriveid;thumbnailversion;title;userpermission(role);version;workspaceids;</t>
  </si>
  <si>
    <t>http://066bea6da31_u x-goog-authuser: 0 --=====8ovwdlfacgxd=====-- ,066bea6da31_u x-goog-authuser: 0 --=====kc1cd9pzrro2===== content-type: application/http content-transfer-encoding: binary get /drive/v2internal/files/1fganwx3b9hbmljmvekywbmbd5spphqj41xacfem2fzw?fields=kind,actionitems,ancestorhasaugmentedpermissions,containsunsubscribedchildren,copyable,dis,displayname,domain,emailaddress,explicitlytrashed,file(kind,fileextension,fileid,filesize,flaggedforabuse,foldercolor,folderfeatures,haschildfolders,hasnsic_x0017_�r���_x0001_,hasthumbnail,hasvisitorpermissions,id,id),items(deleted,items(kind,ken,kind,lastmodifyi,lastmodifyinguser(kind,lastviewedbymedate,mimetype,modifiedbymedate,modifieddate,ontainsunsubscribedchildren,owners(kind,per,permission,permissionid,picture,primarysyncparentid,quotabytesused,recency,recencyreason,rpermissions,shareable,shared,sharedwithmedate,sharinguser(kind,sourceappid,spaces,subscribed,teamdriveid,thumbnailversion,title,userpermission(role),version,workspaceids</t>
  </si>
  <si>
    <t>066bea6da31_u x-goog-authuser: 0 --=====8ovwdlfacgxd=====--;066bea6da31_u x-goog-authuser: 0 --=====kc1cd9pzrro2===== content-type: application/http content-transfer-encoding: binary get /drive/v2internal/files/1fganwx3b9hbmljmvekywbmbd5spphqj41xacfem2fzw?fields=kind;actionitems;ancestorhasaugmentedpermission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;displayname;domain;emailaddress;explicitlytrashed;file(kind;fileextension;fileid;filesize;flaggedforabuse;foldercolor;folderfeatures;hasaugmentedpermissions;haschildfolders;hasnsic_x0017_�r���_x0001_;hasthumbnail;hasvisitorpermissions;hidden;id;id);items(deleted;items(kind;ken;kind;labels(starred;lastmodifyi;lastmodifyinguser(kind;lastviewedbymedate;mimetype;modifiedbymeda</t>
  </si>
  <si>
    <t>http://066bea6da31_u x-goog-authuser: 0 --=====8ovwdlfacgxd=====-- ,066bea6da31_u x-goog-authuser: 0 --=====kc1cd9pzrro2===== content-type: application/http content-transfer-encoding: binary get /drive/v2internal/files/1fganwx3b9hbmljmvekywbmbd5spphqj41xacfem2fzw?fields=kind,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,displayname,domain,emailaddress,explicitlytrashed,file(kind,fileextension,fileid,filesize,flaggedforabuse,foldercolor,folderfeatures,hasaugmentedpermissions,haschildfolders,hasnsic_x0017_�r���_x0001_,hasthumbnail,hasvisitorpermissions,hidden,id,id),items(deleted,items(kind,ken,kind,labels(starred,lastmodifyi,lastmodifyinguser(kind,lastviewedbymedate,mimetype,modifi</t>
  </si>
  <si>
    <t>12/16/2019 13:31:30</t>
  </si>
  <si>
    <t>http:///batch?%24ct=multipart%2Fmixed%3B%20boundary%3D%22%3D%3D%3D%3D%3Dl5pngsnruuxc%3D%3D%3D%3D%3D%22&amp;key=AIzaSyAy9VVXHSpS2IJpptzYtGbLP3-3_l0aBk4</t>
  </si>
  <si>
    <t>12/16/2019 13:31:31</t>
  </si>
  <si>
    <t>http:///batch?%24ct=multipart%2Fmixed%3B%20boundary%3D%22%3D%3D%3D%3D%3Dlbn645nqut9h%3D%3D%3D%3D%3D%22&amp;key=AIzaSyAy9VVXHSpS2IJpptzYtGbLP3-3_l0aBk4</t>
  </si>
  <si>
    <t>12/16/2019 13:31:33</t>
  </si>
  <si>
    <t>http:///batch?%24ct=multipart%2Fmixed%3B%20boundary%3D%22%3D%3D%3D%3D%3D6y9iqn14dsbf%3D%3D%3D%3D%3D%22&amp;key=AIzaSyAy9VVXHSpS2IJpptzYtGbLP3-3_l0aBk4</t>
  </si>
  <si>
    <t>12/16/2019 13:33:10</t>
  </si>
  <si>
    <t>12/16/2019 13:33:27</t>
  </si>
  <si>
    <t>12/16/2019 13:35:13</t>
  </si>
  <si>
    <t>C:\Users\rodrigoate\Downloads\</t>
  </si>
  <si>
    <t>Projeto Caixa CAP.xlsx</t>
  </si>
  <si>
    <t>d3603d14-50eb-415d-8a92-5fe30b404074.tmp</t>
  </si>
  <si>
    <t>\\acsfs\profiles$\ayalabfi\Downloads\d3603d14-50eb-415d-8a92-5fe30b404074.tmp</t>
  </si>
  <si>
    <t>12/16/2019 13:31:34</t>
  </si>
  <si>
    <t>0664db58-22f0-4d26-9842-817b1706f0dd.tmp</t>
  </si>
  <si>
    <t>\\acsfs\profiles$\ayalabfi\Downloads\0664db58-22f0-4d26-9842-817b1706f0dd.tmp</t>
  </si>
  <si>
    <t>12/16/2019 13:31:36</t>
  </si>
  <si>
    <t>894d64e5-df32-406b-8b45-39450b9e870d.tmp</t>
  </si>
  <si>
    <t>\\acsfs\profiles$\ayalabfi\Downloads\894d64e5-df32-406b-8b45-39450b9e870d.tmp</t>
  </si>
  <si>
    <t>12/16/2019 13:36:13</t>
  </si>
  <si>
    <t>12/16/2019 13:29:47</t>
  </si>
  <si>
    <t>12/16/2019 13:29:48</t>
  </si>
  <si>
    <t>12/16/2019 13:29:49</t>
  </si>
  <si>
    <t>12/16/2019 13:29:51</t>
  </si>
  <si>
    <t>12/16/2019 13:32:09</t>
  </si>
  <si>
    <t>12/16/2019 13:37:13</t>
  </si>
  <si>
    <t>1074816b-0046-4e8a-854c-27f7e7f9d7a0.tmp</t>
  </si>
  <si>
    <t>\\acsfs\profiles$\alexandrapp\Downloads\1074816b-0046-4e8a-854c-27f7e7f9d7a0.tmp</t>
  </si>
  <si>
    <t>12/16/2019 13:32:48</t>
  </si>
  <si>
    <t>89eeb1a7-d8fc-4460-b330-94db42675b03.tmp</t>
  </si>
  <si>
    <t>\\acsfs\profiles$\alexandrapp\Downloads\89eeb1a7-d8fc-4460-b330-94db42675b03.tmp</t>
  </si>
  <si>
    <t>12/16/2019 13:32:55</t>
  </si>
  <si>
    <t>36608f7a-e3cf-4a53-b5a6-e3c7824ee037.tmp</t>
  </si>
  <si>
    <t>\\acsfs\profiles$\alexandrapp\Downloads\36608f7a-e3cf-4a53-b5a6-e3c7824ee037.tmp</t>
  </si>
  <si>
    <t>12/16/2019 13:33:35</t>
  </si>
  <si>
    <t>34e9ba72-4b92-40d6-8abd-c67f04cb702e.tmp</t>
  </si>
  <si>
    <t>\\acsfs\profiles$\alexandrapp\Downloads\34e9ba72-4b92-40d6-8abd-c67f04cb702e.tmp</t>
  </si>
  <si>
    <t>12/16/2019 13:38:13</t>
  </si>
  <si>
    <t>12/16/2019 13:37:20</t>
  </si>
  <si>
    <t>12/16/2019 13:33:05</t>
  </si>
  <si>
    <t>12/16/2019 13:33:51</t>
  </si>
  <si>
    <t>12/16/2019 13:39:13</t>
  </si>
  <si>
    <t>12/14/2019 18:30:02</t>
  </si>
  <si>
    <t>C:\Users\viniciussg\OneDrive\PGV STORE\</t>
  </si>
  <si>
    <t>controle de compras.xlsx</t>
  </si>
  <si>
    <t>Não confirmado 622807.crdownload</t>
  </si>
  <si>
    <t>\\acsfs\profiles$\samldsm\Downloads\Não confirmado 622807.crdownload</t>
  </si>
  <si>
    <t>9a055f8a-4cd2-458e-8209-a9098a440b7f.tmp</t>
  </si>
  <si>
    <t>\\acsfs\profiles$\samldsm\Downloads\9a055f8a-4cd2-458e-8209-a9098a440b7f.tmp</t>
  </si>
  <si>
    <t>da1ca724-af49-4f5b-903e-5aa9313736b1.tmp</t>
  </si>
  <si>
    <t>\\acsfs\profiles$\samldsm\Downloads\da1ca724-af49-4f5b-903e-5aa9313736b1.tmp</t>
  </si>
  <si>
    <t>12/16/2019 13:34:56</t>
  </si>
  <si>
    <t>6f7ea8ed-3107-424b-9fc8-a7b257f94f25.tmp</t>
  </si>
  <si>
    <t>\\acsfs\profiles$\samldsm\Downloads\6f7ea8ed-3107-424b-9fc8-a7b257f94f25.tmp</t>
  </si>
  <si>
    <t>12/16/2019 13:35:05</t>
  </si>
  <si>
    <t>627cdc0e-c5e0-4310-ad7f-13bda8d82499.tmp</t>
  </si>
  <si>
    <t>\\acsfs\profiles$\samldsm\Downloads\627cdc0e-c5e0-4310-ad7f-13bda8d82499.tmp</t>
  </si>
  <si>
    <t>12/16/2019 13:35:22</t>
  </si>
  <si>
    <t>d3ac9276-8137-4a94-a9a3-a2c4fbd1852f.tmp</t>
  </si>
  <si>
    <t>\\acsfs\profiles$\samldsm\Downloads\d3ac9276-8137-4a94-a9a3-a2c4fbd1852f.tmp</t>
  </si>
  <si>
    <t>12/16/2019 13:37:40</t>
  </si>
  <si>
    <t>52378ba1-5c6f-421d-88e3-0d9f1c1919e7.tmp</t>
  </si>
  <si>
    <t>\\acsfs\profiles$\samldsm\Downloads\52378ba1-5c6f-421d-88e3-0d9f1c1919e7.tmp</t>
  </si>
  <si>
    <t>12/16/2019 13:37:57</t>
  </si>
  <si>
    <t>5e1f32bc-195b-4579-b183-de36abf98ceb.tmp</t>
  </si>
  <si>
    <t>\\acsfs\profiles$\samldsm\Downloads\5e1f32bc-195b-4579-b183-de36abf98ceb.tmp</t>
  </si>
  <si>
    <t>12/16/2019 13:38:31</t>
  </si>
  <si>
    <t>3bb4037f-06d2-438a-96c3-19502713b4c8.tmp</t>
  </si>
  <si>
    <t>\\acsfs\profiles$\samldsm\Downloads\3bb4037f-06d2-438a-96c3-19502713b4c8.tmp</t>
  </si>
  <si>
    <t>12/16/2019 13:33:40</t>
  </si>
  <si>
    <t>12/16/2019 13:33:41</t>
  </si>
  <si>
    <t>12/16/2019 13:33:42</t>
  </si>
  <si>
    <t>12/16/2019 13:33:43</t>
  </si>
  <si>
    <t>12/16/2019 13:33:44</t>
  </si>
  <si>
    <t>12/16/2019 13:33:45</t>
  </si>
  <si>
    <t>12/16/2019 13:33:46</t>
  </si>
  <si>
    <t>12/16/2019 13:33:47</t>
  </si>
  <si>
    <t>12/16/2019 13:33:48</t>
  </si>
  <si>
    <t>12/16/2019 13:33:49</t>
  </si>
  <si>
    <t>12/16/2019 13:33:50</t>
  </si>
  <si>
    <t>12/16/2019 13:33:52</t>
  </si>
  <si>
    <t>12/16/2019 13:33:53</t>
  </si>
  <si>
    <t>12/16/2019 13:33:54</t>
  </si>
  <si>
    <t>12/16/2019 13:33:55</t>
  </si>
  <si>
    <t>12/16/2019 13:33:56</t>
  </si>
  <si>
    <t>12/16/2019 13:33:57</t>
  </si>
  <si>
    <t>12/16/2019 13:33:58</t>
  </si>
  <si>
    <t>12/16/2019 13:33:59</t>
  </si>
  <si>
    <t>12/16/2019 13:34:00</t>
  </si>
  <si>
    <t>12/16/2019 13:34:01</t>
  </si>
  <si>
    <t>12/16/2019 13:34:02</t>
  </si>
  <si>
    <t>12/16/2019 13:34:03</t>
  </si>
  <si>
    <t>12/16/2019 13:34:04</t>
  </si>
  <si>
    <t>12/16/2019 13:34:05</t>
  </si>
  <si>
    <t>12/16/2019 13:35:31</t>
  </si>
  <si>
    <t>12/16/2019 13:40:13</t>
  </si>
  <si>
    <t>12/16/2019 13:36:07</t>
  </si>
  <si>
    <t>12/16/2019 13:36:24</t>
  </si>
  <si>
    <t>12/16/2019 13:36:42</t>
  </si>
  <si>
    <t>.~lock.Status Filas1.xlsx#</t>
  </si>
  <si>
    <t>\\acsfs\profiles$\jonatanls\My Documents\.~lock.Status Filas1.xlsx#</t>
  </si>
  <si>
    <t>lu158081e5tls.tmp</t>
  </si>
  <si>
    <t>\\acsfs\profiles$\jonatanls\My Documents\lu158081e5tls.tmp</t>
  </si>
  <si>
    <t>12/16/2019 13:36:56</t>
  </si>
  <si>
    <t>12/16/2019 13:36:54</t>
  </si>
  <si>
    <t>6b7dd4fb-bf22-4d31-bc69-70f7f2aa53aa.tmp</t>
  </si>
  <si>
    <t>\\acsfs\profiles$\karinarm\Downloads\6b7dd4fb-bf22-4d31-bc69-70f7f2aa53aa.tmp</t>
  </si>
  <si>
    <t>12/16/2019 13:37:43</t>
  </si>
  <si>
    <t>ed800a39-db97-4524-ae56-75b83722d8ff.tmp</t>
  </si>
  <si>
    <t>\\acsfs\profiles$\karinarm\Downloads\ed800a39-db97-4524-ae56-75b83722d8ff.tmp</t>
  </si>
  <si>
    <t>12/16/2019 13:37:42</t>
  </si>
  <si>
    <t>lista de presença nr17 (em branco).xlsx</t>
  </si>
  <si>
    <t>12/16/2019 13:37:50</t>
  </si>
  <si>
    <t>lista de presença nr17 - seguro residencial (16-12-2019).xlsx</t>
  </si>
  <si>
    <t>12/16/2019 13:37:34</t>
  </si>
  <si>
    <t>12/16/2019 13:41:14</t>
  </si>
  <si>
    <t>ad503940-44ac-45db-8812-b4a900a4151a.tmp</t>
  </si>
  <si>
    <t>\\acsfs\profiles$\wenderbnm\Downloads\ad503940-44ac-45db-8812-b4a900a4151a.tmp</t>
  </si>
  <si>
    <t>12/16/2019 13:38:51</t>
  </si>
  <si>
    <t>9a7f8f65-b90e-4b05-a604-a829eba064db.tmp</t>
  </si>
  <si>
    <t>\\acsfs\profiles$\wenderbnm\Downloads\9a7f8f65-b90e-4b05-a604-a829eba064db.tmp</t>
  </si>
  <si>
    <t>12/16/2019 13:39:44</t>
  </si>
  <si>
    <t>1b702db4-0fe6-46de-a2a3-e546408ad2a9.tmp</t>
  </si>
  <si>
    <t>\\acsfs\profiles$\wenderbnm\Downloads\1b702db4-0fe6-46de-a2a3-e546408ad2a9.tmp</t>
  </si>
  <si>
    <t>12/16/2019 13:36:30</t>
  </si>
  <si>
    <t>12/16/2019 13:36:36</t>
  </si>
  <si>
    <t>marianeps@algartech.com;talmaiardo@algartech.com;</t>
  </si>
  <si>
    <t>marianeps@algartech.com,talmaiardo@algartech.com</t>
  </si>
  <si>
    <t>12/16/2019 13:36:52</t>
  </si>
  <si>
    <t>marianeps@algartech.com;talmaiardo@algartech.com;thiagordu@algartech.com;</t>
  </si>
  <si>
    <t>marianeps@algartech.com,talmaiardo@algartech.com,thiagordu@algartech.com</t>
  </si>
  <si>
    <t>12/16/2019 13:38:02</t>
  </si>
  <si>
    <t>12/16/2019 13:38:21</t>
  </si>
  <si>
    <t>http:///batch?%24ct=multipart%2Fmixed%3B%20boundary%3D%22%3D%3D%3D%3D%3Dd4hchvotp6ko%3D%3D%3D%3D%3D%22&amp;key=AIzaSyAy9VVXHSpS2IJpptzYtGbLP3-3_l0aBk4</t>
  </si>
  <si>
    <t>12/16/2019 13:38:28</t>
  </si>
  <si>
    <t>http:///batch?%24ct=multipart%2Fmixed%3B%20boundary%3D%22%3D%3D%3D%3D%3D9w3avl6m1p7q%3D%3D%3D%3D%3D%22&amp;key=AIzaSyAy9VVXHSpS2IJpptzYtGbLP3-3_l0aBk4</t>
  </si>
  <si>
    <t>12/16/2019 13:38:29</t>
  </si>
  <si>
    <t>http:///batch?%24ct=multipart%2Fmixed%3B%20boundary%3D%22%3D%3D%3D%3D%3Darnc56sxprqf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ure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ure,rpermissions,shared,sharedwithmedate,thumbnailversion,title,userpermission(role),workspaceids</t>
  </si>
  <si>
    <t>12/16/2019 13:38:38</t>
  </si>
  <si>
    <t>http:///batch?%24ct=multipart%2Fmixed%3B%20boundary%3D%22%3D%3D%3D%3D%3D2mg6vjjfj1g7%3D%3D%3D%3D%3D%22&amp;key=AIzaSyAy9VVXHSpS2IJpptzYtGbLP3-3_l0aBk4</t>
  </si>
  <si>
    <t>12/16/2019 13:38:39</t>
  </si>
  <si>
    <t>http:///batch?%24ct=multipart%2Fmixed%3B%20boundary%3D%22%3D%3D%3D%3D%3Dwxzgq4ts8nkh%3D%3D%3D%3D%3D%22&amp;key=AIzaSyAy9VVXHSpS2IJpptzYtGbLP3-3_l0aBk4</t>
  </si>
  <si>
    <t>12/16/2019 13:39:18</t>
  </si>
  <si>
    <t>0;0.241;0.241];0.668;0];11.604999999974552;11.705000000006294;12.854];13.974999999987858;136.723;14.09000000001015;15.344;15.344];15.504999999990332;15.552;15.552];19.414999999980864;21.464;21.464];22.829999999999018;26.164999999991778;3;3.774999999990314;4;4.843;541.2950000000194;552.5000000000091;57.62999999998897;6.009];632.1149999999989;633.5350000000233;633.7300000000141;633.8100000000111;65.47499999999218;690.6000000000176;694.6800000000053;695.2350000000251;697.6350000000195;700";739.2850000000237;744.3500000000256;745.0300000000141;886.073];9.339999999980364;:400;css;first-contentful-paint;first-paint;glr_bffy_k_rbaeeyf18qkg.cmid/s32-c/photo.jpg";https://apis.google.com/js/api.js;https://drive.google.com/_/drive_fe/_/ss/k=drive_fe.main.-13zk2a6g6udmq.l.w.o/am=bdjcyqij7c_jhwdg/d=0/ct=zgms/rs=afb8gsxkevkqqego253hcz0aw1gj1pkxra;https://fonts.gstatic.com/s/googlesans/v14/4uabrenhsxjlgdugo1oillu94ytzcwy.woff2;https://fonts.gstatic.com/s/googlesans/v14/4uagrenhsxjlgdugo1oill3owp4.woff2;https://fonts.gstatic</t>
  </si>
  <si>
    <t>http://0,0.241,0.241],0.668,0],11.604999999974552,11.705000000006294,12.854],13.974999999987858,136.723,14.09000000001015,15.344,15.344],15.504999999990332,15.552,15.552],19.414999999980864,21.464,21.464],22.829999999999018,26.164999999991778,3,3.774999999990314,4,4.843,541.2950000000194,552.5000000000091,57.62999999998897,6.009],632.1149999999989,633.5350000000233,633.7300000000141,633.8100000000111,65.47499999999218,690.6000000000176,694.6800000000053,695.2350000000251,697.6350000000195,700",739.2850000000237,744.3500000000256,745.0300000000141,886.073],9.339999999980364,:400,css,first-contentful-paint,first-paint,glr_bffy_k_rbaeeyf18qkg.cmid/s32-c/photo.jpg",https://apis.google.com/js/api.js,https://drive.google.com/_/drive_fe/_/ss/k=drive_fe.main.-13zk2a6g6udmq.l.w.o/am=bdjcyqij7c_jhwdg/d=0/ct=zgms/rs=afb8gsxkevkqqego253hcz0aw1gj1pkxra,https://fonts.gstatic.com/s/googlesans/v14/4uabrenhsxjlgdugo1oillu94ytzcwy.woff2,https://fonts.gstatic.com/s/googlesans/v14/4uagrenhsxjlgdugo1oill3owp4.woff2,https://fonts.</t>
  </si>
  <si>
    <t>0;0.241;0.241];0.668;0];108.4049999999761;11.604999999974552;11.705000000006294;12.854];13.59;13.974999999987858;136.723;14.09000000001015;1413.2349999999858;15.344;15.344];15.504999999990332;15.552;15.552];1597.596];19.414999999980864;21.464;21.464];21.7;21.7];22.829999999999018;2221.700000000027;242.0099999999934;2536.2599999999984;26.164999999991778;27.314999999986867;282.2349999999856;3;3.774999999990314;3202.555000000018;3248.970000000014;33.212;33.212];3412.085000000019;3482.0950000000153;38.19];4;4.843;485.7199999999864;5;5.39000000000533;5.474999999990359;510.681;541.2950000000194;552.5000000000091;57.62999999998897;6.009];632.1149999999989;633.3050000000071;633.5350000000233;633.7300000000141;633.8100000000111;642.8650000000005;65.47499999999218;690.6000000000176;694.6800000000053;695.2350000000251;695.9100000000262;697.6350000000195;700";739.2850000000237;744.3500000000256;745.0300000000141;765.9000000000162;886.073];9.339999999980364;:400;["https://drive.google.com/_/drive_fe/_/js/k=drive_fe.main.p</t>
  </si>
  <si>
    <t>http://0,0.241,0.241],0.668,0],108.4049999999761,11.604999999974552,11.705000000006294,12.854],13.59,13.974999999987858,136.723,14.09000000001015,1413.2349999999858,15.344,15.344],15.504999999990332,15.552,15.552],1597.596],19.414999999980864,21.464,21.464],21.7,21.7],22.829999999999018,2221.700000000027,242.0099999999934,2536.2599999999984,26.164999999991778,27.314999999986867,282.2349999999856,3,3.774999999990314,3202.555000000018,3248.970000000014,33.212,33.212],3412.085000000019,3482.0950000000153,38.19],4,4.843,485.7199999999864,5,5.39000000000533,5.474999999990359,510.681,541.2950000000194,552.5000000000091,57.62999999998897,6.009],632.1149999999989,633.3050000000071,633.5350000000233,633.7300000000141,633.8100000000111,642.8650000000005,65.47499999999218,690.6000000000176,694.6800000000053,695.2350000000251,695.9100000000262,697.6350000000195,700",739.2850000000237,744.3500000000256,745.0300000000141,765.9000000000162,886.073],9.339999999980364,:400,["https://drive.google.com/_/drive_fe/_/js/k=drive_fe</t>
  </si>
  <si>
    <t>0;0.241;0.241];0.668;0];108.4049999999761;11.604999999974552;11.705000000006294;12.854];13.59;13.974999999987858;136.723;14.09000000001015;1413.2349999999858;15.344;15.344];15.504999999990332;15.552;15.552];159.079999999989;1597.596];19.414999999980864;21.464;21.464];21.7;21.7];22.829999999999018;2221.700000000027;224;224.25000000001182;225.90500000001157;229.849999999999;242.0099999999934;2536.2599999999984;26.164999999991778;27.314999999986867;282.2349999999856;3;3.774999999990314;3202.555000000018;3248.970000000014;33.212;33.212];3412.085000000019;3423.6000000000217;3427.379999999999;3429.8900000000003;3481.620000000021;3482.0950000000153;3496.850000000023;3571.480000000008;3577.920000000006;38.19];4;4.843;485.7199999999864;5;5.39000000000533;5.474999999990359;510.681;541.2950000000194;552.5000000000091;57.62999999998897;6.009];632.1149999999989;633.3050000000071;633.5350000000233;633.7300000000141;633.8100000000111;642.8650000000005;65.47499999999218;690.6000000000176;694.6800000000053;695.2350000000251;6</t>
  </si>
  <si>
    <t>http://0,0.241,0.241],0.668,0],108.4049999999761,11.604999999974552,11.705000000006294,12.854],13.59,13.974999999987858,136.723,14.09000000001015,1413.2349999999858,15.344,15.344],15.504999999990332,15.552,15.552],159.079999999989,1597.596],19.414999999980864,21.464,21.464],21.7,21.7],22.829999999999018,2221.700000000027,224,224.25000000001182,225.90500000001157,229.849999999999,242.0099999999934,2536.2599999999984,26.164999999991778,27.314999999986867,282.2349999999856,3,3.774999999990314,3202.555000000018,3248.970000000014,33.212,33.212],3412.085000000019,3423.6000000000217,3427.379999999999,3429.8900000000003,3481.620000000021,3482.0950000000153,3496.850000000023,3571.480000000008,3577.920000000006,38.19],4,4.843,485.7199999999864,5,5.39000000000533,5.474999999990359,510.681,541.2950000000194,552.5000000000091,57.62999999998897,6.009],632.1149999999989,633.3050000000071,633.5350000000233,633.7300000000141,633.8100000000111,642.8650000000005,65.47499999999218,690.6000000000176,694.6800000000053,695.23500000</t>
  </si>
  <si>
    <t>0;0.241;0.241];0.356;0.356];0.668;0];108.4049999999761;11.604999999974552;11.705000000006294;12.854];13.59;13.974999999987858;136.723;14.09000000001015;1413.2349999999858;15.344;15.344];15.504999999990332;15.552;15.552];159.079999999989;1597.596];19.414999999980864;2;21.464;21.464];21.7;21.7];22.829999999999018;2221.700000000027;224;224.25000000001182;224.69499999999698;225.90500000001157;229.849999999999;242.0099999999934;2536.2599999999984;26.164999999991778;27.314999999986867;282.2349999999856;3;3.774999999990314;316.083];3202.555000000018;3248.970000000014;33.212;33.212];3412.085000000019;3423.6000000000217;3427.379999999999;3429.8900000000003;3481.620000000021;3482.0950000000153;3496.850000000023;3502.7250000000267;3571.480000000008;3577.920000000006;3655.664999999999;38.19];3816.720000000004;3817.3300000000268;3820.7450000000163;4;4.843;453.9149999999945;457.53000000001;485.7199999999864;5;5.39000000000533;5.474999999990359;510.681;541.2950000000194;552.5000000000091;57.62999999998897;6.009];632.1149999</t>
  </si>
  <si>
    <t>http://0,0.241,0.241],0.356,0.356],0.668,0],108.4049999999761,11.604999999974552,11.705000000006294,12.854],13.59,13.974999999987858,136.723,14.09000000001015,1413.2349999999858,15.344,15.344],15.504999999990332,15.552,15.552],159.079999999989,1597.596],19.414999999980864,2,21.464,21.464],21.7,21.7],22.829999999999018,2221.700000000027,224,224.25000000001182,224.69499999999698,225.90500000001157,229.849999999999,242.0099999999934,2536.2599999999984,26.164999999991778,27.314999999986867,282.2349999999856,3,3.774999999990314,316.083],3202.555000000018,3248.970000000014,33.212,33.212],3412.085000000019,3423.6000000000217,3427.379999999999,3429.8900000000003,3481.620000000021,3482.0950000000153,3496.850000000023,3502.7250000000267,3571.480000000008,3577.920000000006,3655.664999999999,38.19],3816.720000000004,3817.3300000000268,3820.7450000000163,4,4.843,453.9149999999945,457.53000000001,485.7199999999864,5,5.39000000000533,5.474999999990359,510.681,541.2950000000194,552.5000000000091,57.62999999998897,6.009],632.</t>
  </si>
  <si>
    <t>0;0.241;0.241];0.356;0.356];0.668;0];108.4049999999761;11.604999999974552;11.705000000006294;12.344;12.344];12.854];13.59;13.974999999987858;136.723;14.09000000001015;1413.2349999999858;15.344;15.344];15.504999999990332;15.552;15.552];15.593;15.593];159.079999999989;1597.596];18.187;18.187];19.414999999980864;2;21.464;21.464];21.7;21.7];22.829999999999018;2221.700000000027;224;224.25000000001182;224.69499999999698;225.90500000001157;229.849999999999;242.0099999999934;2536.2599999999984;2550.1700000000083;2553.4799999999796;2571.3100000000113;2571.4800000000087;2572.0399999999863;2572.9249999999984;2574.045000000013;2576.8700000000135;2579.2900000000136;2590.7200000000057;26.164999999991778;2604.479999999996;2604.845000_x000F_;2610.559999999992;27.314999999986867;282.2349999999856;3;3.774999999990314;316.083];3202.555000000018;3248.970000000014;325.42499999999563;33.212;33.212];3412.085000000019;3423.6000000000217;3427.379999999999;3429.8900000000003;3481.620000000021;3482.0950000000153;3496.850000000023;3502.725000</t>
  </si>
  <si>
    <t>http://0,0.241,0.241],0.356,0.356],0.668,0],108.4049999999761,11.604999999974552,11.705000000006294,12.344,12.344],12.854],13.59,13.974999999987858,136.723,14.09000000001015,1413.2349999999858,15.344,15.344],15.504999999990332,15.552,15.552],15.593,15.593],159.079999999989,1597.596],18.187,18.187],19.414999999980864,2,21.464,21.464],21.7,21.7],22.829999999999018,2221.700000000027,224,224.25000000001182,224.69499999999698,225.90500000001157,229.849999999999,242.0099999999934,2536.2599999999984,2550.1700000000083,2553.4799999999796,2571.3100000000113,2571.4800000000087,2572.0399999999863,2572.9249999999984,2574.045000000013,2576.8700000000135,2579.2900000000136,2590.7200000000057,26.164999999991778,2604.479999999996,2604.845000_x000F_,2610.559999999992,27.314999999986867,282.2349999999856,3,3.774999999990314,316.083],3202.555000000018,3248.970000000014,325.42499999999563,33.212,33.212],3412.085000000019,3423.6000000000217,3427.379999999999,3429.8900000000003,3481.620000000021,3482.0950000000153,3496.850000000023,3502</t>
  </si>
  <si>
    <t>12/16/2019 13:39:19</t>
  </si>
  <si>
    <t>0;0.241;0.241];0.329;0.336;0.356;0.356];0.462];0.551;0.668;0.683];0.93;0.937];0];1.052;1.811];105.15999999998348;108.4049999999761;11.604999999974552;11.705000000006294;117.49500000001899;12.344;12.344];12.854];13.59;13.974999999987858;136.723;14.09000000001015;1413.2349999999858;146.26999999998588;15.344;15.344];15.504999999990332;15.552;15.552];15.593;15.593];159.079999999989;1597.596];17.265;17.265];178.8699999999899;18.187;18.187];19.414999999980864;2;2.332];21.464;21.464];21.7;21.7];22.829999999999018;2221.700000000027;224;224.25000000001182;224.69499999999698;225.90500000001157;229.849999999999;242.0099999999934;2536.2599999999984;2550.1700000000083;2553.4799999999796;2571.3100000000113;2571.4800000000087;2572.0399999999863;2572.9249999999984;2574.045000000013;2576.8700000000135;2579.2900000000136;2588.0549999999967;2588.5399999999954;2589.155000000006;2589.2699999999986;2590.7200000000057;26.164999999991778;2602.325000000007;2604.479999999996;2604.845000_x000F_;2604.845000000011;2610.559999999992;27.31499999</t>
  </si>
  <si>
    <t>http://0,0.241,0.241],0.329,0.336,0.356,0.356],0.462],0.551,0.668,0.683],0.93,0.937],0],1.052,1.811],105.15999999998348,108.4049999999761,11.604999999974552,11.705000000006294,117.49500000001899,12.344,12.344],12.854],13.59,13.974999999987858,136.723,14.09000000001015,1413.2349999999858,146.26999999998588,15.344,15.344],15.504999999990332,15.552,15.552],15.593,15.593],159.079999999989,1597.596],17.265,17.265],178.8699999999899,18.187,18.187],19.414999999980864,2,2.332],21.464,21.464],21.7,21.7],22.829999999999018,2221.700000000027,224,224.25000000001182,224.69499999999698,225.90500000001157,229.849999999999,242.0099999999934,2536.2599999999984,2550.1700000000083,2553.4799999999796,2571.3100000000113,2571.4800000000087,2572.0399999999863,2572.9249999999984,2574.045000000013,2576.8700000000135,2579.2900000000136,2588.0549999999967,2588.5399999999954,2589.155000000006,2589.2699999999986,2590.7200000000057,26.164999999991778,2602.325000000007,2604.479999999996,2604.845000_x000F_,2604.845000000011,2610.559999999992,27.3</t>
  </si>
  <si>
    <t>0;0.241;0.241];0.27;0.329;0.336;0.356;0.356];0.371];0.385;0.462];0.477;0.526;0.551;0.567;0.668;0.669];0.683];0.897];0.93;0.937];0.938];0.961];0];1.052;1.811];105.15999999998348;108.4049999999761;11.604999999974552;11.705000000006294;115.28499999999985;117.49500000001899;12.299;12.344;12.344];12.854];13.59;13.974999999987858;136.723;14.09000000001015;1413.2349999999858;146.26999999998588;15.344;15.344];15.504999999990332;15.552;15.552];15.593;15.593];159.079999999989;1597.596];17.265;17.265];178.8699999999899;18.187;18.187];19.414999999980864;2;2.332];207.11499999998705;21.464;21.464];21.7;21.7];22.829999999999018;2221.700000000027;224;224.25000000001182;224.69499999999698;225.90500000001157;229.849999999999;23.224999999996726;23.421];23.51999999999134;242.0099999999934;25.795000000016444;2536.2599999999984;2550.1700000000083;2553.4799999999796;2571.3100000000113;2571.4800000000087;2572.0399999999863;2572.9249999999984;2574.045000000013;2576.8700000000135;2579.2900000000136;2588.0549999999967;2588.539999999995</t>
  </si>
  <si>
    <t>http://0,0.241,0.241],0.27,0.329,0.336,0.356,0.356],0.371],0.385,0.462],0.477,0.526,0.551,0.567,0.668,0.669],0.683],0.897],0.93,0.937],0.938],0.961],0],1.052,1.811],105.15999999998348,108.4049999999761,11.604999999974552,11.705000000006294,115.28499999999985,117.49500000001899,12.299,12.344,12.344],12.854],13.59,13.974999999987858,136.723,14.09000000001015,1413.2349999999858,146.26999999998588,15.344,15.344],15.504999999990332,15.552,15.552],15.593,15.593],159.079999999989,1597.596],17.265,17.265],178.8699999999899,18.187,18.187],19.414999999980864,2,2.332],207.11499999998705,21.464,21.464],21.7,21.7],22.829999999999018,2221.700000000027,224,224.25000000001182,224.69499999999698,225.90500000001157,229.849999999999,23.224999999996726,23.421],23.51999999999134,242.0099999999934,25.795000000016444,2536.2599999999984,2550.1700000000083,2553.4799999999796,2571.3100000000113,2571.4800000000087,2572.0399999999863,2572.9249999999984,2574.045000000013,2576.8700000000135,2579.2900000000136,2588.0549999999967,2588.53999</t>
  </si>
  <si>
    <t>0;0.241;0.241];0.27;0.329;0.336;0.356;0.356];0.371];0.385;0.462];0.477;0.526;0.551;0.567;0.668;0.669];0.683];0.897];0.93;0.937];0.938];0.961];0];1.052;1.137];1.811];10177.255000000003;10265.810000000016;105.15999999998348;108.4049999999761;11.604999999974552;11.705000000006294;115.28499999999985;117.49500000001899;12.299;12.344;12.344];12.854];122.69500000002154;13.59;13.974999999987858;136.723;14.09000000001015;1413.2349999999858;146.26999999998588;15.344;15.344];15.504999999990332;15.552;15.552];15.593;15.593];15.929999999996653;159.079999999989;1597.596];17.265;17.265];178.8699999999899;18.187;18.187];19.414999999980864;2;2.199];2.332];207.11499999998705;21.464;21.464];21.7;21.7];22.829999999999018;2221.700000000027;224;224.25000000001182;224.486;224.69499999999698;225.90500000001157;229.849999999999;23.224999999996726;23.421];23.51999999999134;242.0099999999934;25.795000000016444;2536.2599999999984;2550.1700000000083;2553.4799999999796;2571.3100000000113;2571.4800000000087;2572.0399999999863;2572.92499999</t>
  </si>
  <si>
    <t>http://0,0.241,0.241],0.27,0.329,0.336,0.356,0.356],0.371],0.385,0.462],0.477,0.526,0.551,0.567,0.668,0.669],0.683],0.897],0.93,0.937],0.938],0.961],0],1.052,1.137],1.811],10177.255000000003,10265.810000000016,105.15999999998348,108.4049999999761,11.604999999974552,11.705000000006294,115.28499999999985,117.49500000001899,12.299,12.344,12.344],12.854],122.69500000002154,13.59,13.974999999987858,136.723,14.09000000001015,1413.2349999999858,146.26999999998588,15.344,15.344],15.504999999990332,15.552,15.552],15.593,15.593],15.929999999996653,159.079999999989,1597.596],17.265,17.265],178.8699999999899,18.187,18.187],19.414999999980864,2,2.199],2.332],207.11499999998705,21.464,21.464],21.7,21.7],22.829999999999018,2221.700000000027,224,224.25000000001182,224.486,224.69499999999698,225.90500000001157,229.849999999999,23.224999999996726,23.421],23.51999999999134,242.0099999999934,25.795000000016444,2536.2599999999984,2550.1700000000083,2553.4799999999796,2571.3100000000113,2571.4800000000087,2572.0399999999863,2572.9</t>
  </si>
  <si>
    <t>0;0.241;0.241];0.27;0.329;0.336;0.356;0.356];0.371];0.385;0.444;0.462];0.477;0.526;0.551;0.567;0.668;0.669];0.683];0.693];0.897];0.93;0.937];0.938];0.961];0];1.052;1.137];1.811];10177.255000000003;10265.810000000016;10299.01000000001;10357.995000000017;10392.650000000003;10404.275000000012;10445.71000000002;10484.845000000007;105.15999999998348;108.4049999999761;1083656409722;11.224;11.354;11.604999999974552;11.705000000006294;115.28499999999985;117.49500000001899;12.299;12.344;12.344];12.854];122.69500000002154;13.59;13.974999999987858;136.723;14.09000000001015;1413.2349999999858;146.26999999998588;15.344;15.344];15.504999999990332;15.552;15.552];15.593;15.593];15.929999999996653;1576514298515076:183318602:1309185865;1576514307883000;1576514307906000;159.079999999989;1597.596];1600];1600]];17.265;17.265];178.8699999999899;18.187;18.187];19.414999999980864;1];1fganwx3b9hbmljmvekywbmbd5spphqj41xacfem2fzw;2;2.199];2.332];2.462;200];207.11499999998705;21.464;21.464];21.7;21.7];22.829999999999018;2221.70000000002</t>
  </si>
  <si>
    <t>http://0,0.241,0.241],0.27,0.329,0.336,0.356,0.356],0.371],0.385,0.444,0.462],0.477,0.526,0.551,0.567,0.668,0.669],0.683],0.693],0.897],0.93,0.937],0.938],0.961],0],1.052,1.137],1.811],10177.255000000003,10265.810000000016,10299.01000000001,10357.995000000017,10392.650000000003,10404.275000000012,10445.71000000002,10484.845000000007,105.15999999998348,108.4049999999761,1083656409722,11.224,11.354,11.604999999974552,11.705000000006294,115.28499999999985,117.49500000001899,12.299,12.344,12.344],12.854],122.69500000002154,13.59,13.974999999987858,136.723,14.09000000001015,1413.2349999999858,146.26999999998588,15.344,15.344],15.504999999990332,15.552,15.552],15.593,15.593],15.929999999996653,1576514298515076:183318602:1309185865,1576514307883000,1576514307906000,159.079999999989,1597.596],1600],1600]],17.265,17.265],178.8699999999899,18.187,18.187],19.414999999980864,1],1fganwx3b9hbmljmvekywbmbd5spphqj41xacfem2fzw,2,2.199],2.332],2.462,200],207.11499999998705,21.464,21.464],21.7,21.7],22.829999999999018,2221.7000</t>
  </si>
  <si>
    <t>0;0.241;0.241];0.27;0.329;0.336;0.356;0.356];0.371];0.385;0.444;0.462];0.477;0.526;0.551;0.567;0.668;0.669];0.683];0.693];0.897];0.93;0.937];0.938];0.961];0];1;1.052;1.137];1.811];10;10177.255000000003;10265.810000000016;10299.01000000001;10357.995000000017;10392.650000000003;10404.275000000012;10445.71000000002;10484.845000000007;105.15999999998348;108.4049999999761;1083656409722;11;11.224;11.354;11.604999999974552;11.705000000006294;115.28499999999985;117.49500000001899;12;12.299;12.344;12.344];12.854];122.69500000002154;13;13.59;13.974999999987858;136.723;1380;14;14.09000000001015;1413.2349999999858;146.26999999998588;15.344;15.344];15.504999999990332;15.552;15.552];15.593;15.593];15.929999999996653;1576514298515076:183318602:1309185865;1576514307883000;1576514307906000;1576514308633000;1576514309140000;1576514309664000;1576514309665000;1576514328589000;159.079999999989;1597.596];15];1600];1600]];17.265;17.265];178.8699999999899;18.187;18.187];19.414999999980864;1];1fganwx3b9hbmljmvekywbmbd5spphqj41xacfem2</t>
  </si>
  <si>
    <t>http://0,0.241,0.241],0.27,0.329,0.336,0.356,0.356],0.371],0.385,0.444,0.462],0.477,0.526,0.551,0.567,0.668,0.669],0.683],0.693],0.897],0.93,0.937],0.938],0.961],0],1,1.052,1.137],1.811],10,10177.255000000003,10265.810000000016,10299.01000000001,10357.995000000017,10392.650000000003,10404.275000000012,10445.71000000002,10484.845000000007,105.15999999998348,108.4049999999761,1083656409722,11,11.224,11.354,11.604999999974552,11.705000000006294,115.28499999999985,117.49500000001899,12,12.299,12.344,12.344],12.854],122.69500000002154,13,13.59,13.974999999987858,136.723,1380,14,14.09000000001015,1413.2349999999858,146.26999999998588,15.344,15.344],15.504999999990332,15.552,15.552],15.593,15.593],15.929999999996653,1576514298515076:183318602:1309185865,1576514307883000,1576514307906000,1576514308633000,1576514309140000,1576514309664000,1576514309665000,1576514328589000,159.079999999989,1597.596],15],1600],1600]],17.265,17.265],178.8699999999899,18.187,18.187],19.414999999980864,1],1fganwx3b9hbmljmvekywbmbd5spphqj41</t>
  </si>
  <si>
    <t>"mozilla/5.0 (windows nt 6.1) applewebkit/537.36 (khtml;0;0.241;0.241];0.27;0.329;0.336;0.356;0.356];0.371];0.385;0.444;0.462];0.477;0.526;0.551;0.567;0.668;0.669];0.683];0.693];0.897];0.93;0.937];0.938];0.961];0];1;1.052;1.137];1.811];10;10000];10177.255000000003;10265.810000000016;10299.01000000001;10357.995000000017;10392.650000000003;10404.275000000012;10445.71000000002;10484.845000000007;105.15999999998348;108.4049999999761;1083656409722;11;11.224;11.354;11.604999999974552;11.705000000006294;115.28499999999985;117.49500000001899;12;12.299;12.344;12.344];12.854];122.69500000002154;13;13.59;13.974999999987858;136.723;13700109;13700167;13700185;13700235;13700451;13700563;13700883;13700946;13700951;13700982;13701078;13701139;13701207;13701214;13701235;13701239;13701262;13701298;13701418;13701422;13701430;13701450;13701458;13701486;13701506;13701510;13701534;13701537]];13701537]]];13701573;13701577;13701589;13701609;13701614;13701621;13701625;13701633;13701653;13701657;13701693;13701710;13701749;13701825;1370</t>
  </si>
  <si>
    <t>http://"mozilla/5.0 (windows nt 6.1) applewebkit/537.36 (khtml,0,0.241,0.241],0.27,0.329,0.336,0.356,0.356],0.371],0.385,0.444,0.462],0.477,0.526,0.551,0.567,0.668,0.669],0.683],0.693],0.897],0.93,0.937],0.938],0.961],0],1,1.052,1.137],1.811],10,10000],10177.255000000003,10265.810000000016,10299.01000000001,10357.995000000017,10392.650000000003,10404.275000000012,10445.71000000002,10484.845000000007,105.15999999998348,108.4049999999761,1083656409722,11,11.224,11.354,11.604999999974552,11.705000000006294,115.28499999999985,117.49500000001899,12,12.299,12.344,12.344],12.854],122.69500000002154,13,13.59,13.974999999987858,136.723,13700109,13700167,13700185,13700235,13700451,13700563,13700883,13700946,13700951,13700982,13701078,13701139,13701207,13701214,13701235,13701239,13701262,13701298,13701418,13701422,13701430,13701450,13701458,13701486,13701506,13701510,13701534,13701537]],13701537]]],13701573,13701577,13701589,13701609,13701614,13701621,13701625,13701633,13701653,13701657,13701693,13701710,13701749,137018</t>
  </si>
  <si>
    <t>12/16/2019 13:39:36</t>
  </si>
  <si>
    <t>mail.google.com/_/upload?authuser=0&amp;dcp=asu-n&amp;upload_id=AEnB2UprT7R2yMWzFEhJXjfWX5NGvEjIvBCJ4oFjxOZa4GD3JHibP4RCWKz3AhY9STbAWD_x0lMYndbM0lO1Curar751BuTLKdaz2faDuTc4tqO4zihfOTc&amp;upload_protocol=resumable</t>
  </si>
  <si>
    <t>C:\Users\fernandaab\Desktop\Késia\Ligações para Mutante - 2º ciclo\</t>
  </si>
  <si>
    <t>GEOVANA ALINE SANTOS E SILVA_1_6765812984484804293_1_32.wav</t>
  </si>
  <si>
    <t>12/16/2019 13:40:47</t>
  </si>
  <si>
    <t>12/16/2019 13:43:14</t>
  </si>
  <si>
    <t>12/16/2019 13:38:34</t>
  </si>
  <si>
    <t>12/16/2019 13:40:59</t>
  </si>
  <si>
    <t>12/16/2019 13:44:13</t>
  </si>
  <si>
    <t>12/16/2019 13:39:51</t>
  </si>
  <si>
    <t>12/16/2019 13:40:44</t>
  </si>
  <si>
    <t>53913833-9334-4707-becd-8ff04619b2e3.tmp</t>
  </si>
  <si>
    <t>\\acsfs\profiles$\danielta\Downloads\53913833-9334-4707-becd-8ff04619b2e3.tmp</t>
  </si>
  <si>
    <t>12/16/2019 13:41:28</t>
  </si>
  <si>
    <t>a89853af-d925-47c3-a063-62e81897f4ad.tmp</t>
  </si>
  <si>
    <t>\\acsfs\profiles$\danielta\Downloads\a89853af-d925-47c3-a063-62e81897f4ad.tmp</t>
  </si>
  <si>
    <t>12/16/2019 13:42:06</t>
  </si>
  <si>
    <t>76a40562-dac9-4f2c-b5c6-8d3936bbb368.tmp</t>
  </si>
  <si>
    <t>\\acsfs\profiles$\danielta\Downloads\76a40562-dac9-4f2c-b5c6-8d3936bbb368.tmp</t>
  </si>
  <si>
    <t>12/16/2019 13:42:49</t>
  </si>
  <si>
    <t>6fce9f01-8f84-4052-9076-0c8f51fd3fed.tmp</t>
  </si>
  <si>
    <t>\\acsfs\profiles$\danielta\Downloads\6fce9f01-8f84-4052-9076-0c8f51fd3fed.tmp</t>
  </si>
  <si>
    <t>958dbf40-5a7b-44d1-97d6-b1d0eff09b6b.tmp</t>
  </si>
  <si>
    <t>\\acsfs\profiles$\samldsm\Downloads\958dbf40-5a7b-44d1-97d6-b1d0eff09b6b.tmp</t>
  </si>
  <si>
    <t>12/16/2019 13:40:02</t>
  </si>
  <si>
    <t>e4f15329-cc6f-49f8-995a-2aae4dcb5f6d.tmp</t>
  </si>
  <si>
    <t>\\acsfs\profiles$\samldsm\Downloads\e4f15329-cc6f-49f8-995a-2aae4dcb5f6d.tmp</t>
  </si>
  <si>
    <t>12/16/2019 13:40:06</t>
  </si>
  <si>
    <t>2bb6de66-0850-4afa-86be-322434f168ec.tmp</t>
  </si>
  <si>
    <t>\\acsfs\profiles$\samldsm\Downloads\2bb6de66-0850-4afa-86be-322434f168ec.tmp</t>
  </si>
  <si>
    <t>12/16/2019 13:42:20</t>
  </si>
  <si>
    <t>940a3c43-ea41-4262-9ef4-edcd4d7bc7b5.tmp</t>
  </si>
  <si>
    <t>\\acsfs\profiles$\KARENJSS\Downloads\940a3c43-ea41-4262-9ef4-edcd4d7bc7b5.tmp</t>
  </si>
  <si>
    <t>12/16/2019 13:40:11</t>
  </si>
  <si>
    <t>edcf5dcd-67dc-424e-b6ae-98a7590ecc0a.tmp</t>
  </si>
  <si>
    <t>\\acsfs\profiles$\samldsm\Downloads\edcf5dcd-67dc-424e-b6ae-98a7590ecc0a.tmp</t>
  </si>
  <si>
    <t>12/16/2019 13:40:19</t>
  </si>
  <si>
    <t>0d61fbcc-266d-46da-b62f-87432cafa6f5.tmp</t>
  </si>
  <si>
    <t>\\acsfs\profiles$\samldsm\Downloads\0d61fbcc-266d-46da-b62f-87432cafa6f5.tmp</t>
  </si>
  <si>
    <t>12/16/2019 13:40:24</t>
  </si>
  <si>
    <t>cb7734c8-d8ab-49f8-bd78-d88c11637f54.tmp</t>
  </si>
  <si>
    <t>\\acsfs\profiles$\samldsm\Downloads\cb7734c8-d8ab-49f8-bd78-d88c11637f54.tmp</t>
  </si>
  <si>
    <t>12/16/2019 13:43:16</t>
  </si>
  <si>
    <t>0dc6a29b-f89e-4251-8cb0-052c1eafa2a0.tmp</t>
  </si>
  <si>
    <t>\\acsfs\profiles$\KARENJSS\Downloads\0dc6a29b-f89e-4251-8cb0-052c1eafa2a0.tmp</t>
  </si>
  <si>
    <t>12/16/2019 13:40:28</t>
  </si>
  <si>
    <t>90686a03-35ef-457b-be2d-9694b68bc430.tmp</t>
  </si>
  <si>
    <t>\\acsfs\profiles$\samldsm\Downloads\90686a03-35ef-457b-be2d-9694b68bc430.tmp</t>
  </si>
  <si>
    <t>12/16/2019 13:41:04</t>
  </si>
  <si>
    <t>f21d271e-94ec-49b7-8b71-48f1666ce6c4.tmp</t>
  </si>
  <si>
    <t>\\acsfs\profiles$\samldsm\Downloads\f21d271e-94ec-49b7-8b71-48f1666ce6c4.tmp</t>
  </si>
  <si>
    <t>12/16/2019 13:42:27</t>
  </si>
  <si>
    <t>d620bd41-e2e9-452a-8e10-ac1b528c5643.tmp</t>
  </si>
  <si>
    <t>\\acsfs\profiles$\samldsm\Downloads\d620bd41-e2e9-452a-8e10-ac1b528c5643.tmp</t>
  </si>
  <si>
    <t>12/16/2019 13:42:40</t>
  </si>
  <si>
    <t>d43bb3ea-dc7e-44e2-9218-bd16a721dac7.tmp</t>
  </si>
  <si>
    <t>\\acsfs\profiles$\samldsm\Downloads\d43bb3ea-dc7e-44e2-9218-bd16a721dac7.tmp</t>
  </si>
  <si>
    <t>ecad2dc8-cf30-41d3-b3df-37db27a4158d.tmp</t>
  </si>
  <si>
    <t>\\acsfs\profiles$\samldsm\Downloads\ecad2dc8-cf30-41d3-b3df-37db27a4158d.tmp</t>
  </si>
  <si>
    <t>12/16/2019 13:43:29</t>
  </si>
  <si>
    <t>12/16/2019 13:46:14</t>
  </si>
  <si>
    <t>0b984451-ed7d-41c2-b9f8-95045c08773b.tmp</t>
  </si>
  <si>
    <t>\\acsfs\profiles$\marcileiasdm\Downloads\0b984451-ed7d-41c2-b9f8-95045c08773b.tmp</t>
  </si>
  <si>
    <t>12/16/2019 13:44:33</t>
  </si>
  <si>
    <t>8594c53a-da79-4554-ae26-19c61f6a50bf.tmp</t>
  </si>
  <si>
    <t>\\acsfs\profiles$\marcileiasdm\Downloads\8594c53a-da79-4554-ae26-19c61f6a50bf.tmp</t>
  </si>
  <si>
    <t>12/16/2019 13:45:13</t>
  </si>
  <si>
    <t>12/16/2019 13:42:30</t>
  </si>
  <si>
    <t>87b9f942-9b45-4b52-aad5-6ea1be7f17c4.tmp</t>
  </si>
  <si>
    <t>\\acsfs\profiles$\gabrielarb\Downloads\87b9f942-9b45-4b52-aad5-6ea1be7f17c4.tmp</t>
  </si>
  <si>
    <t>12/16/2019 13:43:15</t>
  </si>
  <si>
    <t>3cee777e-c84b-4cc5-86e5-354654cee680.tmp</t>
  </si>
  <si>
    <t>\\acsfs\profiles$\gabrielarb\Downloads\3cee777e-c84b-4cc5-86e5-354654cee680.tmp</t>
  </si>
  <si>
    <t>12/16/2019 13:44:26</t>
  </si>
  <si>
    <t>7a898dbb-9146-4904-8185-9129d0d5ab79.tmp</t>
  </si>
  <si>
    <t>\\acsfs\profiles$\gabrielarb\Downloads\7a898dbb-9146-4904-8185-9129d0d5ab79.tmp</t>
  </si>
  <si>
    <t>12/16/2019 13:44:38</t>
  </si>
  <si>
    <t>cbc9db5c-650d-4e08-b537-c0e9c5e1c67a.tmp</t>
  </si>
  <si>
    <t>\\acsfs\profiles$\gabrielarb\Downloads\cbc9db5c-650d-4e08-b537-c0e9c5e1c67a.tmp</t>
  </si>
  <si>
    <t>12/16/2019 13:45:43</t>
  </si>
  <si>
    <t>12/16/2019 13:47:13</t>
  </si>
  <si>
    <t>74-86-7A-FB-16-E4</t>
  </si>
  <si>
    <t>VOTORANT-MB007</t>
  </si>
  <si>
    <t>brendavdoa</t>
  </si>
  <si>
    <t>\\acsfs\profiles$\brendavdoa\Favorites\Welcome - 1 total view.url\</t>
  </si>
  <si>
    <t>\\acsfs\profiles$\brendavdoa\Favorites\Welcome - 1 total view.url\:favicon:$DATA</t>
  </si>
  <si>
    <t>\\acsfs\profiles$\brendavdoa\Favorites\</t>
  </si>
  <si>
    <t>Welcome - 1 total view.url</t>
  </si>
  <si>
    <t>\\acsfs\profiles$\brendavdoa\Favorites\Welcome - 1 total view.url</t>
  </si>
  <si>
    <t>12/16/2019 13:42:57</t>
  </si>
  <si>
    <t>7a6a9736-0d89-4afd-a1dc-764b439cbdf0.tmp</t>
  </si>
  <si>
    <t>\\acsfs\profiles$\deboraaa\Downloads\7a6a9736-0d89-4afd-a1dc-764b439cbdf0.tmp</t>
  </si>
  <si>
    <t>12/16/2019 13:44:11</t>
  </si>
  <si>
    <t>c27858b7-ab60-4762-b5d7-1b7d78a8db9e.tmp</t>
  </si>
  <si>
    <t>\\acsfs\profiles$\deboraaa\Downloads\c27858b7-ab60-4762-b5d7-1b7d78a8db9e.tmp</t>
  </si>
  <si>
    <t>12/16/2019 13:46:35</t>
  </si>
  <si>
    <t>dff7b3dc-fc3e-4472-ac77-156b9b580590.tmp</t>
  </si>
  <si>
    <t>\\acsfs\profiles$\deboraaa\Downloads\dff7b3dc-fc3e-4472-ac77-156b9b580590.tmp</t>
  </si>
  <si>
    <t>12/16/2019 13:48:14</t>
  </si>
  <si>
    <t>12/16/2019 13:43:59</t>
  </si>
  <si>
    <t>985ee7c0-df48-4066-a348-c9b5f487a785.tmp</t>
  </si>
  <si>
    <t>\\acsfs\profiles$\bernardopcm\Downloads\985ee7c0-df48-4066-a348-c9b5f487a785.tmp</t>
  </si>
  <si>
    <t>12/16/2019 13:44:05</t>
  </si>
  <si>
    <t>0bbdd518-f806-4c5f-b9b9-840e602ee528.tmp</t>
  </si>
  <si>
    <t>\\acsfs\profiles$\bernardopcm\Downloads\0bbdd518-f806-4c5f-b9b9-840e602ee528.tmp</t>
  </si>
  <si>
    <t>12/16/2019 13:45:03</t>
  </si>
  <si>
    <t>3c5bc1a4-d289-49a0-8cc0-336deaed7c03.tmp</t>
  </si>
  <si>
    <t>\\acsfs\profiles$\bernardopcm\Downloads\3c5bc1a4-d289-49a0-8cc0-336deaed7c03.tmp</t>
  </si>
  <si>
    <t>12/16/2019 13:45:36</t>
  </si>
  <si>
    <t>0bb8d3f5-0ec1-4243-b467-d93dba9283b4.tmp</t>
  </si>
  <si>
    <t>\\acsfs\profiles$\bernardopcm\Downloads\0bb8d3f5-0ec1-4243-b467-d93dba9283b4.tmp</t>
  </si>
  <si>
    <t>12/16/2019 13:46:19</t>
  </si>
  <si>
    <t>13a4b9c0-a538-411b-b717-054ab85d5217.tmp</t>
  </si>
  <si>
    <t>\\acsfs\profiles$\bernardopcm\Downloads\13a4b9c0-a538-411b-b717-054ab85d5217.tmp</t>
  </si>
  <si>
    <t>12/16/2019 13:44:51</t>
  </si>
  <si>
    <t>12/16/2019 13:49:14</t>
  </si>
  <si>
    <t>12/16/2019 13:45:51</t>
  </si>
  <si>
    <t>12/16/2019 13:44:03</t>
  </si>
  <si>
    <t>dc08b3b1-5e7d-4af3-a942-f53d0683ed9f.tmp</t>
  </si>
  <si>
    <t>\\acsfs\profiles$\KARENJSS\Downloads\dc08b3b1-5e7d-4af3-a942-f53d0683ed9f.tmp</t>
  </si>
  <si>
    <t>12/16/2019 13:44:48</t>
  </si>
  <si>
    <t>dfbec88b-b9cb-4272-b675-ba5da1e837d7.tmp</t>
  </si>
  <si>
    <t>\\acsfs\profiles$\KARENJSS\Downloads\dfbec88b-b9cb-4272-b675-ba5da1e837d7.tmp</t>
  </si>
  <si>
    <t>12/16/2019 13:44:50</t>
  </si>
  <si>
    <t>aa3314ce-4097-4137-b992-549357a53794.tmp</t>
  </si>
  <si>
    <t>\\acsfs\profiles$\samldsm\Downloads\aa3314ce-4097-4137-b992-549357a53794.tmp</t>
  </si>
  <si>
    <t>12/16/2019 13:45:04</t>
  </si>
  <si>
    <t>fd01ee8f-97eb-4307-978d-e42f264fc96d.tmp</t>
  </si>
  <si>
    <t>\\acsfs\profiles$\samldsm\Downloads\fd01ee8f-97eb-4307-978d-e42f264fc96d.tmp</t>
  </si>
  <si>
    <t>12/16/2019 13:46:43</t>
  </si>
  <si>
    <t>3c46f5d2-580c-4030-bb92-34b3c46aaf94.tmp</t>
  </si>
  <si>
    <t>\\acsfs\profiles$\samldsm\Downloads\3c46f5d2-580c-4030-bb92-34b3c46aaf94.tmp</t>
  </si>
  <si>
    <t>12/16/2019 13:49:21</t>
  </si>
  <si>
    <t>12/16/2019 13:50:14</t>
  </si>
  <si>
    <t>b06b9beb-6d29-48fb-9420-94f4f8b7eecd.tmp</t>
  </si>
  <si>
    <t>\\acsfs\profiles$\LUCASNS\Downloads\b06b9beb-6d29-48fb-9420-94f4f8b7eecd.tmp</t>
  </si>
  <si>
    <t>12/16/2019 13:46:11</t>
  </si>
  <si>
    <t>ecffd771-4da6-4840-a755-0bdd4023b9d2.tmp</t>
  </si>
  <si>
    <t>\\acsfs\profiles$\karinarm\Downloads\ecffd771-4da6-4840-a755-0bdd4023b9d2.tmp</t>
  </si>
  <si>
    <t>12/16/2019 13:45:20</t>
  </si>
  <si>
    <t>12/16/2019 13:51:14</t>
  </si>
  <si>
    <t>286005a7-af54-4de9-9e48-85af37df2783.tmp</t>
  </si>
  <si>
    <t>\\acsfs\profiles$\marcileiasdm\Downloads\286005a7-af54-4de9-9e48-85af37df2783.tmp</t>
  </si>
  <si>
    <t>12/16/2019 13:45:57</t>
  </si>
  <si>
    <t>9caef011-6088-468c-9b58-cbefc3fb00dd.tmp</t>
  </si>
  <si>
    <t>\\acsfs\profiles$\gabrielarb\Downloads\9caef011-6088-468c-9b58-cbefc3fb00dd.tmp</t>
  </si>
  <si>
    <t>12/16/2019 13:46:29</t>
  </si>
  <si>
    <t>1742af5d-a360-4611-8171-113c9244f0f7.tmp</t>
  </si>
  <si>
    <t>\\acsfs\profiles$\gabrielarb\Downloads\1742af5d-a360-4611-8171-113c9244f0f7.tmp</t>
  </si>
  <si>
    <t>12/16/2019 13:50:19</t>
  </si>
  <si>
    <t>12/16/2019 13:52:14</t>
  </si>
  <si>
    <t>f197e91a-bd1a-44a8-9822-b85c85d42bd4.tmp</t>
  </si>
  <si>
    <t>\\acsfs\profiles$\isabellegtds\Downloads\f197e91a-bd1a-44a8-9822-b85c85d42bd4.tmp</t>
  </si>
  <si>
    <t>12/16/2019 13:51:12</t>
  </si>
  <si>
    <t>e3737ac8-f232-4751-95a7-39708afccfd2.tmp</t>
  </si>
  <si>
    <t>\\acsfs\profiles$\isabellegtds\Downloads\e3737ac8-f232-4751-95a7-39708afccfd2.tmp</t>
  </si>
  <si>
    <t>12/16/2019 13:48:47</t>
  </si>
  <si>
    <t>9f11873a-208a-4bb0-87f1-ad2eb24d9cb1.tmp</t>
  </si>
  <si>
    <t>\\acsfs\profiles$\deboraaa\Downloads\9f11873a-208a-4bb0-87f1-ad2eb24d9cb1.tmp</t>
  </si>
  <si>
    <t>12/16/2019 13:51:22</t>
  </si>
  <si>
    <t>12/16/2019 13:53:15</t>
  </si>
  <si>
    <t>12/16/2019 13:49:09</t>
  </si>
  <si>
    <t>190e397b-54af-43c4-8718-599a407085d2.tmp</t>
  </si>
  <si>
    <t>\\acsfs\profiles$\bernardopcm\Downloads\190e397b-54af-43c4-8718-599a407085d2.tmp</t>
  </si>
  <si>
    <t>12/16/2019 13:50:26</t>
  </si>
  <si>
    <t>f2cf6e56-f210-4a07-81ec-f7dabd711231.tmp</t>
  </si>
  <si>
    <t>\\acsfs\profiles$\bernardopcm\Downloads\f2cf6e56-f210-4a07-81ec-f7dabd711231.tmp</t>
  </si>
  <si>
    <t>12/16/2019 13:52:04</t>
  </si>
  <si>
    <t>a8f6c750-4023-4111-a866-d92ad02e5f97.tmp</t>
  </si>
  <si>
    <t>\\acsfs\profiles$\bernardopcm\Downloads\a8f6c750-4023-4111-a866-d92ad02e5f97.tmp</t>
  </si>
  <si>
    <t>12/16/2019 13:52:41</t>
  </si>
  <si>
    <t>12/16/2019 13:50:48</t>
  </si>
  <si>
    <t>2381d997-de9d-4c2e-9ebe-858c96bbc911.tmp</t>
  </si>
  <si>
    <t>\\acsfs\profiles$\marcellewdl\Downloads\2381d997-de9d-4c2e-9ebe-858c96bbc911.tmp</t>
  </si>
  <si>
    <t>12/16/2019 13:50:51</t>
  </si>
  <si>
    <t>12/16/2019 13:54:15</t>
  </si>
  <si>
    <t>12/16/2019 13:51:51</t>
  </si>
  <si>
    <t>12/16/2019 13:50:21</t>
  </si>
  <si>
    <t>9eb0f782-9a04-4fa0-94a9-a36f8c5f9d38.tmp</t>
  </si>
  <si>
    <t>\\acsfs\profiles$\samldsm\Downloads\9eb0f782-9a04-4fa0-94a9-a36f8c5f9d38.tmp</t>
  </si>
  <si>
    <t>12/16/2019 13:51:02</t>
  </si>
  <si>
    <t>89d75b57-247a-4506-a8ae-3613989d59f2.tmp</t>
  </si>
  <si>
    <t>\\acsfs\profiles$\samldsm\Downloads\89d75b57-247a-4506-a8ae-3613989d59f2.tmp</t>
  </si>
  <si>
    <t>12/16/2019 13:55:15</t>
  </si>
  <si>
    <t>85f7f25e-47eb-4f61-9927-270eb4676bef.tmp</t>
  </si>
  <si>
    <t>\\acsfs\profiles$\JOAOVAL\Downloads\85f7f25e-47eb-4f61-9927-270eb4676bef.tmp</t>
  </si>
  <si>
    <t>12/16/2019 13:53:43</t>
  </si>
  <si>
    <t>54034e09-0aec-4a58-abe9-442c62b1367a.tmp</t>
  </si>
  <si>
    <t>\\acsfs\profiles$\JOAOVAL\Downloads\54034e09-0aec-4a58-abe9-442c62b1367a.tmp</t>
  </si>
  <si>
    <t>12/16/2019 13:49:57</t>
  </si>
  <si>
    <t>28d3c57c-a9f9-47f6-bf3c-4adbc38d3603.tmp</t>
  </si>
  <si>
    <t>\\acsfs\profiles$\LUCASNS\Downloads\28d3c57c-a9f9-47f6-bf3c-4adbc38d3603.tmp</t>
  </si>
  <si>
    <t>12/16/2019 13:51:36</t>
  </si>
  <si>
    <t>0d85edaf-5834-4a0c-bf26-e3412f3335cf.tmp</t>
  </si>
  <si>
    <t>\\acsfs\profiles$\ayalabfi\Downloads\0d85edaf-5834-4a0c-bf26-e3412f3335cf.tmp</t>
  </si>
  <si>
    <t>12/16/2019 13:51:47</t>
  </si>
  <si>
    <t>12/16/2019 13:56:15</t>
  </si>
  <si>
    <t>12/16/2019 13:52:00</t>
  </si>
  <si>
    <t>7c04cc62-03cc-4370-a49d-1c071b635452.tmp</t>
  </si>
  <si>
    <t>\\acsfs\profiles$\gabrielafs\Downloads\7c04cc62-03cc-4370-a49d-1c071b635452.tmp</t>
  </si>
  <si>
    <t>dfc9d44b-833f-42b8-8108-6005ed69b9d3.tmp</t>
  </si>
  <si>
    <t>\\acsfs\profiles$\gabrielafs\Downloads\dfc9d44b-833f-42b8-8108-6005ed69b9d3.tmp</t>
  </si>
  <si>
    <t>12/16/2019 13:52:01</t>
  </si>
  <si>
    <t>3c6e4bb9-338b-4ea1-b8ff-58039bf8d65a.tmp</t>
  </si>
  <si>
    <t>\\acsfs\profiles$\gabrielafs\Downloads\3c6e4bb9-338b-4ea1-b8ff-58039bf8d65a.tmp</t>
  </si>
  <si>
    <t>12/16/2019 13:52:02</t>
  </si>
  <si>
    <t>b1544f93-1ce3-4507-9c21-b12b40d2dfd2.tmp</t>
  </si>
  <si>
    <t>\\acsfs\profiles$\gabrielafs\Downloads\b1544f93-1ce3-4507-9c21-b12b40d2dfd2.tmp</t>
  </si>
  <si>
    <t>12/16/2019 13:52:50</t>
  </si>
  <si>
    <t>088f47a2-4267-4466-88fc-bd47f4ea35fc.tmp</t>
  </si>
  <si>
    <t>\\acsfs\profiles$\gabrielafs\Downloads\088f47a2-4267-4466-88fc-bd47f4ea35fc.tmp</t>
  </si>
  <si>
    <t>12/16/2019 13:54:27</t>
  </si>
  <si>
    <t>12/13/2019 21:44:15</t>
  </si>
  <si>
    <t>010250af-4cbb-4fd6-b007-525794ab3ebc.tmp</t>
  </si>
  <si>
    <t>\\acsfs\profiles$\layonmof\Downloads\010250af-4cbb-4fd6-b007-525794ab3ebc.tmp</t>
  </si>
  <si>
    <t>12/13/2019 21:44:31</t>
  </si>
  <si>
    <t>1e44b86f-74e1-4c47-bc7d-569dd1cb41b1.tmp</t>
  </si>
  <si>
    <t>\\acsfs\profiles$\layonmof\Downloads\1e44b86f-74e1-4c47-bc7d-569dd1cb41b1.tmp</t>
  </si>
  <si>
    <t>12/16/2019 13:55:02</t>
  </si>
  <si>
    <t>16-12 SEGUNDA.txt</t>
  </si>
  <si>
    <t>\\acsfs\profiles$\gabrielamdp\My Documents\16-12 SEGUNDA.txt</t>
  </si>
  <si>
    <t>13.txt</t>
  </si>
  <si>
    <t>\\acsfs\profiles$\marcelacdss\My Documents\ATENDIMENTOS\DEZEMBRO\13.txt</t>
  </si>
  <si>
    <t>12/16/2019 13:54:31</t>
  </si>
  <si>
    <t>\\acsfs\profiles$\marcelacdss\Downloads\</t>
  </si>
  <si>
    <t>d2e22edc-daf3-4eb5-ab6b-0dada721c3a8.tmp</t>
  </si>
  <si>
    <t>\\acsfs\profiles$\marcelacdss\Downloads\d2e22edc-daf3-4eb5-ab6b-0dada721c3a8.tmp</t>
  </si>
  <si>
    <t>12/16/2019 13:55:33</t>
  </si>
  <si>
    <t>6c92b6f7-400c-45f2-9e81-0a6b4b47aa65.tmp</t>
  </si>
  <si>
    <t>\\acsfs\profiles$\marcelacdss\Downloads\6c92b6f7-400c-45f2-9e81-0a6b4b47aa65.tmp</t>
  </si>
  <si>
    <t>12/16/2019 13:51:19</t>
  </si>
  <si>
    <t>17a28141-e6f0-4a53-be00-00a2f8c75cf0.tmp</t>
  </si>
  <si>
    <t>\\acsfs\profiles$\isabellegtds\Downloads\17a28141-e6f0-4a53-be00-00a2f8c75cf0.tmp</t>
  </si>
  <si>
    <t>12/16/2019 13:52:09</t>
  </si>
  <si>
    <t>12/16/2019 13:57:15</t>
  </si>
  <si>
    <t>e8fe0899-2ecb-41c9-8005-c6f9f1883766.tmp</t>
  </si>
  <si>
    <t>\\acsfs\profiles$\isabellegtds\Downloads\e8fe0899-2ecb-41c9-8005-c6f9f1883766.tmp</t>
  </si>
  <si>
    <t>12/16/2019 13:53:10</t>
  </si>
  <si>
    <t>\\acsfs\profiles$\brendavdoa\My Documents\</t>
  </si>
  <si>
    <t>boleto.txt</t>
  </si>
  <si>
    <t>\\acsfs\profiles$\brendavdoa\My Documents\boleto.txt</t>
  </si>
  <si>
    <t>12/16/2019 13:52:25</t>
  </si>
  <si>
    <t>12/16/2019 13:58:15</t>
  </si>
  <si>
    <t>12/16/2019 13:57:45</t>
  </si>
  <si>
    <t>d226f36a-a5f8-4611-8be3-92f4714d72e2.tmp</t>
  </si>
  <si>
    <t>\\acsfs\profiles$\bernardopcm\Downloads\d226f36a-a5f8-4611-8be3-92f4714d72e2.tmp</t>
  </si>
  <si>
    <t>12/16/2019 13:56:13</t>
  </si>
  <si>
    <t>12/16/2019 13:56:47</t>
  </si>
  <si>
    <t>12/16/2019 13:54:39</t>
  </si>
  <si>
    <t>12/16/2019 13:59:15</t>
  </si>
  <si>
    <t>mail.google.com/mail/u/0/jserror?script=https://mail.google.com/mail/u/0/#inbox/qgrcjhrtstxnzfkhmrdprwwnwsbxgrbfdrl&amp;error=yo&amp;line=not available&amp;txz=p</t>
  </si>
  <si>
    <t>12/16/2019 13:56:28</t>
  </si>
  <si>
    <t>12/16/2019 13:56:51</t>
  </si>
  <si>
    <t>12/16/2019 13:57:51</t>
  </si>
  <si>
    <t>12/16/2019 13:54:14</t>
  </si>
  <si>
    <t>12/16/2019 13:57:01</t>
  </si>
  <si>
    <t>12/16/2019 14:00:15</t>
  </si>
  <si>
    <t>9342aa5a-2fe5-4652-8649-486dfb9780c7.tmp</t>
  </si>
  <si>
    <t>\\acsfs\profiles$\JOAOVAL\Downloads\9342aa5a-2fe5-4652-8649-486dfb9780c7.tmp</t>
  </si>
  <si>
    <t>12/16/2019 13:57:26</t>
  </si>
  <si>
    <t>850ea297-0875-42db-a5b3-a158957ac17b.tmp</t>
  </si>
  <si>
    <t>\\acsfs\profiles$\paulovadc\Downloads\850ea297-0875-42db-a5b3-a158957ac17b.tmp</t>
  </si>
  <si>
    <t>12/16/2019 13:56:57</t>
  </si>
  <si>
    <t>8c325b65-ffa2-4de0-9b62-f13a5d2000cd.tmp</t>
  </si>
  <si>
    <t>\\acsfs\profiles$\ayalabfi\Downloads\8c325b65-ffa2-4de0-9b62-f13a5d2000cd.tmp</t>
  </si>
  <si>
    <t>12/16/2019 13:57:38</t>
  </si>
  <si>
    <t>37c9f766-16c7-4c47-92ed-6418bd9b4562.tmp</t>
  </si>
  <si>
    <t>\\acsfs\profiles$\ayalabfi\Downloads\37c9f766-16c7-4c47-92ed-6418bd9b4562.tmp</t>
  </si>
  <si>
    <t>12/16/2019 13:58:10</t>
  </si>
  <si>
    <t>5886b408-c466-4c81-8f7e-9b35a551f41b.tmp</t>
  </si>
  <si>
    <t>\\acsfs\profiles$\ayalabfi\Downloads\5886b408-c466-4c81-8f7e-9b35a551f41b.tmp</t>
  </si>
  <si>
    <t>12/16/2019 13:59:03</t>
  </si>
  <si>
    <t>85763d1c-a02a-49f2-98fc-f6aa52b6e2cd.tmp</t>
  </si>
  <si>
    <t>\\acsfs\profiles$\ayalabfi\Downloads\85763d1c-a02a-49f2-98fc-f6aa52b6e2cd.tmp</t>
  </si>
  <si>
    <t>12/16/2019 13:59:11</t>
  </si>
  <si>
    <t>60d9f837-acbc-4b67-90ac-07d70ad9f26c.tmp</t>
  </si>
  <si>
    <t>\\acsfs\profiles$\ayalabfi\Downloads\60d9f837-acbc-4b67-90ac-07d70ad9f26c.tmp</t>
  </si>
  <si>
    <t>12/16/2019 14:00:04</t>
  </si>
  <si>
    <t>12/16/2019 14:01:14</t>
  </si>
  <si>
    <t>5967b5cb-6ba1-40e5-aa48-ee74d4cf823b.tmp</t>
  </si>
  <si>
    <t>\\acsfs\profiles$\larissaad\Downloads\5967b5cb-6ba1-40e5-aa48-ee74d4cf823b.tmp</t>
  </si>
  <si>
    <t>12/16/2019 13:56:45</t>
  </si>
  <si>
    <t>12/16/2019 13:59:29</t>
  </si>
  <si>
    <t>12/16/2019 14:02:15</t>
  </si>
  <si>
    <t>Entrar no cliente Zimbra para Web.url:favicon</t>
  </si>
  <si>
    <t>\\acsfs\profiles$\deboraaa\Favorites\Entrar no cliente Zimbra para Web.url:favicon</t>
  </si>
  <si>
    <t>12/16/2019 14:01:18</t>
  </si>
  <si>
    <t>62bab175-a326-499b-8b69-f011533ddbb6.tmp</t>
  </si>
  <si>
    <t>\\acsfs\profiles$\deboraaa\Downloads\62bab175-a326-499b-8b69-f011533ddbb6.tmp</t>
  </si>
  <si>
    <t>12/16/2019 14:01:33</t>
  </si>
  <si>
    <t>10.203.30.69</t>
  </si>
  <si>
    <t>mail.google.com/_/upload?authuser=0&amp;dcp=asu-n&amp;upload_id=AEnB2UodxkwrgJP2X0uEwW9emUICsZd2iAm8QGzUkR9mEeM8f6wNv8nLunSeXFhe0SMwARMrVG4XvZSjDGB99np5PoZ31fd1ephOqsvikaDDp0JxzxS7ifs&amp;upload_protocol=resumable</t>
  </si>
  <si>
    <t>NR17 TELECOM.xlsx</t>
  </si>
  <si>
    <t>12/16/2019 14:03:14</t>
  </si>
  <si>
    <t>12/16/2019 13:59:06</t>
  </si>
  <si>
    <t>Mobilizações_Orçamentos executados 01-12 à 15-12 - Algar.xlsx</t>
  </si>
  <si>
    <t>12/16/2019 14:00:08</t>
  </si>
  <si>
    <t>be85b3d9-f420-4018-9144-838d4131a8f6.tmp</t>
  </si>
  <si>
    <t>\\acsfs\profiles$\leonardobb\Downloads\be85b3d9-f420-4018-9144-838d4131a8f6.tmp</t>
  </si>
  <si>
    <t>12/16/2019 14:00:43</t>
  </si>
  <si>
    <t>177ab6eb-0b2d-4baf-b373-cc61c43a30de.tmp</t>
  </si>
  <si>
    <t>\\acsfs\profiles$\leonardobb\Downloads\177ab6eb-0b2d-4baf-b373-cc61c43a30de.tmp</t>
  </si>
  <si>
    <t>12/16/2019 14:02:51</t>
  </si>
  <si>
    <t>12/16/2019 14:04:15</t>
  </si>
  <si>
    <t>12/16/2019 13:59:48</t>
  </si>
  <si>
    <t>7a9e6b60-5580-4442-b623-5c00050a4d0b.tmp</t>
  </si>
  <si>
    <t>\\acsfs\profiles$\joycemmdl\Downloads\7a9e6b60-5580-4442-b623-5c00050a4d0b.tmp</t>
  </si>
  <si>
    <t>12/16/2019 14:02:31</t>
  </si>
  <si>
    <t>12/16/2019 14:02:48</t>
  </si>
  <si>
    <t>b5c14576-14c0-46c4-ada1-dad908c44b44.tmp</t>
  </si>
  <si>
    <t>\\acsfs\profiles$\joycemmdl\Downloads\b5c14576-14c0-46c4-ada1-dad908c44b44.tmp</t>
  </si>
  <si>
    <t>12/16/2019 14:04:37</t>
  </si>
  <si>
    <t>12/16/2019 14:05:14</t>
  </si>
  <si>
    <t>lu158081e5tm9.tmp</t>
  </si>
  <si>
    <t>\\acsfs\profiles$\jonatanls\My Documents\lu158081e5tm9.tmp</t>
  </si>
  <si>
    <t>12/16/2019 14:01:37</t>
  </si>
  <si>
    <t>12/16/2019 14:06:15</t>
  </si>
  <si>
    <t>feb394a6-6a51-4247-90f6-fb4570a24647.tmp</t>
  </si>
  <si>
    <t>\\acsfs\profiles$\larissaad\Downloads\feb394a6-6a51-4247-90f6-fb4570a24647.tmp</t>
  </si>
  <si>
    <t>12/16/2019 14:01:41</t>
  </si>
  <si>
    <t>cd7d127a-1d4f-4ca2-86c2-57dc006c2b96.tmp</t>
  </si>
  <si>
    <t>\\acsfs\profiles$\larissaad\Downloads\cd7d127a-1d4f-4ca2-86c2-57dc006c2b96.tmp</t>
  </si>
  <si>
    <t>12/16/2019 14:05:15</t>
  </si>
  <si>
    <t>9ee19384-3912-462a-9716-daa3240f7aee.tmp</t>
  </si>
  <si>
    <t>\\acsfs\profiles$\larissaad\Downloads\9ee19384-3912-462a-9716-daa3240f7aee.tmp</t>
  </si>
  <si>
    <t>12/16/2019 14:03:04</t>
  </si>
  <si>
    <t>10.200.66.196</t>
  </si>
  <si>
    <t>fe40c8a0-bb7a-4716-bef5-3be0ec486cde.tmp</t>
  </si>
  <si>
    <t>\\acsfs\profiles$\layonmof\Downloads\fe40c8a0-bb7a-4716-bef5-3be0ec486cde.tmp</t>
  </si>
  <si>
    <t>12/16/2019 14:03:25</t>
  </si>
  <si>
    <t>12/16/2019 14:03:31</t>
  </si>
  <si>
    <t>3b138d2b-3729-4205-ad1d-c8e62f92345f.tmp</t>
  </si>
  <si>
    <t>\\acsfs\profiles$\layonmof\Downloads\3b138d2b-3729-4205-ad1d-c8e62f92345f.tmp</t>
  </si>
  <si>
    <t>12/16/2019 14:03:51</t>
  </si>
  <si>
    <t>2b551b8c-9590-484f-bd97-8fd940b35cbf.tmp</t>
  </si>
  <si>
    <t>\\acsfs\profiles$\layonmof\Downloads\2b551b8c-9590-484f-bd97-8fd940b35cbf.tmp</t>
  </si>
  <si>
    <t>12/16/2019 14:03:55</t>
  </si>
  <si>
    <t>99ab696c-86a6-49ee-9b85-0a396b6afe7c.tmp</t>
  </si>
  <si>
    <t>\\acsfs\profiles$\layonmof\Downloads\99ab696c-86a6-49ee-9b85-0a396b6afe7c.tmp</t>
  </si>
  <si>
    <t>12/16/2019 14:04:45</t>
  </si>
  <si>
    <t>4efd351c-b4d7-4c15-a087-d425397833aa.tmp</t>
  </si>
  <si>
    <t>\\acsfs\profiles$\layonmof\Downloads\4efd351c-b4d7-4c15-a087-d425397833aa.tmp</t>
  </si>
  <si>
    <t>12/16/2019 14:04:53</t>
  </si>
  <si>
    <t>f94f77ad-9414-4fc1-b295-1889eb802576.tmp</t>
  </si>
  <si>
    <t>\\acsfs\profiles$\layonmof\Downloads\f94f77ad-9414-4fc1-b295-1889eb802576.tmp</t>
  </si>
  <si>
    <t>12/16/2019 14:05:13</t>
  </si>
  <si>
    <t>f9ae21b9-c9bc-466b-a850-7c5469ee1dc5.tmp</t>
  </si>
  <si>
    <t>\\acsfs\profiles$\layonmof\Downloads\f9ae21b9-c9bc-466b-a850-7c5469ee1dc5.tmp</t>
  </si>
  <si>
    <t>7273f11e-0197-4d1d-94a6-00af2127c790.tmp</t>
  </si>
  <si>
    <t>\\acsfs\profiles$\deborahsi\Downloads\7273f11e-0197-4d1d-94a6-00af2127c790.tmp</t>
  </si>
  <si>
    <t>12/16/2019 14:04:28</t>
  </si>
  <si>
    <t>773f3679-d057-421c-891a-5d4c237d79d4.tmp</t>
  </si>
  <si>
    <t>\\acsfs\profiles$\isabellegtds\Downloads\773f3679-d057-421c-891a-5d4c237d79d4.tmp</t>
  </si>
  <si>
    <t>12/16/2019 14:02:50</t>
  </si>
  <si>
    <t>12/16/2019 14:08:14</t>
  </si>
  <si>
    <t>12/16/2019 14:06:18</t>
  </si>
  <si>
    <t>12/16/2019 14:06:55</t>
  </si>
  <si>
    <t>mail.google.com/sync/u/0/i/s?hl=pt-BR&amp;c=675</t>
  </si>
  <si>
    <t>12/16/2019 14:06:56</t>
  </si>
  <si>
    <t>mail.google.com/sync/u/0/i/s?hl=pt-BR&amp;c=681</t>
  </si>
  <si>
    <t>12/16/2019 14:07:08</t>
  </si>
  <si>
    <t>mail.google.com/sync/u/0/i/s?hl=pt-BR&amp;c=685</t>
  </si>
  <si>
    <t>12/16/2019 14:07:15</t>
  </si>
  <si>
    <t>mail.google.com/sync/u/0/i/s?hl=pt-BR&amp;c=687</t>
  </si>
  <si>
    <t>12/16/2019 14:07:22</t>
  </si>
  <si>
    <t>mail.google.com/sync/u/0/i/s?hl=pt-BR&amp;c=689</t>
  </si>
  <si>
    <t>12/16/2019 14:07:26</t>
  </si>
  <si>
    <t>mail.google.com/sync/u/0/i/s?hl=pt-BR&amp;c=691</t>
  </si>
  <si>
    <t>12/16/2019 14:07:30</t>
  </si>
  <si>
    <t>mail.google.com/sync/u/0/i/s?hl=pt-BR&amp;c=693</t>
  </si>
  <si>
    <t>12/16/2019 14:07:34</t>
  </si>
  <si>
    <t>mail.google.com/sync/u/0/i/s?hl=pt-BR&amp;c=695</t>
  </si>
  <si>
    <t>fbdf56be-13e3-4dcd-b199-b0644a31e4e0.tmp</t>
  </si>
  <si>
    <t>\\acsfs\profiles$\bernardopcm\Downloads\fbdf56be-13e3-4dcd-b199-b0644a31e4e0.tmp</t>
  </si>
  <si>
    <t>12/16/2019 14:05:58</t>
  </si>
  <si>
    <t>a0dd7236-e21a-406f-b583-cbdd3c0c4d7b.tmp</t>
  </si>
  <si>
    <t>\\acsfs\profiles$\leonardobb\Downloads\a0dd7236-e21a-406f-b583-cbdd3c0c4d7b.tmp</t>
  </si>
  <si>
    <t>12/16/2019 14:09:14</t>
  </si>
  <si>
    <t>12/16/2019 14:06:51</t>
  </si>
  <si>
    <t>10.200.66.51</t>
  </si>
  <si>
    <t>74-86-7A-FB-17-64</t>
  </si>
  <si>
    <t>VOTORANT-YB010</t>
  </si>
  <si>
    <t>ca11ab22-0ec7-4104-98bd-d3c8330ba0b5.tmp</t>
  </si>
  <si>
    <t>\\acsfs\profiles$\regisadsa\Downloads\ca11ab22-0ec7-4104-98bd-d3c8330ba0b5.tmp</t>
  </si>
  <si>
    <t>12/16/2019 14:08:01</t>
  </si>
  <si>
    <t>3a3fddf6-dde0-436d-a507-b51a8415046f.tmp</t>
  </si>
  <si>
    <t>\\acsfs\profiles$\regisadsa\Downloads\3a3fddf6-dde0-436d-a507-b51a8415046f.tmp</t>
  </si>
  <si>
    <t>12/16/2019 14:05:24</t>
  </si>
  <si>
    <t>12/16/2019 14:10:14</t>
  </si>
  <si>
    <t>LISTA DE PRESENÇA16.xlsx.xla</t>
  </si>
  <si>
    <t>12/16/2019 14:05:26</t>
  </si>
  <si>
    <t>mail.google.com/_/upload?authuser=0&amp;dcp=asu-n&amp;upload_id=AEnB2UrHFLTtBueDuDMKphcDyETDV6R6zwru88c-1c9hRwAcEIYr8Yk-8T-rmllbQM8d3Hy2URNQs_4-uX-8wvSCjqISf2JJtD1cowyKbPbwrBwYGaBUv1Y&amp;upload_protocol=resumable</t>
  </si>
  <si>
    <t>12/16/2019 14:04:56</t>
  </si>
  <si>
    <t>$IXU2PGR.xlsx</t>
  </si>
  <si>
    <t>\\acsfs\profiles$\jonatanls\My Documents\$RECYCLE.BIN\$IXU2PGR.xlsx</t>
  </si>
  <si>
    <t>12/16/2019 14:04:59</t>
  </si>
  <si>
    <t>c84766f8-9f75-4e26-b240-2d9432ec7728.tmp</t>
  </si>
  <si>
    <t>\\acsfs\profiles$\jonatanls\Downloads\c84766f8-9f75-4e26-b240-2d9432ec7728.tmp</t>
  </si>
  <si>
    <t>12/16/2019 14:06:21</t>
  </si>
  <si>
    <t>12/16/2019 14:06:49</t>
  </si>
  <si>
    <t>ed3d07c7-f6fe-4971-993d-dba5bb617528.tmp</t>
  </si>
  <si>
    <t>\\acsfs\profiles$\jonatanls\Downloads\ed3d07c7-f6fe-4971-993d-dba5bb617528.tmp</t>
  </si>
  <si>
    <t>12/16/2019 14:06:52</t>
  </si>
  <si>
    <t>12/16/2019 14:08:24</t>
  </si>
  <si>
    <t>12/16/2019 14:08:46</t>
  </si>
  <si>
    <t>12/16/2019 14:08:08</t>
  </si>
  <si>
    <t>mail.google.com/_/upload?authuser=0&amp;dcp=asu-n&amp;upload_id=AEnB2UphVRy5gWtSh2doHGf7IuVLxO5VpmL4O8oq8JkpbuIjENLrXhfztiMbhiXls6tYXXm_zeiuPNgVmNsXGJvovBJjuduY3lUs1Rx0Bj6lPXbKEIr8k-A&amp;upload_protocol=resumable</t>
  </si>
  <si>
    <t>BBN RONALD.xlsx</t>
  </si>
  <si>
    <t>0450c3f9-4733-46ab-a80d-fd2d6572067c.tmp</t>
  </si>
  <si>
    <t>\\acsfs\profiles$\ayalabfi\Downloads\0450c3f9-4733-46ab-a80d-fd2d6572067c.tmp</t>
  </si>
  <si>
    <t>12/16/2019 14:06:19</t>
  </si>
  <si>
    <t>0ccda429-a3a8-422b-ba21-51a2971363a8.tmp</t>
  </si>
  <si>
    <t>\\acsfs\profiles$\wenderbnm\Downloads\0ccda429-a3a8-422b-ba21-51a2971363a8.tmp</t>
  </si>
  <si>
    <t>12/16/2019 14:08:34</t>
  </si>
  <si>
    <t>12/16/2019 14:11:14</t>
  </si>
  <si>
    <t>cff0bedf-374a-41bf-aa21-fc7483c630a4.tmp</t>
  </si>
  <si>
    <t>\\acsfs\profiles$\marcileiasdm\Downloads\cff0bedf-374a-41bf-aa21-fc7483c630a4.tmp</t>
  </si>
  <si>
    <t>12/16/2019 14:06:07</t>
  </si>
  <si>
    <t>0c4733f8-a1b8-4dd4-bfb8-2ac00e0c2708.tmp</t>
  </si>
  <si>
    <t>\\acsfs\profiles$\layonmof\Downloads\0c4733f8-a1b8-4dd4-bfb8-2ac00e0c2708.tmp</t>
  </si>
  <si>
    <t>99a95fca-6633-4cd5-91d6-8d5e3700e732.tmp</t>
  </si>
  <si>
    <t>\\acsfs\profiles$\deborahsi\Downloads\99a95fca-6633-4cd5-91d6-8d5e3700e732.tmp</t>
  </si>
  <si>
    <t>12/16/2019 14:06:59</t>
  </si>
  <si>
    <t>0e88969f-e019-4108-80aa-1a8c5cf497f0.tmp</t>
  </si>
  <si>
    <t>\\acsfs\profiles$\deborahsi\Downloads\0e88969f-e019-4108-80aa-1a8c5cf497f0.tmp</t>
  </si>
  <si>
    <t>12/16/2019 14:08:04</t>
  </si>
  <si>
    <t>81d3b706-f297-4777-a465-9fe753dad89e.tmp</t>
  </si>
  <si>
    <t>\\acsfs\profiles$\deborahsi\Downloads\81d3b706-f297-4777-a465-9fe753dad89e.tmp</t>
  </si>
  <si>
    <t>12/16/2019 14:07:39</t>
  </si>
  <si>
    <t>12/16/2019 14:13:14</t>
  </si>
  <si>
    <t>mail.google.com/sync/u/0/i/s?hl=pt-BR&amp;c=697</t>
  </si>
  <si>
    <t>12/16/2019 14:07:42</t>
  </si>
  <si>
    <t>mail.google.com/sync/u/0/i/s?hl=pt-BR&amp;c=699</t>
  </si>
  <si>
    <t>12/16/2019 14:09:31</t>
  </si>
  <si>
    <t>12/16/2019 14:09:38</t>
  </si>
  <si>
    <t>12/16/2019 14:08:51</t>
  </si>
  <si>
    <t>12/16/2019 14:14:15</t>
  </si>
  <si>
    <t>12/16/2019 14:09:51</t>
  </si>
  <si>
    <t>12/16/2019 14:08:49</t>
  </si>
  <si>
    <t>c674c349-b8ce-4b5f-b3c9-fb51a29daa31.tmp</t>
  </si>
  <si>
    <t>\\acsfs\profiles$\regisadsa\Downloads\c674c349-b8ce-4b5f-b3c9-fb51a29daa31.tmp</t>
  </si>
  <si>
    <t>12/16/2019 14:09:39</t>
  </si>
  <si>
    <t>e7835349-15e6-4d31-a8d4-050da596d4cc.tmp</t>
  </si>
  <si>
    <t>\\acsfs\profiles$\regisadsa\Downloads\e7835349-15e6-4d31-a8d4-050da596d4cc.tmp</t>
  </si>
  <si>
    <t>12/16/2019 14:10:03</t>
  </si>
  <si>
    <t>5c565ab0-feef-4820-a7ed-fbd8a6dbb25f.tmp</t>
  </si>
  <si>
    <t>\\acsfs\profiles$\regisadsa\Downloads\5c565ab0-feef-4820-a7ed-fbd8a6dbb25f.tmp</t>
  </si>
  <si>
    <t>12/16/2019 14:11:41</t>
  </si>
  <si>
    <t>12/16/2019 14:15:14</t>
  </si>
  <si>
    <t>12/16/2019 14:14:37</t>
  </si>
  <si>
    <t>12/16/2019 14:11:50</t>
  </si>
  <si>
    <t>12/16/2019 14:13:07</t>
  </si>
  <si>
    <t>12/16/2019 13:49:19</t>
  </si>
  <si>
    <t>\\acsfs\profiles$\stefaniasdf\My Documents\xworkcenter\logs\</t>
  </si>
  <si>
    <t>XLOG_stefaniasdf_16122019_133326.log</t>
  </si>
  <si>
    <t>\\acsfs\profiles$\stefaniasdf\My Documents\xworkcenter\logs\XLOG_stefaniasdf_16122019_133326.log</t>
  </si>
  <si>
    <t>12/16/2019 14:14:27</t>
  </si>
  <si>
    <t>\\acsfs\profiles$\kamilamrc\My Documents\xworkcenter\lex\</t>
  </si>
  <si>
    <t>\\acsfs\profiles$\kamilamrc\My Documents\xworkcenter\lex\temp.tlx</t>
  </si>
  <si>
    <t>12/16/2019 14:14:28</t>
  </si>
  <si>
    <t>12/16/2019 14:14:29</t>
  </si>
  <si>
    <t>12/16/2019 14:16:15</t>
  </si>
  <si>
    <t>12/16/2019 14:14:30</t>
  </si>
  <si>
    <t>12/16/2019 14:14:32</t>
  </si>
  <si>
    <t>12/16/2019 14:14:33</t>
  </si>
  <si>
    <t>12/16/2019 14:14:34</t>
  </si>
  <si>
    <t>12/16/2019 14:14:35</t>
  </si>
  <si>
    <t>12/16/2019 14:14:36</t>
  </si>
  <si>
    <t>12/16/2019 14:14:38</t>
  </si>
  <si>
    <t>12/16/2019 14:14:39</t>
  </si>
  <si>
    <t>12/16/2019 14:12:25</t>
  </si>
  <si>
    <t>c2e82462-7d91-4617-8164-5751e9a0f4df.tmp</t>
  </si>
  <si>
    <t>\\acsfs\profiles$\gabrielafs\Downloads\c2e82462-7d91-4617-8164-5751e9a0f4df.tmp</t>
  </si>
  <si>
    <t>12/16/2019 14:14:40</t>
  </si>
  <si>
    <t>12/16/2019 14:14:41</t>
  </si>
  <si>
    <t>12/16/2019 14:14:42</t>
  </si>
  <si>
    <t>12/16/2019 14:14:43</t>
  </si>
  <si>
    <t>12/16/2019 14:14:44</t>
  </si>
  <si>
    <t>12/16/2019 14:14:45</t>
  </si>
  <si>
    <t>12/16/2019 14:14:46</t>
  </si>
  <si>
    <t>12/16/2019 14:14:47</t>
  </si>
  <si>
    <t>12/16/2019 14:14:48</t>
  </si>
  <si>
    <t>12/16/2019 14:14:49</t>
  </si>
  <si>
    <t>12/16/2019 14:11:59</t>
  </si>
  <si>
    <t>12/16/2019 14:17:14</t>
  </si>
  <si>
    <t>52c7d2c2-1567-425a-8036-b36b364545b1.tmp</t>
  </si>
  <si>
    <t>\\acsfs\profiles$\deboraaa\Downloads\52c7d2c2-1567-425a-8036-b36b364545b1.tmp</t>
  </si>
  <si>
    <t>12/16/2019 14:15:56</t>
  </si>
  <si>
    <t>12/16/2019 14:18:14</t>
  </si>
  <si>
    <t>matheusmax</t>
  </si>
  <si>
    <t>\\acsfs\profiles$\matheusmax\My Documents\My Pictures\</t>
  </si>
  <si>
    <t>\\acsfs\profiles$\matheusmax\My Documents\My Videos\desktop.ini</t>
  </si>
  <si>
    <t>12/16/2019 14:15:58</t>
  </si>
  <si>
    <t>\\acsfs\profiles$\matheusmax\My Documents\My Videos\</t>
  </si>
  <si>
    <t>12/16/2019 14:16:02</t>
  </si>
  <si>
    <t>12/16/2019 14:16:04</t>
  </si>
  <si>
    <t>12/16/2019 14:16:05</t>
  </si>
  <si>
    <t>12/16/2019 14:16:07</t>
  </si>
  <si>
    <t>\\acsfs\profiles$\matheusmax\My Documents\My Music\</t>
  </si>
  <si>
    <t>\\acsfs\profiles$\matheusmax\My Documents\My Pictures\desktop.ini</t>
  </si>
  <si>
    <t>12/16/2019 14:16:08</t>
  </si>
  <si>
    <t>12/16/2019 14:16:14</t>
  </si>
  <si>
    <t>12/16/2019 14:16:16</t>
  </si>
  <si>
    <t>12/16/2019 14:16:19</t>
  </si>
  <si>
    <t>\\acsfs\profiles$\matheusmax\Contacts\</t>
  </si>
  <si>
    <t>\\acsfs\profiles$\matheusmax\Contacts\desktop.ini</t>
  </si>
  <si>
    <t>12/16/2019 14:16:20</t>
  </si>
  <si>
    <t>12/16/2019 14:16:22</t>
  </si>
  <si>
    <t>12/16/2019 14:16:24</t>
  </si>
  <si>
    <t>12/16/2019 14:16:25</t>
  </si>
  <si>
    <t>12/16/2019 14:16:26</t>
  </si>
  <si>
    <t>12/16/2019 14:16:28</t>
  </si>
  <si>
    <t>\\acsfs\profiles$\matheusmax\My Documents\</t>
  </si>
  <si>
    <t>\\acsfs\profiles$\matheusmax\Favorites\desktop.ini</t>
  </si>
  <si>
    <t>12/16/2019 14:16:29</t>
  </si>
  <si>
    <t>12/16/2019 14:16:30</t>
  </si>
  <si>
    <t>12/16/2019 14:16:33</t>
  </si>
  <si>
    <t>12/16/2019 14:16:36</t>
  </si>
  <si>
    <t>12/16/2019 14:16:38</t>
  </si>
  <si>
    <t>12/16/2019 14:16:40</t>
  </si>
  <si>
    <t>\\acsfs\profiles$\matheusmax\My Documents\My Music\desktop.ini</t>
  </si>
  <si>
    <t>12/16/2019 14:16:41</t>
  </si>
  <si>
    <t>12/16/2019 14:16:42</t>
  </si>
  <si>
    <t>12/16/2019 14:16:43</t>
  </si>
  <si>
    <t>12/16/2019 14:16:44</t>
  </si>
  <si>
    <t>12/16/2019 14:16:46</t>
  </si>
  <si>
    <t>\\acsfs\profiles$\matheusmax\Searches\</t>
  </si>
  <si>
    <t>\\acsfs\profiles$\matheusmax\Searches\desktop.ini</t>
  </si>
  <si>
    <t>12/16/2019 14:16:47</t>
  </si>
  <si>
    <t>12/16/2019 14:16:48</t>
  </si>
  <si>
    <t>12/16/2019 14:16:50</t>
  </si>
  <si>
    <t>12/16/2019 14:16:51</t>
  </si>
  <si>
    <t>12/16/2019 14:16:53</t>
  </si>
  <si>
    <t>\\acsfs\profiles$\matheusmax\Downloads\</t>
  </si>
  <si>
    <t>\\acsfs\profiles$\matheusmax\Downloads\desktop.ini</t>
  </si>
  <si>
    <t>12/16/2019 14:16:54</t>
  </si>
  <si>
    <t>12/16/2019 14:16:55</t>
  </si>
  <si>
    <t>\\acsfs\profiles$\matheusmax\Favorites\</t>
  </si>
  <si>
    <t>\\acsfs\profiles$\matheusmax\My Documents\desktop.ini</t>
  </si>
  <si>
    <t>12/16/2019 14:16:58</t>
  </si>
  <si>
    <t>12/16/2019 14:17:00</t>
  </si>
  <si>
    <t>12/16/2019 14:17:03</t>
  </si>
  <si>
    <t>12/16/2019 14:17:05</t>
  </si>
  <si>
    <t>12/16/2019 14:17:06</t>
  </si>
  <si>
    <t>12/16/2019 14:17:09</t>
  </si>
  <si>
    <t>\\acsfs\profiles$\matheusmax\Saved Games\desktop.ini</t>
  </si>
  <si>
    <t>12/16/2019 14:17:10</t>
  </si>
  <si>
    <t>2f6af7a6-1784-4f8e-a3fd-90244b457eca.tmp</t>
  </si>
  <si>
    <t>\\acsfs\profiles$\bernardopcm\Downloads\2f6af7a6-1784-4f8e-a3fd-90244b457eca.tmp</t>
  </si>
  <si>
    <t>12/16/2019 14:17:19</t>
  </si>
  <si>
    <t>42b9438e-b8db-4829-86e5-47c92393caa1.tmp</t>
  </si>
  <si>
    <t>\\acsfs\profiles$\bernardopcm\Downloads\42b9438e-b8db-4829-86e5-47c92393caa1.tmp</t>
  </si>
  <si>
    <t>12/16/2019 14:17:01</t>
  </si>
  <si>
    <t>12/16/2019 14:16:52</t>
  </si>
  <si>
    <t>12/16/2019 14:15:36</t>
  </si>
  <si>
    <t>12/16/2019 14:14:52</t>
  </si>
  <si>
    <t>12/16/2019 14:19:15</t>
  </si>
  <si>
    <t>12/16/2019 14:15:52</t>
  </si>
  <si>
    <t>12/16/2019 14:16:27</t>
  </si>
  <si>
    <t>fc7e074a-5b26-4158-82d8-b29b8939a6b9.tmp</t>
  </si>
  <si>
    <t>\\acsfs\profiles$\cristianodab\Downloads\fc7e074a-5b26-4158-82d8-b29b8939a6b9.tmp</t>
  </si>
  <si>
    <t>12/16/2019 14:16:34</t>
  </si>
  <si>
    <t>Não confirmado 166872.crdownload</t>
  </si>
  <si>
    <t>\\acsfs\profiles$\cristianodab\Downloads\Não confirmado 166872.crdownload</t>
  </si>
  <si>
    <t>fa9a04ff-d299-4757-9620-8bcba7d885b6.tmp</t>
  </si>
  <si>
    <t>\\acsfs\profiles$\cristianodab\Downloads\fa9a04ff-d299-4757-9620-8bcba7d885b6.tmp</t>
  </si>
  <si>
    <t>12/16/2019 14:17:18</t>
  </si>
  <si>
    <t>90a802fd-eac1-4cbe-8afa-34cefe85f5c8.tmp</t>
  </si>
  <si>
    <t>\\acsfs\profiles$\cristianodab\Downloads\90a802fd-eac1-4cbe-8afa-34cefe85f5c8.tmp</t>
  </si>
  <si>
    <t>12/16/2019 14:19:20</t>
  </si>
  <si>
    <t>12/16/2019 14:20:15</t>
  </si>
  <si>
    <t>12/16/2019 14:19:21</t>
  </si>
  <si>
    <t>lu163762gqv8w.tmp</t>
  </si>
  <si>
    <t>\\acsfs\profiles$\luanarda\lu163762gqv8w.tmp</t>
  </si>
  <si>
    <t>\\acsfs\profiles$\luanarda\lu163762gqv8w.tmp\</t>
  </si>
  <si>
    <t>\\acsfs\profiles$\luanarda\lu163762gqv8w.tmp\META-INF\</t>
  </si>
  <si>
    <t>\\acsfs\profiles$\luanarda\lu163762gqv8w.tmp\Thumbnails\</t>
  </si>
  <si>
    <t>12/16/2019 14:14:50</t>
  </si>
  <si>
    <t>12/16/2019 14:21:15</t>
  </si>
  <si>
    <t>12/16/2019 14:14:51</t>
  </si>
  <si>
    <t>12/16/2019 14:14:53</t>
  </si>
  <si>
    <t>12/16/2019 14:14:54</t>
  </si>
  <si>
    <t>12/16/2019 14:14:55</t>
  </si>
  <si>
    <t>12/16/2019 14:17:30</t>
  </si>
  <si>
    <t>8fe30898-39b4-40cc-bd25-6a792ad2936d.tmp</t>
  </si>
  <si>
    <t>\\acsfs\profiles$\brendadsl\Downloads\8fe30898-39b4-40cc-bd25-6a792ad2936d.tmp</t>
  </si>
  <si>
    <t>12/16/2019 14:17:55</t>
  </si>
  <si>
    <t>02c359a3-5abd-447e-8470-140606833e7f.tmp</t>
  </si>
  <si>
    <t>\\acsfs\profiles$\brendadsl\Downloads\02c359a3-5abd-447e-8470-140606833e7f.tmp</t>
  </si>
  <si>
    <t>12/16/2019 14:17:57</t>
  </si>
  <si>
    <t>8de91185-fa76-4b97-9fa5-7e246fb0b80e.tmp</t>
  </si>
  <si>
    <t>\\acsfs\profiles$\brendadsl\Downloads\8de91185-fa76-4b97-9fa5-7e246fb0b80e.tmp</t>
  </si>
  <si>
    <t>89af501a-ee21-4036-9f98-1a8c9c68e781.tmp</t>
  </si>
  <si>
    <t>\\acsfs\profiles$\gabrielamdp\Downloads\89af501a-ee21-4036-9f98-1a8c9c68e781.tmp</t>
  </si>
  <si>
    <t>12/16/2019 14:17:58</t>
  </si>
  <si>
    <t>993699db-35dd-411c-840b-523c937d6f55.tmp</t>
  </si>
  <si>
    <t>\\acsfs\profiles$\brendadsl\Downloads\993699db-35dd-411c-840b-523c937d6f55.tmp</t>
  </si>
  <si>
    <t>1df4f341-77af-4b47-9242-4237729b9287.tmp</t>
  </si>
  <si>
    <t>\\acsfs\profiles$\gabrielamdp\Downloads\1df4f341-77af-4b47-9242-4237729b9287.tmp</t>
  </si>
  <si>
    <t>12/16/2019 14:18:01</t>
  </si>
  <si>
    <t>e378e826-9263-44d4-bdc4-2f9b56866d6b.tmp</t>
  </si>
  <si>
    <t>\\acsfs\profiles$\brendadsl\Downloads\e378e826-9263-44d4-bdc4-2f9b56866d6b.tmp</t>
  </si>
  <si>
    <t>4402c149-cc0f-441b-9b50-d5b3125e4f13.tmp</t>
  </si>
  <si>
    <t>\\acsfs\profiles$\gabrielamdp\Downloads\4402c149-cc0f-441b-9b50-d5b3125e4f13.tmp</t>
  </si>
  <si>
    <t>12/16/2019 14:18:08</t>
  </si>
  <si>
    <t>710188af-90d7-4ce9-8ae9-70de573f8548.tmp</t>
  </si>
  <si>
    <t>\\acsfs\profiles$\brendadsl\Downloads\710188af-90d7-4ce9-8ae9-70de573f8548.tmp</t>
  </si>
  <si>
    <t>767094bc-7be9-4045-a11c-1d8cb370d8fe.tmp</t>
  </si>
  <si>
    <t>\\acsfs\profiles$\gabrielamdp\Downloads\767094bc-7be9-4045-a11c-1d8cb370d8fe.tmp</t>
  </si>
  <si>
    <t>e336fcaf-97e9-4689-a455-6ce28fefb8b8.tmp</t>
  </si>
  <si>
    <t>\\acsfs\profiles$\gabrielamdp\Downloads\e336fcaf-97e9-4689-a455-6ce28fefb8b8.tmp</t>
  </si>
  <si>
    <t>12/16/2019 14:17:52</t>
  </si>
  <si>
    <t>12/16/2019 14:18:05</t>
  </si>
  <si>
    <t>marianerdo@algartech.com;talmaiardo@algartech.com;thiagordu@algartech.com;</t>
  </si>
  <si>
    <t>marianerdo@algartech.com,talmaiardo@algartech.com,thiagordu@algartech.com</t>
  </si>
  <si>
    <t>f1764508-d6ce-4dbb-bc32-04e857ae9c13.tmp</t>
  </si>
  <si>
    <t>\\acsfs\profiles$\deborahsi\Downloads\f1764508-d6ce-4dbb-bc32-04e857ae9c13.tmp</t>
  </si>
  <si>
    <t>12/16/2019 14:19:39</t>
  </si>
  <si>
    <t>bb900b2d-03ca-4815-ab10-1dff39e411fe.tmp</t>
  </si>
  <si>
    <t>\\acsfs\profiles$\deborahsi\Downloads\bb900b2d-03ca-4815-ab10-1dff39e411fe.tmp</t>
  </si>
  <si>
    <t>12/16/2019 14:18:48</t>
  </si>
  <si>
    <t>74-86-7A-FB-14-4D</t>
  </si>
  <si>
    <t>VOTORANT-LB008</t>
  </si>
  <si>
    <t>ingridsm</t>
  </si>
  <si>
    <t>\\acsfs\profiles$\ingridsm\</t>
  </si>
  <si>
    <t>minha pasta.txt</t>
  </si>
  <si>
    <t>\\acsfs\profiles$\ingridsm\minha pasta.txt</t>
  </si>
  <si>
    <t>12/16/2019 14:18:58</t>
  </si>
  <si>
    <t>12/16/2019 14:20:41</t>
  </si>
  <si>
    <t>12/16/2019 14:22:15</t>
  </si>
  <si>
    <t>12/16/2019 14:20:42</t>
  </si>
  <si>
    <t>12/16/2019 14:20:43</t>
  </si>
  <si>
    <t>12/16/2019 14:20:44</t>
  </si>
  <si>
    <t>12/16/2019 14:20:45</t>
  </si>
  <si>
    <t>12/16/2019 14:20:46</t>
  </si>
  <si>
    <t>12/16/2019 14:16:03</t>
  </si>
  <si>
    <t>86aacd88-5cf0-429b-a0f7-c3b456b7fb18.tmp</t>
  </si>
  <si>
    <t>\\acsfs\profiles$\victorgl\Downloads\86aacd88-5cf0-429b-a0f7-c3b456b7fb18.tmp</t>
  </si>
  <si>
    <t>7e17c210-6d01-4c72-8150-e548b7f9455c.tmp</t>
  </si>
  <si>
    <t>\\acsfs\profiles$\victorgl\Downloads\7e17c210-6d01-4c72-8150-e548b7f9455c.tmp</t>
  </si>
  <si>
    <t>12/16/2019 14:18:19</t>
  </si>
  <si>
    <t>4a7d34d0-5b99-4a47-973c-cadeddc19c68.tmp</t>
  </si>
  <si>
    <t>\\acsfs\profiles$\victorgl\Downloads\4a7d34d0-5b99-4a47-973c-cadeddc19c68.tmp</t>
  </si>
  <si>
    <t>12/16/2019 14:20:47</t>
  </si>
  <si>
    <t>12/16/2019 14:18:27</t>
  </si>
  <si>
    <t>264c9c7e-2e2f-42d7-9c7c-c18115fd8bb0.tmp</t>
  </si>
  <si>
    <t>\\acsfs\profiles$\victorgl\Downloads\264c9c7e-2e2f-42d7-9c7c-c18115fd8bb0.tmp</t>
  </si>
  <si>
    <t>12/16/2019 14:20:48</t>
  </si>
  <si>
    <t>12/16/2019 14:20:49</t>
  </si>
  <si>
    <t>12/16/2019 14:20:50</t>
  </si>
  <si>
    <t>12/16/2019 14:20:51</t>
  </si>
  <si>
    <t>12/16/2019 14:20:52</t>
  </si>
  <si>
    <t>12/16/2019 14:20:53</t>
  </si>
  <si>
    <t>12/16/2019 14:20:54</t>
  </si>
  <si>
    <t>12/16/2019 14:20:55</t>
  </si>
  <si>
    <t>12/16/2019 14:20:56</t>
  </si>
  <si>
    <t>12/16/2019 14:20:57</t>
  </si>
  <si>
    <t>12/16/2019 14:20:58</t>
  </si>
  <si>
    <t>12/16/2019 14:20:59</t>
  </si>
  <si>
    <t>12/16/2019 14:21:00</t>
  </si>
  <si>
    <t>12/16/2019 14:21:01</t>
  </si>
  <si>
    <t>12/16/2019 14:21:02</t>
  </si>
  <si>
    <t>12/16/2019 14:17:36</t>
  </si>
  <si>
    <t>12/16/2019 14:23:15</t>
  </si>
  <si>
    <t>winrt--{S-1-5-21-602162358-764733703-839522115-347219}-.searchconnector-ms</t>
  </si>
  <si>
    <t>\\acsfs\profiles$\matheusmax\Searches\winrt--{S-1-5-21-602162358-764733703-839522115-347219}-.searchconnector-ms</t>
  </si>
  <si>
    <t>12/16/2019 14:18:40</t>
  </si>
  <si>
    <t>8e944193-2246-4f3f-8592-5c0f6254899f.tmp</t>
  </si>
  <si>
    <t>\\acsfs\profiles$\matheusmax\Downloads\8e944193-2246-4f3f-8592-5c0f6254899f.tmp</t>
  </si>
  <si>
    <t>12/16/2019 14:19:03</t>
  </si>
  <si>
    <t>a1dcc7a0-88fd-444a-8a0b-e2d0de7b124e.tmp</t>
  </si>
  <si>
    <t>\\acsfs\profiles$\matheusmax\Downloads\a1dcc7a0-88fd-444a-8a0b-e2d0de7b124e.tmp</t>
  </si>
  <si>
    <t>12/16/2019 14:19:23</t>
  </si>
  <si>
    <t>Unconfirmed 656062.crdownload</t>
  </si>
  <si>
    <t>\\acsfs\profiles$\matheusmax\Downloads\Unconfirmed 656062.crdownload</t>
  </si>
  <si>
    <t>12/16/2019 14:20:09</t>
  </si>
  <si>
    <t>8e977146-6729-4967-b142-92855d4d7630.tmp</t>
  </si>
  <si>
    <t>\\acsfs\profiles$\matheusmax\Downloads\8e977146-6729-4967-b142-92855d4d7630.tmp</t>
  </si>
  <si>
    <t>12/16/2019 14:18:17</t>
  </si>
  <si>
    <t>5ea5ace4-93a1-4844-925f-59fc0629eab3.tmp</t>
  </si>
  <si>
    <t>\\acsfs\profiles$\danielpdl\Downloads\5ea5ace4-93a1-4844-925f-59fc0629eab3.tmp</t>
  </si>
  <si>
    <t>12/16/2019 14:20:16</t>
  </si>
  <si>
    <t>a2825270-c041-4150-8659-a95f1a8ffe58.tmp</t>
  </si>
  <si>
    <t>\\acsfs\profiles$\matheusmax\Downloads\a2825270-c041-4150-8659-a95f1a8ffe58.tmp</t>
  </si>
  <si>
    <t>12/16/2019 14:19:07</t>
  </si>
  <si>
    <t>XLOG_danielpdl_16122019_133027.log</t>
  </si>
  <si>
    <t>\\acsfs\profiles$\danielpdl\My Documents\xworkcenter\logs\XLOG_danielpdl_16122019_133027.log</t>
  </si>
  <si>
    <t>12/16/2019 14:19:50</t>
  </si>
  <si>
    <t>12/16/2019 14:19:51</t>
  </si>
  <si>
    <t>12/16/2019 14:19:52</t>
  </si>
  <si>
    <t>12/16/2019 14:19:53</t>
  </si>
  <si>
    <t>12/16/2019 14:19:54</t>
  </si>
  <si>
    <t>12/16/2019 14:19:55</t>
  </si>
  <si>
    <t>12/16/2019 14:19:56</t>
  </si>
  <si>
    <t>12/16/2019 14:19:57</t>
  </si>
  <si>
    <t>12/16/2019 14:19:58</t>
  </si>
  <si>
    <t>12/16/2019 14:19:59</t>
  </si>
  <si>
    <t>12/16/2019 14:20:00</t>
  </si>
  <si>
    <t>12/16/2019 14:20:01</t>
  </si>
  <si>
    <t>12/16/2019 14:20:02</t>
  </si>
  <si>
    <t>12/16/2019 14:20:03</t>
  </si>
  <si>
    <t>12/16/2019 14:20:04</t>
  </si>
  <si>
    <t>12/16/2019 14:20:05</t>
  </si>
  <si>
    <t>12/16/2019 14:20:06</t>
  </si>
  <si>
    <t>12/16/2019 14:22:26</t>
  </si>
  <si>
    <t>12/16/2019 14:19:36</t>
  </si>
  <si>
    <t>6de5fcb9-5be5-454a-9adb-78e5cb076b5f.tmp</t>
  </si>
  <si>
    <t>\\acsfs\profiles$\YASMINSC\Downloads\6de5fcb9-5be5-454a-9adb-78e5cb076b5f.tmp</t>
  </si>
  <si>
    <t>12/16/2019 14:21:17</t>
  </si>
  <si>
    <t>12/16/2019 14:24:14</t>
  </si>
  <si>
    <t>Microanálise 20191215.xlsm</t>
  </si>
  <si>
    <t>12/16/2019 14:22:54</t>
  </si>
  <si>
    <t>493eb7a7-c6af-44c6-b448-4c50502245ee.tmp</t>
  </si>
  <si>
    <t>\\acsfs\profiles$\yurics\Downloads\493eb7a7-c6af-44c6-b448-4c50502245ee.tmp</t>
  </si>
  <si>
    <t>12/16/2019 14:21:52</t>
  </si>
  <si>
    <t>12/16/2019 14:19:32</t>
  </si>
  <si>
    <t>16.txt</t>
  </si>
  <si>
    <t>\\acsfs\profiles$\marcelacdss\My Documents\ATENDIMENTOS\DEZEMBRO\16.txt</t>
  </si>
  <si>
    <t>12/16/2019 14:19:38</t>
  </si>
  <si>
    <t>17.txt</t>
  </si>
  <si>
    <t>\\acsfs\profiles$\marcelacdss\My Documents\ATENDIMENTOS\DEZEMBRO\17.txt</t>
  </si>
  <si>
    <t>12/16/2019 14:19:42</t>
  </si>
  <si>
    <t>18.txt</t>
  </si>
  <si>
    <t>\\acsfs\profiles$\marcelacdss\My Documents\ATENDIMENTOS\DEZEMBRO\18.txt</t>
  </si>
  <si>
    <t>12/16/2019 14:19:47</t>
  </si>
  <si>
    <t>19.txt</t>
  </si>
  <si>
    <t>\\acsfs\profiles$\marcelacdss\My Documents\ATENDIMENTOS\DEZEMBRO\19.txt</t>
  </si>
  <si>
    <t>20.txt</t>
  </si>
  <si>
    <t>\\acsfs\profiles$\marcelacdss\My Documents\ATENDIMENTOS\DEZEMBRO\20.txt</t>
  </si>
  <si>
    <t>12/16/2019 14:22:07</t>
  </si>
  <si>
    <t>\\acsfs\profiles$\ellencds\Downloads\</t>
  </si>
  <si>
    <t>dcd6b6f7-7dae-4de6-9180-4c5820b08792.tmp</t>
  </si>
  <si>
    <t>\\acsfs\profiles$\ellencds\Downloads\dcd6b6f7-7dae-4de6-9180-4c5820b08792.tmp</t>
  </si>
  <si>
    <t>12/16/2019 14:22:16</t>
  </si>
  <si>
    <t>70a94d55-a49b-480b-a65c-826ab5419534.tmp</t>
  </si>
  <si>
    <t>\\acsfs\profiles$\ellencds\Downloads\70a94d55-a49b-480b-a65c-826ab5419534.tmp</t>
  </si>
  <si>
    <t>c0991692-c230-4469-8b71-15351fc6e62c.tmp</t>
  </si>
  <si>
    <t>\\acsfs\profiles$\cristianodab\Downloads\c0991692-c230-4469-8b71-15351fc6e62c.tmp</t>
  </si>
  <si>
    <t>12/16/2019 14:20:35</t>
  </si>
  <si>
    <t>d78e56ac-dbbf-4f66-95ed-47e743d4c0f0.tmp</t>
  </si>
  <si>
    <t>\\acsfs\profiles$\cristianodab\Downloads\d78e56ac-dbbf-4f66-95ed-47e743d4c0f0.tmp</t>
  </si>
  <si>
    <t>0cf57142-bea0-45f8-8a0d-b6015095816c.tmp</t>
  </si>
  <si>
    <t>\\acsfs\profiles$\cristianodab\Downloads\0cf57142-bea0-45f8-8a0d-b6015095816c.tmp</t>
  </si>
  <si>
    <t>12/16/2019 14:22:22</t>
  </si>
  <si>
    <t>12/16/2019 14:25:14</t>
  </si>
  <si>
    <t>7f26be03-7d8d-48a1-90e2-a09ea9f060da.tmp</t>
  </si>
  <si>
    <t>\\acsfs\profiles$\vivianibfs\Downloads\7f26be03-7d8d-48a1-90e2-a09ea9f060da.tmp</t>
  </si>
  <si>
    <t>12/16/2019 14:24:48</t>
  </si>
  <si>
    <t>53c57c95-67ed-4e07-b11b-557bf6d19aba.tmp</t>
  </si>
  <si>
    <t>\\acsfs\profiles$\vivianibfs\Downloads\53c57c95-67ed-4e07-b11b-557bf6d19aba.tmp</t>
  </si>
  <si>
    <t>f10c44d6-b7a9-47a3-8fc0-54fe0128052e.tmp</t>
  </si>
  <si>
    <t>\\acsfs\profiles$\ayalabfi\Downloads\f10c44d6-b7a9-47a3-8fc0-54fe0128052e.tmp</t>
  </si>
  <si>
    <t>12/16/2019 14:21:04</t>
  </si>
  <si>
    <t>12/16/2019 14:26:14</t>
  </si>
  <si>
    <t>3279fe65-8ef0-4666-b4ac-cc4a51d6fcde.tmp</t>
  </si>
  <si>
    <t>\\acsfs\profiles$\brendadsl\Downloads\3279fe65-8ef0-4666-b4ac-cc4a51d6fcde.tmp</t>
  </si>
  <si>
    <t>12/16/2019 14:24:31</t>
  </si>
  <si>
    <t>c268c936-efc7-4f63-a38c-642bd9a7e39e.tmp</t>
  </si>
  <si>
    <t>\\acsfs\profiles$\gabrielamdp\Downloads\c268c936-efc7-4f63-a38c-642bd9a7e39e.tmp</t>
  </si>
  <si>
    <t>3e690133-9328-4416-b1fc-afa7b6079573.tmp</t>
  </si>
  <si>
    <t>\\acsfs\profiles$\brendadsl\Downloads\3e690133-9328-4416-b1fc-afa7b6079573.tmp</t>
  </si>
  <si>
    <t>b0aecb4c-ac15-41cc-adb9-1e4ab7b93f24.tmp</t>
  </si>
  <si>
    <t>\\acsfs\profiles$\brendadsl\Downloads\b0aecb4c-ac15-41cc-adb9-1e4ab7b93f24.tmp</t>
  </si>
  <si>
    <t>12/16/2019 14:23:16</t>
  </si>
  <si>
    <t>a331f886-7514-437c-a1ef-bd288586ed18.tmp</t>
  </si>
  <si>
    <t>\\acsfs\profiles$\brendadsl\Downloads\a331f886-7514-437c-a1ef-bd288586ed18.tmp</t>
  </si>
  <si>
    <t>12/16/2019 14:22:45</t>
  </si>
  <si>
    <t>12/16/2019 14:24:33</t>
  </si>
  <si>
    <t>170e931c-1046-44fd-aa0f-b7efd2aeb911.tmp</t>
  </si>
  <si>
    <t>\\acsfs\profiles$\deborahsi\Downloads\170e931c-1046-44fd-aa0f-b7efd2aeb911.tmp</t>
  </si>
  <si>
    <t>12/16/2019 14:23:47</t>
  </si>
  <si>
    <t>12/16/2019 14:22:53</t>
  </si>
  <si>
    <t>12/16/2019 14:27:15</t>
  </si>
  <si>
    <t>12/16/2019 14:24:38</t>
  </si>
  <si>
    <t>3b4a4b5e-640c-4c2e-94e1-af2df033b9eb.tmp</t>
  </si>
  <si>
    <t>\\acsfs\profiles$\victorgl\Downloads\3b4a4b5e-640c-4c2e-94e1-af2df033b9eb.tmp</t>
  </si>
  <si>
    <t>12/16/2019 14:21:03</t>
  </si>
  <si>
    <t>12/16/2019 14:21:05</t>
  </si>
  <si>
    <t>12/16/2019 14:21:06</t>
  </si>
  <si>
    <t>12/16/2019 14:21:07</t>
  </si>
  <si>
    <t>12/16/2019 14:22:36</t>
  </si>
  <si>
    <t>12/16/2019 14:28:14</t>
  </si>
  <si>
    <t>72030845-6b7f-4c63-9c6f-4d2adecd3d5c.tmp</t>
  </si>
  <si>
    <t>\\acsfs\profiles$\danielpdl\Downloads\72030845-6b7f-4c63-9c6f-4d2adecd3d5c.tmp</t>
  </si>
  <si>
    <t>b55697e9-8d88-466c-ab03-8998bb14afdc.tmp</t>
  </si>
  <si>
    <t>\\acsfs\profiles$\danielpdl\Downloads\b55697e9-8d88-466c-ab03-8998bb14afdc.tmp</t>
  </si>
  <si>
    <t>12/16/2019 14:23:55</t>
  </si>
  <si>
    <t>12/16/2019 14:24:17</t>
  </si>
  <si>
    <t>mail.google.com/_/upload?authuser=0&amp;dcp=asu-n&amp;upload_id=AEnB2Up9PwGBg_WTKf1fGJ3xCEEFFHP6kOmh-RmD0IlvpE9eNSh9GX6xJrdvtSrxdnSUpKR3dncsvauTrg4fbEZjduD5Xe29zhtkzmyWC1zWfQsh-ykdMfk&amp;upload_protocol=resumable</t>
  </si>
  <si>
    <t>Compromissos Servico - CARLOS MAURICIO.xlsx</t>
  </si>
  <si>
    <t>12/16/2019 14:29:14</t>
  </si>
  <si>
    <t>b78da5d2-91e1-4160-aa98-066b55af167c.tmp</t>
  </si>
  <si>
    <t>\\acsfs\profiles$\geovannasm\Downloads\b78da5d2-91e1-4160-aa98-066b55af167c.tmp</t>
  </si>
  <si>
    <t>3bd54397-46fc-47d8-be57-71b6237e5926.tmp</t>
  </si>
  <si>
    <t>\\acsfs\profiles$\geovannasm\Downloads\3bd54397-46fc-47d8-be57-71b6237e5926.tmp</t>
  </si>
  <si>
    <t>12/16/2019 14:04:44</t>
  </si>
  <si>
    <t>bc957fa7-49eb-48ea-836d-26bc9fd33060.tmp</t>
  </si>
  <si>
    <t>\\acsfs\profiles$\geovannasm\Downloads\bc957fa7-49eb-48ea-836d-26bc9fd33060.tmp</t>
  </si>
  <si>
    <t>12/16/2019 14:06:24</t>
  </si>
  <si>
    <t>8064f3fe-3a70-4c42-be98-0d1bf2f475c0.tmp</t>
  </si>
  <si>
    <t>\\acsfs\profiles$\geovannasm\Downloads\8064f3fe-3a70-4c42-be98-0d1bf2f475c0.tmp</t>
  </si>
  <si>
    <t>4f356a45-44b0-4650-8681-4d411099dedb.tmp</t>
  </si>
  <si>
    <t>\\acsfs\profiles$\geovannasm\Downloads\4f356a45-44b0-4650-8681-4d411099dedb.tmp</t>
  </si>
  <si>
    <t>12/16/2019 14:22:37</t>
  </si>
  <si>
    <t>331e2a88-7a57-4ec0-853b-e372e39aa763.tmp</t>
  </si>
  <si>
    <t>\\acsfs\profiles$\geovannasm\Downloads\331e2a88-7a57-4ec0-853b-e372e39aa763.tmp</t>
  </si>
  <si>
    <t>12/16/2019 14:24:08</t>
  </si>
  <si>
    <t>70cc1285-51c2-4702-9c8d-975470e6c2c3.tmp</t>
  </si>
  <si>
    <t>\\acsfs\profiles$\yurics\Downloads\70cc1285-51c2-4702-9c8d-975470e6c2c3.tmp</t>
  </si>
  <si>
    <t>e9e532c5-2b12-4911-b94c-a0f3740ca079.tmp</t>
  </si>
  <si>
    <t>\\acsfs\profiles$\yurics\Downloads\e9e532c5-2b12-4911-b94c-a0f3740ca079.tmp</t>
  </si>
  <si>
    <t>12/16/2019 14:25:55</t>
  </si>
  <si>
    <t>c24ab430-12c8-4960-a32f-83e858d46b33.tmp</t>
  </si>
  <si>
    <t>\\acsfs\profiles$\yurics\Downloads\c24ab430-12c8-4960-a32f-83e858d46b33.tmp</t>
  </si>
  <si>
    <t>12/16/2019 14:26:52</t>
  </si>
  <si>
    <t>12/16/2019 14:27:52</t>
  </si>
  <si>
    <t>12/16/2019 14:26:49</t>
  </si>
  <si>
    <t>https://udpwfmniceap02/web/guest/home?p_auth=moyjp6gt&amp;p_p_id=58&amp;p_p_lifecycle=1&amp;p_p_state=maximized&amp;p_p_mode=view&amp;savelastpath=0&amp;_58_struts_action=/login/forgot_password</t>
  </si>
  <si>
    <t>12/16/2019 14:27:02</t>
  </si>
  <si>
    <t>12/16/2019 14:24:23</t>
  </si>
  <si>
    <t>580af242-8314-40e7-9695-0dc7034ccd54.tmp</t>
  </si>
  <si>
    <t>\\acsfs\profiles$\ellencds\Downloads\580af242-8314-40e7-9695-0dc7034ccd54.tmp</t>
  </si>
  <si>
    <t>12/16/2019 14:25:17</t>
  </si>
  <si>
    <t>954a3b22-1e2b-41a5-93b0-009ab9475bc3.tmp</t>
  </si>
  <si>
    <t>\\acsfs\profiles$\ellencds\Downloads\954a3b22-1e2b-41a5-93b0-009ab9475bc3.tmp</t>
  </si>
  <si>
    <t>12/16/2019 14:26:48</t>
  </si>
  <si>
    <t>fd5272f6-385d-43b0-b28c-b4dbf910c156.tmp</t>
  </si>
  <si>
    <t>\\acsfs\profiles$\ellencds\Downloads\fd5272f6-385d-43b0-b28c-b4dbf910c156.tmp</t>
  </si>
  <si>
    <t>12/16/2019 14:24:02</t>
  </si>
  <si>
    <t>12/16/2019 14:24:16</t>
  </si>
  <si>
    <t>92a6b8c3-998f-4db6-ad8e-793a6cfc7683.tmp</t>
  </si>
  <si>
    <t>\\acsfs\profiles$\cristianodab\Downloads\92a6b8c3-998f-4db6-ad8e-793a6cfc7683.tmp</t>
  </si>
  <si>
    <t>12/16/2019 14:29:12</t>
  </si>
  <si>
    <t>12/16/2019 14:30:14</t>
  </si>
  <si>
    <t>12/16/2019 14:27:17</t>
  </si>
  <si>
    <t>12/16/2019 14:26:47</t>
  </si>
  <si>
    <t>d4709f0a-8d7b-4f65-9a69-4b36cb4ffe0f.tmp</t>
  </si>
  <si>
    <t>\\acsfs\profiles$\ayalabfi\Downloads\d4709f0a-8d7b-4f65-9a69-4b36cb4ffe0f.tmp</t>
  </si>
  <si>
    <t>12/16/2019 14:29:52</t>
  </si>
  <si>
    <t>12/16/2019 14:31:14</t>
  </si>
  <si>
    <t>ceb65c8d-76fa-47fc-9997-34d68765abb1.tmp</t>
  </si>
  <si>
    <t>\\acsfs\profiles$\gabrielarb\Downloads\ceb65c8d-76fa-47fc-9997-34d68765abb1.tmp</t>
  </si>
  <si>
    <t>12/16/2019 14:28:27</t>
  </si>
  <si>
    <t>9ad82fc2-ef80-43cc-b39a-9cf38ec9292c.tmp</t>
  </si>
  <si>
    <t>\\acsfs\profiles$\layonmof\Downloads\9ad82fc2-ef80-43cc-b39a-9cf38ec9292c.tmp</t>
  </si>
  <si>
    <t>12/16/2019 14:29:04</t>
  </si>
  <si>
    <t>a5cc1bdb-57a5-433a-b488-59aeb7c4fd14.tmp</t>
  </si>
  <si>
    <t>\\acsfs\profiles$\layonmof\Downloads\a5cc1bdb-57a5-433a-b488-59aeb7c4fd14.tmp</t>
  </si>
  <si>
    <t>e8fe7efd-e0a7-4c4a-b7ab-b44df8e744e0.tmp</t>
  </si>
  <si>
    <t>\\acsfs\profiles$\gabrielamdp\Downloads\e8fe7efd-e0a7-4c4a-b7ab-b44df8e744e0.tmp</t>
  </si>
  <si>
    <t>12/16/2019 14:26:02</t>
  </si>
  <si>
    <t>Bloco 16122019.txt</t>
  </si>
  <si>
    <t>\\acsfs\profiles$\brendadsl\My Documents\Blocos\Blocos Dezembro 2019\Bloco 16122019.txt</t>
  </si>
  <si>
    <t>12/16/2019 14:29:22</t>
  </si>
  <si>
    <t>12/16/2019 14:30:33</t>
  </si>
  <si>
    <t>12/16/2019 14:27:51</t>
  </si>
  <si>
    <t>12/16/2019 14:28:10</t>
  </si>
  <si>
    <t>mail.google.com/_/upload?authuser=0&amp;dcp=asu-n&amp;upload_id=AEnB2UrAyomPmtdA7X8DMllGMDCCtJq_RlcG6m0yoSlaGFsPzY2GlHPB9gZ73sLSCERRlyVLd8Uk19lTdi33qG1hT6A51Lqb89S1ERRvEBTPVfgKocPKVzA&amp;upload_protocol=resumable</t>
  </si>
  <si>
    <t>C:\Users\TEMP\LIgação para mutant segundo ciclo\</t>
  </si>
  <si>
    <t>Myllena Ribeiro de Lima_1_6768238292387310826_1_32.wav</t>
  </si>
  <si>
    <t>12/16/2019 14:28:41</t>
  </si>
  <si>
    <t>12/16/2019 14:30:02</t>
  </si>
  <si>
    <t>leticiaat</t>
  </si>
  <si>
    <t>\\acsfs\profiles$\leticiaat\Downloads\</t>
  </si>
  <si>
    <t>4319edbc-2ab0-47a0-8b5c-a13386662a66.tmp</t>
  </si>
  <si>
    <t>\\acsfs\profiles$\leticiaat\Downloads\4319edbc-2ab0-47a0-8b5c-a13386662a66.tmp</t>
  </si>
  <si>
    <t>12/16/2019 14:30:46</t>
  </si>
  <si>
    <t>c2406e34-7b2b-40ff-834a-ea8d555a4a41.tmp</t>
  </si>
  <si>
    <t>\\acsfs\profiles$\leticiaat\Downloads\c2406e34-7b2b-40ff-834a-ea8d555a4a41.tmp</t>
  </si>
  <si>
    <t>12/16/2019 14:27:13</t>
  </si>
  <si>
    <t>12/16/2019 14:32:14</t>
  </si>
  <si>
    <t>sayharaefs</t>
  </si>
  <si>
    <t>\\acsfs\profiles$\sayharaefs\Downloads\</t>
  </si>
  <si>
    <t>1e08e83c-b285-4159-8fc1-6840a543505b.tmp</t>
  </si>
  <si>
    <t>\\acsfs\profiles$\sayharaefs\Downloads\1e08e83c-b285-4159-8fc1-6840a543505b.tmp</t>
  </si>
  <si>
    <t>12/16/2019 14:27:46</t>
  </si>
  <si>
    <t>208bc4fe-9ddb-4fb0-a9a1-0f333714a871.tmp</t>
  </si>
  <si>
    <t>\\acsfs\profiles$\sayharaefs\Downloads\208bc4fe-9ddb-4fb0-a9a1-0f333714a871.tmp</t>
  </si>
  <si>
    <t>12/16/2019 14:30:04</t>
  </si>
  <si>
    <t>c5387142-2fc2-47f2-a44e-44d76149ff49.tmp</t>
  </si>
  <si>
    <t>\\acsfs\profiles$\sayharaefs\Downloads\c5387142-2fc2-47f2-a44e-44d76149ff49.tmp</t>
  </si>
  <si>
    <t>12/16/2019 14:29:32</t>
  </si>
  <si>
    <t>12/16/2019 14:33:14</t>
  </si>
  <si>
    <t>12/16/2019 14:27:48</t>
  </si>
  <si>
    <t>mail.google.com/sync/u/0/i/s?hl=pt-BR&amp;c=723</t>
  </si>
  <si>
    <t>12/16/2019 14:27:56</t>
  </si>
  <si>
    <t>mail.google.com/sync/u/0/i/s?hl=pt-BR&amp;c=726</t>
  </si>
  <si>
    <t>12/16/2019 14:29:56</t>
  </si>
  <si>
    <t>mail.google.com/sync/u/0/i/s?hl=pt-BR&amp;c=730</t>
  </si>
  <si>
    <t>12/16/2019 14:30:01</t>
  </si>
  <si>
    <t>mail.google.com/sync/u/0/i/s?hl=pt-BR&amp;c=732</t>
  </si>
  <si>
    <t>12/16/2019 14:33:09</t>
  </si>
  <si>
    <t>12/16/2019 14:28:52</t>
  </si>
  <si>
    <t>12/16/2019 14:34:14</t>
  </si>
  <si>
    <t>12/16/2019 14:32:52</t>
  </si>
  <si>
    <t>12/16/2019 14:29:51</t>
  </si>
  <si>
    <t>f0754b30-d40f-44d8-b83b-4f404474f22a.tmp</t>
  </si>
  <si>
    <t>\\acsfs\profiles$\ellencds\Downloads\f0754b30-d40f-44d8-b83b-4f404474f22a.tmp</t>
  </si>
  <si>
    <t>12/16/2019 14:34:26</t>
  </si>
  <si>
    <t>12/16/2019 14:35:14</t>
  </si>
  <si>
    <t>C:\Users\vanessasara\OneDrive - Grupo Algar\Programa Algar Inovação\PGP\MOSTRA 2018 - PROJETOS 2017\3 - Relatórios\2019\</t>
  </si>
  <si>
    <t>Pagamento_Abr_TH_2019.xls</t>
  </si>
  <si>
    <t>12/16/2019 14:33:24</t>
  </si>
  <si>
    <t>12/16/2019 14:33:49</t>
  </si>
  <si>
    <t>af0d658d-82ee-498f-ba3c-9ab5ef810a8c.tmp</t>
  </si>
  <si>
    <t>\\acsfs\profiles$\jonatanls\Downloads\af0d658d-82ee-498f-ba3c-9ab5ef810a8c.tmp</t>
  </si>
  <si>
    <t>12/16/2019 14:36:14</t>
  </si>
  <si>
    <t>http:///batch?%24ct=multipart%2Fmixed%3B%20boundary%3D%22%3D%3D%3D%3D%3D6t8rnt5tscau%3D%3D%3D%3D%3D%22&amp;key=AIzaSyAy9VVXHSpS2IJpptzYtGbLP3-3_l0aBk4</t>
  </si>
  <si>
    <t>12/16/2019 14:33:17</t>
  </si>
  <si>
    <t>http:///batch?%24ct=multipart%2Fmixed%3B%20boundary%3D%22%3D%3D%3D%3D%3Dj2rf3bwnarit%3D%3D%3D%3D%3D%22&amp;key=AIzaSyAy9VVXHSpS2IJpptzYtGbLP3-3_l0aBk4</t>
  </si>
  <si>
    <t>http:///batch?%24ct=multipart%2Fmixed%3B%20boundary%3D%22%3D%3D%3D%3D%3Dwnppm2aecsih%3D%3D%3D%3D%3D%22&amp;key=AIzaSyAy9VVXHSpS2IJpptzYtGbLP3-3_l0aBk4</t>
  </si>
  <si>
    <t>ancestorhasaugmentedpermissions;containsunsubscribedchildren;dis;displayname;domain;emailaddress;file(kind;fileid;filesize;hasthumbnail;hasvisitorpermissions;id;id);items(deleted;ken;kind;lastmodifyi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tedpermissions,containsunsubscribedchildren,dis,displayname,domain,emailaddress,file(kind,fileid,filesize,hasthumbnail,hasvisitorpermissions,id,id),items(deleted,ken,kind,lastmodifyi,lastmodifyinguser(kind,lastviewedbymedate,modifiedbymedate,modifieddate,ontainsunsubscribedchildren,owners(kind,per,permissionid,picture,rpermissions,shared,sharedwithmedate,thumbnailversion,title,userpermission(role),workspaceids</t>
  </si>
  <si>
    <t>12/16/2019 14:33:22</t>
  </si>
  <si>
    <t>http:///batch?%24ct=multipart%2Fmixed%3B%20boundary%3D%22%3D%3D%3D%3D%3D9abzolif48ce%3D%3D%3D%3D%3D%22&amp;key=AIzaSyAy9VVXHSpS2IJpptzYtGbLP3-3_l0aBk4</t>
  </si>
  <si>
    <t>http:///batch?%24ct=multipart%2Fmixed%3B%20boundary%3D%22%3D%3D%3D%3D%3D2myymiwgryfu%3D%3D%3D%3D%3D%22&amp;key=AIzaSyAy9VVXHSpS2IJpptzYtGbLP3-3_l0aBk4</t>
  </si>
  <si>
    <t>12/16/2019 14:33:34</t>
  </si>
  <si>
    <t>http:///batch?%24ct=multipart%2Fmixed%3B%20boundary%3D%22%3D%3D%3D%3D%3D416sjf3soo8o%3D%3D%3D%3D%3D%22&amp;key=AIzaSyAy9VVXHSpS2IJpptzYtGbLP3-3_l0aBk4</t>
  </si>
  <si>
    <t>ancestorhasaugmen;containsunsubscribedchildren;displayname;domain;emaila;emailaddress;filesize;id);lastmodifyinguser(kind;lastviewedbymedate;modifiedbymedate;ontainsunsubscribedchildren;owners(kind;permissionid;picture;rpermissions;workspaceids;</t>
  </si>
  <si>
    <t>http://ancestorhasaugmen,containsunsubscribedchildren,displayname,domain,emaila,emailaddress,filesize,id),lastmodifyinguser(kind,lastviewedbymedate,modifiedbymedate,ontainsunsubscribedchildren,owners(kind,permissionid,picture,rpermissions,workspaceids</t>
  </si>
  <si>
    <t>12/16/2019 14:33:39</t>
  </si>
  <si>
    <t>http:///batch?%24ct=multipart%2Fmixed%3B%20boundary%3D%22%3D%3D%3D%3D%3D5f514p6gxobd%3D%3D%3D%3D%3D%22&amp;key=AIzaSyAy9VVXHSpS2IJpptzYtGbLP3-3_l0aBk4</t>
  </si>
  <si>
    <t>12/16/2019 14:33:40</t>
  </si>
  <si>
    <t>http:///batch?%24ct=multipart%2Fmixed%3B%20boundary%3D%22%3D%3D%3D%3D%3Du2yv9clgipte%3D%3D%3D%3D%3D%22&amp;key=AIzaSyAy9VVXHSpS2IJpptzYtGbLP3-3_l0aBk4</t>
  </si>
  <si>
    <t>12/16/2019 14:33:41</t>
  </si>
  <si>
    <t>http:///batch?%24ct=multipart%2Fmixed%3B%20boundary%3D%22%3D%3D%3D%3D%3Dr5enxactbs6q%3D%3D%3D%3D%3D%22&amp;key=AIzaSyAy9VVXHSpS2IJpptzYtGbLP3-3_l0aBk4</t>
  </si>
  <si>
    <t>12/16/2019 14:33:48</t>
  </si>
  <si>
    <t>http:///batch?%24ct=multipart%2Fmixed%3B%20boundary%3D%22%3D%3D%3D%3D%3Dniw0fdqdx33q%3D%3D%3D%3D%3D%22&amp;key=AIzaSyAy9VVXHSpS2IJpptzYtGbLP3-3_l0aBk4</t>
  </si>
  <si>
    <t>http:///batch?%24ct=multipart%2Fmixed%3B%20boundary%3D%22%3D%3D%3D%3D%3D3s074jjzb34g%3D%3D%3D%3D%3D%22&amp;key=AIzaSyAy9VVXHSpS2IJpptzYtGbLP3-3_l0aBk4</t>
  </si>
  <si>
    <t>12/16/2019 14:33:50</t>
  </si>
  <si>
    <t>http:///batch?%24ct=multipart%2Fmixed%3B%20boundary%3D%22%3D%3D%3D%3D%3D8temqzsfjmk5%3D%3D%3D%3D%3D%22&amp;key=AIzaSyAy9VVXHSpS2IJpptzYtGbLP3-3_l0aBk4</t>
  </si>
  <si>
    <t>12/16/2019 14:34:03</t>
  </si>
  <si>
    <t>http:///batch?%24ct=multipart%2Fmixed%3B%20boundary%3D%22%3D%3D%3D%3D%3D54vs21jwl8hf%3D%3D%3D%3D%3D%22&amp;key=AIzaSyAy9VVXHSpS2IJpptzYtGbLP3-3_l0aBk4</t>
  </si>
  <si>
    <t>5llkvnxnizs5wymkfiounc 8y0/xjhrrd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5llkvnxnizs5wymkfiounc 8y0/xjhrrd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6/2019 14:34:04</t>
  </si>
  <si>
    <t>http:///batch?%24ct=multipart%2Fmixed%3B%20boundary%3D%22%3D%3D%3D%3D%3Dyaw1tusv6179%3D%3D%3D%3D%3D%22&amp;key=AIzaSyAy9VVXHSpS2IJpptzYtGbLP3-3_l0aBk4</t>
  </si>
  <si>
    <t>12/16/2019 14:34:05</t>
  </si>
  <si>
    <t>http:///batch?%24ct=multipart%2Fmixed%3B%20boundary%3D%22%3D%3D%3D%3D%3Dixikbomkkel%3D%3D%3D%3D%3D%22&amp;key=AIzaSyAy9VVXHSpS2IJpptzYtGbLP3-3_l0aBk4</t>
  </si>
  <si>
    <t>12/16/2019 14:34:09</t>
  </si>
  <si>
    <t>0;0.241;0.241];0.668;0];12.854];136.723;15.344;15.344];17.560000000230502;18.2449999997516;18.669999999929132;19.26000000003114;20.36999999972977;21.464;21.464];21.864999999706924;23.915000000215514;27.149999999892316;3;33.212;33.212];4;4.842;50.87000000003172;529.8349999998209;530.2050000000236;572.3149999998896;573.804999999993;574.1649999999936;574.3299999999181;574.3849999998929;6.009];63.00999999984924;65.77500000003056;700";709.5449999997072;713.8649999997142;714.509999999791;715.3749999997672;717.6349999999729;748.7999999998465;886.073];:400;["https:�;css;first-contentful-paint;first-paint;glr_bffy_k_rbaeeyf18qkg.cmid/s32-c/photo.jpg";https://apis.google.com/js/api.js;https://drive.google.com/_/drive_fe/_/ss/k=drive_fe.main.-13zk2a6g6udmq.l.w.o/am=bdjcyqij7c_jhwdg/d=0/ct=zgms/rs=afb8gsxkevkqqego253hcz0aw1gj1pkxra;https://fonts.gstatic.com/s/googlesans/v14/4uagrenhsxjlgdugo1oill3owp4.woff2;https://fonts.gstatic.com/s/productsans/v10/pxidypqkot1tnfhsfmofgshvf9eo.woff2;https://fonts.gstatic.com/s/roboto/v</t>
  </si>
  <si>
    <t>http://0,0.241,0.241],0.668,0],12.854],136.723,15.344,15.344],17.560000000230502,18.2449999997516,18.669999999929132,19.26000000003114,20.36999999972977,21.464,21.464],21.864999999706924,23.915000000215514,27.149999999892316,3,33.212,33.212],4,4.842,50.87000000003172,529.8349999998209,530.2050000000236,572.3149999998896,573.804999999993,574.1649999999936,574.3299999999181,574.3849999998929,6.009],63.00999999984924,65.77500000003056,700",709.5449999997072,713.8649999997142,714.509999999791,715.3749999997672,717.6349999999729,748.7999999998465,886.073],:400,["https:�,css,first-contentful-paint,first-paint,glr_bffy_k_rbaeeyf18qkg.cmid/s32-c/photo.jpg",https://apis.google.com/js/api.js,https://drive.google.com/_/drive_fe/_/ss/k=drive_fe.main.-13zk2a6g6udmq.l.w.o/am=bdjcyqij7c_jhwdg/d=0/ct=zgms/rs=afb8gsxkevkqqego253hcz0aw1gj1pkxra,https://fonts.gstatic.com/s/googlesans/v14/4uagrenhsxjlgdugo1oill3owp4.woff2,https://fonts.gstatic.com/s/productsans/v10/pxidypqkot1tnfhsfmofgshvf9eo.woff2,https://fonts.gstatic.com/s/r</t>
  </si>
  <si>
    <t>0;0.241;0.241];0.668;0];1096.7899999996007;12.854];1213.4949999999662;13.59;136.723;15.344;15.344];15.552;15.552];1597.596];160.46499999993102;17.560000000230502;18.2449999997516;18.669999999929132;19.26000000003114;20.36999999972977;21.464;21.464];21.7;21.7];21.864999999706924;23.915000000215514;269.905000000108;27.149999999892316;27.735000000120635;3;3.5950000001321314;3.7550000001829176;308.88499999991836;33.212;33.212];38.19];38.86999999986074;4;4.842;41.68499999968844;5;50.87000000003172;510.681;529.8349999998209;530.2050000000236;572.3149999998896;573.804999999993;574.1649999999936;574.3299999999181;574.3849999998929;6.009];63.00999999984924;65.77500000003056;68.0899999997564;694.2449999996825;700";709.5449999997072;713.8649999997142;714.509999999791;715.3749999997672;717.6349999999729;744.7699999997894;748.7999999998465;750.6349999998747;751.3500000000022;766.5799999999763;881.0650000000351;886.073];895.1199999996788;947.1599999997125;99.96000000001004;:400;["https://drive.google.com/_/drive_fe/_/js/k=</t>
  </si>
  <si>
    <t>http://0,0.241,0.241],0.668,0],1096.7899999996007,12.854],1213.4949999999662,13.59,136.723,15.344,15.344],15.552,15.552],1597.596],160.46499999993102,17.560000000230502,18.2449999997516,18.669999999929132,19.26000000003114,20.36999999972977,21.464,21.464],21.7,21.7],21.864999999706924,23.915000000215514,269.905000000108,27.149999999892316,27.735000000120635,3,3.5950000001321314,3.7550000001829176,308.88499999991836,33.212,33.212],38.19],38.86999999986074,4,4.842,41.68499999968844,5,50.87000000003172,510.681,529.8349999998209,530.2050000000236,572.3149999998896,573.804999999993,574.1649999999936,574.3299999999181,574.3849999998929,6.009],63.00999999984924,65.77500000003056,68.0899999997564,694.2449999996825,700",709.5449999997072,713.8649999997142,714.509999999791,715.3749999997672,717.6349999999729,744.7699999997894,748.7999999998465,750.6349999998747,751.3500000000022,766.5799999999763,881.0650000000351,886.073],895.1199999996788,947.1599999997125,99.96000000001004,:400,["https://drive.google.com/_/drive_fe/</t>
  </si>
  <si>
    <t>12/16/2019 14:34:10</t>
  </si>
  <si>
    <t>0;0.241;0.241];0.668;0];1096.7899999996007;1108.1249999997453;1110.8349999999518;12.854];1206.6649999997026;1213.4949999999662;127.268;13.59;1300.8099999997285;136.723;15.344;15.344];15.552;15.552];1597.596];160.46499999993102;17.560000000230502;18.2449999997516;18.669999999929132;19.26000000003114;20.36999999972977;21.464;21.464];21.7;21.7];21.864999999706924;23.915000000215514;234.1999999998734;236.78000000018073;269.905000000108;27.149999999892316;27.735000000120635;3;3.5950000001321314;3.7550000001829176;308.88499999991836;33.212;33.212];38.19];38.86999999986074;4;4.842;41.68499999968844;449.344];5;50.87000000003172;510.681;52.23999999998341;529.8349999998209;530.2050000000236;572.3149999998896;573.804999999993;574.1649999999936;574.3299999999181;574.3849999998929;6.009];63.00999999984924;65.77500000003056;68.0899999997564;694.2449999996825;700";709.5449999997072;713.8649999997142;714.509999999791;715.3749999997672;717.6349999999729;744.7699999997894;748.7999999998465;750.6349999998747;751.3500000000022;7</t>
  </si>
  <si>
    <t>http://0,0.241,0.241],0.668,0],1096.7899999996007,1108.1249999997453,1110.8349999999518,12.854],1206.6649999997026,1213.4949999999662,127.268,13.59,1300.8099999997285,136.723,15.344,15.344],15.552,15.552],1597.596],160.46499999993102,17.560000000230502,18.2449999997516,18.669999999929132,19.26000000003114,20.36999999972977,21.464,21.464],21.7,21.7],21.864999999706924,23.915000000215514,234.1999999998734,236.78000000018073,269.905000000108,27.149999999892316,27.735000000120635,3,3.5950000001321314,3.7550000001829176,308.88499999991836,33.212,33.212],38.19],38.86999999986074,4,4.842,41.68499999968844,449.344],5,50.87000000003172,510.681,52.23999999998341,529.8349999998209,530.2050000000236,572.3149999998896,573.804999999993,574.1649999999936,574.3299999999181,574.3849999998929,6.009],63.00999999984924,65.77500000003056,68.0899999997564,694.2449999996825,700",709.5449999997072,713.8649999997142,714.509999999791,715.3749999997672,717.6349999999729,744.7699999997894,748.7999999998465,750.6349999998747,751.35000000</t>
  </si>
  <si>
    <t>0;0.241;0.241];0.668;0];1.55;1096.7899999996007;1108.1249999997453;1110.8349999999518;1113.2699999998295;1180.5349999999635;12.854];1206.6649999997026;1213.4949999999662;127.268;1280.1699999999983;13.59;1300.8099999997285;1340.7600000000457;136.723;15.344;15.344];15.552;15.552];155.69000000004962;1597.596];160.46499999993102;17.560000000230502;18.2449999997516;18.669999999929132;19.26000000003114;20.36999999972977;21.464;21.464];21.7;21.7];21.864999999706924;23.915000000215514;231.4649999998437;234.1999999998734;236.78000000018073;269.905000000108;27.149999999892316;27.735000000120635;3;3.5950000001321314;3.7550000001829176;308.88499999991836;33.212;33.212];36.04499999983091;38.19];38.86999999986074;4;4.842;41.68499999968844;449.344];5;50.87000000003172;510.681;52.23999999998341;529.8349999998209;530.2050000000236;572.3149999998896;573.804999999993;574.1649999999936;574.3299999999181;574.3849999998929;6.009];63.00999999984924;65.77500000003056;68.0899999997564;694.2449999996825;7.884999999987485;700";709.5449</t>
  </si>
  <si>
    <t>http://0,0.241,0.241],0.668,0],1.55,1096.7899999996007,1108.1249999997453,1110.8349999999518,1113.2699999998295,1180.5349999999635,12.854],1206.6649999997026,1213.4949999999662,127.268,1280.1699999999983,13.59,1300.8099999997285,1340.7600000000457,136.723,15.344,15.344],15.552,15.552],155.69000000004962,1597.596],160.46499999993102,17.560000000230502,18.2449999997516,18.669999999929132,19.26000000003114,20.36999999972977,21.464,21.464],21.7,21.7],21.864999999706924,23.915000000215514,231.4649999998437,234.1999999998734,236.78000000018073,269.905000000108,27.149999999892316,27.735000000120635,3,3.5950000001321314,3.7550000001829176,308.88499999991836,33.212,33.212],36.04499999983091,38.19],38.86999999986074,4,4.842,41.68499999968844,449.344],5,50.87000000003172,510.681,52.23999999998341,529.8349999998209,530.2050000000236,572.3149999998896,573.804999999993,574.1649999999936,574.3299999999181,574.3849999998929,6.009],63.00999999984924,65.77500000003056,68.0899999997564,694.2449999996825,7.884999999987485,700",7</t>
  </si>
  <si>
    <t>12/16/2019 14:35:25</t>
  </si>
  <si>
    <t>09f9c62d-f9a9-4050-afdb-2c5dc1736386.tmp</t>
  </si>
  <si>
    <t>\\acsfs\profiles$\gabrielamdp\Downloads\09f9c62d-f9a9-4050-afdb-2c5dc1736386.tmp</t>
  </si>
  <si>
    <t>12/16/2019 14:30:47</t>
  </si>
  <si>
    <t>12/16/2019 14:32:24</t>
  </si>
  <si>
    <t>12/16/2019 14:31:28</t>
  </si>
  <si>
    <t>b14f5ce4-f6f3-4f6a-bf94-71ef95205ff7.tmp</t>
  </si>
  <si>
    <t>\\acsfs\profiles$\leticiaat\Downloads\b14f5ce4-f6f3-4f6a-bf94-71ef95205ff7.tmp</t>
  </si>
  <si>
    <t>12/16/2019 14:31:36</t>
  </si>
  <si>
    <t>2d0473b1-8d1c-4968-812e-72ac821000ba.tmp</t>
  </si>
  <si>
    <t>\\acsfs\profiles$\leticiaat\Downloads\2d0473b1-8d1c-4968-812e-72ac821000ba.tmp</t>
  </si>
  <si>
    <t>12/16/2019 14:35:48</t>
  </si>
  <si>
    <t>12/16/2019 14:37:14</t>
  </si>
  <si>
    <t>12/16/2019 14:35:18</t>
  </si>
  <si>
    <t>12/16/2019 14:38:13</t>
  </si>
  <si>
    <t>12/16/2019 14:25:07</t>
  </si>
  <si>
    <t>10.200.67.141</t>
  </si>
  <si>
    <t>\\acsfs\profiles$\sarahbal\Contacts\</t>
  </si>
  <si>
    <t>SARAH BEATRIZ ALVES LIMA (36).contact</t>
  </si>
  <si>
    <t>\\acsfs\profiles$\sarahbal\Contacts\SARAH BEATRIZ ALVES LIMA (36).contact</t>
  </si>
  <si>
    <t>12/16/2019 14:25:08</t>
  </si>
  <si>
    <t>12/16/2019 14:25:21</t>
  </si>
  <si>
    <t>\\acsfs\profiles$\sarahbal\My Documents\My Videos\</t>
  </si>
  <si>
    <t>\\acsfs\profiles$\sarahbal\My Documents\My Videos\desktop.ini</t>
  </si>
  <si>
    <t>\\acsfs\profiles$\sarahbal\My Documents\My Pictures\</t>
  </si>
  <si>
    <t>\\acsfs\profiles$\sarahbal\My Documents\My Pictures\desktop.ini</t>
  </si>
  <si>
    <t>12/16/2019 14:25:22</t>
  </si>
  <si>
    <t>\\acsfs\profiles$\sarahbal\Contacts\desktop.ini</t>
  </si>
  <si>
    <t>12/16/2019 14:25:23</t>
  </si>
  <si>
    <t>\\acsfs\profiles$\sarahbal\Favorites\</t>
  </si>
  <si>
    <t>\\acsfs\profiles$\sarahbal\Favorites\desktop.ini</t>
  </si>
  <si>
    <t>12/16/2019 14:25:24</t>
  </si>
  <si>
    <t>\\acsfs\profiles$\sarahbal\My Documents\My Music\</t>
  </si>
  <si>
    <t>\\acsfs\profiles$\sarahbal\My Documents\My Music\desktop.ini</t>
  </si>
  <si>
    <t>12/16/2019 14:25:25</t>
  </si>
  <si>
    <t>\\acsfs\profiles$\sarahbal\Searches\</t>
  </si>
  <si>
    <t>\\acsfs\profiles$\sarahbal\Searches\desktop.ini</t>
  </si>
  <si>
    <t>\\acsfs\profiles$\sarahbal\Downloads\desktop.ini</t>
  </si>
  <si>
    <t>12/16/2019 14:25:26</t>
  </si>
  <si>
    <t>\\acsfs\profiles$\sarahbal\My Documents\desktop.ini</t>
  </si>
  <si>
    <t>12/16/2019 14:25:27</t>
  </si>
  <si>
    <t>\\acsfs\profiles$\sarahbal\Saved Games\</t>
  </si>
  <si>
    <t>\\acsfs\profiles$\sarahbal\Saved Games\desktop.ini</t>
  </si>
  <si>
    <t>12/16/2019 14:25:39</t>
  </si>
  <si>
    <t>\\acsfs\profiles$\sarahbal\Favorites\Links for Brasil\</t>
  </si>
  <si>
    <t>\\acsfs\profiles$\sarahbal\Favorites\Links for Brasil\desktop.ini</t>
  </si>
  <si>
    <t>12/16/2019 14:25:40</t>
  </si>
  <si>
    <t>\\acsfs\profiles$\sarahbal\Favorites\Links for Brasil\Microsoft Brasil.url</t>
  </si>
  <si>
    <t>\\acsfs\profiles$\sarahbal\Favorites\Links for Brasil\Windows Brasil.url</t>
  </si>
  <si>
    <t>\\acsfs\profiles$\sarahbal\Favorites\Links for Brasil\MSN Brasil.url</t>
  </si>
  <si>
    <t>12/16/2019 14:34:38</t>
  </si>
  <si>
    <t>12/16/2019 14:33:10</t>
  </si>
  <si>
    <t>12/16/2019 14:33:11</t>
  </si>
  <si>
    <t>12/16/2019 14:33:12</t>
  </si>
  <si>
    <t>12/16/2019 14:33:13</t>
  </si>
  <si>
    <t>12/16/2019 14:33:15</t>
  </si>
  <si>
    <t>12/16/2019 14:33:16</t>
  </si>
  <si>
    <t>12/16/2019 14:39:14</t>
  </si>
  <si>
    <t>12/16/2019 14:33:18</t>
  </si>
  <si>
    <t>12/16/2019 14:33:19</t>
  </si>
  <si>
    <t>12/16/2019 14:33:20</t>
  </si>
  <si>
    <t>12/16/2019 14:33:21</t>
  </si>
  <si>
    <t>12/16/2019 14:33:23</t>
  </si>
  <si>
    <t>12/16/2019 14:33:25</t>
  </si>
  <si>
    <t>12/16/2019 14:37:21</t>
  </si>
  <si>
    <t>e1ccf70d-7a8c-406c-9293-2c927a445f8e.tmp</t>
  </si>
  <si>
    <t>\\acsfs\profiles$\yurics\Downloads\e1ccf70d-7a8c-406c-9293-2c927a445f8e.tmp</t>
  </si>
  <si>
    <t>12/16/2019 14:33:52</t>
  </si>
  <si>
    <t>12/16/2019 14:36:56</t>
  </si>
  <si>
    <t>12/16/2019 14:40:14</t>
  </si>
  <si>
    <t>Pagamento_Out_TH_2019.xls</t>
  </si>
  <si>
    <t>12/16/2019 14:37:40</t>
  </si>
  <si>
    <t>25099599-e632-424b-9a1b-640379ed0d99.tmp</t>
  </si>
  <si>
    <t>\\acsfs\profiles$\paulovadc\Downloads\25099599-e632-424b-9a1b-640379ed0d99.tmp</t>
  </si>
  <si>
    <t>12/16/2019 14:36:11</t>
  </si>
  <si>
    <t>12/16/2019 14:41:14</t>
  </si>
  <si>
    <t>12/16/2019 14:37:07</t>
  </si>
  <si>
    <t>http:///batch?%24ct=multipart%2Fmixed%3B%20boundary%3D%22%3D%3D%3D%3D%3Dt3an1y61ycaw%3D%3D%3D%3D%3D%22&amp;key=AIzaSyAy9VVXHSpS2IJpptzYtGbLP3-3_l0aBk4</t>
  </si>
  <si>
    <t>12/16/2019 14:37:08</t>
  </si>
  <si>
    <t>http:///batch?%24ct=multipart%2Fmixed%3B%20boundary%3D%22%3D%3D%3D%3D%3D9n0ucgqeq5zb%3D%3D%3D%3D%3D%22&amp;key=AIzaSyAy9VVXHSpS2IJpptzYtGbLP3-3_l0aBk4</t>
  </si>
  <si>
    <t>12/16/2019 14:37:09</t>
  </si>
  <si>
    <t>http:///batch?%24ct=multipart%2Fmixed%3B%20boundary%3D%22%3D%3D%3D%3D%3Dr29i5jrjz5ir%3D%3D%3D%3D%3D%22&amp;key=AIzaSyAy9VVXHSpS2IJpptzYtGbLP3-3_l0aBk4</t>
  </si>
  <si>
    <t>12/16/2019 14:37:46</t>
  </si>
  <si>
    <t>http:///batch?%24ct=multipart%2Fmixed%3B%20boundary%3D%22%3D%3D%3D%3D%3Dda0njuweelps%3D%3D%3D%3D%3D%22&amp;key=AIzaSyAy9VVXHSpS2IJpptzYtGbLP3-3_l0aBk4</t>
  </si>
  <si>
    <t>12/16/2019 14:37:47</t>
  </si>
  <si>
    <t>12/16/2019 14:37:48</t>
  </si>
  <si>
    <t>http:///batch?%24ct=multipart%2Fmixed%3B%20boundary%3D%22%3D%3D%3D%3D%3Dj9rbqbjptokf%3D%3D%3D%3D%3D%22&amp;key=AIzaSyAy9VVXHSpS2IJpptzYtGbLP3-3_l0aBk4</t>
  </si>
  <si>
    <t>ancestorhasaugmentedpermissions;containsunsubscribedchildren;displayname;domain;emailaddress;file(kind;fileid;filesize;hasthumbnail;hasvisitorpermissions;id;id);items(deleted;ken;kf===== content-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f===== content-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tkz2dqt5kt8b%3D%3D%3D%3D%3D%22&amp;key=AIzaSyAy9VVXHSpS2IJpptzYtGbLP3-3_l0aBk4</t>
  </si>
  <si>
    <t>12/16/2019 14:39:49</t>
  </si>
  <si>
    <t>http:///batch?%24ct=multipart%2Fmixed%3B%20boundary%3D%22%3D%3D%3D%3D%3D26uneyabw9qr%3D%3D%3D%3D%3D%22&amp;key=AIzaSyAy9VVXHSpS2IJpptzYtGbLP3-3_l0aBk4</t>
  </si>
  <si>
    <t>12/16/2019 14:39:50</t>
  </si>
  <si>
    <t>http:///batch?%24ct=multipart%2Fmixed%3B%20boundary%3D%22%3D%3D%3D%3D%3D2sllji6wfo1s%3D%3D%3D%3D%3D%22&amp;key=AIzaSyAy9VVXHSpS2IJpptzYtGbLP3-3_l0aBk4</t>
  </si>
  <si>
    <t>12/16/2019 14:39:51</t>
  </si>
  <si>
    <t>http:///batch?%24ct=multipart%2Fmixed%3B%20boundary%3D%22%3D%3D%3D%3D%3D1fwfg0q03gwx%3D%3D%3D%3D%3D%22&amp;key=AIzaSyAy9VVXHSpS2IJpptzYtGbLP3-3_l0aBk4</t>
  </si>
  <si>
    <t>12/16/2019 14:40:26</t>
  </si>
  <si>
    <t>0dbb1f8c-a666-483c-9fd0-90ca30caba47.tmp</t>
  </si>
  <si>
    <t>\\acsfs\profiles$\adrielyas\Downloads\0dbb1f8c-a666-483c-9fd0-90ca30caba47.tmp</t>
  </si>
  <si>
    <t>12/16/2019 14:36:55</t>
  </si>
  <si>
    <t>12/16/2019 14:37:04</t>
  </si>
  <si>
    <t>12/16/2019 14:37:33</t>
  </si>
  <si>
    <t>12/16/2019 14:38:12</t>
  </si>
  <si>
    <t>12/16/2019 14:39:54</t>
  </si>
  <si>
    <t>12/16/2019 14:39:01</t>
  </si>
  <si>
    <t>12/16/2019 14:42:14</t>
  </si>
  <si>
    <t>eee45c8d-29ec-4413-bec3-6e47a739b3b6.tmp</t>
  </si>
  <si>
    <t>\\acsfs\profiles$\erichds\Downloads\eee45c8d-29ec-4413-bec3-6e47a739b3b6.tmp</t>
  </si>
  <si>
    <t>12/16/2019 14:40:23</t>
  </si>
  <si>
    <t>239f4c95-055a-4b38-aabe-06030cbcb7d0.tmp</t>
  </si>
  <si>
    <t>\\acsfs\profiles$\erichds\Downloads\239f4c95-055a-4b38-aabe-06030cbcb7d0.tmp</t>
  </si>
  <si>
    <t>12/16/2019 14:40:34</t>
  </si>
  <si>
    <t>4f737201-ac0d-4aa1-abba-ed639a51c512.tmp</t>
  </si>
  <si>
    <t>\\acsfs\profiles$\erichds\Downloads\4f737201-ac0d-4aa1-abba-ed639a51c512.tmp</t>
  </si>
  <si>
    <t>12/16/2019 14:41:34</t>
  </si>
  <si>
    <t>12/16/2019 14:38:02</t>
  </si>
  <si>
    <t>d93f6c97-b871-4699-be1f-7cda582e2cd4.tmp</t>
  </si>
  <si>
    <t>\\acsfs\profiles$\henriqueco\Downloads\d93f6c97-b871-4699-be1f-7cda582e2cd4.tmp</t>
  </si>
  <si>
    <t>12/16/2019 14:39:27</t>
  </si>
  <si>
    <t>be536b62-5095-417f-becc-bad9faa80762.tmp</t>
  </si>
  <si>
    <t>\\acsfs\profiles$\henriqueco\Downloads\be536b62-5095-417f-becc-bad9faa80762.tmp</t>
  </si>
  <si>
    <t>12/16/2019 14:40:47</t>
  </si>
  <si>
    <t>3cb68178-e6bc-45fc-89be-a5b92ad9a5d5.tmp</t>
  </si>
  <si>
    <t>\\acsfs\profiles$\henriqueco\Downloads\3cb68178-e6bc-45fc-89be-a5b92ad9a5d5.tmp</t>
  </si>
  <si>
    <t>12/16/2019 14:41:08</t>
  </si>
  <si>
    <t>12/16/2019 14:43:14</t>
  </si>
  <si>
    <t>10.200.66.3</t>
  </si>
  <si>
    <t>74-86-7A-FB-1B-4A</t>
  </si>
  <si>
    <t>VOTORANT-SB009</t>
  </si>
  <si>
    <t>9b691d59-2552-4d03-8c7d-6e91545325e3.tmp</t>
  </si>
  <si>
    <t>\\acsfs\profiles$\layonmof\Downloads\9b691d59-2552-4d03-8c7d-6e91545325e3.tmp</t>
  </si>
  <si>
    <t>12/16/2019 14:42:46</t>
  </si>
  <si>
    <t>6a59f575-9b05-418f-901d-70dbf790a250.tmp</t>
  </si>
  <si>
    <t>\\acsfs\profiles$\layonmof\Downloads\6a59f575-9b05-418f-901d-70dbf790a250.tmp</t>
  </si>
  <si>
    <t>12/16/2019 14:42:58</t>
  </si>
  <si>
    <t>8e7ca0c8-05f7-4cd8-9ea8-a3b45b233126.tmp</t>
  </si>
  <si>
    <t>\\acsfs\profiles$\layonmof\Downloads\8e7ca0c8-05f7-4cd8-9ea8-a3b45b233126.tmp</t>
  </si>
  <si>
    <t>12/16/2019 14:39:23</t>
  </si>
  <si>
    <t>12/16/2019 14:44:13</t>
  </si>
  <si>
    <t>12/16/2019 14:38:52</t>
  </si>
  <si>
    <t>12/16/2019 14:39:52</t>
  </si>
  <si>
    <t>12/16/2019 14:43:45</t>
  </si>
  <si>
    <t>https://udpwfmniceap02/web/guest/home?p_auth=7ttluzpk&amp;p_p_id=58&amp;p_p_lifecycle=1&amp;p_p_state=maximized&amp;p_p_mode=view&amp;savelastpath=0&amp;_58_struts_action=/login/forgot_password</t>
  </si>
  <si>
    <t>12/16/2019 14:41:03</t>
  </si>
  <si>
    <t>12/16/2019 14:45:14</t>
  </si>
  <si>
    <t>12/16/2019 14:41:46</t>
  </si>
  <si>
    <t>bf1a7ca8-5d0e-4d8e-b8c5-70d5e79c6ca1.tmp</t>
  </si>
  <si>
    <t>\\acsfs\profiles$\jonatanls\Downloads\bf1a7ca8-5d0e-4d8e-b8c5-70d5e79c6ca1.tmp</t>
  </si>
  <si>
    <t>12/16/2019 14:42:42</t>
  </si>
  <si>
    <t>12/16/2019 14:41:02</t>
  </si>
  <si>
    <t>12/16/2019 14:46:14</t>
  </si>
  <si>
    <t>http:///batch?%24ct=multipart%2Fmixed%3B%20boundary%3D%22%3D%3D%3D%3D%3Dj262z7v7ndyz%3D%3D%3D%3D%3D%22&amp;key=AIzaSyAy9VVXHSpS2IJpptzYtGbLP3-3_l0aBk4</t>
  </si>
  <si>
    <t>http:///batch?%24ct=multipart%2Fmixed%3B%20boundary%3D%22%3D%3D%3D%3D%3Dktcusg3mnwxh%3D%3D%3D%3D%3D%22&amp;key=AIzaSyAy9VVXHSpS2IJpptzYtGbLP3-3_l0aBk4</t>
  </si>
  <si>
    <t>12/16/2019 14:41:04</t>
  </si>
  <si>
    <t>http:///batch?%24ct=multipart%2Fmixed%3B%20boundary%3D%22%3D%3D%3D%3D%3Dieezh3kc1hjw%3D%3D%3D%3D%3D%22&amp;key=AIzaSyAy9VVXHSpS2IJpptzYtGbLP3-3_l0aBk4</t>
  </si>
  <si>
    <t>12/16/2019 14:42:31</t>
  </si>
  <si>
    <t>7ab3ebff-9822-409c-a1ce-72dd0ab90254.tmp</t>
  </si>
  <si>
    <t>\\acsfs\profiles$\gabrielamdp\Downloads\7ab3ebff-9822-409c-a1ce-72dd0ab90254.tmp</t>
  </si>
  <si>
    <t>12/16/2019 14:42:41</t>
  </si>
  <si>
    <t>3e6ad0ad-1e3b-48c5-9add-8c3b9bc3ef09.tmp</t>
  </si>
  <si>
    <t>\\acsfs\profiles$\gabrielamdp\Downloads\3e6ad0ad-1e3b-48c5-9add-8c3b9bc3ef09.tmp</t>
  </si>
  <si>
    <t>12/16/2019 14:42:45</t>
  </si>
  <si>
    <t>db650088-bf05-4aa9-84a3-327c1b9d91fc.tmp</t>
  </si>
  <si>
    <t>\\acsfs\profiles$\gabrielamdp\Downloads\db650088-bf05-4aa9-84a3-327c1b9d91fc.tmp</t>
  </si>
  <si>
    <t>12/16/2019 14:42:49</t>
  </si>
  <si>
    <t>3bafe635-2d18-49db-9b87-19576da10485.tmp</t>
  </si>
  <si>
    <t>\\acsfs\profiles$\gabrielamdp\Downloads\3bafe635-2d18-49db-9b87-19576da10485.tmp</t>
  </si>
  <si>
    <t>12/16/2019 14:42:53</t>
  </si>
  <si>
    <t>0b414718-5ab7-44c7-9ef1-61a949ade1a4.tmp</t>
  </si>
  <si>
    <t>\\acsfs\profiles$\gabrielamdp\Downloads\0b414718-5ab7-44c7-9ef1-61a949ade1a4.tmp</t>
  </si>
  <si>
    <t>12/16/2019 14:42:57</t>
  </si>
  <si>
    <t>e7171e42-3ae5-481f-b933-bdd8749a28ec.tmp</t>
  </si>
  <si>
    <t>\\acsfs\profiles$\gabrielamdp\Downloads\e7171e42-3ae5-481f-b933-bdd8749a28ec.tmp</t>
  </si>
  <si>
    <t>12/16/2019 14:43:01</t>
  </si>
  <si>
    <t>b1e693f3-d316-44b8-802d-a6d8892c7ecb.tmp</t>
  </si>
  <si>
    <t>\\acsfs\profiles$\gabrielamdp\Downloads\b1e693f3-d316-44b8-802d-a6d8892c7ecb.tmp</t>
  </si>
  <si>
    <t>12/16/2019 14:43:05</t>
  </si>
  <si>
    <t>58eab02c-a819-48d8-88ec-aa8a1fcde07d.tmp</t>
  </si>
  <si>
    <t>\\acsfs\profiles$\gabrielamdp\Downloads\58eab02c-a819-48d8-88ec-aa8a1fcde07d.tmp</t>
  </si>
  <si>
    <t>12/16/2019 14:43:10</t>
  </si>
  <si>
    <t>5537af31-948e-437b-a6e7-b109d6808fc1.tmp</t>
  </si>
  <si>
    <t>\\acsfs\profiles$\gabrielamdp\Downloads\5537af31-948e-437b-a6e7-b109d6808fc1.tmp</t>
  </si>
  <si>
    <t>ac287b9a-cfe2-4d6f-baee-27d86f897a76.tmp</t>
  </si>
  <si>
    <t>\\acsfs\profiles$\gabrielamdp\Downloads\ac287b9a-cfe2-4d6f-baee-27d86f897a76.tmp</t>
  </si>
  <si>
    <t>12/16/2019 14:43:19</t>
  </si>
  <si>
    <t>d0bfb2b6-5e75-4530-83e2-d06d92cb42da.tmp</t>
  </si>
  <si>
    <t>\\acsfs\profiles$\gabrielamdp\Downloads\d0bfb2b6-5e75-4530-83e2-d06d92cb42da.tmp</t>
  </si>
  <si>
    <t>12/16/2019 14:43:32</t>
  </si>
  <si>
    <t>e3d01040-1a9f-4e26-9c80-2806ccb1d03e.tmp</t>
  </si>
  <si>
    <t>\\acsfs\profiles$\gabrielamdp\Downloads\e3d01040-1a9f-4e26-9c80-2806ccb1d03e.tmp</t>
  </si>
  <si>
    <t>12/16/2019 14:43:37</t>
  </si>
  <si>
    <t>3af2eee7-e882-4244-83ce-295281852c21.tmp</t>
  </si>
  <si>
    <t>\\acsfs\profiles$\gabrielamdp\Downloads\3af2eee7-e882-4244-83ce-295281852c21.tmp</t>
  </si>
  <si>
    <t>12/16/2019 14:43:41</t>
  </si>
  <si>
    <t>d1f80247-fe9c-49e3-b82d-10d979cb7aa5.tmp</t>
  </si>
  <si>
    <t>\\acsfs\profiles$\gabrielamdp\Downloads\d1f80247-fe9c-49e3-b82d-10d979cb7aa5.tmp</t>
  </si>
  <si>
    <t>12/16/2019 14:43:44</t>
  </si>
  <si>
    <t>3a83d35f-18cf-47f6-ba8a-58b576651ef2.tmp</t>
  </si>
  <si>
    <t>\\acsfs\profiles$\gabrielamdp\Downloads\3a83d35f-18cf-47f6-ba8a-58b576651ef2.tmp</t>
  </si>
  <si>
    <t>12/16/2019 14:44:27</t>
  </si>
  <si>
    <t>87dcea3c-6794-4abd-ba13-40216b73aeb8.tmp</t>
  </si>
  <si>
    <t>\\acsfs\profiles$\gabrielamdp\Downloads\87dcea3c-6794-4abd-ba13-40216b73aeb8.tmp</t>
  </si>
  <si>
    <t>12/16/2019 14:42:34</t>
  </si>
  <si>
    <t>12/16/2019 14:43:49</t>
  </si>
  <si>
    <t>12/16/2019 14:44:03</t>
  </si>
  <si>
    <t>12/16/2019 14:44:54</t>
  </si>
  <si>
    <t>12/16/2019 14:42:15</t>
  </si>
  <si>
    <t>anavbg@algartech.com;bianca.boari@dxc.com;bvs-centralcartoes@bv.com.br;fernandorsju@algartech.com;marianeps@algartech.com;talmaiardo@algartech.com;thiagordu@algartech.com;</t>
  </si>
  <si>
    <t>anavbg@algartech.com,bianca.boari@dxc.com,bvs-centralcartoes@bv.com.br,fernandorsju@algartech.com,marianeps@algartech.com,talmaiardo@algartech.com,thiagordu@algartech.com</t>
  </si>
  <si>
    <t>12/16/2019 14:42:27</t>
  </si>
  <si>
    <t>12/16/2019 14:42:43</t>
  </si>
  <si>
    <t>mail.google.com/sync/u/0/i/s?hl=pt-BR&amp;c=139</t>
  </si>
  <si>
    <t>12/16/2019 14:43:03</t>
  </si>
  <si>
    <t>12/16/2019 14:45:11</t>
  </si>
  <si>
    <t>937b9021-e7cf-453f-be21-aebb6048b891.tmp</t>
  </si>
  <si>
    <t>\\acsfs\profiles$\leticiaat\Downloads\937b9021-e7cf-453f-be21-aebb6048b891.tmp</t>
  </si>
  <si>
    <t>12/16/2019 14:42:19</t>
  </si>
  <si>
    <t>12/16/2019 14:47:14</t>
  </si>
  <si>
    <t>0d538533-4138-496b-8f0c-2b015de3eabe.tmp</t>
  </si>
  <si>
    <t>\\acsfs\profiles$\matheushds\Downloads\0d538533-4138-496b-8f0c-2b015de3eabe.tmp</t>
  </si>
  <si>
    <t>12/16/2019 14:42:08</t>
  </si>
  <si>
    <t>12/16/2019 14:42:09</t>
  </si>
  <si>
    <t>12/16/2019 14:42:16</t>
  </si>
  <si>
    <t>12/16/2019 14:42:17</t>
  </si>
  <si>
    <t>12/16/2019 14:42:20</t>
  </si>
  <si>
    <t>12/16/2019 14:42:22</t>
  </si>
  <si>
    <t>12/16/2019 14:42:23</t>
  </si>
  <si>
    <t>12/16/2019 14:42:24</t>
  </si>
  <si>
    <t>12/16/2019 14:42:32</t>
  </si>
  <si>
    <t>12/16/2019 14:42:33</t>
  </si>
  <si>
    <t>12/16/2019 14:42:36</t>
  </si>
  <si>
    <t>12/16/2019 14:42:37</t>
  </si>
  <si>
    <t>12/16/2019 14:42:39</t>
  </si>
  <si>
    <t>12/16/2019 14:42:40</t>
  </si>
  <si>
    <t>12/16/2019 14:42:44</t>
  </si>
  <si>
    <t>12/16/2019 14:42:47</t>
  </si>
  <si>
    <t>12/16/2019 14:42:48</t>
  </si>
  <si>
    <t>12/16/2019 14:42:51</t>
  </si>
  <si>
    <t>12/16/2019 14:42:55</t>
  </si>
  <si>
    <t>12/16/2019 14:42:56</t>
  </si>
  <si>
    <t>12/16/2019 14:42:59</t>
  </si>
  <si>
    <t>12/16/2019 14:43:00</t>
  </si>
  <si>
    <t>12/16/2019 14:43:02</t>
  </si>
  <si>
    <t>12/16/2019 14:43:06</t>
  </si>
  <si>
    <t>12/16/2019 14:43:07</t>
  </si>
  <si>
    <t>12/16/2019 14:43:09</t>
  </si>
  <si>
    <t>12/16/2019 14:43:12</t>
  </si>
  <si>
    <t>12/16/2019 14:43:13</t>
  </si>
  <si>
    <t>winrt--{S-1-5-21-602162358-764733703-839522115-358593}-.searchconnector-ms</t>
  </si>
  <si>
    <t>\\acsfs\profiles$\joycemmdl\Searches\winrt--{S-1-5-21-602162358-764733703-839522115-358593}-.searchconnector-ms</t>
  </si>
  <si>
    <t>12/16/2019 14:43:11</t>
  </si>
  <si>
    <t>12/16/2019 14:48:14</t>
  </si>
  <si>
    <t>10.200.67.76</t>
  </si>
  <si>
    <t>78-2B-CB-C1-05-18</t>
  </si>
  <si>
    <t>VOTORANT-IB011</t>
  </si>
  <si>
    <t>anakcs</t>
  </si>
  <si>
    <t>\\acsfs\profiles$\anakcs\My Documents\xworkcenter\lex\</t>
  </si>
  <si>
    <t>\\acsfs\profiles$\anakcs\My Documents\xworkcenter\lex\temp.tlx</t>
  </si>
  <si>
    <t>12/16/2019 14:43:15</t>
  </si>
  <si>
    <t>12/16/2019 14:43:16</t>
  </si>
  <si>
    <t>12/16/2019 14:43:17</t>
  </si>
  <si>
    <t>12/16/2019 14:43:18</t>
  </si>
  <si>
    <t>12/16/2019 14:43:20</t>
  </si>
  <si>
    <t>12/16/2019 14:43:21</t>
  </si>
  <si>
    <t>12/16/2019 14:43:22</t>
  </si>
  <si>
    <t>12/16/2019 14:43:23</t>
  </si>
  <si>
    <t>12/16/2019 14:43:24</t>
  </si>
  <si>
    <t>12/16/2019 14:43:25</t>
  </si>
  <si>
    <t>12/16/2019 14:43:26</t>
  </si>
  <si>
    <t>12/16/2019 14:43:27</t>
  </si>
  <si>
    <t>12/16/2019 14:43:28</t>
  </si>
  <si>
    <t>12/16/2019 14:43:29</t>
  </si>
  <si>
    <t>12/16/2019 14:47:45</t>
  </si>
  <si>
    <t>ENC: Volume Gerenciadas Amex e Visa - 16/12</t>
  </si>
  <si>
    <t>12/16/2019 14:43:59</t>
  </si>
  <si>
    <t>12/16/2019 14:49:14</t>
  </si>
  <si>
    <t>anacarolinesn@algartech.com;anapscl@algartech.com.br;fabio.ribeiro@algarnet.onmicrosoft.com;fredericobs@algartecnologia.com.br;julianatem@algartech.com;katiargf@algartech.com;lilian.alves@temposervicos.com.br;micheless@algartech.com.br;</t>
  </si>
  <si>
    <t>anacarolinesn@algartech.com,anapscl@algartech.com.br,fabio.ribeiro@algarnet.onmicrosoft.com,fredericobs@algartecnologia.com.br,julianatem@algartech.com,katiargf@algartech.com,lilian.alves@temposervicos.com.br,micheless@algartech.com.br</t>
  </si>
  <si>
    <t>12/16/2019 14:45:30</t>
  </si>
  <si>
    <t>ana.palazzo@bradesco.com.br;anacarolinesn@algartech.com;anapscl@algartech.com.br;felipe.silva@temposervicos.com.br;katiargf@algartech.com;kenia.oliveira@temposervicos.com.br;lorena.r.silva@bradesco.com.br;micheless@algartech.com;reginaldo.cardozo@bradesco.com.br;solange.contriciani@bradesco.com.br;</t>
  </si>
  <si>
    <t>ana.palazzo@bradesco.com.br,anacarolinesn@algartech.com,anapscl@algartech.com.br,felipe.silva@temposervicos.com.br,katiargf@algartech.com,kenia.oliveira@temposervicos.com.br,lorena.r.silva@bradesco.com.br,micheless@algartech.com,reginaldo.cardozo@bradesco.com.br,solange.contriciani@bradesco.com.br</t>
  </si>
  <si>
    <t>12/16/2019 14:44:52</t>
  </si>
  <si>
    <t>12/16/2019 14:45:52</t>
  </si>
  <si>
    <t>c4540eb4-1d49-409d-87ff-4c8555a6e1be.tmp</t>
  </si>
  <si>
    <t>\\acsfs\profiles$\samldsm\Downloads\c4540eb4-1d49-409d-87ff-4c8555a6e1be.tmp</t>
  </si>
  <si>
    <t>12/16/2019 14:45:24</t>
  </si>
  <si>
    <t>12/16/2019 14:49:23</t>
  </si>
  <si>
    <t>12/16/2019 14:50:14</t>
  </si>
  <si>
    <t>0756526f-4bb8-48df-b067-0f859fd3f423.tmp</t>
  </si>
  <si>
    <t>\\acsfs\profiles$\jonatanls\Downloads\0756526f-4bb8-48df-b067-0f859fd3f423.tmp</t>
  </si>
  <si>
    <t>12/16/2019 14:48:17</t>
  </si>
  <si>
    <t>12/16/2019 14:52:14</t>
  </si>
  <si>
    <t>87c4da43-fbdc-4add-b91a-25772f86a776.tmp</t>
  </si>
  <si>
    <t>\\acsfs\profiles$\alexandrapp\Downloads\87c4da43-fbdc-4add-b91a-25772f86a776.tmp</t>
  </si>
  <si>
    <t>12/16/2019 14:48:19</t>
  </si>
  <si>
    <t>Holerite_122019_2107966.pdf:Zone.Identifier</t>
  </si>
  <si>
    <t>\\acsfs\profiles$\alexandrapp\Downloads\Holerite_122019_2107966.pdf:Zone.Identifier</t>
  </si>
  <si>
    <t>12/16/2019 14:51:07</t>
  </si>
  <si>
    <t>480d5dc2-8605-4c1c-9cf8-06484c37b7e9.tmp</t>
  </si>
  <si>
    <t>\\acsfs\profiles$\alexandrapp\Downloads\480d5dc2-8605-4c1c-9cf8-06484c37b7e9.tmp</t>
  </si>
  <si>
    <t>Holerite_122019_2107966 (1).pdf:Zone.Identifier</t>
  </si>
  <si>
    <t>\\acsfs\profiles$\alexandrapp\Downloads\Holerite_122019_2107966 (1).pdf:Zone.Identifier</t>
  </si>
  <si>
    <t>12/16/2019 14:48:26</t>
  </si>
  <si>
    <t>12/16/2019 14:53:14</t>
  </si>
  <si>
    <t>12/16/2019 14:52:27</t>
  </si>
  <si>
    <t>acde9a69-30a2-4659-94ba-1745a8b02069.tmp</t>
  </si>
  <si>
    <t>\\acsfs\profiles$\bernardopcm\Downloads\acde9a69-30a2-4659-94ba-1745a8b02069.tmp</t>
  </si>
  <si>
    <t>12/16/2019 14:50:43</t>
  </si>
  <si>
    <t>12/16/2019 14:51:12</t>
  </si>
  <si>
    <t>12/16/2019 14:50:52</t>
  </si>
  <si>
    <t>12/16/2019 14:54:15</t>
  </si>
  <si>
    <t>12/16/2019 14:51:52</t>
  </si>
  <si>
    <t>12/16/2019 14:50:23</t>
  </si>
  <si>
    <t>12/16/2019 14:50:54</t>
  </si>
  <si>
    <t>10.200.67.40</t>
  </si>
  <si>
    <t>74-86-7A-FC-CF-6D</t>
  </si>
  <si>
    <t>VOTORANT-JB004</t>
  </si>
  <si>
    <t>\\acsfs\profiles$\maxmillianosv\My Documents\xworkcenter\lex\</t>
  </si>
  <si>
    <t>\\acsfs\profiles$\maxmillianosv\My Documents\xworkcenter\lex\temp.tlx</t>
  </si>
  <si>
    <t>12/16/2019 14:50:55</t>
  </si>
  <si>
    <t>12/16/2019 14:50:56</t>
  </si>
  <si>
    <t>12/16/2019 14:55:14</t>
  </si>
  <si>
    <t>12/16/2019 14:50:57</t>
  </si>
  <si>
    <t>12/16/2019 14:50:58</t>
  </si>
  <si>
    <t>12/16/2019 14:50:59</t>
  </si>
  <si>
    <t>12/16/2019 14:51:00</t>
  </si>
  <si>
    <t>12/16/2019 14:51:01</t>
  </si>
  <si>
    <t>12/16/2019 14:51:02</t>
  </si>
  <si>
    <t>12/16/2019 14:51:03</t>
  </si>
  <si>
    <t>12/16/2019 14:51:04</t>
  </si>
  <si>
    <t>12/16/2019 14:51:05</t>
  </si>
  <si>
    <t>12/16/2019 14:51:06</t>
  </si>
  <si>
    <t>12/16/2019 14:51:08</t>
  </si>
  <si>
    <t>12/16/2019 14:51:09</t>
  </si>
  <si>
    <t>12/16/2019 14:51:10</t>
  </si>
  <si>
    <t>12/16/2019 14:51:11</t>
  </si>
  <si>
    <t>12/16/2019 14:51:13</t>
  </si>
  <si>
    <t>12/16/2019 14:51:14</t>
  </si>
  <si>
    <t>12/16/2019 14:51:15</t>
  </si>
  <si>
    <t>12/16/2019 14:51:16</t>
  </si>
  <si>
    <t>12/16/2019 14:50:48</t>
  </si>
  <si>
    <t>12/16/2019 14:50:49</t>
  </si>
  <si>
    <t>12/16/2019 14:50:50</t>
  </si>
  <si>
    <t>12/16/2019 14:50:51</t>
  </si>
  <si>
    <t>12/16/2019 14:50:53</t>
  </si>
  <si>
    <t>12/16/2019 14:54:04</t>
  </si>
  <si>
    <t>12/16/2019 14:56:14</t>
  </si>
  <si>
    <t>5d2e5c40-f41a-44b7-981a-637a5d7525df.tmp</t>
  </si>
  <si>
    <t>\\acsfs\profiles$\gabrielafs\Downloads\5d2e5c40-f41a-44b7-981a-637a5d7525df.tmp</t>
  </si>
  <si>
    <t>12/16/2019 14:52:38</t>
  </si>
  <si>
    <t>12/16/2019 14:53:41</t>
  </si>
  <si>
    <t>10.200.67.164</t>
  </si>
  <si>
    <t>64-1C-67-9D-1E-23</t>
  </si>
  <si>
    <t>VOTORANT-FB008</t>
  </si>
  <si>
    <t>tiagosno</t>
  </si>
  <si>
    <t>\\acsfs\profiles$\tiagosno\My Documents\xworkcenter\lex\</t>
  </si>
  <si>
    <t>\\acsfs\profiles$\tiagosno\My Documents\xworkcenter\lex\temp.tlx</t>
  </si>
  <si>
    <t>12/16/2019 14:51:17</t>
  </si>
  <si>
    <t>12/16/2019 14:51:18</t>
  </si>
  <si>
    <t>12/16/2019 14:55:21</t>
  </si>
  <si>
    <t>0cae12ee-cb64-48a3-b426-4bc9a3f10363.tmp</t>
  </si>
  <si>
    <t>\\acsfs\profiles$\leticiaat\Downloads\0cae12ee-cb64-48a3-b426-4bc9a3f10363.tmp</t>
  </si>
  <si>
    <t>12/16/2019 14:51:19</t>
  </si>
  <si>
    <t>12/16/2019 14:51:20</t>
  </si>
  <si>
    <t>12/16/2019 14:51:59</t>
  </si>
  <si>
    <t>12/16/2019 14:57:15</t>
  </si>
  <si>
    <t>CadastroGeral SGI.xlsx</t>
  </si>
  <si>
    <t>12/16/2019 14:53:21</t>
  </si>
  <si>
    <t>f4713700-ef9f-48c1-9d46-508e7c1d339e.tmp</t>
  </si>
  <si>
    <t>\\acsfs\profiles$\henriqueco\Downloads\f4713700-ef9f-48c1-9d46-508e7c1d339e.tmp</t>
  </si>
  <si>
    <t>12/16/2019 14:53:39</t>
  </si>
  <si>
    <t>12/16/2019 14:58:14</t>
  </si>
  <si>
    <t>mail.google.com/_/upload?authuser=0&amp;dcp=asu-n&amp;upload_id=AEnB2UrbN8HupjsAa4vzbztR7PKrlOdQ_QjVrQOAD_jsr5cE6HV0PyVjpysA-_3w8QWOR3jjMVtwI9d1BhkLkLOs5-dijNTKhA&amp;upload_protocol=resumable</t>
  </si>
  <si>
    <t>IMG_0669.jpg</t>
  </si>
  <si>
    <t>12/16/2019 14:53:46</t>
  </si>
  <si>
    <t>mail.google.com/sync/u/0/i/s?hl=pt-BR&amp;c=782</t>
  </si>
  <si>
    <t>12/16/2019 14:54:49</t>
  </si>
  <si>
    <t>mail.google.com/sync/u/0/i/s?hl=pt-BR&amp;c=808</t>
  </si>
  <si>
    <t>12/16/2019 14:55:30</t>
  </si>
  <si>
    <t>mail.google.com/sync/u/0/i/s?hl=pt-BR&amp;c=813</t>
  </si>
  <si>
    <t>12/16/2019 14:55:39</t>
  </si>
  <si>
    <t>12/16/2019 14:56:52</t>
  </si>
  <si>
    <t>12/16/2019 14:59:15</t>
  </si>
  <si>
    <t>12/16/2019 14:57:52</t>
  </si>
  <si>
    <t>12/16/2019 14:56:36</t>
  </si>
  <si>
    <t>12/16/2019 14:56:37</t>
  </si>
  <si>
    <t>12/16/2019 14:56:38</t>
  </si>
  <si>
    <t>12/16/2019 14:56:39</t>
  </si>
  <si>
    <t>12/16/2019 14:56:40</t>
  </si>
  <si>
    <t>12/16/2019 14:56:41</t>
  </si>
  <si>
    <t>12/16/2019 14:56:42</t>
  </si>
  <si>
    <t>12/16/2019 14:56:43</t>
  </si>
  <si>
    <t>12/16/2019 14:56:44</t>
  </si>
  <si>
    <t>12/16/2019 14:56:45</t>
  </si>
  <si>
    <t>12/16/2019 14:56:46</t>
  </si>
  <si>
    <t>12/16/2019 14:56:47</t>
  </si>
  <si>
    <t>12/16/2019 14:56:48</t>
  </si>
  <si>
    <t>12/16/2019 14:56:49</t>
  </si>
  <si>
    <t>12/16/2019 14:56:50</t>
  </si>
  <si>
    <t>12/16/2019 14:56:51</t>
  </si>
  <si>
    <t>12/16/2019 14:56:53</t>
  </si>
  <si>
    <t>12/16/2019 14:56:54</t>
  </si>
  <si>
    <t>12/16/2019 14:56:55</t>
  </si>
  <si>
    <t>12/16/2019 14:56:56</t>
  </si>
  <si>
    <t>12/16/2019 14:56:57</t>
  </si>
  <si>
    <t>12/16/2019 14:56:58</t>
  </si>
  <si>
    <t>12/16/2019 14:56:59</t>
  </si>
  <si>
    <t>12/16/2019 14:57:00</t>
  </si>
  <si>
    <t>12/16/2019 14:57:01</t>
  </si>
  <si>
    <t>12/16/2019 14:57:02</t>
  </si>
  <si>
    <t>12/16/2019 14:57:53</t>
  </si>
  <si>
    <t>52ecf2b5-1ea4-42d2-b8dd-0aa6361704ff.tmp</t>
  </si>
  <si>
    <t>\\acsfs\profiles$\ellencds\Downloads\52ecf2b5-1ea4-42d2-b8dd-0aa6361704ff.tmp</t>
  </si>
  <si>
    <t>12/16/2019 14:55:59</t>
  </si>
  <si>
    <t>875b2eff-f249-445d-bbd1-c1479d8c0b55.tmp</t>
  </si>
  <si>
    <t>\\acsfs\profiles$\regisadsa\Downloads\875b2eff-f249-445d-bbd1-c1479d8c0b55.tmp</t>
  </si>
  <si>
    <t>12/16/2019 15:00:15</t>
  </si>
  <si>
    <t>\\acsfs\profiles$\maxmillianosv\Favorites\Entrar no cliente Zimbra para Web.url\</t>
  </si>
  <si>
    <t>\\acsfs\profiles$\maxmillianosv\Favorites\Entrar no cliente Zimbra para Web.url\:favicon:$DATA</t>
  </si>
  <si>
    <t>12/16/2019 14:58:30</t>
  </si>
  <si>
    <t>\\acsfs\profiles$\maxmillianosv\Favorites\Welcome - 1.url\</t>
  </si>
  <si>
    <t>\\acsfs\profiles$\maxmillianosv\Favorites\Welcome - 1.url\:favicon:$DATA</t>
  </si>
  <si>
    <t>12/16/2019 14:58:51</t>
  </si>
  <si>
    <t>Gestão de Reajustes 2019 v8.1 16_12.xlsx</t>
  </si>
  <si>
    <t>12/16/2019 14:58:19</t>
  </si>
  <si>
    <t>12/16/2019 15:01:15</t>
  </si>
  <si>
    <t>bf5cfbfc-6fbd-48b8-b58d-42999064541d.tmp</t>
  </si>
  <si>
    <t>\\acsfs\profiles$\gabrielafs\Downloads\bf5cfbfc-6fbd-48b8-b58d-42999064541d.tmp</t>
  </si>
  <si>
    <t>12/16/2019 14:57:12</t>
  </si>
  <si>
    <t>12/16/2019 14:57:29</t>
  </si>
  <si>
    <t>12/16/2019 14:59:39</t>
  </si>
  <si>
    <t>57e78338-0e71-4731-8cc5-76617dd8c093.tmp</t>
  </si>
  <si>
    <t>\\acsfs\profiles$\brendadsl\Downloads\57e78338-0e71-4731-8cc5-76617dd8c093.tmp</t>
  </si>
  <si>
    <t>12/16/2019 14:57:41</t>
  </si>
  <si>
    <t>12/16/2019 15:02:15</t>
  </si>
  <si>
    <t>fe7f24e3-fce2-48ff-8c5c-9fb629641b26.tmp</t>
  </si>
  <si>
    <t>\\acsfs\profiles$\victorgl\Downloads\fe7f24e3-fce2-48ff-8c5c-9fb629641b26.tmp</t>
  </si>
  <si>
    <t>12/16/2019 15:01:18</t>
  </si>
  <si>
    <t>12/16/2019 15:01:29</t>
  </si>
  <si>
    <t>12/16/2019 15:03:15</t>
  </si>
  <si>
    <t>12/16/2019 15:00:27</t>
  </si>
  <si>
    <t>12/16/2019 15:04:15</t>
  </si>
  <si>
    <t>12/16/2019 15:02:52</t>
  </si>
  <si>
    <t>12/16/2019 15:02:43</t>
  </si>
  <si>
    <t>6b2d3873-bdd8-477a-954b-ac2f2b50569c.tmp</t>
  </si>
  <si>
    <t>\\acsfs\profiles$\danielta\Downloads\6b2d3873-bdd8-477a-954b-ac2f2b50569c.tmp</t>
  </si>
  <si>
    <t>12/16/2019 15:02:16</t>
  </si>
  <si>
    <t>12/16/2019 15:06:15</t>
  </si>
  <si>
    <t>ddfe96be-a099-4fa8-888d-87a5422cc783.tmp</t>
  </si>
  <si>
    <t>\\acsfs\profiles$\gabrielarb\Downloads\ddfe96be-a099-4fa8-888d-87a5422cc783.tmp</t>
  </si>
  <si>
    <t>12/16/2019 15:05:12</t>
  </si>
  <si>
    <t>ancestorhasaugmentedpermissions;bvs-centralcartoes@bv.com.br;cintia.souza-domingues@dxc.com;containsunsubscribedchildren;displayname;domain;eduardo.santana@bv.com.br;emailaddress;fernandorsju@algartech.com;file(kind;fileid;filesize;hasthumbnail;hasvisitorpermissions;id;id);items(deleted;ken;kind;lastmodifyinguser(kind;lastviewedbymedate;marianeps@algartech.com;modifiedbymedate;modifieddate;ontainsunsubscribedchildren;owners(kind;per;permissionid;picture;shared;sharedwithmedate;talmaiardo@algartech.com;thiagordu@algartech.com;thumbnailversion;title;userpermission(role);workspaceids;</t>
  </si>
  <si>
    <t>ancestorhasaugmentedpermissions,bvs-centralcartoes@bv.com.br,cintia.souza-domingues@dxc.com,containsunsubscribedchildren,displayname,domain,eduardo.santana@bv.com.br,emailaddress,fernandorsju@algartech.com,file(kind,fileid,filesize,hasthumbnail,hasvisitorpermissions,id,id),items(deleted,ken,kind,lastmodifyinguser(kind,lastviewedbymedate,marianeps@algartech.com,modifiedbymedate,modifieddate,ontainsunsubscribedchildren,owners(kind,per,permissionid,picture,shared,sharedwithmedate,talmaiardo@algartech.com,thiagordu@algartech.com,thumbnailversion,title,userpermission(role),workspaceids</t>
  </si>
  <si>
    <t>12/16/2019 15:05:34</t>
  </si>
  <si>
    <t>9d1562f1-275b-4c43-8bd2-7fa935b22bf5.tmp</t>
  </si>
  <si>
    <t>\\acsfs\profiles$\gabrielamdp\Downloads\9d1562f1-275b-4c43-8bd2-7fa935b22bf5.tmp</t>
  </si>
  <si>
    <t>12/16/2019 15:01:51</t>
  </si>
  <si>
    <t>12/16/2019 15:00:53</t>
  </si>
  <si>
    <t>d5117708-a53a-40de-8e83-4ab318df8bdf.tmp</t>
  </si>
  <si>
    <t>\\acsfs\profiles$\deborahsi\Downloads\d5117708-a53a-40de-8e83-4ab318df8bdf.tmp</t>
  </si>
  <si>
    <t>12/16/2019 15:01:58</t>
  </si>
  <si>
    <t>bd58d111-11a1-41c1-875d-22f6557113e6.tmp</t>
  </si>
  <si>
    <t>\\acsfs\profiles$\leticiaat\Downloads\bd58d111-11a1-41c1-875d-22f6557113e6.tmp</t>
  </si>
  <si>
    <t>12/16/2019 15:02:04</t>
  </si>
  <si>
    <t>d3403383-055a-46cf-9a34-01a15c39d7a0.tmp</t>
  </si>
  <si>
    <t>\\acsfs\profiles$\leticiaat\Downloads\d3403383-055a-46cf-9a34-01a15c39d7a0.tmp</t>
  </si>
  <si>
    <t>12/16/2019 15:03:04</t>
  </si>
  <si>
    <t>12/16/2019 15:07:15</t>
  </si>
  <si>
    <t>4446e21f-d193-4602-9fc6-121abe8a9671.tmp</t>
  </si>
  <si>
    <t>\\acsfs\profiles$\alexandrapp\Downloads\4446e21f-d193-4602-9fc6-121abe8a9671.tmp</t>
  </si>
  <si>
    <t>12/16/2019 15:03:05</t>
  </si>
  <si>
    <t>Q29udHJvbGxlci5TQUNBLVNBQw-- (1).ica:Zone.Identifier</t>
  </si>
  <si>
    <t>\\acsfs\profiles$\alexandrapp\Downloads\Q29udHJvbGxlci5TQUNBLVNBQw-- (1).ica:Zone.Identifier</t>
  </si>
  <si>
    <t>12/16/2019 15:07:12</t>
  </si>
  <si>
    <t>12/16/2019 15:08:15</t>
  </si>
  <si>
    <t>CDI_MANUAL - layssa.xlsx</t>
  </si>
  <si>
    <t>DESLIGAMENTO - LAYSSA.pdf</t>
  </si>
  <si>
    <t>12/16/2019 15:06:16</t>
  </si>
  <si>
    <t>12/16/2019 15:09:14</t>
  </si>
  <si>
    <t>anapscl@algartech.com.br;fabio.ribeiro@algarnet.onmicrosoft.com;fredericobs@algartecnologia.com.br;jaquelineaferr@algartech.com;katiargf@algartech.com;kelly.barbosa@temposervicos.com.br;micheless@algartech.com.br;</t>
  </si>
  <si>
    <t>anapscl@algartech.com.br,fabio.ribeiro@algarnet.onmicrosoft.com,fredericobs@algartecnologia.com.br,jaquelineaferr@algartech.com,katiargf@algartech.com,kelly.barbosa@temposervicos.com.br,micheless@algartech.com.br</t>
  </si>
  <si>
    <t>12/16/2019 15:07:07</t>
  </si>
  <si>
    <t>ana.palazzo@bradesco.com.br;anapscl@algartech.com.br;filipe.s.carvalho@bradesco.com.br;jaquelineaferr@algartech.com;katiargf@algartech.com;kelly.barbosa@temposervicos.com.br;kenia.oliveira@temposervicos.com.br;leticia.albuquerque@bradesco.com.br;lorena.r.silva@bradesco.com.br;micheless@algartech.com;reginaldo.cardozo@bradesco.com.br;solange.contriciani@bradesco.com.br;</t>
  </si>
  <si>
    <t>ana.palazzo@bradesco.com.br,anapscl@algartech.com.br,filipe.s.carvalho@bradesco.com.br,jaquelineaferr@algartech.com,katiargf@algartech.com,kelly.barbosa@temposervicos.com.br,kenia.oliveira@temposervicos.com.br,leticia.albuquerque@bradesco.com.br,lorena.r.silva@bradesco.com.br,micheless@algartech.com,reginaldo.cardozo@bradesco.com.br,solange.contriciani@bradesco.com.br</t>
  </si>
  <si>
    <t>12/16/2019 15:03:52</t>
  </si>
  <si>
    <t>12/16/2019 15:11:14</t>
  </si>
  <si>
    <t>12/16/2019 15:05:38</t>
  </si>
  <si>
    <t>12/16/2019 15:05:45</t>
  </si>
  <si>
    <t>12/16/2019 15:06:05</t>
  </si>
  <si>
    <t>mail.google.com/sync/u/0/i/s?hl=pt-BR&amp;c=174</t>
  </si>
  <si>
    <t>12/16/2019 15:06:10</t>
  </si>
  <si>
    <t>mail.google.com/_/upload?authuser=0&amp;dcp=asu-n&amp;upload_id=AEnB2Uo4xZBlmUFSjAGbr3NzDSe1n5Pts7lQ3yoBgYsNkAx86Xp5mZjMPTOjOhP4tNmxXbF4YtIrVQjz1tYgoepgOpSF8kVtnw&amp;upload_protocol=resumable</t>
  </si>
  <si>
    <t>CPF 122.910.848-36 ROBERTO DE BARROS CAMARGO FILHO.pdf</t>
  </si>
  <si>
    <t>12/16/2019 15:06:12</t>
  </si>
  <si>
    <t>mail.google.com/sync/u/0/i/s?hl=pt-BR&amp;c=176</t>
  </si>
  <si>
    <t>12/16/2019 15:06:27</t>
  </si>
  <si>
    <t>mail.google.com/sync/u/0/i/s?hl=pt-BR&amp;c=178</t>
  </si>
  <si>
    <t>12/16/2019 15:06:31</t>
  </si>
  <si>
    <t>mail.google.com/_/upload?authuser=0&amp;dcp=asu-n&amp;upload_id=AEnB2UoOrAFmu3Lqlead2IOrp9kHmptF6r5s4ezo9jYJhLG4H1zVJc3EtJH1OhgPC0k00TZAZCsfUMVXFPbUWP2V-5x-rK89FCOKruaLyh1tfv2eucJZWEI&amp;upload_protocol=resumable</t>
  </si>
  <si>
    <t>CPF 122.910.848-36 ROBERTO DE BARROS CAMARGO FILHO (2).pdf</t>
  </si>
  <si>
    <t>12/16/2019 15:06:34</t>
  </si>
  <si>
    <t>12/16/2019 15:06:46</t>
  </si>
  <si>
    <t>mail.google.com/_/upload?authuser=0&amp;dcp=asu-n&amp;upload_id=AEnB2UqAgn252nN64RRuh8xYjcz5kAFZpq_AaZEPGKiACNBHJxJiikjTiP2WjMxtO4aYebnhQJCFSjezeiFHekAbPMoFlcl56g&amp;upload_protocol=resumable</t>
  </si>
  <si>
    <t>CPF 12291084836 - OPERADOR NATHALIA RIOS MODESTO RODRIGUES_1_6755488862357760376_1_32.wav</t>
  </si>
  <si>
    <t>12/16/2019 15:10:12</t>
  </si>
  <si>
    <t>12/16/2019 15:07:48</t>
  </si>
  <si>
    <t>12/16/2019 15:08:32</t>
  </si>
  <si>
    <t>4dd18649-e963-49e7-afeb-df43f97763b0.tmp</t>
  </si>
  <si>
    <t>\\acsfs\profiles$\deborahsi\Downloads\4dd18649-e963-49e7-afeb-df43f97763b0.tmp</t>
  </si>
  <si>
    <t>12/16/2019 15:09:29</t>
  </si>
  <si>
    <t>12/16/2019 15:12:15</t>
  </si>
  <si>
    <t>d970cb5d-35f2-4ac6-8e52-c6a4347b2667.tmp</t>
  </si>
  <si>
    <t>\\acsfs\profiles$\erichds\Downloads\d970cb5d-35f2-4ac6-8e52-c6a4347b2667.tmp</t>
  </si>
  <si>
    <t>12/16/2019 15:09:15</t>
  </si>
  <si>
    <t>12/16/2019 15:08:58</t>
  </si>
  <si>
    <t>3089512a-225e-4e3c-bd26-44b2ed97d4fe.tmp</t>
  </si>
  <si>
    <t>\\acsfs\profiles$\alexandrapp\Downloads\3089512a-225e-4e3c-bd26-44b2ed97d4fe.tmp</t>
  </si>
  <si>
    <t>12/16/2019 15:08:38</t>
  </si>
  <si>
    <t>12/16/2019 15:13:14</t>
  </si>
  <si>
    <t>609d0d82-c98f-41ef-a87b-7606d531da60.tmp</t>
  </si>
  <si>
    <t>\\acsfs\profiles$\kellzylenneasr\Downloads\609d0d82-c98f-41ef-a87b-7606d531da60.tmp</t>
  </si>
  <si>
    <t>12/16/2019 15:09:07</t>
  </si>
  <si>
    <t>1105f58a-7622-4d30-84ec-bf25cc573157.tmp</t>
  </si>
  <si>
    <t>\\acsfs\profiles$\kellzylenneasr\Downloads\1105f58a-7622-4d30-84ec-bf25cc573157.tmp</t>
  </si>
  <si>
    <t>12/16/2019 15:08:52</t>
  </si>
  <si>
    <t>12/16/2019 15:14:15</t>
  </si>
  <si>
    <t>12/16/2019 15:09:52</t>
  </si>
  <si>
    <t>12/16/2019 15:12:48</t>
  </si>
  <si>
    <t>12/16/2019 15:16:14</t>
  </si>
  <si>
    <t>376d4fa5-3d1f-42a8-be11-79a0e010a4ca.tmp</t>
  </si>
  <si>
    <t>\\acsfs\profiles$\marcileiasdm\Downloads\376d4fa5-3d1f-42a8-be11-79a0e010a4ca.tmp</t>
  </si>
  <si>
    <t>12/16/2019 15:14:04</t>
  </si>
  <si>
    <t>12/16/2019 15:14:00</t>
  </si>
  <si>
    <t>12/16/2019 15:17:14</t>
  </si>
  <si>
    <t>12/16/2019 15:14:47</t>
  </si>
  <si>
    <t>\\acsfs\Deptos\Operacao\Banco_Votorantim\Supervisao\Maristela\ALTO VALOR\Cópia de °ºAcompanhamento de Equipe Maristelaº°.xlsx\</t>
  </si>
  <si>
    <t>image2.svg</t>
  </si>
  <si>
    <t>\\acsfs\Deptos\Operacao\Banco_Votorantim\Supervisao\Maristela\ALTO VALOR\Cópia de °ºAcompanhamento de Equipe Maristelaº°.xlsx</t>
  </si>
  <si>
    <t>\\acsfs\Deptos\Operacao\Banco_Votorantim\Supervisao\Maristela\ALTO VALOR\</t>
  </si>
  <si>
    <t>Cópia de °ºAcompanhamento de Equipe Maristelaº°.xlsx</t>
  </si>
  <si>
    <t>12/16/2019 15:14:28</t>
  </si>
  <si>
    <t>12/16/2019 15:18:14</t>
  </si>
  <si>
    <t>12/16/2019 15:14:40</t>
  </si>
  <si>
    <t>12/16/2019 15:15:37</t>
  </si>
  <si>
    <t>12/16/2019 15:19:14</t>
  </si>
  <si>
    <t>12/16/2019 15:14:52</t>
  </si>
  <si>
    <t>12/16/2019 15:15:52</t>
  </si>
  <si>
    <t>12/16/2019 15:20:14</t>
  </si>
  <si>
    <t>12/16/2019 15:16:55</t>
  </si>
  <si>
    <t>12/16/2019 15:17:03</t>
  </si>
  <si>
    <t>12/16/2019 15:21:14</t>
  </si>
  <si>
    <t>mail.google.com/_/upload?authuser=1&amp;dcp=asu-n&amp;upload_id=AEnB2UpXaTIt44iNDodCSamCGMC0jsihCNxAE-SbnoyJBvmvf62yAM55xMNuFGsltlYKf22fh_81uH6WU6Tt4Oq9gOspOfXrACd_jRrmPwGkyJ5OUaqyfNM&amp;upload_protocol=resumable</t>
  </si>
  <si>
    <t>12/16/2019 15:16:32</t>
  </si>
  <si>
    <t>http:///batch?%24ct=multipart%2Fmixed%3B%20boundary%3D%22%3D%3D%3D%3D%3Dt5fwwndolz1m%3D%3D%3D%3D%3D%22&amp;key=AIzaSyAy9VVXHSpS2IJpptzYtGbLP3-3_l0aBk4</t>
  </si>
  <si>
    <t>12/16/2019 15:16:35</t>
  </si>
  <si>
    <t>http:///batch?%24ct=multipart%2Fmixed%3B%20boundary%3D%22%3D%3D%3D%3D%3Dow1z9s9bc4zb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12/16/2019 15:16:40</t>
  </si>
  <si>
    <t>http:///batch?%24ct=multipart%2Fmixed%3B%20boundary%3D%22%3D%3D%3D%3D%3Dprdlq3ichxbm%3D%3D%3D%3D%3D%22&amp;key=AIzaSyAy9VVXHSpS2IJpptzYtGbLP3-3_l0aBk4</t>
  </si>
  <si>
    <t>http:///batch?%24ct=multipart%2Fmixed%3B%20boundary%3D%22%3D%3D%3D%3D%3Dwyt4unjavyhz%3D%3D%3D%3D%3D%22&amp;key=AIzaSyAy9VVXHSpS2IJpptzYtGbLP3-3_l0aBk4</t>
  </si>
  <si>
    <t>12/16/2019 15:17:35</t>
  </si>
  <si>
    <t>0;0.241;0.241];0.668;0];12.854];1269.6249999999054;1273.6349999995582;1274.13499999966;1274.8000000001412;1276.7400000002453;13.355000000046857;13.574999999946158;13.584999999693537;13.59;1312.5049999998737;1313.2100000002538;1320.5699999998615;1329.834999999548;1332.7849999996033;136.723;1383.7100000000646;1461.5649999996094;15.344;15.344];15.552;15.552];1576.469999999972;1597.596];17.60999999987689;19.359999999323918;2.690000000256987;202.67499999954453;203.0349999995451;205.99500000025728;209.09000000028755;21.464;21.464];21.464]�03�_x0016__�8=;21.7;21.7];229.63499999968917;230.5949999999939;29.139999999642896;3;3.6250000002837623;33.212;33.212];34.169999999903666;368.58999999913067;378.59500000013213;38.19];4;4.5949999994263635;4.843;5;509.61999999981344;510.681;523.3349999998609;525.7599999995364;535.6449999999313;535.9349999998813;536.2249999998312;536.2749999994776;551.1850000002596;58.90499999986787;6.009];700";705.4950000001554;886.073];:400;["https://drive.google.com/_/drive_fe/_/js/k=drive_fe.main.pt_br.</t>
  </si>
  <si>
    <t>http://0,0.241,0.241],0.668,0],12.854],1269.6249999999054,1273.6349999995582,1274.13499999966,1274.8000000001412,1276.7400000002453,13.355000000046857,13.574999999946158,13.584999999693537,13.59,1312.5049999998737,1313.2100000002538,1320.5699999998615,1329.834999999548,1332.7849999996033,136.723,1383.7100000000646,1461.5649999996094,15.344,15.344],15.552,15.552],1576.469999999972,1597.596],17.60999999987689,19.359999999323918,2.690000000256987,202.67499999954453,203.0349999995451,205.99500000025728,209.09000000028755,21.464,21.464],21.464]�03�_x0016__�8=,21.7,21.7],229.63499999968917,230.5949999999939,29.139999999642896,3,3.6250000002837623,33.212,33.212],34.169999999903666,368.58999999913067,378.59500000013213,38.19],4,4.5949999994263635,4.843,5,509.61999999981344,510.681,523.3349999998609,525.7599999995364,535.6449999999313,535.9349999998813,536.2249999998312,536.2749999994776,551.1850000002596,58.90499999986787,6.009],700",705.4950000001554,886.073],:400,["https://drive.google.com/_/drive_fe/_/js/k=drive_fe.main</t>
  </si>
  <si>
    <t>12/16/2019 15:17:36</t>
  </si>
  <si>
    <t>"2":"&lt;div dir=\"ltr\"&gt;&lt;div;"9":{"2":[{"1":0;0;0.241;0.241];0.668;0];12.854];1269.6249999999054;1273.6349999995582;1274.13499999966;1274.8000000001412;1276.7400000002453;13.355000000046857;13.574999999946158;13.584999999693537;13.59;1312.5049999998737;1313.2100000002538;1320.5699999998615;1329.834999999548;1332.7849999996033;136.723;1383.7100000000646;1461.5649999996094;1469.6549999998751;1477.5949999993827;15.344;15.344];15.552;15.552];1536.2749999994776;1536.7449999994278;1576.469999999972;1597.596];17.60999999987689;179.96500000026572;180.77500000072177;19.359999999323918;2.690000000256987;202.67499999954453;203.0349999995451;205.99500000025728;209.09000000028755;21.464;21.464];21.464]�03�_x0016__�8=;21.7;21.7];229.63499999968917;230.5949999999939;255.9850000006918;256.8700000001627;29.139999999642896;3;3.6250000002837623;33.212;33.212];34.169999999903666;368.58999999913067;378.59500000013213;38.19];4;4.5949999994263635;4.843;5;509.61999999981344;510.681;523.3349999998609;525.7599999995364;535.6449999999313;535.9</t>
  </si>
  <si>
    <t>http://"2":"&lt;div dir=\"ltr\"&gt;&lt;div,"9":{"2":[{"1":0,0,0.241,0.241],0.668,0],12.854],1269.6249999999054,1273.6349999995582,1274.13499999966,1274.8000000001412,1276.7400000002453,13.355000000046857,13.574999999946158,13.584999999693537,13.59,1312.5049999998737,1313.2100000002538,1320.5699999998615,1329.834999999548,1332.7849999996033,136.723,1383.7100000000646,1461.5649999996094,1469.6549999998751,1477.5949999993827,15.344,15.344],15.552,15.552],1536.2749999994776,1536.7449999994278,1576.469999999972,1597.596],17.60999999987689,179.96500000026572,180.77500000072177,19.359999999323918,2.690000000256987,202.67499999954453,203.0349999995451,205.99500000025728,209.09000000028755,21.464,21.464],21.464]�03�_x0016__�8=,21.7,21.7],229.63499999968917,230.5949999999939,255.9850000006918,256.8700000001627,29.139999999642896,3,3.6250000002837623,33.212,33.212],34.169999999903666,368.58999999913067,378.59500000013213,38.19],4,4.5949999994263635,4.843,5,509.61999999981344,510.681,523.3349999998609,525.7599999995364,535.644999999931</t>
  </si>
  <si>
    <t>"2":"&lt;div dir=\"ltr\"&gt;&lt;div;"9":{"2":[{"1":0;0;0.241;0.241];0.668;0];12.854];1269.6249999999054;127.268;127.84999999985303;1273.6349999995582;1274.13499999966;1274.8000000001412;1276.7400000002453;13.355000000046857;13.574999999946158;13.584999999693537;13.59;1312.5049999998737;1313.2100000002538;1320.5699999998615;1329.834999999548;1332.7849999996033;136.723;1383.7100000000646;1461.5649999996094;1469.6549999998751;1474.0649999994275;1477.5949999993827;15.344;15.344];15.552;15.552];151.38499999920896;1536.2749999994776;1536.7449999994278;1562.3100000002523;1576.469999999972;1585.280000000239;1597.596];1668.189999999413;17.60999999987689;1763.0499999995664;179.96500000026572;180.77500000072177;19.359999999323918;2.690000000256987;200.2200000006269;202.67499999954453;203.0349999995451;205.99500000025728;209.09000000028755;21.464;21.464];21.464]�03�_x0016__�8=;21.7;21.7];226.2299999993047;229.63499999968917;230.5949999999939;255.9850000006918;256.8700000001627;29.139999999642896;3;3.6250000002837623;33.212;33.212];34.1</t>
  </si>
  <si>
    <t>http://"2":"&lt;div dir=\"ltr\"&gt;&lt;div,"9":{"2":[{"1":0,0,0.241,0.241],0.668,0],12.854],1269.6249999999054,127.268,127.84999999985303,1273.6349999995582,1274.13499999966,1274.8000000001412,1276.7400000002453,13.355000000046857,13.574999999946158,13.584999999693537,13.59,1312.5049999998737,1313.2100000002538,1320.5699999998615,1329.834999999548,1332.7849999996033,136.723,1383.7100000000646,1461.5649999996094,1469.6549999998751,1474.0649999994275,1477.5949999993827,15.344,15.344],15.552,15.552],151.38499999920896,1536.2749999994776,1536.7449999994278,1562.3100000002523,1576.469999999972,1585.280000000239,1597.596],1668.189999999413,17.60999999987689,1763.0499999995664,179.96500000026572,180.77500000072177,19.359999999323918,2.690000000256987,200.2200000006269,202.67499999954453,203.0349999995451,205.99500000025728,209.09000000028755,21.464,21.464],21.464]�03�_x0016__�8=,21.7,21.7],226.2299999993047,229.63499999968917,230.5949999999939,255.9850000006918,256.8700000001627,29.139999999642896,3,3.6250000002837623,33.212,33.21</t>
  </si>
  <si>
    <t>12/16/2019 15:17:46</t>
  </si>
  <si>
    <t>http:///batch?%24ct=multipart%2Fmixed%3B%20boundary%3D%22%3D%3D%3D%3D%3D4wi3l6v259re%3D%3D%3D%3D%3D%22&amp;key=AIzaSyAy9VVXHSpS2IJpptzYtGbLP3-3_l0aBk4</t>
  </si>
  <si>
    <t>ancestorhasaugmen;ancestorhasaugmentedpermissions;containsunsubscribedchildren;displayname;domain;emaila;emailaddress;file(kind;fileid;filesize;hasthumbnail;hasvisitorpermissions;id;id);items(deleted;items(kind;ken;kind;lastmodifyinguser(kind;lastviewedbymedate;modifiedbymedate;modifieddate;ontainsunsubscribedchildren;owners(kind;per;permission;permissionid;picture;rpermissions;shared;sharedwithmedate;thumbnailversion;title;userpermission(role);workspaceids;</t>
  </si>
  <si>
    <t>http://ancestorhasaugmen,ancestorhasaugmentedpermissions,containsunsubscribedchildren,displayname,domain,emaila,emailaddress,file(kind,fileid,filesize,hasthumbnail,hasvisitorpermissions,id,id),items(deleted,items(kind,ken,kind,lastmodifyinguser(kind,lastviewedbymedate,modifiedbymedate,modifieddate,ontainsunsubscribedchildren,owners(kind,per,permission,permissionid,picture,rpermissions,shared,sharedwithmedate,thumbnailversion,title,userpermission(role),workspaceids</t>
  </si>
  <si>
    <t>12/16/2019 15:17:51</t>
  </si>
  <si>
    <t>http:///batch?%24ct=multipart%2Fmixed%3B%20boundary%3D%22%3D%3D%3D%3D%3Dk360kz13yx3f%3D%3D%3D%3D%3D%22&amp;key=AIzaSyAy9VVXHSpS2IJpptzYtGbLP3-3_l0aBk4</t>
  </si>
  <si>
    <t>12/16/2019 15:17:52</t>
  </si>
  <si>
    <t>http:///batch?%24ct=multipart%2Fmixed%3B%20boundary%3D%22%3D%3D%3D%3D%3Dzbci2h3i4ee2%3D%3D%3D%3D%3D%22&amp;key=AIzaSyAy9VVXHSpS2IJpptzYtGbLP3-3_l0aBk4</t>
  </si>
  <si>
    <t>12/16/2019 15:17:53</t>
  </si>
  <si>
    <t>http:///batch?%24ct=multipart%2Fmixed%3B%20boundary%3D%22%3D%3D%3D%3D%3Dif4n7g43fiik%3D%3D%3D%3D%3D%22&amp;key=AIzaSyAy9VVXHSpS2IJpptzYtGbLP3-3_l0aBk4</t>
  </si>
  <si>
    <t>12/16/2019 15:17:56</t>
  </si>
  <si>
    <t>http:///batch?%24ct=multipart%2Fmixed%3B%20boundary%3D%22%3D%3D%3D%3D%3D8ip2zonu8vt3%3D%3D%3D%3D%3D%22&amp;key=AIzaSyAy9VVXHSpS2IJpptzYtGbLP3-3_l0aBk4</t>
  </si>
  <si>
    <t>12/16/2019 15:17:58</t>
  </si>
  <si>
    <t>http:///batch?%24ct=multipart%2Fmixed%3B%20boundary%3D%22%3D%3D%3D%3D%3D7khynzazitfb%3D%3D%3D%3D%3D%22&amp;key=AIzaSyAy9VVXHSpS2IJpptzYtGbLP3-3_l0aBk4</t>
  </si>
  <si>
    <t>12/16/2019 15:17:59</t>
  </si>
  <si>
    <t>http:///batch?%24ct=multipart%2Fmixed%3B%20boundary%3D%22%3D%3D%3D%3D%3Dg3lm36ctnshx%3D%3D%3D%3D%3D%22&amp;key=AIzaSyAy9VVXHSpS2IJpptzYtGbLP3-3_l0aBk4</t>
  </si>
  <si>
    <t>http:///batch?%24ct=multipart%2Fmixed%3B%20boundary%3D%22%3D%3D%3D%3D%3Ddkk8raptm4u0%3D%3D%3D%3D%3D%22&amp;key=AIzaSyAy9VVXHSpS2IJpptzYtGbLP3-3_l0aBk4</t>
  </si>
  <si>
    <t>12/16/2019 15:18:03</t>
  </si>
  <si>
    <t>http:///batch?%24ct=multipart%2Fmixed%3B%20boundary%3D%22%3D%3D%3D%3D%3Dkitem925bjul%3D%3D%3D%3D%3D%22&amp;key=AIzaSyAy9VVXHSpS2IJpptzYtGbLP3-3_l0aBk4</t>
  </si>
  <si>
    <t>12/16/2019 15:18:04</t>
  </si>
  <si>
    <t>http:///batch?%24ct=multipart%2Fmixed%3B%20boundary%3D%22%3D%3D%3D%3D%3Dxckar7jhsfks%3D%3D%3D%3D%3D%22&amp;key=AIzaSyAy9VVXHSpS2IJpptzYtGbLP3-3_l0aBk4</t>
  </si>
  <si>
    <t>http:///batch?%24ct=multipart%2Fmixed%3B%20boundary%3D%22%3D%3D%3D%3D%3Dqtlyuaub26gx%3D%3D%3D%3D%3D%22&amp;key=AIzaSyAy9VVXHSpS2IJpptzYtGbLP3-3_l0aBk4</t>
  </si>
  <si>
    <t>12/16/2019 15:19:07</t>
  </si>
  <si>
    <t>fb879292-1999-4ffe-a304-85de9f5bc687.tmp</t>
  </si>
  <si>
    <t>\\acsfs\profiles$\leticiaat\Downloads\fb879292-1999-4ffe-a304-85de9f5bc687.tmp</t>
  </si>
  <si>
    <t>12/16/2019 15:20:37</t>
  </si>
  <si>
    <t>12/16/2019 15:22:14</t>
  </si>
  <si>
    <t>10.200.67.19</t>
  </si>
  <si>
    <t>78-2B-CB-C1-06-9D</t>
  </si>
  <si>
    <t>VOTORANT-JB008</t>
  </si>
  <si>
    <t>\\acsfs\profiles$\maxmillianosv\Contacts\</t>
  </si>
  <si>
    <t>MAXMILLIANO SILVA VIEIRA (23858).contact</t>
  </si>
  <si>
    <t>\\acsfs\profiles$\maxmillianosv\Contacts\MAXMILLIANO SILVA VIEIRA (23858).contact</t>
  </si>
  <si>
    <t>12/16/2019 15:20:51</t>
  </si>
  <si>
    <t>\\acsfs\profiles$\maxmillianosv\My Documents\My Videos\</t>
  </si>
  <si>
    <t>\\acsfs\profiles$\maxmillianosv\My Documents\My Videos\desktop.ini</t>
  </si>
  <si>
    <t>12/16/2019 15:20:52</t>
  </si>
  <si>
    <t>\\acsfs\profiles$\maxmillianosv\My Documents\My Pictures\</t>
  </si>
  <si>
    <t>\\acsfs\profiles$\maxmillianosv\My Documents\My Pictures\desktop.ini</t>
  </si>
  <si>
    <t>12/16/2019 15:20:53</t>
  </si>
  <si>
    <t>\\acsfs\profiles$\maxmillianosv\Contacts\desktop.ini</t>
  </si>
  <si>
    <t>\\acsfs\profiles$\maxmillianosv\Favorites\desktop.ini</t>
  </si>
  <si>
    <t>12/16/2019 15:20:54</t>
  </si>
  <si>
    <t>\\acsfs\profiles$\maxmillianosv\My Documents\My Music\</t>
  </si>
  <si>
    <t>\\acsfs\profiles$\maxmillianosv\My Documents\My Music\desktop.ini</t>
  </si>
  <si>
    <t>12/16/2019 15:20:55</t>
  </si>
  <si>
    <t>\\acsfs\profiles$\maxmillianosv\Searches\</t>
  </si>
  <si>
    <t>\\acsfs\profiles$\maxmillianosv\Searches\desktop.ini</t>
  </si>
  <si>
    <t>12/16/2019 15:20:56</t>
  </si>
  <si>
    <t>\\acsfs\profiles$\maxmillianosv\Downloads\</t>
  </si>
  <si>
    <t>\\acsfs\profiles$\maxmillianosv\Downloads\desktop.ini</t>
  </si>
  <si>
    <t>\\acsfs\profiles$\maxmillianosv\My Documents\desktop.ini</t>
  </si>
  <si>
    <t>12/16/2019 15:20:57</t>
  </si>
  <si>
    <t>\\acsfs\profiles$\maxmillianosv\Saved Games\</t>
  </si>
  <si>
    <t>\\acsfs\profiles$\maxmillianosv\Saved Games\desktop.ini</t>
  </si>
  <si>
    <t>12/16/2019 15:20:58</t>
  </si>
  <si>
    <t>12/16/2019 15:21:13</t>
  </si>
  <si>
    <t>\\acsfs\profiles$\maxmillianosv\Favorites\Links for Brasil\desktop.ini</t>
  </si>
  <si>
    <t>12/16/2019 15:21:15</t>
  </si>
  <si>
    <t>12/16/2019 15:21:16</t>
  </si>
  <si>
    <t>12/16/2019 15:23:14</t>
  </si>
  <si>
    <t>\\cppfs\cpdeptos\CPC\3 - Acompanhamento\CORRENTISTA\Boletim Semanal\Boletim Semanal_016 12- Comercial Algar.pptx\</t>
  </si>
  <si>
    <t>12/16/2019 15:22:17</t>
  </si>
  <si>
    <t>12/16/2019 15:19:56</t>
  </si>
  <si>
    <t>claudineiavc@algartech.com.br;</t>
  </si>
  <si>
    <t>ENC: Produtividade CRCe Novembro - Fechamento</t>
  </si>
  <si>
    <t>claudineiavc@algartech.com.br</t>
  </si>
  <si>
    <t>12/16/2019 15:22:01</t>
  </si>
  <si>
    <t>12/16/2019 15:22:25</t>
  </si>
  <si>
    <t>12/16/2019 15:22:37</t>
  </si>
  <si>
    <t>12/16/2019 15:22:46</t>
  </si>
  <si>
    <t>12/16/2019 15:23:07</t>
  </si>
  <si>
    <t>12/16/2019 15:24:14</t>
  </si>
  <si>
    <t>12/16/2019 15:21:52</t>
  </si>
  <si>
    <t>12/16/2019 15:23:59</t>
  </si>
  <si>
    <t>12/16/2019 15:25:14</t>
  </si>
  <si>
    <t>ec7d408d-1330-4e94-9563-c3c8df9a6629.tmp</t>
  </si>
  <si>
    <t>\\acsfs\profiles$\laurandos\Downloads\ec7d408d-1330-4e94-9563-c3c8df9a6629.tmp</t>
  </si>
  <si>
    <t>12/16/2019 15:20:41</t>
  </si>
  <si>
    <t>12/16/2019 15:26:14</t>
  </si>
  <si>
    <t>http:///batch?%24ct=multipart%2Fmixed%3B%20boundary%3D%22%3D%3D%3D%3D%3Div0ckchfq4hp%3D%3D%3D%3D%3D%22&amp;key=AIzaSyAy9VVXHSpS2IJpptzYtGbLP3-3_l0aBk4</t>
  </si>
  <si>
    <t>12/16/2019 15:21:18</t>
  </si>
  <si>
    <t>http:///batch?%24ct=multipart%2Fmixed%3B%20boundary%3D%22%3D%3D%3D%3D%3Dclbt8f907udo%3D%3D%3D%3D%3D%22&amp;key=AIzaSyAy9VVXHSpS2IJpptzYtGbLP3-3_l0aBk4</t>
  </si>
  <si>
    <t>12/16/2019 15:21:19</t>
  </si>
  <si>
    <t>http:///batch?%24ct=multipart%2Fmixed%3B%20boundary%3D%22%3D%3D%3D%3D%3D6yceuvfohmtz%3D%3D%3D%3D%3D%22&amp;key=AIzaSyAy9VVXHSpS2IJpptzYtGbLP3-3_l0aBk4</t>
  </si>
  <si>
    <t>12/16/2019 15:21:20</t>
  </si>
  <si>
    <t>http:///batch?%24ct=multipart%2Fmixed%3B%20boundary%3D%22%3D%3D%3D%3D%3D9ls8plhbzbng%3D%3D%3D%3D%3D%22&amp;key=AIzaSyAy9VVXHSpS2IJpptzYtGbLP3-3_l0aBk4</t>
  </si>
  <si>
    <t>12/16/2019 15:21:02</t>
  </si>
  <si>
    <t>0e839a66-353e-4491-b027-b1dd951a8308.tmp</t>
  </si>
  <si>
    <t>\\acsfs\profiles$\gabrielamdp\Downloads\0e839a66-353e-4491-b027-b1dd951a8308.tmp</t>
  </si>
  <si>
    <t>12/16/2019 15:22:00</t>
  </si>
  <si>
    <t>cf7186df-1940-4b4e-ab4c-d82926003347.tmp</t>
  </si>
  <si>
    <t>\\acsfs\profiles$\gabrielamdp\Downloads\cf7186df-1940-4b4e-ab4c-d82926003347.tmp</t>
  </si>
  <si>
    <t>12/16/2019 15:22:54</t>
  </si>
  <si>
    <t>acbe4978-d139-4d21-b374-c23a5813cd51.tmp</t>
  </si>
  <si>
    <t>\\acsfs\profiles$\gabrielamdp\Downloads\acbe4978-d139-4d21-b374-c23a5813cd51.tmp</t>
  </si>
  <si>
    <t>12/16/2019 15:24:13</t>
  </si>
  <si>
    <t>12/16/2019 15:25:05</t>
  </si>
  <si>
    <t>12/16/2019 15:23:10</t>
  </si>
  <si>
    <t>12/16/2019 15:27:14</t>
  </si>
  <si>
    <t>12/16/2019 15:23:43</t>
  </si>
  <si>
    <t>12/16/2019 15:28:14</t>
  </si>
  <si>
    <t>8daf15a1-ad5f-43b1-a9ed-ce677fc53afb.tmp</t>
  </si>
  <si>
    <t>\\acsfs\profiles$\layonmof\Downloads\8daf15a1-ad5f-43b1-a9ed-ce677fc53afb.tmp</t>
  </si>
  <si>
    <t>12/16/2019 15:24:12</t>
  </si>
  <si>
    <t>3f303c45-cdba-49a1-bec7-c1bc7931e59a.tmp</t>
  </si>
  <si>
    <t>\\acsfs\profiles$\layonmof\Downloads\3f303c45-cdba-49a1-bec7-c1bc7931e59a.tmp</t>
  </si>
  <si>
    <t>12/16/2019 15:25:06</t>
  </si>
  <si>
    <t>413bd411-44d9-4629-9c0a-f2e4b7d0aa20.tmp</t>
  </si>
  <si>
    <t>\\acsfs\profiles$\layonmof\Downloads\413bd411-44d9-4629-9c0a-f2e4b7d0aa20.tmp</t>
  </si>
  <si>
    <t>12/16/2019 15:26:52</t>
  </si>
  <si>
    <t>12/16/2019 15:29:14</t>
  </si>
  <si>
    <t>12/16/2019 15:27:52</t>
  </si>
  <si>
    <t>12/16/2019 15:25:37</t>
  </si>
  <si>
    <t>12/16/2019 15:30:14</t>
  </si>
  <si>
    <t>cb5d7f95-6225-46ea-a373-9502c2d6a79c.tmp</t>
  </si>
  <si>
    <t>\\acsfs\profiles$\laurandos\Downloads\cb5d7f95-6225-46ea-a373-9502c2d6a79c.tmp</t>
  </si>
  <si>
    <t>12/16/2019 15:28:05</t>
  </si>
  <si>
    <t>alexandremdo@algartech.com;claudiac.machado@bradesco.com.br;gina.cervelli@bradesco.com.br;leandrolds@algartech.com;mariliafsc@algartech.com;patriciaac@algartech.com;paulohm@algartech.com;sarah.henrique@bradesco.com.br;victormg@algartech.com;vivianeppe@algartech.com;</t>
  </si>
  <si>
    <t>alexandremdo@algartech.com,claudiac.machado@bradesco.com.br,gina.cervelli@bradesco.com.br,leandrolds@algartech.com,mariliafsc@algartech.com,patriciaac@algartech.com,paulohm@algartech.com,sarah.henrique@bradesco.com.br,victormg@algartech.com,vivianeppe@algartech.com</t>
  </si>
  <si>
    <t>12/16/2019 15:29:20</t>
  </si>
  <si>
    <t>12/16/2019 15:27:04</t>
  </si>
  <si>
    <t>12/16/2019 15:31:15</t>
  </si>
  <si>
    <t>12/16/2019 15:30:17</t>
  </si>
  <si>
    <t>3417e52d-0936-4785-ac36-711f1f2a410f.tmp</t>
  </si>
  <si>
    <t>\\acsfs\profiles$\adrielyas\Downloads\3417e52d-0936-4785-ac36-711f1f2a410f.tmp</t>
  </si>
  <si>
    <t>12/16/2019 15:27:42</t>
  </si>
  <si>
    <t>12/16/2019 15:32:14</t>
  </si>
  <si>
    <t>3dd4644a-b52c-4e09-96bc-d29a8341263b.tmp</t>
  </si>
  <si>
    <t>\\acsfs\profiles$\erichds\Downloads\3dd4644a-b52c-4e09-96bc-d29a8341263b.tmp</t>
  </si>
  <si>
    <t>12/16/2019 15:27:51</t>
  </si>
  <si>
    <t>12/16/2019 15:28:47</t>
  </si>
  <si>
    <t>\\acsfs\profiles$\maxmillianosv\Favorites\NetScaler Gateway.url\</t>
  </si>
  <si>
    <t>\\acsfs\profiles$\maxmillianosv\Favorites\NetScaler Gateway.url\:favicon:$DATA</t>
  </si>
  <si>
    <t>12/16/2019 15:31:29</t>
  </si>
  <si>
    <t>12/16/2019 15:33:14</t>
  </si>
  <si>
    <t>Duvidas.xlsx</t>
  </si>
  <si>
    <t>12/16/2019 15:30:07</t>
  </si>
  <si>
    <t>12/16/2019 15:30:27</t>
  </si>
  <si>
    <t>12/16/2019 15:30:38</t>
  </si>
  <si>
    <t>12/16/2019 15:30:42</t>
  </si>
  <si>
    <t>12/16/2019 15:30:55</t>
  </si>
  <si>
    <t>12/16/2019 15:31:03</t>
  </si>
  <si>
    <t>12/16/2019 15:32:52</t>
  </si>
  <si>
    <t>12/16/2019 15:34:14</t>
  </si>
  <si>
    <t>12/16/2019 15:35:14</t>
  </si>
  <si>
    <t>12/16/2019 15:34:33</t>
  </si>
  <si>
    <t>12/16/2019 15:31:30</t>
  </si>
  <si>
    <t>12/16/2019 15:36:14</t>
  </si>
  <si>
    <t>mail.google.com/_/upload?authuser=1&amp;dcp=asu-n&amp;upload_id=AEnB2UpyONhvcKhTopI4J7RV0K1mGeBTnKb_XzD6ELkFseKJJpJHHX2rEVMCk3LO5becYeq_ZTUgQ9qst2jqGT-z5nEfNpegIDaG_ItI0OTfW0vieintdPI&amp;upload_protocol=resumable</t>
  </si>
  <si>
    <t>12/16/2019 15:30:37</t>
  </si>
  <si>
    <t>Unconfirmed 239370.crdownload</t>
  </si>
  <si>
    <t>\\acsfs\profiles$\adrielyas\Downloads\Unconfirmed 239370.crdownload</t>
  </si>
  <si>
    <t>C:\Users\marcelorf\Desktop\ADRIANA\</t>
  </si>
  <si>
    <t>ANÁLISE CURRÍCULO 120_HIS_GEO_CH.xlsx</t>
  </si>
  <si>
    <t>12/16/2019 15:34:51</t>
  </si>
  <si>
    <t>12/16/2019 15:38:14</t>
  </si>
  <si>
    <t>12/16/2019 15:35:15</t>
  </si>
  <si>
    <t>12/16/2019 15:38:00</t>
  </si>
  <si>
    <t>12/16/2019 15:33:52</t>
  </si>
  <si>
    <t>12/16/2019 15:39:14</t>
  </si>
  <si>
    <t>12/16/2019 15:36:31</t>
  </si>
  <si>
    <t>12/16/2019 15:36:32</t>
  </si>
  <si>
    <t>12/16/2019 15:36:34</t>
  </si>
  <si>
    <t>12/16/2019 15:36:35</t>
  </si>
  <si>
    <t>12/16/2019 15:36:37</t>
  </si>
  <si>
    <t>12/16/2019 15:36:39</t>
  </si>
  <si>
    <t>12/16/2019 15:36:40</t>
  </si>
  <si>
    <t>12/16/2019 15:36:41</t>
  </si>
  <si>
    <t>12/16/2019 15:36:42</t>
  </si>
  <si>
    <t>12/16/2019 15:36:44</t>
  </si>
  <si>
    <t>12/16/2019 15:36:47</t>
  </si>
  <si>
    <t>12/16/2019 15:36:48</t>
  </si>
  <si>
    <t>12/16/2019 15:36:49</t>
  </si>
  <si>
    <t>12/16/2019 15:36:51</t>
  </si>
  <si>
    <t>12/16/2019 15:36:52</t>
  </si>
  <si>
    <t>12/16/2019 15:36:53</t>
  </si>
  <si>
    <t>12/16/2019 15:36:55</t>
  </si>
  <si>
    <t>12/16/2019 15:36:56</t>
  </si>
  <si>
    <t>12/16/2019 15:36:57</t>
  </si>
  <si>
    <t>12/16/2019 15:36:59</t>
  </si>
  <si>
    <t>12/16/2019 15:37:00</t>
  </si>
  <si>
    <t>12/16/2019 15:37:01</t>
  </si>
  <si>
    <t>12/16/2019 15:37:02</t>
  </si>
  <si>
    <t>12/16/2019 15:37:04</t>
  </si>
  <si>
    <t>12/16/2019 15:37:05</t>
  </si>
  <si>
    <t>12/16/2019 15:37:06</t>
  </si>
  <si>
    <t>12/16/2019 15:37:08</t>
  </si>
  <si>
    <t>12/16/2019 15:37:09</t>
  </si>
  <si>
    <t>12/16/2019 15:37:10</t>
  </si>
  <si>
    <t>12/16/2019 15:37:11</t>
  </si>
  <si>
    <t>12/16/2019 15:37:12</t>
  </si>
  <si>
    <t>12/16/2019 15:37:14</t>
  </si>
  <si>
    <t>12/16/2019 15:37:16</t>
  </si>
  <si>
    <t>12/16/2019 15:37:17</t>
  </si>
  <si>
    <t>12/16/2019 15:37:18</t>
  </si>
  <si>
    <t>12/16/2019 15:37:20</t>
  </si>
  <si>
    <t>12/16/2019 15:37:21</t>
  </si>
  <si>
    <t>12/16/2019 15:37:22</t>
  </si>
  <si>
    <t>12/16/2019 15:37:23</t>
  </si>
  <si>
    <t>12/16/2019 15:37:40</t>
  </si>
  <si>
    <t>12/16/2019 15:40:15</t>
  </si>
  <si>
    <t>12/16/2019 15:37:56</t>
  </si>
  <si>
    <t>12/16/2019 15:41:14</t>
  </si>
  <si>
    <t>http:///batch?%24ct=multipart%2Fmixed%3B%20boundary%3D%22%3D%3D%3D%3D%3Dvg9gypeht05q%3D%3D%3D%3D%3D%22&amp;key=AIzaSyAy9VVXHSpS2IJpptzYtGbLP3-3_l0aBk4</t>
  </si>
  <si>
    <t>12/16/2019 15:37:59</t>
  </si>
  <si>
    <t>http:///batch?%24ct=multipart%2Fmixed%3B%20boundary%3D%22%3D%3D%3D%3D%3Dbqtftgxd39b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mission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mission,permissionid,picture,shared,sharedwithmedate,thumbnailversion,title,userpermission(role),workspaceids</t>
  </si>
  <si>
    <t>http:///batch?%24ct=multipart%2Fmixed%3B%20boundary%3D%22%3D%3D%3D%3D%3Dblujgfxs62lj%3D%3D%3D%3D%3D%22&amp;key=AIzaSyAy9VVXHSpS2IJpptzYtGbLP3-3_l0aBk4</t>
  </si>
  <si>
    <t>12/16/2019 15:38:03</t>
  </si>
  <si>
    <t>http:///batch?%24ct=multipart%2Fmixed%3B%20boundary%3D%22%3D%3D%3D%3D%3Dak8cv26twf13%3D%3D%3D%3D%3D%22&amp;key=AIzaSyAy9VVXHSpS2IJpptzYtGbLP3-3_l0aBk4</t>
  </si>
  <si>
    <t>12/16/2019 15:38:04</t>
  </si>
  <si>
    <t>http:///batch?%24ct=multipart%2Fmixed%3B%20boundary%3D%22%3D%3D%3D%3D%3Dvfhupr7lwuzq%3D%3D%3D%3D%3D%22&amp;key=AIzaSyAy9VVXHSpS2IJpptzYtGbLP3-3_l0aBk4</t>
  </si>
  <si>
    <t>12/16/2019 15:38:08</t>
  </si>
  <si>
    <t>http:///batch?%24ct=multipart%2Fmixed%3B%20boundary%3D%22%3D%3D%3D%3D%3D3kv5xtt3fwb0%3D%3D%3D%3D%3D%22&amp;key=AIzaSyAy9VVXHSpS2IJpptzYtGbLP3-3_l0aBk4</t>
  </si>
  <si>
    <t>ancestorhasaugmentedpermissions;containsunsubscribedchildren;displayname;domain;emaila;emailaddress;file(kind;fileid;filesize;hasthumbnail;hasvisitorpermissions;id;id);items(deleted;items(kind;ken;kind;lastmodifyinguser(kind;lastviewedbymedate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ancestorhasaugmentedpermissions,containsunsubscribedchildren,displayname,domain,emaila,emailaddress,file(kind,fileid,filesize,hasthumbnail,hasvisitorpermissions,id,id),items(deleted,items(kind,ken,kind,lastmodifyinguser(kind,lastviewedbymedate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11</t>
  </si>
  <si>
    <t>http:///batch?%24ct=multipart%2Fmixed%3B%20boundary%3D%22%3D%3D%3D%3D%3Dqr93qgnm5oy0%3D%3D%3D%3D%3D%22&amp;key=AIzaSyAy9VVXHSpS2IJpptzYtGbLP3-3_l0aBk4</t>
  </si>
  <si>
    <t>12/16/2019 15:38:12</t>
  </si>
  <si>
    <t>http:///batch?%24ct=multipart%2Fmixed%3B%20boundary%3D%22%3D%3D%3D%3D%3D67lppi6vk88d%3D%3D%3D%3D%3D%22&amp;key=AIzaSyAy9VVXHSpS2IJpptzYtGbLP3-3_l0aBk4</t>
  </si>
  <si>
    <t>12/16/2019 15:38:13</t>
  </si>
  <si>
    <t>http:///batch?%24ct=multipart%2Fmixed%3B%20boundary%3D%22%3D%3D%3D%3D%3Dr3gd1akizm9a%3D%3D%3D%3D%3D%22&amp;key=AIzaSyAy9VVXHSpS2IJpptzYtGbLP3-3_l0aBk4</t>
  </si>
  <si>
    <t>12/16/2019 15:38:19</t>
  </si>
  <si>
    <t>0;0.241;0.241];0.668;0];1015339;1047354;1136919;113xrufp6r1bdxs2j9tq9ythihnkzqldedpmiu1aidr8;1145945;1189409;12.510000000474975;12.854];1271074;1291535;1315340;136.723;1393095;13jemz0p4uedw-apqc0wxpv7nebwjngrx5vgmkgxn5aq;1576521476353000];1576521479215000;1576521479313000;1600];1600]];1618749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749999999650754;200];21.464;21.464];2805;2805];2];3;3.2049999999799184;33.212;33.212];4;4.0300000000570435;4.1650000002846355;4.374999999527063;4.843;4.84500000038679;4.950000000462751;4479749;4482109;499.97999999959575;5;546.6999999998734;551.0649999996531;552.5099999995291;552.7300000003379;552.929999999833;552.9950000000099;594.5050000000265;6;6.009];659.359999999651</t>
  </si>
  <si>
    <t>http://0,0.241,0.241],0.668,0],1015339,1047354,1136919,113xrufp6r1bdxs2j9tq9ythihnkzqldedpmiu1aidr8,1145945,1189409,12.510000000474975,12.854],1271074,1291535,1315340,136.723,1393095,13jemz0p4uedw-apqc0wxpv7nebwjngrx5vgmkgxn5aq,1576521476353000],1576521479215000,1576521479313000,1600],1600]],1618749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749999999650754,200],21.464,21.464],2805,2805],2],3,3.2049999999799184,33.212,33.212],4,4.0300000000570435,4.1650000002846355,4.374999999527063,4.843,4.84500000038679,4.950000000462751,4479749,4482109,499.97999999959575,5,546.6999999998734,551.0649999996531,552.5099999995291,552.7300000003379,552.929999999833,552.9950000000099,594.5050000000265,6,6.009],659.35999</t>
  </si>
  <si>
    <t>0;0.241;0.241];0.668;0];1015339;1047354;1136919;113xrufp6r1bdxs2j9tq9ythihnkzqldedpmiu1aidr8;1145945;1189409;12.510000000474975;12.854];1271074;1291535;13.59;1315340;136.56499999979133;136.723;1393095;13jemz0p4uedw-apqc0wxpv7nebwjngrx5vgmkgxn5aq;15.344;15.344];15.552;15.552];1576521476353000];1576521479215000;1576521479313000;1597.596];1600];1600]];1618749;171.75999999926717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749999999650754;2.794999999423453;2.8050000000803266;200];21.464;21.464];21.7;21.7];2805;2805];2];3;3.2049999999799184;3.485000000182481;3.960000000006403;33.212;33.212];38.19];4;4.0300000000570435;4.1650000002846355;4.374999999527063;4.843;4.84500000038679;4.950000000462751;4479749;4482</t>
  </si>
  <si>
    <t>http://0,0.241,0.241],0.668,0],1015339,1047354,1136919,113xrufp6r1bdxs2j9tq9ythihnkzqldedpmiu1aidr8,1145945,1189409,12.510000000474975,12.854],1271074,1291535,13.59,1315340,136.56499999979133,136.723,1393095,13jemz0p4uedw-apqc0wxpv7nebwjngrx5vgmkgxn5aq,15.344,15.344],15.552,15.552],1576521476353000],1576521479215000,1576521479313000,1597.596],1600],1600]],1618749,171.75999999926717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749999999650754,2.794999999423453,2.8050000000803266,200],21.464,21.464],21.7,21.7],2805,2805],2],3,3.2049999999799184,3.485000000182481,3.960000000006403,33.212,33.212],38.19],4,4.0300000000570435,4.1650000002846355,4.374999999527063,4.843,4.84500000038679,4.950000000462751,44797</t>
  </si>
  <si>
    <t>0;0.241;0.241];0.668;0];1015339;1047354;1136919;113xrufp6r1bdxs2j9tq9ythihnkzqldedpmiu1aidr8;1145945;1189409;12.510000000474975;12.854];1271074;1291535;13.59;1315340;136.56499999979133;136.723;1393095;13jemz0p4uedw-apqc0wxpv7nebwjngrx5vgmkgxn5aq;148.8099999996848;15.344;15.344];15.552;15.552];1576521476353000];1576521479215000;1576521479313000;1597.596];1600];1600]];1618749;171.75999999926717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749999999650754;2.794999999423453;2.8050000000803266;200];21.464;21.464];21.7;21.7];2805;2805];2];3;3.2049999999799184;3.485000000182481;3.960000000006403;33.212;33.212];38.19];4;4.0300000000570435;4.1650000002846355;4.374999999527063;4.843;4.84500000038679;4.9500000004</t>
  </si>
  <si>
    <t>http://0,0.241,0.241],0.668,0],1015339,1047354,1136919,113xrufp6r1bdxs2j9tq9ythihnkzqldedpmiu1aidr8,1145945,1189409,12.510000000474975,12.854],1271074,1291535,13.59,1315340,136.56499999979133,136.723,1393095,13jemz0p4uedw-apqc0wxpv7nebwjngrx5vgmkgxn5aq,148.8099999996848,15.344,15.344],15.552,15.552],1576521476353000],1576521479215000,1576521479313000,1597.596],1600],1600]],1618749,171.75999999926717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749999999650754,2.794999999423453,2.8050000000803266,200],21.464,21.464],21.7,21.7],2805,2805],2],3,3.2049999999799184,3.485000000182481,3.960000000006403,33.212,33.212],38.19],4,4.0300000000570435,4.1650000002846355,4.374999999527063,4.843,4.84500000038679,4.950</t>
  </si>
  <si>
    <t>12/16/2019 15:38:20</t>
  </si>
  <si>
    <t>0;0.241;0.241];0.668;0];1.3550000003306195;1015339;1047354;11.224;1136919;113xrufp6r1bdxs2j9tq9ythihnkzqldedpmiu1aidr8;1145945;1189409;12.510000000474975;12.854];1271074;1291535;13.59;1315340;136.56499999979133;136.723;1393095;13jemz0p4uedw-apqc0wxpv7nebwjngrx5vgmkgxn5aq;148.8099999996848;15.344;15.344];15.552;15.552];1576521476353000];1576521479215000;1576521479313000;1597.596];1600];1600]];1618749;171.75999999926717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5349999996251427;2.569999999650463;2.749999999650754;2.794999999423453;2.8050000000803266;2.8899999997520354;200];21.464;21.464];21.7;21.7];2805;2805];2];3;3.2049999999799184;3.485000000182481;3.960000000006403;30.255];33.212;33.212];38.19];4;4</t>
  </si>
  <si>
    <t>http://0,0.241,0.241],0.668,0],1.3550000003306195,1015339,1047354,11.224,1136919,113xrufp6r1bdxs2j9tq9ythihnkzqldedpmiu1aidr8,1145945,1189409,12.510000000474975,12.854],1271074,1291535,13.59,1315340,136.56499999979133,136.723,1393095,13jemz0p4uedw-apqc0wxpv7nebwjngrx5vgmkgxn5aq,148.8099999996848,15.344,15.344],15.552,15.552],1576521476353000],1576521479215000,1576521479313000,1597.596],1600],1600]],1618749,171.75999999926717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5349999996251427,2.569999999650463,2.749999999650754,2.794999999423453,2.8050000000803266,2.8899999997520354,200],21.464,21.464],21.7,21.7],2805,2805],2],3,3.2049999999799184,3.485000000182481,3.960000000006403,30.255],33.212,33.212],38.</t>
  </si>
  <si>
    <t>0;0.241;0.241];0.444;0.668;0.693];0];1;1.3550000003306195;10;1015339;1047354;11;11.224;1136919;113xrufp6r1bdxs2j9tq9ythihnkzqldedpmiu1aidr8;1145945;1189409;1193;12.510000000474975;12.854];1271074;1291535;13;13.59;1315340;136.56499999979133;136.723;1393095;13jemz0p4uedw-apqc0wxpv7nebwjngrx5vgmkgxn5aq;14.640000000326836;148.8099999996848;15.344;15.344];15.552;15.552];1576521476353000];1576521479215000;1576521479313000;1576521479926000;1576521483027000;1576521483028000;1576521485668000;1597.596];15];1600];1600]];1618749;169;170;171.75999999926717;18.554999999651045;18.699999999626016;193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3700000001554145;2.462;2.5349999996251427;2.569999999650463;2.749999999650754;2.794999999423453;2.80500000008032</t>
  </si>
  <si>
    <t>http://0,0.241,0.241],0.444,0.668,0.693],0],1,1.3550000003306195,10,1015339,1047354,11,11.224,1136919,113xrufp6r1bdxs2j9tq9ythihnkzqldedpmiu1aidr8,1145945,1189409,1193,12.510000000474975,12.854],1271074,1291535,13,13.59,1315340,136.56499999979133,136.723,1393095,13jemz0p4uedw-apqc0wxpv7nebwjngrx5vgmkgxn5aq,14.640000000326836,148.8099999996848,15.344,15.344],15.552,15.552],1576521476353000],1576521479215000,1576521479313000,1576521479926000,1576521483027000,1576521483028000,1576521485668000,1597.596],15],1600],1600]],1618749,169,170,171.75999999926717,18.554999999651045,18.699999999626016,193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3700000001554145,2.462,2.5349999996251427,2.569999999650463,2.749999999650754,2.794999999423453,2.8050000</t>
  </si>
  <si>
    <t>0;0.241;0.241];0.444;0.668;0.693];0];1;1.3550000003306195;10;1015339;1047354;11;11.224;11196]]];1136919;113xrufp6r1bdxs2j9tq9ythihnkzqldedpmiu1aidr8;1145945;1189409;1193;1193];11miheompnvjqp_gccloczwo8w8naiwybj-wo5-3sbda;12;12.510000000474975;12.854];1271074;1291535;13;13.59;1315340;136.56499999979133;136.723;1393095;13jemz0p4uedw-apqc0wxpv7nebwjngrx5vgmkgxn5aq;14;14.640000000326836;148.8099999996848;15;15.344;15.344];15.552;15.552];15765;1576521476353000];1576521479215000;1576521479313000;1576521479926000;1576521483027000;1576521483028000;1576521485668000;1576521485930000;1576521485953000;1576521499728000;1597.596];15];1600];1600]];1618749;169;170;171.75999999926717;18.554999999651045;18.699999999626016;193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</t>
  </si>
  <si>
    <t>http://0,0.241,0.241],0.444,0.668,0.693],0],1,1.3550000003306195,10,1015339,1047354,11,11.224,11196]]],1136919,113xrufp6r1bdxs2j9tq9ythihnkzqldedpmiu1aidr8,1145945,1189409,1193,1193],11miheompnvjqp_gccloczwo8w8naiwybj-wo5-3sbda,12,12.510000000474975,12.854],1271074,1291535,13,13.59,1315340,136.56499999979133,136.723,1393095,13jemz0p4uedw-apqc0wxpv7nebwjngrx5vgmkgxn5aq,14,14.640000000326836,148.8099999996848,15,15.344,15.344],15.552,15.552],15765,1576521476353000],1576521479215000,1576521479313000,1576521479926000,1576521483027000,1576521483028000,1576521485668000,1576521485930000,1576521485953000,1576521499728000,1597.596],15],1600],1600]],1618749,169,170,171.75999999926717,18.554999999651045,18.699999999626016,193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</t>
  </si>
  <si>
    <t>"mozilla/5.0 (windows nt 6.1) applewebkit/537.36 (khtml;0;0.241;0.241];0.444;0.668;0.693];0];1;1.3550000003306195;10;1015339;1047354;11;11.224;11196]]];1136919;113xrufp6r1bdxs2j9tq9ythihnkzqldedpmiu1aidr8;1145945;1189409;1193;1193];11miheompnvjqp_gccloczwo8w8naiwybj-wo5-3sbda;12;12.510000000474975;12.854];1271074;1291535;13;13.59;1315340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3701953;13701957;13701969;13702064;13702068;1393095;13jemz0p4uedw-apqc0wxpv7nebwjngrx5vgmkgxn5aq;14;14.640000000326836;148.8099999996848;15;15.344;15.344];15.552;15.552];15765;1576521475146000;1576521475576000;1576521476353000];</t>
  </si>
  <si>
    <t>http://"mozilla/5.0 (windows nt 6.1) applewebkit/537.36 (khtml,0,0.241,0.241],0.444,0.668,0.693],0],1,1.3550000003306195,10,1015339,1047354,11,11.224,11196]]],1136919,113xrufp6r1bdxs2j9tq9ythihnkzqldedpmiu1aidr8,1145945,1189409,1193,1193],11miheompnvjqp_gccloczwo8w8naiwybj-wo5-3sbda,12,12.510000000474975,12.854],1271074,1291535,13,13.59,1315340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01921,13701953,13701957,13701969,13702064,13702068,1393095,13jemz0p4uedw-apqc0wxpv7nebwjngrx5vgmkgxn5aq,14,14.640000000326836,148.8099999996848,15,15.344,15.344],15.552,15.552],15765,1576521475146000,1576521475576000,15765214763</t>
  </si>
  <si>
    <t>12/16/2019 15:38:24</t>
  </si>
  <si>
    <t>http:///batch?%24ct=multipart%2Fmixed%3B%20boundary%3D%22%3D%3D%3D%3D%3Dwtx7q1wdefto%3D%3D%3D%3D%3D%22&amp;key=AIzaSyAy9VVXHSpS2IJpptzYtGbLP3-3_l0aBk4</t>
  </si>
  <si>
    <t>===== content-type;ancestorhasaugmentedpermissions;containsunsubscribedchildren;displayname;domain;emaila;emailaddress;file(kind;fileid;filesize;hasthumbnail;hasvisitorpermissions;id;id);items(deleted;items(kind;ken;kind;lastmodifyinguser(kind;lastviewedbymedate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===== content-type,ancestorhasaugmentedpermissions,containsunsubscribedchildren,displayname,domain,emaila,emailaddress,file(kind,fileid,filesize,hasthumbnail,hasvisitorpermissions,id,id),items(deleted,items(kind,ken,kind,lastmodifyinguser(kind,lastviewedbymedate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28</t>
  </si>
  <si>
    <t>http:///batch?%24ct=multipart%2Fmixed%3B%20boundary%3D%22%3D%3D%3D%3D%3Dibspgchfp3wb%3D%3D%3D%3D%3D%22&amp;key=AIzaSyAy9VVXHSpS2IJpptzYtGbLP3-3_l0aBk4</t>
  </si>
  <si>
    <t>http:///batch?%24ct=multipart%2Fmixed%3B%20boundary%3D%22%3D%3D%3D%3D%3Dr9hybqtl55do%3D%3D%3D%3D%3D%22&amp;key=AIzaSyAy9VVXHSpS2IJpptzYtGbLP3-3_l0aBk4</t>
  </si>
  <si>
    <t>===== content-type;ancestorhasaugmentedpermissions;containsunsubscribedchildren;displayname;domain;emaila;emailaddress;file(kind;fileid;filesize;hasthumbnail;hasvisitorpermissions;id;id);items(deleted;items(kind;ken;kind;lastmodifyi;lastmodifyinguser(kind;lastviewedb;lastviewedbymedate;loczwo8w8naiwybj-wo5-3sbda?fields=kind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===== content-type,ancestorhasaugmentedpermissions,containsunsubscribedchildren,displayname,domain,emaila,emailaddress,file(kind,fileid,filesize,hasthumbnail,hasvisitorpermissions,id,id),items(deleted,items(kind,ken,kind,lastmodifyi,lastmodifyinguser(kind,lastviewedb,lastviewedbymedate,loczwo8w8naiwybj-wo5-3sbda?fields=kind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31</t>
  </si>
  <si>
    <t>http:///batch?%24ct=multipart%2Fmixed%3B%20boundary%3D%22%3D%3D%3D%3D%3D8mc7r690ftfu%3D%3D%3D%3D%3D%22&amp;key=AIzaSyAy9VVXHSpS2IJpptzYtGbLP3-3_l0aBk4</t>
  </si>
  <si>
    <t>===== content-type;ancestorhasaugmentedpermissions;be8540afc47ac9f1e97e10ff5b4f6fba_u x-goog-authuser: 0 --=====8mc7r690ftfu=====-- &gt;(0)};containsunsubscribedchildren;displayname;domain;emaila;emailaddress;file(kind;fileid;filesize;hasthumbnail;hasvisitorpermissions;id;id);items(deleted;items(kind;ken;kind;lastmodifyi;lastmodifyinguser(kind;lastviewedb;lastviewedbymedate;loczwo8w8naiwybj-wo5-3sbda?fields=kind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===== content-type,ancestorhasaugmentedpermissions,be8540afc47ac9f1e97e10ff5b4f6fba_u x-goog-authuser: 0 --=====8mc7r690ftfu=====-- &gt;(0)},containsunsubscribedchildren,displayname,domain,emaila,emailaddress,file(kind,fileid,filesize,hasthumbnail,hasvisitorpermissions,id,id),items(deleted,items(kind,ken,kind,lastmodifyi,lastmodifyinguser(kind,lastviewedb,lastviewedbymedate,loczwo8w8naiwybj-wo5-3sbda?fields=kind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32</t>
  </si>
  <si>
    <t>http:///batch?%24ct=multipart%2Fmixed%3B%20boundary%3D%22%3D%3D%3D%3D%3Do3x9tfajc9ci%3D%3D%3D%3D%3D%22&amp;key=AIzaSyAy9VVXHSpS2IJpptzYtGbLP3-3_l0aBk4</t>
  </si>
  <si>
    <t>"img�;"mozilla/5.0 (windows nt 6.1) applewebkit/537.36 (khtml;0;0.241;0.241];0.444;0.668;0.693];0];1;1.3550000003306195;10;1015339;1047354;1073129;11;11.224;1112024;1116444;11196]]];1133434;1136919;113xrufp6r1bdxs2j9tq9ythihnkzqldedpmiu1aidr8;1145945;1189409;1193;1193];11miheompnvjqp_gccloczwo8w8naiwybj-wo5-3sbda;12;12.510000000474975;12.854];1257429;1271074;1291535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3701953;13701957;13701969;13702064;13702068;1393095;13jemz0p4uedw-apqc0wxpv7nebwjngrx5vgmkgxn5aq;14;14.640000000326836;1403404;1422439;1452804;148.8099999996848;15;15</t>
  </si>
  <si>
    <t>http://"img�,"mozilla/5.0 (windows nt 6.1) applewebkit/537.36 (khtml,0,0.241,0.241],0.444,0.668,0.693],0],1,1.3550000003306195,10,1015339,1047354,1073129,11,11.224,1112024,1116444,11196]]],1133434,1136919,113xrufp6r1bdxs2j9tq9ythihnkzqldedpmiu1aidr8,1145945,1189409,1193,1193],11miheompnvjqp_gccloczwo8w8naiwybj-wo5-3sbda,12,12.510000000474975,12.854],1257429,1271074,1291535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01921,13701953,13701957,13701969,13702064,13702068,1393095,13jemz0p4uedw-apqc0wxpv7nebwjngrx5vgmkgxn5aq,14,14.640000000326836,1403404,1422439,1452804,148.809999999684</t>
  </si>
  <si>
    <t>"img�;"mozilla/5.0 (windows nt 6.1) applewebkit/537.36 (khtml;0;0.241;0.241];0.444;0.668;0.693];0];1;1.3550000003306195;10;1015339;1047354;1073129;1074.6449999996912;109.21499999949447;11;11.224;1112024;1116444;11196]]];1133434;1136919;113xrufp6r1bdxs2j9tq9ythihnkzqldedpmiu1aidr8;1145945;1189409;1191.1999999992986;1193;1193];11miheompnvjqp_gccloczwo8w8naiwybj-wo5-3sbda;12;12.510000000474975;12.854];1257429;1271074;1291535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3701953;13701957;13701969;13702064;13702068;1393095;13jemz0p4uedw-apqc0wxpv7nebwjngrx5vgmkgxn5aq;14;14.640000</t>
  </si>
  <si>
    <t>http://"img�,"mozilla/5.0 (windows nt 6.1) applewebkit/537.36 (khtml,0,0.241,0.241],0.444,0.668,0.693],0],1,1.3550000003306195,10,1015339,1047354,1073129,1074.6449999996912,109.21499999949447,11,11.224,1112024,1116444,11196]]],1133434,1136919,113xrufp6r1bdxs2j9tq9ythihnkzqldedpmiu1aidr8,1145945,1189409,1191.1999999992986,1193,1193],11miheompnvjqp_gccloczwo8w8naiwybj-wo5-3sbda,12,12.510000000474975,12.854],1257429,1271074,1291535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01921,13701953,13701957,13701969,13702064,13702068,1393095,13jemz0p4uedw-apqc0wxpv7nebwjngrx5vgmkgxn5aq,14,14</t>
  </si>
  <si>
    <t>"img�;"mozilla/5.0 (windows nt 6.1) applewebkit/537.36 (khtml;%3d%3d%3d%3d%3d%22&amp;key=aizasyay9vvxhsps2ijpptzytgblp3-3_l0abk4";0;0.241;0.241];0.444;0.668;0.693];0];1;1.3550000003306195;10;1015339;1047354;1073129;1074.6449999996912;109.21499999949447;11;11.224;1112024;1116444;11196]]];1133434;1136919;113xrufp6r1bdxs2j9tq9ythihnkzqldedpmiu1aidr8;1145945;1189409;1191.1999999992986;1193;1193];11miheompnvjqp_gccloczwo8w8naiwybj-wo5-3sbda;12;12.510000000474975;12.791];12.854];124.1200000004028;1257429;1271074;1291535;1296.3349999999991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</t>
  </si>
  <si>
    <t>http://"img�,"mozilla/5.0 (windows nt 6.1) applewebkit/537.36 (khtml,%3d%3d%3d%3d%3d%22&amp;key=aizasyay9vvxhsps2ijpptzytgblp3-3_l0abk4",0,0.241,0.241],0.444,0.668,0.693],0],1,1.3550000003306195,10,1015339,1047354,1073129,1074.6449999996912,109.21499999949447,11,11.224,1112024,1116444,11196]]],1133434,1136919,113xrufp6r1bdxs2j9tq9ythihnkzqldedpmiu1aidr8,1145945,1189409,1191.1999999992986,1193,1193],11miheompnvjqp_gccloczwo8w8naiwybj-wo5-3sbda,12,12.510000000474975,12.791],12.854],124.1200000004028,1257429,1271074,1291535,1296.3349999999991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</t>
  </si>
  <si>
    <t>"img�;"mozilla/5.0 (windows nt 6.1) applewebkit/537.36 (khtml;%3d%3d%3d%3d%3d%22&amp;key=aizasyay9vvxhsps2ijpptzytgblp3-3_l0abk4";0;0.241;0.241];0.444;0.668;0.693];0];1;1.3550000003306195;1.425;10;100.46999999940454;1015339;1047354;105.03999999946245;106.380000000172;106.4249999999447;106.6000000000713;106.72000000067783;1073129;1074.6449999996912;109.21499999949447;109.60499999964668;109.65999999916676;11;11.224;110.36500000045635;1112024;1116444;11196]]];113.33999999988009;1133434;1136919;113xrufp6r1bdxs2j9tq9ythihnkzqldedpmiu1aidr8;1145945;1189409;1191.1999999992986;1193;1193];11miheompnvjqp_gccloczwo8w8naiwybj-wo5-3sbda;12;12.38;12.510000000474975;12.791];12.854];124.1200000004028;1257429;1271074;1291535;1296.3349999999991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</t>
  </si>
  <si>
    <t>http://"img�,"mozilla/5.0 (windows nt 6.1) applewebkit/537.36 (khtml,%3d%3d%3d%3d%3d%22&amp;key=aizasyay9vvxhsps2ijpptzytgblp3-3_l0abk4",0,0.241,0.241],0.444,0.668,0.693],0],1,1.3550000003306195,1.425,10,100.46999999940454,1015339,1047354,105.03999999946245,106.380000000172,106.4249999999447,106.6000000000713,106.72000000067783,1073129,1074.6449999996912,109.21499999949447,109.60499999964668,109.65999999916676,11,11.224,110.36500000045635,1112024,1116444,11196]]],113.33999999988009,1133434,1136919,113xrufp6r1bdxs2j9tq9ythihnkzqldedpmiu1aidr8,1145945,1189409,1191.1999999992986,1193,1193],11miheompnvjqp_gccloczwo8w8naiwybj-wo5-3sbda,12,12.38,12.510000000474975,12.791],12.854],124.1200000004028,1257429,1271074,1291535,1296.3349999999991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</t>
  </si>
  <si>
    <t>12/16/2019 15:37:32</t>
  </si>
  <si>
    <t>12/16/2019 15:37:07</t>
  </si>
  <si>
    <t>12/16/2019 15:42:15</t>
  </si>
  <si>
    <t>12/16/2019 15:37:13</t>
  </si>
  <si>
    <t>http://qlikview.algartecnologia.com.br/qvajaxzfc/accesspoint.aspx?mark=&amp;platform=browser.&amp;dpi=96</t>
  </si>
  <si>
    <t>12/16/2019 15:37:15</t>
  </si>
  <si>
    <t>12/16/2019 15:37:19</t>
  </si>
  <si>
    <t>12/16/2019 15:38:52</t>
  </si>
  <si>
    <t>12/16/2019 15:44:14</t>
  </si>
  <si>
    <t>12/16/2019 15:39:52</t>
  </si>
  <si>
    <t>12/16/2019 15:45:15</t>
  </si>
  <si>
    <t>12/16/2019 15:42:32</t>
  </si>
  <si>
    <t>b88c1c6b-cc22-4068-b314-3f1f5addb9e4.tmp</t>
  </si>
  <si>
    <t>\\acsfs\profiles$\ayalabfi\Downloads\b88c1c6b-cc22-4068-b314-3f1f5addb9e4.tmp</t>
  </si>
  <si>
    <t>12/16/2019 15:41:13</t>
  </si>
  <si>
    <t>12/16/2019 15:46:14</t>
  </si>
  <si>
    <t>fa3efe04-ae8b-49c5-aa06-bb43ca01de1a.tmp</t>
  </si>
  <si>
    <t>\\acsfs\profiles$\marcileiasdm\Downloads\fa3efe04-ae8b-49c5-aa06-bb43ca01de1a.tmp</t>
  </si>
  <si>
    <t>12/16/2019 15:43:24</t>
  </si>
  <si>
    <t>b904e977-f236-4e9b-958a-76da3eb2f9d0.tmp</t>
  </si>
  <si>
    <t>\\acsfs\profiles$\marcileiasdm\Downloads\b904e977-f236-4e9b-958a-76da3eb2f9d0.tmp</t>
  </si>
  <si>
    <t>12/16/2019 15:42:02</t>
  </si>
  <si>
    <t>12/16/2019 15:43:31</t>
  </si>
  <si>
    <t>12/16/2019 15:46:04</t>
  </si>
  <si>
    <t>12/16/2019 15:48:14</t>
  </si>
  <si>
    <t>12/16/2019 15:46:29</t>
  </si>
  <si>
    <t>12/16/2019 15:47:38</t>
  </si>
  <si>
    <t>https://algar.folhasinergyrh.com.br/afastamento/upload?id=0&amp;idsolicitacao=15281</t>
  </si>
  <si>
    <t>06/12/2019;</t>
  </si>
  <si>
    <t>ATESTADO - VERONICA.zip</t>
  </si>
  <si>
    <t>https://06/12/2019</t>
  </si>
  <si>
    <t>C:\Users\robsonams\Desktop\ATESTADO - VERONICA.zip\</t>
  </si>
  <si>
    <t>ATESTADO - VERONICA.pdf</t>
  </si>
  <si>
    <t>12/16/2019 15:43:46</t>
  </si>
  <si>
    <t>12/16/2019 15:49:15</t>
  </si>
  <si>
    <t>c3e9eca0-7d19-4e42-a65c-561a44d3f5f5.tmp</t>
  </si>
  <si>
    <t>\\acsfs\profiles$\yurics\Downloads\c3e9eca0-7d19-4e42-a65c-561a44d3f5f5.tmp</t>
  </si>
  <si>
    <t>12/16/2019 15:44:52</t>
  </si>
  <si>
    <t>12/16/2019 15:45:52</t>
  </si>
  <si>
    <t>12/16/2019 15:50:14</t>
  </si>
  <si>
    <t>12/16/2019 15:46:11</t>
  </si>
  <si>
    <t>12/16/2019 15:47:52</t>
  </si>
  <si>
    <t>12/16/2019 15:51:15</t>
  </si>
  <si>
    <t>ec099e90-74a2-4905-98e9-c9d06f4c41f0.tmp</t>
  </si>
  <si>
    <t>\\acsfs\profiles$\danielta\Downloads\ec099e90-74a2-4905-98e9-c9d06f4c41f0.tmp</t>
  </si>
  <si>
    <t>12/16/2019 15:49:34</t>
  </si>
  <si>
    <t>8b8adada-0eed-40cd-ab6b-ac75ed36745f.tmp</t>
  </si>
  <si>
    <t>\\acsfs\profiles$\danielta\Downloads\8b8adada-0eed-40cd-ab6b-ac75ed36745f.tmp</t>
  </si>
  <si>
    <t>12/16/2019 15:49:41</t>
  </si>
  <si>
    <t>aeea0061-c045-4247-bf06-44193b87896b.tmp</t>
  </si>
  <si>
    <t>\\acsfs\profiles$\danielta\Downloads\aeea0061-c045-4247-bf06-44193b87896b.tmp</t>
  </si>
  <si>
    <t>12/16/2019 15:46:47</t>
  </si>
  <si>
    <t>12/16/2019 15:46:58</t>
  </si>
  <si>
    <t>12/16/2019 15:47:32</t>
  </si>
  <si>
    <t>12/16/2019 15:46:35</t>
  </si>
  <si>
    <t>12/16/2019 15:52:14</t>
  </si>
  <si>
    <t>2363d052-e079-44bb-9b22-8b74d8d92e3f.tmp</t>
  </si>
  <si>
    <t>\\acsfs\profiles$\erichds\Downloads\2363d052-e079-44bb-9b22-8b74d8d92e3f.tmp</t>
  </si>
  <si>
    <t>12/16/2019 15:51:54</t>
  </si>
  <si>
    <t>12/16/2019 15:53:15</t>
  </si>
  <si>
    <t>12/16/2019 15:50:39</t>
  </si>
  <si>
    <t>\\acsfs\profiles$\vanessacgs\Documents\</t>
  </si>
  <si>
    <t>pastass.txt</t>
  </si>
  <si>
    <t>\\acsfs\profiles$\vanessacgs\Documents\pastass.txt</t>
  </si>
  <si>
    <t>12/16/2019 15:51:43</t>
  </si>
  <si>
    <t>XLOG_vanessacgs_16122019_143213.log</t>
  </si>
  <si>
    <t>\\acsfs\profiles$\vanessacgs\My Documents\xworkcenter\logs\XLOG_vanessacgs_16122019_143213.log</t>
  </si>
  <si>
    <t>12/16/2019 15:50:53</t>
  </si>
  <si>
    <t>12/16/2019 15:54:14</t>
  </si>
  <si>
    <t>12/16/2019 15:51:53</t>
  </si>
  <si>
    <t>12/16/2019 15:52:10</t>
  </si>
  <si>
    <t>10.200.57.40</t>
  </si>
  <si>
    <t>mail.google.com/_/upload?authuser=1&amp;dcp=asu-n&amp;upload_id=AEnB2UoGqy90cp-vLrPFS75694QS3Xo_7H1B65xhoER5LIBjF4EQuLf3P1P1euagtId7P34KovY--XBi7Dv92bJc7JIiH0GRNhZ1j_fdtMXLr2d0RryjCKQ&amp;upload_protocol=resumable</t>
  </si>
  <si>
    <t>Office365.xlsx</t>
  </si>
  <si>
    <t>12/16/2019 15:52:40</t>
  </si>
  <si>
    <t>12/16/2019 15:54:08</t>
  </si>
  <si>
    <t>12/16/2019 15:55:15</t>
  </si>
  <si>
    <t>12/16/2019 15:50:46</t>
  </si>
  <si>
    <t>12/16/2019 15:56:14</t>
  </si>
  <si>
    <t>7ee82d4c-0918-4797-b7d0-5d0936432db1.tmp</t>
  </si>
  <si>
    <t>\\acsfs\profiles$\danielta\Downloads\7ee82d4c-0918-4797-b7d0-5d0936432db1.tmp</t>
  </si>
  <si>
    <t>12/16/2019 15:51:49</t>
  </si>
  <si>
    <t>c7715d04-4d0a-4f63-bbf7-c5b1b9d7576f.tmp</t>
  </si>
  <si>
    <t>\\acsfs\profiles$\danielta\Downloads\c7715d04-4d0a-4f63-bbf7-c5b1b9d7576f.tmp</t>
  </si>
  <si>
    <t>12/16/2019 15:50:57</t>
  </si>
  <si>
    <t>9986219f-3ced-46b9-bce5-de00c96c0bf4.tmp</t>
  </si>
  <si>
    <t>\\acsfs\profiles$\wenderbnm\Downloads\9986219f-3ced-46b9-bce5-de00c96c0bf4.tmp</t>
  </si>
  <si>
    <t>12/16/2019 15:51:50</t>
  </si>
  <si>
    <t>kyoto.mp3.crdownload</t>
  </si>
  <si>
    <t>\\acsfs\profiles$\danielta\Downloads\kyoto.mp3.crdownload</t>
  </si>
  <si>
    <t>12/16/2019 15:52:08</t>
  </si>
  <si>
    <t>5811ec3b-3679-46f0-8822-cb152b9ede9d.tmp</t>
  </si>
  <si>
    <t>\\acsfs\profiles$\danielta\Downloads\5811ec3b-3679-46f0-8822-cb152b9ede9d.tmp</t>
  </si>
  <si>
    <t>12/16/2019 15:53:40</t>
  </si>
  <si>
    <t>a02ec633-6fdb-4764-a773-3547d50deebd.tmp</t>
  </si>
  <si>
    <t>\\acsfs\profiles$\danielta\Downloads\a02ec633-6fdb-4764-a773-3547d50deebd.tmp</t>
  </si>
  <si>
    <t>12/16/2019 15:55:20</t>
  </si>
  <si>
    <t>CPF 12291084836 - OPERADORA ANDREA PAULA DA SILVA GOMES_1_6763684845369496543_1_32.wav</t>
  </si>
  <si>
    <t>\\acsfs\DEPTOS\EDUCACAO EMPRESARIAL\CPF 12291084836 - OPERADORA ANDREA PAULA DA SILVA GOMES_1_6763684845369496543_1_32.wav</t>
  </si>
  <si>
    <t>12/16/2019 15:54:31</t>
  </si>
  <si>
    <t>12/16/2019 15:54:27</t>
  </si>
  <si>
    <t>12/16/2019 15:57:14</t>
  </si>
  <si>
    <t>recepcaocrv@algartelecom.com.br;</t>
  </si>
  <si>
    <t>Banco de Dados Cartões.xlsx</t>
  </si>
  <si>
    <t>recepcaocrv@algartelecom.com.br</t>
  </si>
  <si>
    <t>12/16/2019 15:56:32</t>
  </si>
  <si>
    <t>12/16/2019 15:55:06</t>
  </si>
  <si>
    <t>12/16/2019 15:58:14</t>
  </si>
  <si>
    <t>mail.google.com/_/upload?authuser=0&amp;dcp=asu-n&amp;upload_id=AEnB2UodzUQECm59lxG0qMUKC0e24qEORrx04kf44EglKJKMoFbX0w6lODYGCw41yDfSh2Wc3JGugnizgHLyJAxIerhg8v8m7IDGmq8l3MdQxrrI8ebkgfQ&amp;upload_protocol=resumable</t>
  </si>
  <si>
    <t>senildapdo@algartecnologia.com.br;tayseifb@algartech.com;viniciussg@algartech.com;</t>
  </si>
  <si>
    <t>Meta conversação Nov.19.xlsb</t>
  </si>
  <si>
    <t>senildapdo@algartecnologia.com.br,tayseifb@algartech.com,viniciussg@algartech.com</t>
  </si>
  <si>
    <t>12/16/2019 15:57:25</t>
  </si>
  <si>
    <t>12/16/2019 15:57:29</t>
  </si>
  <si>
    <t>12/16/2019 15:53:44</t>
  </si>
  <si>
    <t>camillarl@algartech.com;talmaiardo@algartech.com;</t>
  </si>
  <si>
    <t>camillarl@algartech.com,talmaiardo@algartech.com</t>
  </si>
  <si>
    <t>12/16/2019 15:53:53</t>
  </si>
  <si>
    <t>12/16/2019 15:54:19</t>
  </si>
  <si>
    <t>06/12/2019;camillarl@algartech.com;talmaiardo@algartech.com;</t>
  </si>
  <si>
    <t>06/12/2019,camillarl@algartech.com,talmaiardo@algartech.com</t>
  </si>
  <si>
    <t>12/16/2019 15:56:53</t>
  </si>
  <si>
    <t>12/16/2019 15:59:14</t>
  </si>
  <si>
    <t>12/16/2019 15:57:53</t>
  </si>
  <si>
    <t>12/16/2019 15:55:27</t>
  </si>
  <si>
    <t>12/16/2019 15:58:39</t>
  </si>
  <si>
    <t>12/16/2019 16:00:14</t>
  </si>
  <si>
    <t>12/16/2019 15:55:55</t>
  </si>
  <si>
    <t>12/16/2019 15:58:41</t>
  </si>
  <si>
    <t>12/16/2019 16:01:14</t>
  </si>
  <si>
    <t>10.200.35.160</t>
  </si>
  <si>
    <t>mail.google.com/_/upload?authuser=0&amp;dcp=asu-n&amp;upload_id=AEnB2UpOfQUuqTYx9zJmjARIJmLy3ER6T7vo4D7VvxqO54xaVMVH8-qUxYj8N_meqSaiayvJ64UbqEUexYrPXAqsv0pNrZ6f16TtytcgynCu9iyvDhO-API&amp;upload_protocol=resumable</t>
  </si>
  <si>
    <t>C:\Users\gustavoas\Documents\Algar Tech Local\TCO Plataformas de Negócio\</t>
  </si>
  <si>
    <t>TCO.xlsx</t>
  </si>
  <si>
    <t>12/16/2019 15:56:30</t>
  </si>
  <si>
    <t>CPF 12291084836 - OPERADOR LUCAS NASCIMENTO SILVA_1_6766240527004273833_1_32.wav</t>
  </si>
  <si>
    <t>\\acsfs\DEPTOS\EDUCACAO EMPRESARIAL\CPF 12291084836 - OPERADOR LUCAS NASCIMENTO SILVA_1_6766240527004273833_1_32.wav</t>
  </si>
  <si>
    <t>12/16/2019 15:59:18</t>
  </si>
  <si>
    <t>adilsonloj@algartech.com;bianca.boari@dxc.com;bvs-centralcartoes@bv.com.br;cintia.souza-domingues@dxc.com;eduardo.santana@bv.com.br;fernandorsju@algartech.com;marianeps@algartech.com;talmaiardo@algartech.com;thiagordu@algartech.com;vitorgmp@algartech.com;</t>
  </si>
  <si>
    <t>adilsonloj@algartech.com,bianca.boari@dxc.com,bvs-centralcartoes@bv.com.br,cintia.souza-domingues@dxc.com,eduardo.santana@bv.com.br,fernandorsju@algartech.com,marianeps@algartech.com,talmaiardo@algartech.com,thiagordu@algartech.com,vitorgmp@algartech.com</t>
  </si>
  <si>
    <t>12/16/2019 15:59:21</t>
  </si>
  <si>
    <t>12/16/2019 15:57:50</t>
  </si>
  <si>
    <t>12/16/2019 16:01:44</t>
  </si>
  <si>
    <t>12/16/2019 16:03:14</t>
  </si>
  <si>
    <t>12/16/2019 16:02:14</t>
  </si>
  <si>
    <t>12/16/2019 16:02:44</t>
  </si>
  <si>
    <t>12/16/2019 15:57:58</t>
  </si>
  <si>
    <t>12/16/2019 15:58:16</t>
  </si>
  <si>
    <t>12/16/2019 15:58:19</t>
  </si>
  <si>
    <t>12/16/2019 16:02:53</t>
  </si>
  <si>
    <t>12/16/2019 16:04:15</t>
  </si>
  <si>
    <t>12/16/2019 16:00:47</t>
  </si>
  <si>
    <t>12/16/2019 16:05:14</t>
  </si>
  <si>
    <t>8b5051c1-fa5e-495f-acab-89301a38af35.tmp</t>
  </si>
  <si>
    <t>\\acsfs\profiles$\JOAOVAL\Downloads\8b5051c1-fa5e-495f-acab-89301a38af35.tmp</t>
  </si>
  <si>
    <t>12/16/2019 16:03:11</t>
  </si>
  <si>
    <t>lu158081e5tn0.tmp</t>
  </si>
  <si>
    <t>\\acsfs\profiles$\jonatanls\My Documents\lu158081e5tn0.tmp</t>
  </si>
  <si>
    <t>12/16/2019 16:00:41</t>
  </si>
  <si>
    <t>12/16/2019 16:06:15</t>
  </si>
  <si>
    <t>8ed315f9-f33d-4cf9-8c1f-18894c798f77.tmp</t>
  </si>
  <si>
    <t>\\acsfs\profiles$\wenderbnm\Downloads\8ed315f9-f33d-4cf9-8c1f-18894c798f77.tmp</t>
  </si>
  <si>
    <t>12/16/2019 16:03:21</t>
  </si>
  <si>
    <t>4ff0f116-cf93-42ed-889d-11404a53d384.tmp</t>
  </si>
  <si>
    <t>\\acsfs\profiles$\larissaad\Downloads\4ff0f116-cf93-42ed-889d-11404a53d384.tmp</t>
  </si>
  <si>
    <t>12/16/2019 16:03:40</t>
  </si>
  <si>
    <t>12/16/2019 16:05:41</t>
  </si>
  <si>
    <t>12/16/2019 16:02:27</t>
  </si>
  <si>
    <t>12/16/2019 16:06:02</t>
  </si>
  <si>
    <t>12/16/2019 16:07:14</t>
  </si>
  <si>
    <t>12/16/2019 16:04:14</t>
  </si>
  <si>
    <t>12/16/2019 16:08:15</t>
  </si>
  <si>
    <t>12/16/2019 16:04:44</t>
  </si>
  <si>
    <t>12/16/2019 16:05:44</t>
  </si>
  <si>
    <t>12/16/2019 16:06:14</t>
  </si>
  <si>
    <t>12/16/2019 16:03:53</t>
  </si>
  <si>
    <t>12/16/2019 16:09:14</t>
  </si>
  <si>
    <t>12/16/2019 16:04:11</t>
  </si>
  <si>
    <t>mail.google.com/mail/u/0/jserror?script=https://mail.google.com/mail/u/0/#inbox/ktbxlzgsrzppdqtfvjlnrjmlcrckzmzvml?compose=new&amp;line=not available&amp;error_in_body=1&amp;txz=pe</t>
  </si>
  <si>
    <t>12/16/2019 16:04:13</t>
  </si>
  <si>
    <t>12/16/2019 16:04:20</t>
  </si>
  <si>
    <t>12/16/2019 16:04:23</t>
  </si>
  <si>
    <t>142&amp;i=68&amp;ai=mail:ex.8c94.10.1/s:v=2&amp;a=ob&amp;sv=cv&amp;ev=cv&amp;t=420&amp;i=5&amp;mn=cs:1&amp;ai=mail:ob.8c94.11.0/s:v=2&amp;a=ob&amp;sv=cv&amp;ev=cv&amp;t=315&amp;i=6&amp;mn=cs:1&amp;ai=mail:ob.8c94.12.0</t>
  </si>
  <si>
    <t>mail.google.com/mail/u/0/jserror?script=https://mail.google.com/mail/u/0/#inbox/ktbxlzgsrzppdqtfvjlnrjmlcrckzmzvml?compose=crppbdzhzmjrpmdrgzwtggsfbpkjmkvkxvkjwhhckpmbmwspwdcmthpplxglbpzzhllpbjlpgbtlstrdjgsq&amp;line=not available&amp;error_in_body=1&amp;txz=pe</t>
  </si>
  <si>
    <t>142&amp;i=68&amp;ai=mail:ex.8c94.10.1/s:v=2&amp;a=ob&amp;sv=cv&amp;ev=cv&amp;t=420&amp;i=5&amp;mn=cs:1&amp;ai=mail:ob.8c94.11.0/s:v=2&amp;a=ob&amp;sv=cv&amp;ev=cv&amp;t=315&amp;i=6&amp;mn=cs:1&amp;ai=mail:ob.8c94.12.0;</t>
  </si>
  <si>
    <t>12/16/2019 16:04:28</t>
  </si>
  <si>
    <t>12/16/2019 16:04:35</t>
  </si>
  <si>
    <t>mail.google.com/sync/u/0/i/s?hl=pt-br&amp;c=102</t>
  </si>
  <si>
    <t>142&amp;i=68&amp;ai=mail:ex.8c94.10.1/s:v=2&amp;a=ob&amp;sv=cv&amp;ev=cv&amp;t=420&amp;i=5&amp;mn=cs:1&amp;ai=mail:ob.8c94.11.0/s:v=2&amp;a=ob&amp;sv=cv&amp;ev=cv&amp;t=315&amp;i=6&amp;mn=cs:1&amp;ai=mail:ob.8c94.12.0;eliane.martins@bv.com.br;</t>
  </si>
  <si>
    <t>142&amp;i=68&amp;ai=mail:ex.8c94.10.1/s:v=2&amp;a=ob&amp;sv=cv&amp;ev=cv&amp;t=420&amp;i=5&amp;mn=cs:1&amp;ai=mail:ob.8c94.11.0/s:v=2&amp;a=ob&amp;sv=cv&amp;ev=cv&amp;t=315&amp;i=6&amp;mn=cs:1&amp;ai=mail:ob.8c94.12.0,eliane.martins@bv.com.br</t>
  </si>
  <si>
    <t>12/16/2019 16:08:12</t>
  </si>
  <si>
    <t>12/16/2019 16:10:15</t>
  </si>
  <si>
    <t>12/16/2019 16:06:34</t>
  </si>
  <si>
    <t>12/16/2019 16:11:15</t>
  </si>
  <si>
    <t>12/16/2019 16:10:30</t>
  </si>
  <si>
    <t>dd7fe16c-c8d3-4f11-a266-f3a3cb3b2e1c.tmp</t>
  </si>
  <si>
    <t>\\acsfs\profiles$\deborahsi\Downloads\dd7fe16c-c8d3-4f11-a266-f3a3cb3b2e1c.tmp</t>
  </si>
  <si>
    <t>12/16/2019 16:10:55</t>
  </si>
  <si>
    <t>\\acsfs\profiles$\tiagosno\My Documents\xworkcenter\logs\</t>
  </si>
  <si>
    <t>XLOG_tiagosno_16122019_145049.log</t>
  </si>
  <si>
    <t>\\acsfs\profiles$\tiagosno\My Documents\xworkcenter\logs\XLOG_tiagosno_16122019_145049.log</t>
  </si>
  <si>
    <t>12/16/2019 16:08:52</t>
  </si>
  <si>
    <t>12/16/2019 16:12:14</t>
  </si>
  <si>
    <t>mail.google.com/_/upload?authuser=0&amp;dcp=asu-n&amp;upload_id=AEnB2Uqq1Msc_6ypbp8QW-R-Nf_iZxbUqvXqYxh_IMICaV-_EOR8Vtdbg2p1yaELgH6GMzmRe8Mpu3qE4UmzsPx0SoIEg-jaZ-FqaR1epYRwzKiLoFcbyi0&amp;upload_protocol=resumable</t>
  </si>
  <si>
    <t>alinedsdi@algartech.com;angicleiamen@algartech.com;brunocss@algartech.com;caiocsc@algartech.com;camilaammm@algartech.com;felipeaferr@algartech.com;</t>
  </si>
  <si>
    <t>2019_12_Gerencial_Qualidade_Retenção.xlsx</t>
  </si>
  <si>
    <t>alinedsdi@algartech.com,angicleiamen@algartech.com,brunocss@algartech.com,caiocsc@algartech.com,camilaammm@algartech.com,felipeaferr@algartech.com</t>
  </si>
  <si>
    <t>12/16/2019 16:08:53</t>
  </si>
  <si>
    <t>mail.google.com/_/upload?authuser=0&amp;dcp=asu-n&amp;upload_id=AEnB2UpawLUeonqgnzLJD5lZ-dwtJ_oRXFZofjKOjE8Hlmckqg0vZSxUIGm1kkxDfDZHdGIg6YbBcrfMk75Fi3RD_P5HqIhy-AmlN2NDCjk_Tr1a6Eu872M&amp;upload_protocol=resumable</t>
  </si>
  <si>
    <t>12/16/2019 16:11:58</t>
  </si>
  <si>
    <t>12/16/2019 16:13:15</t>
  </si>
  <si>
    <t>6ecbcb84-70eb-4573-80d6-4f6b1359697c.tmp</t>
  </si>
  <si>
    <t>\\acsfs\profiles$\bernardopcm\Downloads\6ecbcb84-70eb-4573-80d6-4f6b1359697c.tmp</t>
  </si>
  <si>
    <t>12/16/2019 16:12:11</t>
  </si>
  <si>
    <t>dc05b34d-76e8-4984-bc12-122bf9d9df56.tmp</t>
  </si>
  <si>
    <t>\\acsfs\profiles$\bernardopcm\Downloads\dc05b34d-76e8-4984-bc12-122bf9d9df56.tmp</t>
  </si>
  <si>
    <t>12/16/2019 16:08:36</t>
  </si>
  <si>
    <t>12/16/2019 16:09:44</t>
  </si>
  <si>
    <t>12/16/2019 16:11:44</t>
  </si>
  <si>
    <t>12/16/2019 16:12:25</t>
  </si>
  <si>
    <t>12/16/2019 16:08:47</t>
  </si>
  <si>
    <t>12/16/2019 16:14:14</t>
  </si>
  <si>
    <t>\\acsfs\Deptos\Controladoria\2 - Business Performance\2019\1 - Precificacao\6 - Revisao da Metodologia\Consultoria Teros\03 - Nova Ferramenta\Eficiencia Tributaria\</t>
  </si>
  <si>
    <t>12/16/2019 16:09:23</t>
  </si>
  <si>
    <t>XLOG_ellencds_16122019_145631.log</t>
  </si>
  <si>
    <t>\\acsfs\profiles$\ellencds\My Documents\xworkcenter\logs\XLOG_ellencds_16122019_145631.log</t>
  </si>
  <si>
    <t>12/16/2019 16:09:58</t>
  </si>
  <si>
    <t>XLOG_ellencds_16122019_145549.log</t>
  </si>
  <si>
    <t>\\acsfs\profiles$\ellencds\My Documents\xworkcenter\logs\XLOG_ellencds_16122019_145549.log</t>
  </si>
  <si>
    <t>12/16/2019 16:13:33</t>
  </si>
  <si>
    <t>12/16/2019 16:15:15</t>
  </si>
  <si>
    <t>12/16/2019 16:11:06</t>
  </si>
  <si>
    <t>12/16/2019 16:16:15</t>
  </si>
  <si>
    <t>cgrillo@cervello.com.br;cobranca.tech@algartech.com;faturamento@algartech.com;guilhermeaso@algartech.com;</t>
  </si>
  <si>
    <t>\\acsfs.acs.com.br\deptos\Asyst\COMERCIAL\02 - FATURAMENTO\Base GAT\GAT - Documentos Diversos Clientes\Contrato Peugeot\Faturamento\</t>
  </si>
  <si>
    <t>PSA_Base CNPJ.xlsx</t>
  </si>
  <si>
    <t>cgrillo@cervello.com.br,cobranca.tech@algartech.com,faturamento@algartech.com,guilhermeaso@algartech.com</t>
  </si>
  <si>
    <t>12/16/2019 16:12:12</t>
  </si>
  <si>
    <t>12/16/2019 16:15:39</t>
  </si>
  <si>
    <t>12/16/2019 16:15:55</t>
  </si>
  <si>
    <t>12/16/2019 16:18:15</t>
  </si>
  <si>
    <t>853a22e7-fb02-4220-bd9c-1dea4dd6e6e7.tmp</t>
  </si>
  <si>
    <t>\\acsfs\profiles$\gabrielamdp\Downloads\853a22e7-fb02-4220-bd9c-1dea4dd6e6e7.tmp</t>
  </si>
  <si>
    <t>3c103aff-65f3-4bc0-847d-2ad8a8923517.tmp</t>
  </si>
  <si>
    <t>\\acsfs\profiles$\gabrielamdp\Downloads\3c103aff-65f3-4bc0-847d-2ad8a8923517.tmp</t>
  </si>
  <si>
    <t>fe760d58-aaec-46b2-b041-3167681ac15b.tmp</t>
  </si>
  <si>
    <t>\\acsfs\profiles$\gabrielamdp\Downloads\fe760d58-aaec-46b2-b041-3167681ac15b.tmp</t>
  </si>
  <si>
    <t>2e2c3c3d-0a0d-486e-bb69-418d8e5e52ad.tmp</t>
  </si>
  <si>
    <t>\\acsfs\profiles$\gabrielamdp\Downloads\2e2c3c3d-0a0d-486e-bb69-418d8e5e52ad.tmp</t>
  </si>
  <si>
    <t>82b79177-f3be-4c54-a0fb-57917539bbbe.tmp</t>
  </si>
  <si>
    <t>\\acsfs\profiles$\gabrielamdp\Downloads\82b79177-f3be-4c54-a0fb-57917539bbbe.tmp</t>
  </si>
  <si>
    <t>12/16/2019 16:13:14</t>
  </si>
  <si>
    <t>12/16/2019 16:15:01</t>
  </si>
  <si>
    <t>12/16/2019 16:20:15</t>
  </si>
  <si>
    <t>12/16/2019 16:18:42</t>
  </si>
  <si>
    <t>12/16/2019 16:21:15</t>
  </si>
  <si>
    <t>Programa Caixa Cap Digital.xlsx</t>
  </si>
  <si>
    <t>12/16/2019 16:19:42</t>
  </si>
  <si>
    <t>12/16/2019 16:20:10</t>
  </si>
  <si>
    <t>aefedf2d-03da-4ccb-b013-83f2d8eddf3a.tmp</t>
  </si>
  <si>
    <t>\\acsfs\profiles$\brendadsl\Downloads\aefedf2d-03da-4ccb-b013-83f2d8eddf3a.tmp</t>
  </si>
  <si>
    <t>12/16/2019 16:18:54</t>
  </si>
  <si>
    <t>12/16/2019 16:23:14</t>
  </si>
  <si>
    <t>050cbac9-0b23-4f51-9e90-ecd552104206.tmp</t>
  </si>
  <si>
    <t>\\acsfs\profiles$\gabrielamdp\Downloads\050cbac9-0b23-4f51-9e90-ecd552104206.tmp</t>
  </si>
  <si>
    <t>12/16/2019 16:20:30</t>
  </si>
  <si>
    <t>813153be-53f6-4c9d-9569-16e1a55efea6.tmp</t>
  </si>
  <si>
    <t>\\acsfs\profiles$\gabrielamdp\Downloads\813153be-53f6-4c9d-9569-16e1a55efea6.tmp</t>
  </si>
  <si>
    <t>12/16/2019 16:21:19</t>
  </si>
  <si>
    <t>5a60486a-e1d6-4f46-ad6d-be469abcce5c.tmp</t>
  </si>
  <si>
    <t>\\acsfs\profiles$\gabrielamdp\Downloads\5a60486a-e1d6-4f46-ad6d-be469abcce5c.tmp</t>
  </si>
  <si>
    <t>12/16/2019 16:22:15</t>
  </si>
  <si>
    <t>bc5daf4e-750c-4348-97ee-eaa0e4435d37.tmp</t>
  </si>
  <si>
    <t>\\acsfs\profiles$\gabrielamdp\Downloads\bc5daf4e-750c-4348-97ee-eaa0e4435d37.tmp</t>
  </si>
  <si>
    <t>12/16/2019 16:22:27</t>
  </si>
  <si>
    <t>b6518230-0a63-4ea6-be18-013c59530d44.tmp</t>
  </si>
  <si>
    <t>\\acsfs\profiles$\gabrielamdp\Downloads\b6518230-0a63-4ea6-be18-013c59530d44.tmp</t>
  </si>
  <si>
    <t>12/16/2019 16:22:31</t>
  </si>
  <si>
    <t>d939d34f-2a4c-40e5-b05f-99558f52e1a6.tmp</t>
  </si>
  <si>
    <t>\\acsfs\profiles$\gabrielamdp\Downloads\d939d34f-2a4c-40e5-b05f-99558f52e1a6.tmp</t>
  </si>
  <si>
    <t>12/16/2019 16:22:35</t>
  </si>
  <si>
    <t>a005fdeb-28c9-4dc8-851a-c5775ab8ced3.tmp</t>
  </si>
  <si>
    <t>\\acsfs\profiles$\gabrielamdp\Downloads\a005fdeb-28c9-4dc8-851a-c5775ab8ced3.tmp</t>
  </si>
  <si>
    <t>12/16/2019 16:18:55</t>
  </si>
  <si>
    <t>mail.google.com/sync/u/0/i/s?hl=pt-BR&amp;c=69</t>
  </si>
  <si>
    <t>12/16/2019 16:19:02</t>
  </si>
  <si>
    <t>12/16/2019 16:19:24</t>
  </si>
  <si>
    <t>12/16/2019 16:21:42</t>
  </si>
  <si>
    <t>12/16/2019 16:22:09</t>
  </si>
  <si>
    <t>12/16/2019 16:22:10</t>
  </si>
  <si>
    <t>12/16/2019 16:22:17</t>
  </si>
  <si>
    <t>12/16/2019 16:22:54</t>
  </si>
  <si>
    <t>mail.google.com/sync/u/0/i/s?hl=pt-BR&amp;c=85</t>
  </si>
  <si>
    <t>12/16/2019 16:22:34</t>
  </si>
  <si>
    <t>12/16/2019 16:25:15</t>
  </si>
  <si>
    <t>mail.google.com/_/upload?authuser=0&amp;dcp=asu-52&amp;upload_id=AEnB2UqAwJt16uy6NvZxFULwsXfy-7NNGqgQPURhc8T6UbkM8FVTd95UMPghBJ6VX1VBoZJeaGCBsymJ3VzJNANPQq0ZVfsTWQxk9ysOWOI4TEtGKO-1nK4&amp;upload_protocol=resumable</t>
  </si>
  <si>
    <t>\\acsfs\deptos\PMO Governança\03 - ACOMPANHAMENTO DE PROJETOS\00 - STATUS GERAL\HOLDING\10_ Papo_Perf_Dez2019_v4.pptx\</t>
  </si>
  <si>
    <t>12/16/2019 16:20:53</t>
  </si>
  <si>
    <t>16-12.xlsx</t>
  </si>
  <si>
    <t>12/16/2019 16:25:43</t>
  </si>
  <si>
    <t>12/16/2019 16:26:16</t>
  </si>
  <si>
    <t>12/16/2019 16:22:58</t>
  </si>
  <si>
    <t>\\acsfs\Deptos\TH\09. Desenvolvimento (Trilhas e Estilos)\01. Governança\Trilha SGI\</t>
  </si>
  <si>
    <t>TRILHA SGI - SISTEMA DE GESTÃO INTEGRADA.xlsx</t>
  </si>
  <si>
    <t>12/16/2019 16:24:23</t>
  </si>
  <si>
    <t>12/16/2019 16:27:14</t>
  </si>
  <si>
    <t>12/16/2019 16:22:38</t>
  </si>
  <si>
    <t>12/16/2019 16:22:39</t>
  </si>
  <si>
    <t>12/16/2019 16:22:40</t>
  </si>
  <si>
    <t>12/16/2019 16:22:41</t>
  </si>
  <si>
    <t>12/16/2019 16:22:42</t>
  </si>
  <si>
    <t>12/16/2019 16:22:43</t>
  </si>
  <si>
    <t>12/16/2019 16:22:44</t>
  </si>
  <si>
    <t>12/16/2019 16:22:45</t>
  </si>
  <si>
    <t>12/16/2019 16:22:46</t>
  </si>
  <si>
    <t>12/16/2019 16:22:47</t>
  </si>
  <si>
    <t>12/16/2019 16:22:48</t>
  </si>
  <si>
    <t>12/16/2019 16:22:49</t>
  </si>
  <si>
    <t>12/16/2019 16:23:08</t>
  </si>
  <si>
    <t>12/16/2019 16:23:09</t>
  </si>
  <si>
    <t>12/16/2019 16:23:15</t>
  </si>
  <si>
    <t>12/16/2019 16:23:58</t>
  </si>
  <si>
    <t>12/16/2019 16:24:22</t>
  </si>
  <si>
    <t>mail.google.com/mail/u/0/jserror?script=https://mail.google.com/mail/u/0/#inbox/fmfcgxwgcqvkhqmfbwzmfjdczlgfmlrv&amp;error=yo&amp;line=not available&amp;txz=p</t>
  </si>
  <si>
    <t>12/16/2019 16:24:59</t>
  </si>
  <si>
    <t>12/16/2019 16:25:02</t>
  </si>
  <si>
    <t>mail.google.com/mail/u/0/jserror?script=https://mail.google.com/mail/u/0/#inbox/ktbxlzgsrzppdqtfvjlnrjmlcrckzmzvml&amp;error=yo&amp;line=not available&amp;txz=p</t>
  </si>
  <si>
    <t>12/16/2019 16:25:09</t>
  </si>
  <si>
    <t>mail.google.com/mail/u/0/jserror?script=https://mail.google.com/mail/u/0/#inbox?compose=gtvvlcrzcmtqptchdmwdmqphfjxtxftxmpsqchfkbphpmwpfshtdzzphwkfdzwpzvjrvgjsdplwxg&amp;error=yo&amp;line=not available&amp;txz=p</t>
  </si>
  <si>
    <t>12/16/2019 16:25:13</t>
  </si>
  <si>
    <t>mail.google.com/mail/u/0/jserror?script=https://mail.google.com/mail/u/0/#inbox/fmfcgxwgcqvkhkfvhmwqkwlphlkrptdt?compose=gtvvlcrzcmtqptchdmwdmqphfjxtxftxmpsqchfkbphpmwpfshtdzzphwkfdzwpzvjrvgjsdplwxg&amp;error=yo&amp;line=not available&amp;txz=p</t>
  </si>
  <si>
    <t>12/16/2019 16:25:49</t>
  </si>
  <si>
    <t>mail.google.com/sync/u/0/i/s?hl=pt-br&amp;c=22</t>
  </si>
  <si>
    <t>12/16/2019 16:26:01</t>
  </si>
  <si>
    <t>12/16/2019 16:26:04</t>
  </si>
  <si>
    <t>mail.google.com/mail/u/0/jserror?script=https://mail.google.com/mail/u/0/#inbox/fmfcgxwgcqvkhrrwkdzwfmgknnhjdhxh?compose=gtvvlcrzcmtqptchdmwdmqphfjxtxftxmpsqchfkbphpmwpfshtdzzphwkfdzwpzvjrvgjsdplwxg&amp;error=yo&amp;line=not available&amp;txz=p</t>
  </si>
  <si>
    <t>12/16/2019 16:28:15</t>
  </si>
  <si>
    <t>78da0b91-e2e2-4460-a3c5-66bb62d58064.tmp</t>
  </si>
  <si>
    <t>\\acsfs\profiles$\gabrielamdp\Downloads\78da0b91-e2e2-4460-a3c5-66bb62d58064.tmp</t>
  </si>
  <si>
    <t>12bab250-85de-4eac-adcb-cf9a0940130b.tmp</t>
  </si>
  <si>
    <t>\\acsfs\profiles$\gabrielamdp\Downloads\12bab250-85de-4eac-adcb-cf9a0940130b.tmp</t>
  </si>
  <si>
    <t>12/16/2019 16:22:56</t>
  </si>
  <si>
    <t>52ed20be-3309-470c-a40b-79b0ae0924e7.tmp</t>
  </si>
  <si>
    <t>\\acsfs\profiles$\gabrielamdp\Downloads\52ed20be-3309-470c-a40b-79b0ae0924e7.tmp</t>
  </si>
  <si>
    <t>12/16/2019 16:25:56</t>
  </si>
  <si>
    <t>38eb2816-90a6-4232-9a98-cefc3073f77e.tmp</t>
  </si>
  <si>
    <t>\\acsfs\profiles$\gabrielamdp\Downloads\38eb2816-90a6-4232-9a98-cefc3073f77e.tmp</t>
  </si>
  <si>
    <t>12/16/2019 16:23:53</t>
  </si>
  <si>
    <t>12/16/2019 16:24:20</t>
  </si>
  <si>
    <t>mail.google.com/sync/u/0/i/s?hl=pt-BR&amp;c=90</t>
  </si>
  <si>
    <t>12/16/2019 16:24:31</t>
  </si>
  <si>
    <t>12/16/2019 16:24:47</t>
  </si>
  <si>
    <t>12/16/2019 16:24:57</t>
  </si>
  <si>
    <t>12/16/2019 16:26:27</t>
  </si>
  <si>
    <t>12/16/2019 16:30:15</t>
  </si>
  <si>
    <t>12/16/2019 16:28:55</t>
  </si>
  <si>
    <t>12/16/2019 16:27:15</t>
  </si>
  <si>
    <t>Cronograma de Homologação - Controle de Jornada.xlsx</t>
  </si>
  <si>
    <t>12/16/2019 16:26:54</t>
  </si>
  <si>
    <t>12/16/2019 16:31:15</t>
  </si>
  <si>
    <t>12/16/2019 16:30:20</t>
  </si>
  <si>
    <t>bf6d85bd-2d1c-41d8-81cc-3b19646523d1.tmp</t>
  </si>
  <si>
    <t>\\acsfs\profiles$\brendadsl\Downloads\bf6d85bd-2d1c-41d8-81cc-3b19646523d1.tmp</t>
  </si>
  <si>
    <t>12/16/2019 16:29:51</t>
  </si>
  <si>
    <t>larissapdr</t>
  </si>
  <si>
    <t>\\acsfs\profiles$\larissapdr\Downloads\</t>
  </si>
  <si>
    <t>94f4e5b0-2f5e-4a7c-a338-2523b546ae3e.tmp</t>
  </si>
  <si>
    <t>\\acsfs\profiles$\larissapdr\Downloads\94f4e5b0-2f5e-4a7c-a338-2523b546ae3e.tmp</t>
  </si>
  <si>
    <t>12/16/2019 16:30:07</t>
  </si>
  <si>
    <t>489d9f21-138f-42e5-960c-14308e8dafdb.tmp</t>
  </si>
  <si>
    <t>\\acsfs\profiles$\larissapdr\Downloads\489d9f21-138f-42e5-960c-14308e8dafdb.tmp</t>
  </si>
  <si>
    <t>12/16/2019 16:28:01</t>
  </si>
  <si>
    <t>12/16/2019 16:32:15</t>
  </si>
  <si>
    <t>Formulario ADILSON JOSE FIRMO.xls</t>
  </si>
  <si>
    <t>12/16/2019 16:27:21</t>
  </si>
  <si>
    <t>12/16/2019 16:27:26</t>
  </si>
  <si>
    <t>mail.google.com/mail/u/0/jserror?script=https://mail.google.com/mail/u/0/#inbox/fmfcgxwgcqtddvxbqhmxknjshqmgljpc?compose=gtvvlcrzcmtqptchdmwdmqphfjxtxftxmpsqchfkbphpmwpfshtdzzphwkfdzwpzvjrvgjsdplwxg&amp;error=yo&amp;line=not available&amp;txz=p</t>
  </si>
  <si>
    <t>12/16/2019 16:27:53</t>
  </si>
  <si>
    <t>12/16/2019 16:28:00</t>
  </si>
  <si>
    <t>12/16/2019 16:28:53</t>
  </si>
  <si>
    <t>mail.google.com/mail/u/0/jserror?script=https://mail.google.com/mail/u/0/#sent?compose=gtvvlcrzcmtqptchdmwdmqphfjxtxftxmpsqchfkbphpmwpfshtdzzphwkfdzwpzvjrvgjsdplwxg&amp;error=yo&amp;line=not available&amp;txz=p</t>
  </si>
  <si>
    <t>12/16/2019 16:28:56</t>
  </si>
  <si>
    <t>12/16/2019 16:29:10</t>
  </si>
  <si>
    <t>mail.google.com/sync/u/0/i/s?hl=pt-br&amp;c=46</t>
  </si>
  <si>
    <t>12/16/2019 16:31:27</t>
  </si>
  <si>
    <t>12/16/2019 16:32:37</t>
  </si>
  <si>
    <t>12/16/2019 16:34:15</t>
  </si>
  <si>
    <t>ed19e8bd-8d72-4ce8-9cc2-07456f0256f6.tmp</t>
  </si>
  <si>
    <t>\\acsfs\profiles$\regisadsa\Downloads\ed19e8bd-8d72-4ce8-9cc2-07456f0256f6.tmp</t>
  </si>
  <si>
    <t>12/16/2019 16:33:07</t>
  </si>
  <si>
    <t>12/16/2019 16:35:15</t>
  </si>
  <si>
    <t>12/16/2019 16:32:04</t>
  </si>
  <si>
    <t>12/16/2019 16:36:15</t>
  </si>
  <si>
    <t>c780fc09-b704-4fb8-8bdf-fe2c50cf8363.tmp</t>
  </si>
  <si>
    <t>\\acsfs\profiles$\larissapdr\Downloads\c780fc09-b704-4fb8-8bdf-fe2c50cf8363.tmp</t>
  </si>
  <si>
    <t>12/16/2019 16:32:19</t>
  </si>
  <si>
    <t>d0064ffb-414b-4ef6-81de-fc35411d2af1.tmp</t>
  </si>
  <si>
    <t>\\acsfs\profiles$\larissapdr\Downloads\d0064ffb-414b-4ef6-81de-fc35411d2af1.tmp</t>
  </si>
  <si>
    <t>12/16/2019 16:32:52</t>
  </si>
  <si>
    <t>12/16/2019 16:37:15</t>
  </si>
  <si>
    <t>XLOG_anacdos_16122019_142035.log</t>
  </si>
  <si>
    <t>\\acsfs\profiles$\anacdos\My Documents\xworkcenter\logs\XLOG_anacdos_16122019_142035.log</t>
  </si>
  <si>
    <t>12/16/2019 16:33:53</t>
  </si>
  <si>
    <t>12/16/2019 16:34:17</t>
  </si>
  <si>
    <t>mail.google.com/sync/u/0/i/s?hl=pt-br&amp;c=57</t>
  </si>
  <si>
    <t>12/16/2019 16:34:44</t>
  </si>
  <si>
    <t>mail.google.com/sync/u/0/i/s?hl=pt-br&amp;c=59</t>
  </si>
  <si>
    <t>12/16/2019 16:34:53</t>
  </si>
  <si>
    <t>12/16/2019 16:34:58</t>
  </si>
  <si>
    <t>12/16/2019 16:35:08</t>
  </si>
  <si>
    <t>mail.google.com/sync/u/0/i/s?hl=pt-br&amp;c=64</t>
  </si>
  <si>
    <t>12/16/2019 16:35:28</t>
  </si>
  <si>
    <t>mail.google.com/sync/u/0/i/s?hl=pt-br&amp;c=66</t>
  </si>
  <si>
    <t>12/16/2019 16:35:33</t>
  </si>
  <si>
    <t>mail.google.com/sync/u/0/i/s?hl=pt-br&amp;c=69</t>
  </si>
  <si>
    <t>12/16/2019 16:35:37</t>
  </si>
  <si>
    <t>mail.google.com/sync/u/0/i/s?hl=pt-br&amp;c=71</t>
  </si>
  <si>
    <t>12/16/2019 16:35:54</t>
  </si>
  <si>
    <t>mail.google.com/sync/u/0/i/s?hl=pt-br&amp;c=73</t>
  </si>
  <si>
    <t>12/16/2019 16:36:43</t>
  </si>
  <si>
    <t>mail.google.com/sync/u/0/i/s?hl=pt-br&amp;c=78</t>
  </si>
  <si>
    <t>12/16/2019 16:36:55</t>
  </si>
  <si>
    <t>12/16/2019 16:40:15</t>
  </si>
  <si>
    <t>12/16/2019 16:39:16</t>
  </si>
  <si>
    <t>12/16/2019 16:41:15</t>
  </si>
  <si>
    <t>12/16/2019 16:39:45</t>
  </si>
  <si>
    <t>12/16/2019 16:37:28</t>
  </si>
  <si>
    <t>12/16/2019 16:37:47</t>
  </si>
  <si>
    <t>12/16/2019 16:39:18</t>
  </si>
  <si>
    <t>12/16/2019 16:39:40</t>
  </si>
  <si>
    <t>mail.google.com/sync/u/0/i/s?hl=pt-BR&amp;c=234</t>
  </si>
  <si>
    <t>12/16/2019 16:39:53</t>
  </si>
  <si>
    <t>mail.google.com/sync/u/0/i/s?hl=pt-BR&amp;c=237</t>
  </si>
  <si>
    <t>12/16/2019 16:39:55</t>
  </si>
  <si>
    <t>mail.google.com/sync/u/0/i/s?hl=pt-BR&amp;c=239</t>
  </si>
  <si>
    <t>12/16/2019 16:39:58</t>
  </si>
  <si>
    <t>12/16/2019 16:40:08</t>
  </si>
  <si>
    <t>12/16/2019 16:40:13</t>
  </si>
  <si>
    <t>12/16/2019 16:40:22</t>
  </si>
  <si>
    <t>12/16/2019 16:37:48</t>
  </si>
  <si>
    <t>3da67bf2-78a5-4c05-ba27-6e7ba488667f.tmp</t>
  </si>
  <si>
    <t>\\acsfs\profiles$\larissapdr\Downloads\3da67bf2-78a5-4c05-ba27-6e7ba488667f.tmp</t>
  </si>
  <si>
    <t>12/16/2019 16:36:50</t>
  </si>
  <si>
    <t>12/16/2019 16:42:15</t>
  </si>
  <si>
    <t>12/16/2019 16:40:53</t>
  </si>
  <si>
    <t>12/16/2019 16:40:40</t>
  </si>
  <si>
    <t>12/16/2019 16:43:15</t>
  </si>
  <si>
    <t>C:\Users\carlosasr\Desktop\</t>
  </si>
  <si>
    <t>Problemas Discagem Sabado Correntista.xlsx</t>
  </si>
  <si>
    <t>12/16/2019 16:42:55</t>
  </si>
  <si>
    <t>12/16/2019 16:44:15</t>
  </si>
  <si>
    <t>12/16/2019 16:41:11</t>
  </si>
  <si>
    <t>12/16/2019 16:45:15</t>
  </si>
  <si>
    <t>12/16/2019 16:40:59</t>
  </si>
  <si>
    <t>69b47488-1ef5-475b-96b3-6f7dc81a706f.tmp</t>
  </si>
  <si>
    <t>\\acsfs\profiles$\gabrielhca\Downloads\69b47488-1ef5-475b-96b3-6f7dc81a706f.tmp</t>
  </si>
  <si>
    <t>12/16/2019 16:45:06</t>
  </si>
  <si>
    <t>12/16/2019 16:46:15</t>
  </si>
  <si>
    <t>12/16/2019 16:41:26</t>
  </si>
  <si>
    <t>2fda29e0-0509-4cfe-91c9-59ea7f944d73.tmp</t>
  </si>
  <si>
    <t>\\acsfs\profiles$\leticiaat\Downloads\2fda29e0-0509-4cfe-91c9-59ea7f944d73.tmp</t>
  </si>
  <si>
    <t>12/16/2019 16:45:53</t>
  </si>
  <si>
    <t>12/16/2019 16:47:15</t>
  </si>
  <si>
    <t>12/16/2019 16:45:21</t>
  </si>
  <si>
    <t>12/16/2019 16:49:15</t>
  </si>
  <si>
    <t>\\acsfs\deptos\Ouvidoria Grupo Algar\03_Reunião\Algar Telecom\Algar Telecom - Carrijo - 25112019\Algar Telecom - Carrijo - 25112019.pptx\</t>
  </si>
  <si>
    <t>12/16/2019 16:47:19</t>
  </si>
  <si>
    <t>111.txt</t>
  </si>
  <si>
    <t>\\acsfs\profiles$\geovannasm\My Documents\111.txt</t>
  </si>
  <si>
    <t>12/16/2019 16:48:29</t>
  </si>
  <si>
    <t>12/16/2019 16:45:46</t>
  </si>
  <si>
    <t>12/16/2019 16:50:15</t>
  </si>
  <si>
    <t>767174cb-71d0-4632-97a3-5ec4778e67ef.tmp</t>
  </si>
  <si>
    <t>\\acsfs\profiles$\karinarm\Downloads\767174cb-71d0-4632-97a3-5ec4778e67ef.tmp</t>
  </si>
  <si>
    <t>12/16/2019 16:47:31</t>
  </si>
  <si>
    <t>12/16/2019 16:51:16</t>
  </si>
  <si>
    <t>12/16/2019 16:46:26</t>
  </si>
  <si>
    <t>12/16/2019 16:46:53</t>
  </si>
  <si>
    <t>12/16/2019 16:52:15</t>
  </si>
  <si>
    <t>12/16/2019 16:51:30</t>
  </si>
  <si>
    <t>12/16/2019 16:56:16</t>
  </si>
  <si>
    <t>12/16/2019 16:52:59</t>
  </si>
  <si>
    <t>12/16/2019 16:53:06</t>
  </si>
  <si>
    <t>12/16/2019 16:55:18</t>
  </si>
  <si>
    <t>12/16/2019 16:51:53</t>
  </si>
  <si>
    <t>12/16/2019 16:57:16</t>
  </si>
  <si>
    <t>12/16/2019 16:52:53</t>
  </si>
  <si>
    <t>12/16/2019 16:53:55</t>
  </si>
  <si>
    <t>cd630eb7-318d-4c3b-a049-466ad8b861c3.tmp</t>
  </si>
  <si>
    <t>\\acsfs\profiles$\henriqueco\Downloads\cd630eb7-318d-4c3b-a049-466ad8b861c3.tmp</t>
  </si>
  <si>
    <t>12/16/2019 16:55:32</t>
  </si>
  <si>
    <t>0b885642-4b4f-4b1e-a3b2-d0b2f1f5f975.tmp</t>
  </si>
  <si>
    <t>\\acsfs\profiles$\alexandrapp\Downloads\0b885642-4b4f-4b1e-a3b2-d0b2f1f5f975.tmp</t>
  </si>
  <si>
    <t>12/16/2019 16:55:33</t>
  </si>
  <si>
    <t>Q29udHJvbGxlci5GaXJlZm94.ica:Zone.Identifier</t>
  </si>
  <si>
    <t>\\acsfs\profiles$\alexandrapp\Downloads\Q29udHJvbGxlci5GaXJlZm94.ica:Zone.Identifier</t>
  </si>
  <si>
    <t>12/16/2019 16:54:27</t>
  </si>
  <si>
    <t>12/16/2019 16:59:16</t>
  </si>
  <si>
    <t>3d3237fd-7fab-4782-8da4-ee58933fd19c.tmp</t>
  </si>
  <si>
    <t>\\acsfs\profiles$\anafaes\Downloads\3d3237fd-7fab-4782-8da4-ee58933fd19c.tmp</t>
  </si>
  <si>
    <t>12/16/2019 16:54:29</t>
  </si>
  <si>
    <t>e81b4106-4638-4fa9-bd65-86a43a8a30e9.tmp</t>
  </si>
  <si>
    <t>\\acsfs\profiles$\anafaes\Downloads\e81b4106-4638-4fa9-bd65-86a43a8a30e9.tmp</t>
  </si>
  <si>
    <t>12/16/2019 16:54:32</t>
  </si>
  <si>
    <t>735f633b-8a14-45c2-87c1-ca01c129764e.tmp</t>
  </si>
  <si>
    <t>\\acsfs\profiles$\anafaes\Downloads\735f633b-8a14-45c2-87c1-ca01c129764e.tmp</t>
  </si>
  <si>
    <t>12/16/2019 16:56:49</t>
  </si>
  <si>
    <t>c78ac88b-d752-49d8-94fc-76c45a3d95ad.tmp</t>
  </si>
  <si>
    <t>\\acsfs\profiles$\anafaes\Downloads\c78ac88b-d752-49d8-94fc-76c45a3d95ad.tmp</t>
  </si>
  <si>
    <t>12/16/2019 16:56:55</t>
  </si>
  <si>
    <t>a3c905d2-8f5f-4855-8cb0-d114a1ebd1e2.tmp</t>
  </si>
  <si>
    <t>\\acsfs\profiles$\anafaes\Downloads\a3c905d2-8f5f-4855-8cb0-d114a1ebd1e2.tmp</t>
  </si>
  <si>
    <t>12/16/2019 16:56:06</t>
  </si>
  <si>
    <t>12/16/2019 17:00:15</t>
  </si>
  <si>
    <t>12/16/2019 16:57:44</t>
  </si>
  <si>
    <t>12/16/2019 16:59:32</t>
  </si>
  <si>
    <t>4c076327-dd51-44bd-abfd-148064d6eabb.tmp</t>
  </si>
  <si>
    <t>\\acsfs\profiles$\danielta\Downloads\4c076327-dd51-44bd-abfd-148064d6eabb.tmp</t>
  </si>
  <si>
    <t>12/16/2019 17:01:16</t>
  </si>
  <si>
    <t>12/16/2019 16:56:10</t>
  </si>
  <si>
    <t>e92dbc4b-b8a3-4982-a933-480483e757a8.tmp</t>
  </si>
  <si>
    <t>\\acsfs\profiles$\leticiaat\Downloads\e92dbc4b-b8a3-4982-a933-480483e757a8.tmp</t>
  </si>
  <si>
    <t>12/16/2019 16:57:53</t>
  </si>
  <si>
    <t>12/16/2019 17:02:15</t>
  </si>
  <si>
    <t>12/16/2019 16:58:53</t>
  </si>
  <si>
    <t>12/16/2019 16:58:16</t>
  </si>
  <si>
    <t>12/16/2019 17:03:16</t>
  </si>
  <si>
    <t>denisevca@algartech.com;franciscoebf@algartecnologia.com.br;lauravx@algartech.com;wayneroa@algartech.com;</t>
  </si>
  <si>
    <t>\\acsfs\engeset\COORDENAÇÃO CENTRO OESTE\01.Financeiro CO_RJ\2019\Receitamento\122019\</t>
  </si>
  <si>
    <t>TO 540555 - Padrao Solicitacao Receitamento SG Telecom - Intercompany TCO - 122019.xlsm</t>
  </si>
  <si>
    <t>denisevca@algartech.com,franciscoebf@algartecnologia.com.br,lauravx@algartech.com,wayneroa@algartech.com</t>
  </si>
  <si>
    <t>12/16/2019 16:59:01</t>
  </si>
  <si>
    <t>12/16/2019 16:58:54</t>
  </si>
  <si>
    <t>12/16/2019 17:04:15</t>
  </si>
  <si>
    <t>970147cc-4cc2-42f7-aa1f-5e06740cbcb6.tmp</t>
  </si>
  <si>
    <t>\\acsfs\profiles$\anafaes\Downloads\970147cc-4cc2-42f7-aa1f-5e06740cbcb6.tmp</t>
  </si>
  <si>
    <t>12/16/2019 16:59:21</t>
  </si>
  <si>
    <t>41667ab1-6e69-4876-b0b3-d56cdf05d17e.tmp</t>
  </si>
  <si>
    <t>\\acsfs\profiles$\anafaes\Downloads\41667ab1-6e69-4876-b0b3-d56cdf05d17e.tmp</t>
  </si>
  <si>
    <t>12/16/2019 16:59:47</t>
  </si>
  <si>
    <t>e22f4f99-1dea-4400-95a4-abde25ee2324.tmp</t>
  </si>
  <si>
    <t>\\acsfs\profiles$\anafaes\Downloads\e22f4f99-1dea-4400-95a4-abde25ee2324.tmp</t>
  </si>
  <si>
    <t>12/16/2019 17:00:29</t>
  </si>
  <si>
    <t>12/16/2019 17:05:15</t>
  </si>
  <si>
    <t>1432539a-4c0f-4d17-a702-7b8bfc541376.tmp</t>
  </si>
  <si>
    <t>\\acsfs\profiles$\karinarm\Downloads\1432539a-4c0f-4d17-a702-7b8bfc541376.tmp</t>
  </si>
  <si>
    <t>12/16/2019 17:03:38</t>
  </si>
  <si>
    <t>camiladps@algartech.com;equipefabi@algartech.com.br;</t>
  </si>
  <si>
    <t>camiladps@algartech.com,equipefabi@algartech.com.br</t>
  </si>
  <si>
    <t>12/16/2019 17:01:43</t>
  </si>
  <si>
    <t>12/16/2019 17:06:16</t>
  </si>
  <si>
    <t>12/16/2019 17:05:51</t>
  </si>
  <si>
    <t>12/16/2019 17:03:53</t>
  </si>
  <si>
    <t>12/16/2019 17:07:15</t>
  </si>
  <si>
    <t>12/16/2019 17:04:53</t>
  </si>
  <si>
    <t>12/16/2019 17:07:57</t>
  </si>
  <si>
    <t>12/16/2019 17:09:15</t>
  </si>
  <si>
    <t>12/16/2019 17:04:25</t>
  </si>
  <si>
    <t>https://udpmailboxap01/h/search;jsessionid=k1rras9316a2auzaqv8ks5lv?si=0&amp;so=0&amp;sc=45551&amp;st=conversation&amp;action=compose</t>
  </si>
  <si>
    <t>gustavo;gustavodsil@algartech.com;</t>
  </si>
  <si>
    <t>https://gustavo,gustavodsil@algartech.com</t>
  </si>
  <si>
    <t>12/16/2019 17:04:55</t>
  </si>
  <si>
    <t>12/16/2019 17:05:25</t>
  </si>
  <si>
    <t>12/16/2019 17:05:55</t>
  </si>
  <si>
    <t>12/16/2019 17:06:25</t>
  </si>
  <si>
    <t>12/16/2019 17:06:55</t>
  </si>
  <si>
    <t>12/16/2019 17:07:25</t>
  </si>
  <si>
    <t>12/16/2019 17:07:55</t>
  </si>
  <si>
    <t>12/16/2019 17:08:25</t>
  </si>
  <si>
    <t>12/16/2019 17:11:15</t>
  </si>
  <si>
    <t>12/16/2019 17:09:58</t>
  </si>
  <si>
    <t>12/16/2019 17:06:15</t>
  </si>
  <si>
    <t>e6a606c9-1cc1-45c1-900e-e9785d4ac4c3.tmp</t>
  </si>
  <si>
    <t>\\acsfs\profiles$\larissapdr\Downloads\e6a606c9-1cc1-45c1-900e-e9785d4ac4c3.tmp</t>
  </si>
  <si>
    <t>12/16/2019 17:09:54</t>
  </si>
  <si>
    <t>29513668-9808-4705-afd0-abcda769cdf6.tmp</t>
  </si>
  <si>
    <t>\\acsfs\profiles$\larissapdr\Downloads\29513668-9808-4705-afd0-abcda769cdf6.tmp</t>
  </si>
  <si>
    <t>12/16/2019 17:09:53</t>
  </si>
  <si>
    <t>12/16/2019 17:12:15</t>
  </si>
  <si>
    <t>12/16/2019 17:10:53</t>
  </si>
  <si>
    <t>12/16/2019 17:11:11</t>
  </si>
  <si>
    <t>12/16/2019 17:13:14</t>
  </si>
  <si>
    <t>Laudas_Melhorias URA Genesys Atual - Cópia.xlsx</t>
  </si>
  <si>
    <t>12/16/2019 17:10:50</t>
  </si>
  <si>
    <t>12/16/2019 17:14:15</t>
  </si>
  <si>
    <t>13 - dezembro.xlsx</t>
  </si>
  <si>
    <t>12/16/2019 17:10:31</t>
  </si>
  <si>
    <t>mail.google.com/sync/u/0/i/s?hl=pt-BR&amp;c=894</t>
  </si>
  <si>
    <t>12/16/2019 17:11:28</t>
  </si>
  <si>
    <t>mail.google.com/sync/u/0/i/s?hl=pt-BR&amp;c=898</t>
  </si>
  <si>
    <t>12/16/2019 17:11:34</t>
  </si>
  <si>
    <t>mail.google.com/sync/u/0/i/s?hl=pt-BR&amp;c=901</t>
  </si>
  <si>
    <t>thiagordu@algartech.com;</t>
  </si>
  <si>
    <t>thiagordu@algartech.com</t>
  </si>
  <si>
    <t>12/16/2019 17:11:38</t>
  </si>
  <si>
    <t>mail.google.com/sync/u/0/i/s?hl=pt-BR&amp;c=903</t>
  </si>
  <si>
    <t>12/16/2019 17:11:48</t>
  </si>
  <si>
    <t>mail.google.com/sync/u/0/i/s?hl=pt-BR&amp;c=905</t>
  </si>
  <si>
    <t>12/16/2019 17:12:00</t>
  </si>
  <si>
    <t>mail.google.com/sync/u/0/i/s?hl=pt-BR&amp;c=907</t>
  </si>
  <si>
    <t>12/16/2019 17:12:05</t>
  </si>
  <si>
    <t>mail.google.com/sync/u/0/i/s?hl=pt-BR&amp;c=909</t>
  </si>
  <si>
    <t>12/16/2019 17:12:54</t>
  </si>
  <si>
    <t>mail.google.com/sync/u/0/i/s?hl=pt-BR&amp;c=913</t>
  </si>
  <si>
    <t>12/16/2019 17:13:01</t>
  </si>
  <si>
    <t>mail.google.com/sync/u/0/i/s?hl=pt-BR&amp;c=915</t>
  </si>
  <si>
    <t>12/16/2019 17:13:05</t>
  </si>
  <si>
    <t>mail.google.com/sync/u/0/i/s?hl=pt-BR&amp;c=917</t>
  </si>
  <si>
    <t>talmaiardo@algartech.com;thiagordu@algartech.com;</t>
  </si>
  <si>
    <t>talmaiardo@algartech.com,thiagordu@algartech.com</t>
  </si>
  <si>
    <t>12/16/2019 17:13:11</t>
  </si>
  <si>
    <t>mail.google.com/sync/u/0/i/s?hl=pt-BR&amp;c=919</t>
  </si>
  <si>
    <t>12/16/2019 17:13:29</t>
  </si>
  <si>
    <t>mail.google.com/sync/u/0/i/s?hl=pt-BR&amp;c=921</t>
  </si>
  <si>
    <t>12/16/2019 17:13:34</t>
  </si>
  <si>
    <t>mail.google.com/sync/u/0/i/s?hl=pt-BR&amp;c=924</t>
  </si>
  <si>
    <t>12/16/2019 17:08:55</t>
  </si>
  <si>
    <t>12/16/2019 17:09:25</t>
  </si>
  <si>
    <t>12/16/2019 17:09:41</t>
  </si>
  <si>
    <t>12/16/2019 17:14:28</t>
  </si>
  <si>
    <t>12/16/2019 17:15:15</t>
  </si>
  <si>
    <t>12/16/2019 17:10:20</t>
  </si>
  <si>
    <t>C:\Users\victorvgar\Desktop\AVON\New Model\</t>
  </si>
  <si>
    <t>16-12 new model.xlsx</t>
  </si>
  <si>
    <t>12/16/2019 17:13:20</t>
  </si>
  <si>
    <t>12/16/2019 17:16:15</t>
  </si>
  <si>
    <t>MAPA DE FÉRIAS PCP.xlsm</t>
  </si>
  <si>
    <t>12/16/2019 17:12:06</t>
  </si>
  <si>
    <t>12/16/2019 17:15:53</t>
  </si>
  <si>
    <t>12/16/2019 17:17:15</t>
  </si>
  <si>
    <t>12/16/2019 17:13:39</t>
  </si>
  <si>
    <t>12/16/2019 17:19:15</t>
  </si>
  <si>
    <t>mail.google.com/sync/u/0/i/s?hl=pt-BR&amp;c=926</t>
  </si>
  <si>
    <t>12/16/2019 17:13:43</t>
  </si>
  <si>
    <t>mail.google.com/sync/u/0/i/s?hl=pt-BR&amp;c=928</t>
  </si>
  <si>
    <t>12/16/2019 17:14:00</t>
  </si>
  <si>
    <t>mail.google.com/sync/u/0/i/s?hl=pt-BR&amp;c=930</t>
  </si>
  <si>
    <t>12/16/2019 17:19:29</t>
  </si>
  <si>
    <t>12/16/2019 17:21:15</t>
  </si>
  <si>
    <t>12/16/2019 17:20:39</t>
  </si>
  <si>
    <t>12/16/2019 17:17:11</t>
  </si>
  <si>
    <t>8f4fbe2f-c979-4d17-b364-2098b086b633; _gid=ga1.3.966184633.1576499922; asp.net_sessionid=fxl1yq0utov5yecfe4q2bbo2; __requestverificationtoken=l7w6zhhejir-eebkbwzzex74mb3p57cdadqpv3pswhjgxbisrkkw9i1_zhd2ncngwtxv9fmjq71zdv_xmlmloab1e9_bjxmd-hmcwlv67kg1; tp_s</t>
  </si>
  <si>
    <t>amanda.delima@cscalgar.com.br;brendalp@algartech.com;carlosecm@algartech.com;moisesol@algartech.com;paulocruz@algartech.com;</t>
  </si>
  <si>
    <t>C:\PROCEDIMENTO\</t>
  </si>
  <si>
    <t>BRENDA-LISTA-MATERIAL.xlsx</t>
  </si>
  <si>
    <t>amanda.delima@cscalgar.com.br,brendalp@algartech.com,carlosecm@algartech.com,moisesol@algartech.com,paulocruz@algartech.com</t>
  </si>
  <si>
    <t>12/16/2019 17:16:53</t>
  </si>
  <si>
    <t>12/16/2019 17:22:15</t>
  </si>
  <si>
    <t>12/16/2019 17:17:34</t>
  </si>
  <si>
    <t>97883fc9-fa48-4e38-a333-f62d6dd82566.tmp</t>
  </si>
  <si>
    <t>\\acsfs\profiles$\henriqueco\Downloads\97883fc9-fa48-4e38-a333-f62d6dd82566.tmp</t>
  </si>
  <si>
    <t>12/16/2019 17:20:58</t>
  </si>
  <si>
    <t>12/16/2019 17:23:15</t>
  </si>
  <si>
    <t>d459f50b-09ed-4698-8e87-ab3a7f2a58f3.tmp</t>
  </si>
  <si>
    <t>\\acsfs\profiles$\gabrielamdp\Downloads\d459f50b-09ed-4698-8e87-ab3a7f2a58f3.tmp</t>
  </si>
  <si>
    <t>12/16/2019 17:22:42</t>
  </si>
  <si>
    <t>12/16/2019 17:24:15</t>
  </si>
  <si>
    <t>12/16/2019 17:20:02</t>
  </si>
  <si>
    <t>mail.google.com/sync/u/0/i/s?hl=pt-BR&amp;c=939</t>
  </si>
  <si>
    <t>12/16/2019 17:20:20</t>
  </si>
  <si>
    <t>mail.google.com/sync/u/0/i/s?hl=pt-BR&amp;c=941</t>
  </si>
  <si>
    <t>12/16/2019 17:20:37</t>
  </si>
  <si>
    <t>mail.google.com/sync/u/0/i/s?hl=pt-BR&amp;c=944</t>
  </si>
  <si>
    <t>12/16/2019 17:20:48</t>
  </si>
  <si>
    <t>mail.google.com/sync/u/0/i/s?hl=pt-BR&amp;c=946</t>
  </si>
  <si>
    <t>12/16/2019 17:21:01</t>
  </si>
  <si>
    <t>mail.google.com/sync/u/0/i/s?hl=pt-BR&amp;c=949</t>
  </si>
  <si>
    <t>12/16/2019 17:21:09</t>
  </si>
  <si>
    <t>mail.google.com/sync/u/0/i/s?hl=pt-BR&amp;c=951</t>
  </si>
  <si>
    <t>12/16/2019 17:21:27</t>
  </si>
  <si>
    <t>mail.google.com/sync/u/0/i/s?hl=pt-BR&amp;c=953</t>
  </si>
  <si>
    <t>12/16/2019 17:21:44</t>
  </si>
  <si>
    <t>mail.google.com/sync/u/0/i/s?hl=pt-BR&amp;c=956</t>
  </si>
  <si>
    <t>12/16/2019 17:21:58</t>
  </si>
  <si>
    <t>mail.google.com/sync/u/0/i/s?hl=pt-BR&amp;c=958</t>
  </si>
  <si>
    <t>12/16/2019 17:22:01</t>
  </si>
  <si>
    <t>mail.google.com/sync/u/0/i/s?hl=pt-BR&amp;c=964</t>
  </si>
  <si>
    <t>mail.google.com/sync/u/0/i/s?hl=pt-BR&amp;c=966</t>
  </si>
  <si>
    <t>12/16/2019 17:22:32</t>
  </si>
  <si>
    <t>mail.google.com/sync/u/0/i/s?hl=pt-BR&amp;c=969</t>
  </si>
  <si>
    <t>12/16/2019 17:22:49</t>
  </si>
  <si>
    <t>mail.google.com/sync/u/0/i/s?hl=pt-BR&amp;c=971</t>
  </si>
  <si>
    <t>12/16/2019 17:22:52</t>
  </si>
  <si>
    <t>mail.google.com/sync/u/0/i/s?hl=pt-BR&amp;c=973</t>
  </si>
  <si>
    <t>12/16/2019 17:22:55</t>
  </si>
  <si>
    <t>mail.google.com/sync/u/0/i/s?hl=pt-BR&amp;c=976</t>
  </si>
  <si>
    <t>12/16/2019 17:23:01</t>
  </si>
  <si>
    <t>mail.google.com/sync/u/0/i/s?hl=pt-BR&amp;c=979</t>
  </si>
  <si>
    <t>12/16/2019 17:23:06</t>
  </si>
  <si>
    <t>mail.google.com/sync/u/0/i/s?hl=pt-BR&amp;c=981</t>
  </si>
  <si>
    <t>12/16/2019 17:23:09</t>
  </si>
  <si>
    <t>mail.google.com/sync/u/0/i/s?hl=pt-BR&amp;c=983</t>
  </si>
  <si>
    <t>12/16/2019 17:23:18</t>
  </si>
  <si>
    <t>mail.google.com/sync/u/0/i/s?hl=pt-BR&amp;c=985</t>
  </si>
  <si>
    <t>12/16/2019 17:23:34</t>
  </si>
  <si>
    <t>mail.google.com/sync/u/0/i/s?hl=pt-BR&amp;c=988</t>
  </si>
  <si>
    <t>12/16/2019 17:19:46</t>
  </si>
  <si>
    <t>12/16/2019 17:25:15</t>
  </si>
  <si>
    <t>1a28a280-c6c2-421f-9ef6-515f91dc4f4d.tmp</t>
  </si>
  <si>
    <t>\\acsfs\profiles$\laurandos\Downloads\1a28a280-c6c2-421f-9ef6-515f91dc4f4d.tmp</t>
  </si>
  <si>
    <t>12/16/2019 17:21:02</t>
  </si>
  <si>
    <t>42e0c26a-fda0-4ddd-a4d7-9151f062983b.tmp</t>
  </si>
  <si>
    <t>\\acsfs\profiles$\laurandos\Downloads\42e0c26a-fda0-4ddd-a4d7-9151f062983b.tmp</t>
  </si>
  <si>
    <t>12/16/2019 17:24:20</t>
  </si>
  <si>
    <t>12/16/2019 17:26:15</t>
  </si>
  <si>
    <t>12/16/2019 17:24:48</t>
  </si>
  <si>
    <t>12/16/2019 17:25:29</t>
  </si>
  <si>
    <t>12/16/2019 17:27:15</t>
  </si>
  <si>
    <t>12/16/2019 17:21:54</t>
  </si>
  <si>
    <t>12/16/2019 17:22:53</t>
  </si>
  <si>
    <t>12/16/2019 17:22:44</t>
  </si>
  <si>
    <t>12/16/2019 17:25:08</t>
  </si>
  <si>
    <t>12/16/2019 17:28:15</t>
  </si>
  <si>
    <t>10.200.67.151</t>
  </si>
  <si>
    <t>74-86-7A-FB-17-6D</t>
  </si>
  <si>
    <t>VOTORANT-MB010</t>
  </si>
  <si>
    <t>06f3ec11-54ef-4854-9cf7-26f90d523455.tmp</t>
  </si>
  <si>
    <t>\\acsfs\profiles$\victorgl\Downloads\06f3ec11-54ef-4854-9cf7-26f90d523455.tmp</t>
  </si>
  <si>
    <t>12/16/2019 17:23:51</t>
  </si>
  <si>
    <t>12/16/2019 17:29:15</t>
  </si>
  <si>
    <t>mail.google.com/sync/u/0/i/s?hl=pt-BR&amp;c=990</t>
  </si>
  <si>
    <t>12/16/2019 17:23:58</t>
  </si>
  <si>
    <t>mail.google.com/sync/u/0/i/s?hl=pt-BR&amp;c=992</t>
  </si>
  <si>
    <t>12/16/2019 17:24:05</t>
  </si>
  <si>
    <t>mail.google.com/sync/u/0/i/s?hl=pt-BR&amp;c=994</t>
  </si>
  <si>
    <t>12/16/2019 17:24:10</t>
  </si>
  <si>
    <t>mail.google.com/sync/u/0/i/s?hl=pt-BR&amp;c=996</t>
  </si>
  <si>
    <t>12/16/2019 17:24:17</t>
  </si>
  <si>
    <t>mail.google.com/sync/u/0/i/s?hl=pt-BR&amp;c=998</t>
  </si>
  <si>
    <t>12/16/2019 17:24:22</t>
  </si>
  <si>
    <t>mail.google.com/sync/u/0/i/s?hl=pt-BR&amp;c=1000</t>
  </si>
  <si>
    <t>12/16/2019 17:24:34</t>
  </si>
  <si>
    <t>mail.google.com/sync/u/0/i/s?hl=pt-BR&amp;c=1003</t>
  </si>
  <si>
    <t>12/16/2019 17:25:21</t>
  </si>
  <si>
    <t>mail.google.com/sync/u/0/i/s?hl=pt-BR&amp;c=1005</t>
  </si>
  <si>
    <t>12/16/2019 17:25:26</t>
  </si>
  <si>
    <t>mail.google.com/sync/u/0/i/s?hl=pt-BR&amp;c=1009</t>
  </si>
  <si>
    <t>12/16/2019 17:25:27</t>
  </si>
  <si>
    <t>12/16/2019 17:25:32</t>
  </si>
  <si>
    <t>mail.google.com/sync/u/0/i/s?hl=pt-BR&amp;c=1013</t>
  </si>
  <si>
    <t>12/16/2019 17:25:48</t>
  </si>
  <si>
    <t>mail.google.com/sync/u/0/i/s?hl=pt-BR&amp;c=1015</t>
  </si>
  <si>
    <t>12/16/2019 17:26:00</t>
  </si>
  <si>
    <t>mail.google.com/sync/u/0/i/s?hl=pt-BR&amp;c=1017</t>
  </si>
  <si>
    <t>12/16/2019 17:26:01</t>
  </si>
  <si>
    <t>mail.google.com/sync/u/0/i/s?hl=pt-BR&amp;c=1019</t>
  </si>
  <si>
    <t>12/16/2019 17:26:41</t>
  </si>
  <si>
    <t>12/16/2019 17:30:15</t>
  </si>
  <si>
    <t>12/16/2019 17:28:58</t>
  </si>
  <si>
    <t>12/16/2019 17:31:15</t>
  </si>
  <si>
    <t>12/16/2019 17:27:53</t>
  </si>
  <si>
    <t>12/16/2019 17:32:16</t>
  </si>
  <si>
    <t>12/16/2019 17:28:53</t>
  </si>
  <si>
    <t>12/16/2019 17:32:01</t>
  </si>
  <si>
    <t>12/16/2019 17:33:15</t>
  </si>
  <si>
    <t>mail.google.com/_/upload?authuser=1&amp;dcp=asu-n&amp;upload_id=AEnB2Uo1YNP7Y8C_cfXONhADs2Z-Jrf_JEKQKTzdKEUCqi1TEdwlDBmPf-Z7GV0KdjxEijYOElKqmCdCiZvZtGXzsHP6CofxfUkE8gyMBGgw7CxbptMiN_Y&amp;upload_protocol=resumable</t>
  </si>
  <si>
    <t>Pendentes de Auditoria.xlsx</t>
  </si>
  <si>
    <t>12/16/2019 17:34:11</t>
  </si>
  <si>
    <t>12/16/2019 17:35:15</t>
  </si>
  <si>
    <t>d3d20d1e-34eb-4957-910d-89dc843cbde1.tmp</t>
  </si>
  <si>
    <t>\\acsfs\profiles$\laurandos\Downloads\d3d20d1e-34eb-4957-910d-89dc843cbde1.tmp</t>
  </si>
  <si>
    <t>12/16/2019 17:32:42</t>
  </si>
  <si>
    <t>mail.google.com/_/upload?authuser=0&amp;dcp=asu-n&amp;upload_id=AEnB2UrfMM1lo_hF7LA3DrC1zUiwOz5Eml8cklEQFLKqYP6upnAav3CJtIFRV8sp8sJPJsVzgJHSKx9OBb5mU9dpU7SvQ25FJBvlKaogfm-cO6AhKnRiT1M&amp;upload_protocol=resumable</t>
  </si>
  <si>
    <t>cfonseca@tripag.com.br;lrocha@tribanco.com.br;lucianarba@algartecnologia.com.br;marcosnf@tripag.com.br;masilva@tripag.com.br;robertaib@algartech.com;</t>
  </si>
  <si>
    <t>\\acsfs\deptos\Operacao\Unica\6. Pastas Pessoais\Credenciadora\Paulo Sérgio\Areá de Trabalho\</t>
  </si>
  <si>
    <t>cfonseca@tripag.com.br,lrocha@tribanco.com.br,lucianarba@algartecnologia.com.br,marcosnf@tripag.com.br,masilva@tripag.com.br,robertaib@algartech.com</t>
  </si>
  <si>
    <t>12/16/2019 17:34:22</t>
  </si>
  <si>
    <t>12/16/2019 17:36:15</t>
  </si>
  <si>
    <t>701a0b01-a78f-4dc9-83da-60347f8a0d10.tmp</t>
  </si>
  <si>
    <t>\\acsfs\profiles$\victorgl\Downloads\701a0b01-a78f-4dc9-83da-60347f8a0d10.tmp</t>
  </si>
  <si>
    <t>12/16/2019 17:33:53</t>
  </si>
  <si>
    <t>12/16/2019 17:37:15</t>
  </si>
  <si>
    <t>12/16/2019 17:34:53</t>
  </si>
  <si>
    <t>12/16/2019 17:36:36</t>
  </si>
  <si>
    <t>12/16/2019 17:41:15</t>
  </si>
  <si>
    <t>82949c84-ef5f-4057-b528-9428410b5d8c.tmp</t>
  </si>
  <si>
    <t>\\acsfs\profiles$\victorgl\Downloads\82949c84-ef5f-4057-b528-9428410b5d8c.tmp</t>
  </si>
  <si>
    <t>12/16/2019 17:38:58</t>
  </si>
  <si>
    <t>096f0e9b-bb3f-4e00-a9de-574231207a87.tmp</t>
  </si>
  <si>
    <t>\\acsfs\profiles$\victorgl\Downloads\096f0e9b-bb3f-4e00-a9de-574231207a87.tmp</t>
  </si>
  <si>
    <t>12/16/2019 17:38:07</t>
  </si>
  <si>
    <t>12/16/2019 17:39:53</t>
  </si>
  <si>
    <t>12/16/2019 17:42:15</t>
  </si>
  <si>
    <t>12/16/2019 17:40:53</t>
  </si>
  <si>
    <t>12/16/2019 17:41:41</t>
  </si>
  <si>
    <t>12/16/2019 17:45:15</t>
  </si>
  <si>
    <t>mail.google.com/_/upload?authuser=0&amp;dcp=asu-n&amp;upload_id=AEnB2Uou2i4IXwyUTaLW1Jln4PvCdnph_q9sawxXFWI0XXzxa0OQU4uxvekDXi9wSVV63rb05XXr1SVFTykdw87GrvhKjah-htnSa0ltGi3yzo-JFOBen6Q&amp;upload_protocol=resumable</t>
  </si>
  <si>
    <t>Expectativa Receitamento _ TIM.xlsx</t>
  </si>
  <si>
    <t>12/16/2019 17:45:41</t>
  </si>
  <si>
    <t>12/16/2019 17:46:15</t>
  </si>
  <si>
    <t>12/16/2019 17:43:09</t>
  </si>
  <si>
    <t>12/16/2019 17:47:15</t>
  </si>
  <si>
    <t>mail.google.com/sync/u/0/i/s?hl=pt-br&amp;c=129</t>
  </si>
  <si>
    <t>12/16/2019 17:43:44</t>
  </si>
  <si>
    <t>12/16/2019 17:43:59</t>
  </si>
  <si>
    <t>12/16/2019 17:44:09</t>
  </si>
  <si>
    <t>mail.google.com/sync/u/0/i/s?hl=pt-br&amp;c=136</t>
  </si>
  <si>
    <t>12/16/2019 17:44:53</t>
  </si>
  <si>
    <t>mail.google.com/sync/u/0/i/s?hl=pt-br&amp;c=138</t>
  </si>
  <si>
    <t>12/16/2019 17:45:05</t>
  </si>
  <si>
    <t>mail.google.com/sync/u/0/i/s?hl=pt-br&amp;c=141</t>
  </si>
  <si>
    <t>12/16/2019 17:45:13</t>
  </si>
  <si>
    <t>12/16/2019 17:45:30</t>
  </si>
  <si>
    <t>mail.google.com/sync/u/0/i/s?hl=pt-br&amp;c=145</t>
  </si>
  <si>
    <t>e585d0a8-a5c4-4394-abcd-caf51634e39c.tmp</t>
  </si>
  <si>
    <t>\\acsfs\profiles$\henriqueco\Downloads\e585d0a8-a5c4-4394-abcd-caf51634e39c.tmp</t>
  </si>
  <si>
    <t>12/16/2019 17:45:31</t>
  </si>
  <si>
    <t>12/16/2019 17:48:15</t>
  </si>
  <si>
    <t>12/16/2019 17:46:13</t>
  </si>
  <si>
    <t>12/16/2019 17:50:15</t>
  </si>
  <si>
    <t>10.200.60.77</t>
  </si>
  <si>
    <t>mail.google.com/_/upload?authuser=1&amp;dcp=asu-n&amp;upload_id=AEnB2Uo7KAjtJL1plB-gQWW-5lLPs97NNQHmHZBYlv74rdhjfhDreXXkQcolMplRu36nYzNy9YGmyEySThITnAlWqiyyiROcI0Jk7dVljFX783DrHKc3zjw&amp;upload_protocol=resumable</t>
  </si>
  <si>
    <t>2019_12_A100 Billing Detail Summary.xlsx</t>
  </si>
  <si>
    <t>12/16/2019 17:50:05</t>
  </si>
  <si>
    <t>12/16/2019 17:51:15</t>
  </si>
  <si>
    <t>48175c8c-73ec-42d0-8f56-76d5f8b4dd2b.tmp</t>
  </si>
  <si>
    <t>\\acsfs\profiles$\victorgl\Downloads\48175c8c-73ec-42d0-8f56-76d5f8b4dd2b.tmp</t>
  </si>
  <si>
    <t>12/16/2019 17:52:15</t>
  </si>
  <si>
    <t>12/16/2019 17:49:56</t>
  </si>
  <si>
    <t>a5dc7fe5-266f-48e6-990e-1c3fd5af1047.tmp</t>
  </si>
  <si>
    <t>\\acsfs\profiles$\alinepp\Downloads\a5dc7fe5-266f-48e6-990e-1c3fd5af1047.tmp</t>
  </si>
  <si>
    <t>12/16/2019 17:50:17</t>
  </si>
  <si>
    <t>5182ea27-a1f7-47fe-8048-8e38bea47314.tmp</t>
  </si>
  <si>
    <t>\\acsfs\profiles$\alinepp\Downloads\5182ea27-a1f7-47fe-8048-8e38bea47314.tmp</t>
  </si>
  <si>
    <t>12/16/2019 17:51:43</t>
  </si>
  <si>
    <t>48058884-42a3-42fb-bc58-684caa28b165.tmp</t>
  </si>
  <si>
    <t>\\acsfs\profiles$\alinepp\Downloads\48058884-42a3-42fb-bc58-684caa28b165.tmp</t>
  </si>
  <si>
    <t>12/16/2019 17:53:57</t>
  </si>
  <si>
    <t>12/16/2019 17:55:16</t>
  </si>
  <si>
    <t>000a7ff9-2096-473c-ada2-1ff033e375b4.tmp</t>
  </si>
  <si>
    <t>\\acsfs\profiles$\karinarm\Downloads\000a7ff9-2096-473c-ada2-1ff033e375b4.tmp</t>
  </si>
  <si>
    <t>12/16/2019 17:54:02</t>
  </si>
  <si>
    <t>C:\Users\douglassp\OneDrive - Grupo Algar\Base de Conhecimento\Apresentação\Workshop_Whirlpool_20140722.ppt\s2\</t>
  </si>
  <si>
    <t>Slide do think-cell3.dat</t>
  </si>
  <si>
    <t>Slide do think-cell4.dat</t>
  </si>
  <si>
    <t>12/16/2019 17:52:59</t>
  </si>
  <si>
    <t>12/16/2019 17:56:15</t>
  </si>
  <si>
    <t>f24f2033-dec6-422a-b6b8-a2e5d16ac98b.tmp</t>
  </si>
  <si>
    <t>\\acsfs\profiles$\larissapdr\Downloads\f24f2033-dec6-422a-b6b8-a2e5d16ac98b.tmp</t>
  </si>
  <si>
    <t>12/16/2019 17:53:05</t>
  </si>
  <si>
    <t>12/16/2019 17:57:16</t>
  </si>
  <si>
    <t>64d8c219-02d3-4e21-8648-45a195233971.tmp</t>
  </si>
  <si>
    <t>\\acsfs\profiles$\alinepp\Downloads\64d8c219-02d3-4e21-8648-45a195233971.tmp</t>
  </si>
  <si>
    <t>12/16/2019 17:57:03</t>
  </si>
  <si>
    <t>12/16/2019 18:01:15</t>
  </si>
  <si>
    <t>c:\users\nubiafrsp\downloads\</t>
  </si>
  <si>
    <t>associados th dez19 (9).xlsx</t>
  </si>
  <si>
    <t>12/16/2019 17:57:10</t>
  </si>
  <si>
    <t>5619879d-d5b2-4319-b872-89b07c47ead1.tmp</t>
  </si>
  <si>
    <t>\\acsfs\profiles$\larissapdr\Downloads\5619879d-d5b2-4319-b872-89b07c47ead1.tmp</t>
  </si>
  <si>
    <t>12/16/2019 18:00:07</t>
  </si>
  <si>
    <t>12/16/2019 18:03:15</t>
  </si>
  <si>
    <t>12/16/2019 18:00:11</t>
  </si>
  <si>
    <t>12/16/2019 18:00:33</t>
  </si>
  <si>
    <t>12/16/2019 18:00:57</t>
  </si>
  <si>
    <t>12/16/2019 18:01:21</t>
  </si>
  <si>
    <t>12/16/2019 18:01:25</t>
  </si>
  <si>
    <t>12/16/2019 18:01:49</t>
  </si>
  <si>
    <t>12/16/2019 18:02:12</t>
  </si>
  <si>
    <t>12/16/2019 18:02:22</t>
  </si>
  <si>
    <t>12/16/2019 18:02:38</t>
  </si>
  <si>
    <t>12/16/2019 18:02:39</t>
  </si>
  <si>
    <t>12/16/2019 17:59:22</t>
  </si>
  <si>
    <t>12/16/2019 18:01:57</t>
  </si>
  <si>
    <t>12/16/2019 18:04:16</t>
  </si>
  <si>
    <t>12/16/2019 18:03:06</t>
  </si>
  <si>
    <t>\\Acsfs\dsti\GAT\CIT - Coordenacao Inteligencia de TI\RELATORIOS FPW\Controle\BANCO DE HORAS\DEZEMBRO\</t>
  </si>
  <si>
    <t>Consolidado de Banco de Horas 01a1512.xlsm</t>
  </si>
  <si>
    <t>12/16/2019 18:04:23</t>
  </si>
  <si>
    <t>12/16/2019 18:06:16</t>
  </si>
  <si>
    <t>mail.google.com/_/upload?authuser=0&amp;dcp=asu-n&amp;upload_id=AEnB2UrvSITWmLZLjvPxhIl3m8WIO543_qpwpwzSRVAPzVTvya591LFUxBe7o7vfgBc2FcbLo2PlUrujdeTRuEuz4Ffn__tWurMqm2NpgL-32v8Yd32hTSU&amp;upload_protocol=resumable</t>
  </si>
  <si>
    <t>marcelacpe@algartecnologia.com.br;</t>
  </si>
  <si>
    <t>marcelacpe@algartecnologia.com.br</t>
  </si>
  <si>
    <t>12/16/2019 18:06:23</t>
  </si>
  <si>
    <t>12/16/2019 18:09:15</t>
  </si>
  <si>
    <t>10.200.32.106</t>
  </si>
  <si>
    <t>D4-AE-52-FC-96-E4</t>
  </si>
  <si>
    <t>VOTORANT-CA069</t>
  </si>
  <si>
    <t>arthurfr</t>
  </si>
  <si>
    <t>\\acsfs\DEPTOS\EDUCACAO EMPRESARIAL\Atalhos\</t>
  </si>
  <si>
    <t>\\acsfs\DEPTOS\EDUCACAO EMPRESARIAL\Atalhos\Thumbs.db</t>
  </si>
  <si>
    <t>12/16/2019 18:10:18</t>
  </si>
  <si>
    <t>12/16/2019 18:11:15</t>
  </si>
  <si>
    <t>12/16/2019 18:08:42</t>
  </si>
  <si>
    <t>12/16/2019 18:13:15</t>
  </si>
  <si>
    <t>12/16/2019 18:08:43</t>
  </si>
  <si>
    <t>12/16/2019 18:09:47</t>
  </si>
  <si>
    <t>12/16/2019 18:14:16</t>
  </si>
  <si>
    <t>\\acsfs\QLD\Gestão por Processos\Oficiais\Indicadores\VBA\GTO 2.0\DataBase\</t>
  </si>
  <si>
    <t>data_base.ldb</t>
  </si>
  <si>
    <t>\\acsfs\QLD\Gestão por Processos\Oficiais\Indicadores\VBA\GTO 2.0\DataBase\data_base.ldb</t>
  </si>
  <si>
    <t>12/16/2019 18:09:48</t>
  </si>
  <si>
    <t>data_base.mdb</t>
  </si>
  <si>
    <t>\\acsfs\QLD\Gestão por Processos\Oficiais\Indicadores\VBA\GTO 2.0\DataBase\data_base.mdb</t>
  </si>
  <si>
    <t>12/16/2019 18:09:49</t>
  </si>
  <si>
    <t>12/16/2019 18:12:53</t>
  </si>
  <si>
    <t>12/16/2019 18:16:16</t>
  </si>
  <si>
    <t>12/16/2019 18:18:39</t>
  </si>
  <si>
    <t>12/16/2019 18:23:15</t>
  </si>
  <si>
    <t>12/16/2019 18:20:20</t>
  </si>
  <si>
    <t>12/16/2019 18:24:16</t>
  </si>
  <si>
    <t>ff119b21-8297-4b98-8bbb-4d54d0fba217.tmp</t>
  </si>
  <si>
    <t>\\acsfs\profiles$\anafaes\Downloads\ff119b21-8297-4b98-8bbb-4d54d0fba217.tmp</t>
  </si>
  <si>
    <t>12/16/2019 18:22:19</t>
  </si>
  <si>
    <t>12/16/2019 18:25:15</t>
  </si>
  <si>
    <t>C:\Users\rodrigormc\Desktop\Parcial\Boletim Semanal_16 12- Comercial Algar.pptx\</t>
  </si>
  <si>
    <t>12/16/2019 18:22:50</t>
  </si>
  <si>
    <t>12/16/2019 18:26:16</t>
  </si>
  <si>
    <t>4708b459-4ef7-41a4-9175-a2ec4c263dc7.tmp</t>
  </si>
  <si>
    <t>\\acsfs\profiles$\leticiaat\Downloads\4708b459-4ef7-41a4-9175-a2ec4c263dc7.tmp</t>
  </si>
  <si>
    <t>12/16/2019 18:22:58</t>
  </si>
  <si>
    <t>97badf82-82ae-4346-a9e6-286db84e1392.tmp</t>
  </si>
  <si>
    <t>\\acsfs\profiles$\leticiaat\Downloads\97badf82-82ae-4346-a9e6-286db84e1392.tmp</t>
  </si>
  <si>
    <t>12/16/2019 18:23:09</t>
  </si>
  <si>
    <t>8ccff734-5105-43fc-9cf6-dba42303c9b2.tmp</t>
  </si>
  <si>
    <t>\\acsfs\profiles$\leticiaat\Downloads\8ccff734-5105-43fc-9cf6-dba42303c9b2.tmp</t>
  </si>
  <si>
    <t>12/16/2019 18:23:16</t>
  </si>
  <si>
    <t>78e25b52-896b-49d1-99d9-18db6fcc25b4.tmp</t>
  </si>
  <si>
    <t>\\acsfs\profiles$\leticiaat\Downloads\78e25b52-896b-49d1-99d9-18db6fcc25b4.tmp</t>
  </si>
  <si>
    <t>12/16/2019 18:23:22</t>
  </si>
  <si>
    <t>efe2f4ca-dffb-44df-a19f-7e7188cb96e0.tmp</t>
  </si>
  <si>
    <t>\\acsfs\profiles$\leticiaat\Downloads\efe2f4ca-dffb-44df-a19f-7e7188cb96e0.tmp</t>
  </si>
  <si>
    <t>12/16/2019 18:23:30</t>
  </si>
  <si>
    <t>23e220e2-c675-4856-8a16-65dc8020cd3d.tmp</t>
  </si>
  <si>
    <t>\\acsfs\profiles$\leticiaat\Downloads\23e220e2-c675-4856-8a16-65dc8020cd3d.tmp</t>
  </si>
  <si>
    <t>12/16/2019 18:23:52</t>
  </si>
  <si>
    <t>12/16/2019 18:28:16</t>
  </si>
  <si>
    <t>mail.google.com/_/upload?authuser=0&amp;dcp=asu-n&amp;upload_id=AEnB2UqjJtgq1SDNcOHUEBDRB--oR2TFARW9qtH9MfjIFeL6joskIQcwDSYsvnsoJz9TfrrBCXh2L_bF4i6IXi6JFK9iu4yq14B33ul4dPEGphAWSRdrD0g&amp;upload_protocol=resumable</t>
  </si>
  <si>
    <t>michelesr@algartech.com;senildapdo@algartech.com;viniciussg@algartech.com;</t>
  </si>
  <si>
    <t>Motivacional Dez.19.xlsx</t>
  </si>
  <si>
    <t>michelesr@algartech.com,senildapdo@algartech.com,viniciussg@algartech.com</t>
  </si>
  <si>
    <t>12/16/2019 18:29:44</t>
  </si>
  <si>
    <t>12/16/2019 18:31:15</t>
  </si>
  <si>
    <t>12/16/2019 18:28:20</t>
  </si>
  <si>
    <t>12/16/2019 18:30:08</t>
  </si>
  <si>
    <t>12/16/2019 18:29:58</t>
  </si>
  <si>
    <t>12/16/2019 18:34:15</t>
  </si>
  <si>
    <t>12/16/2019 18:32:36</t>
  </si>
  <si>
    <t>12/16/2019 18:35:14</t>
  </si>
  <si>
    <t>12/16/2019 18:32:02</t>
  </si>
  <si>
    <t>12/16/2019 18:36:15</t>
  </si>
  <si>
    <t>12/16/2019 18:32:16</t>
  </si>
  <si>
    <t>mail.google.com/_/upload?authuser=1&amp;dcp=asu-n&amp;upload_id=AEnB2UoUHzJEUDjS_i4tSElyWCHMIfd4C8CfOrVo7GQUXOfIQiiK8Fjr68WwuNW6xPLz3odjV-vcnIlof3IlxQgkb_Yxrs1FIZ-9YrjHjK0sLFBKNAxQEco&amp;upload_protocol=resumable</t>
  </si>
  <si>
    <t>12/16/2019 18:32:22</t>
  </si>
  <si>
    <t>12/16/2019 18:37:21</t>
  </si>
  <si>
    <t>12/16/2019 18:40:15</t>
  </si>
  <si>
    <t>leticiabp@algartech.com;wayneroa@algartech.com;</t>
  </si>
  <si>
    <t>Expectativa Receitamento _ TIM.v2.xlsx</t>
  </si>
  <si>
    <t>leticiabp@algartech.com,wayneroa@algartech.com</t>
  </si>
  <si>
    <t>12/16/2019 18:37:42</t>
  </si>
  <si>
    <t>12/16/2019 18:41:15</t>
  </si>
  <si>
    <t>efa25a85-c299-4417-8474-6a2e09006e21.tmp</t>
  </si>
  <si>
    <t>\\acsfs\profiles$\kamilamrc\Downloads\efa25a85-c299-4417-8474-6a2e09006e21.tmp</t>
  </si>
  <si>
    <t>12/16/2019 18:40:04</t>
  </si>
  <si>
    <t>12/16/2019 18:40:36</t>
  </si>
  <si>
    <t>12/16/2019 18:37:57</t>
  </si>
  <si>
    <t>\\acsfs\Deptos\Operacao\Banco_Votorantim\Qualidade\Fernanda\RECLAMAÇÃO E OUVIDORIA\MODELO DE LAUDO EM BRANCO(3) - Cópia - Cópia - Cópia.docx\</t>
  </si>
  <si>
    <t>\\acsfs\Deptos\Operacao\Banco_Votorantim\Qualidade\Fernanda\RECLAMAÇÃO E OUVIDORIA\MODELO DE LAUDO EM BRANCO(3) - Cópia - Cópia - Cópia.docx</t>
  </si>
  <si>
    <t>MODELO DE LAUDO EM BRANCO(3) - Cópia - Cópia - Cópia.docx</t>
  </si>
  <si>
    <t>12/16/2019 18:38:02</t>
  </si>
  <si>
    <t>\\acsfs\Deptos\Operacao\Banco_Votorantim\Qualidade\Fernanda\RECLAMAÇÃO E OUVIDORIA\MODELO DE LAUDO EM BRANCO(3) - Cópia - Cópia - Cópia - Cópia.docx\</t>
  </si>
  <si>
    <t>\\acsfs\Deptos\Operacao\Banco_Votorantim\Qualidade\Fernanda\RECLAMAÇÃO E OUVIDORIA\MODELO DE LAUDO EM BRANCO(3) - Cópia - Cópia - Cópia - Cópia.docx</t>
  </si>
  <si>
    <t>MODELO DE LAUDO EM BRANCO(3) - Cópia - Cópia - Cópia - Cópia.docx</t>
  </si>
  <si>
    <t>12/16/2019 18:37:04</t>
  </si>
  <si>
    <t>12/16/2019 18:42:14</t>
  </si>
  <si>
    <t>7a19a542-648b-4745-af35-c0ab59babedd.tmp</t>
  </si>
  <si>
    <t>\\acsfs\profiles$\erichds\Downloads\7a19a542-648b-4745-af35-c0ab59babedd.tmp</t>
  </si>
  <si>
    <t>12/16/2019 18:37:08</t>
  </si>
  <si>
    <t>03fe3b28-d8df-4dd3-8f83-88961d6f0fd9.tmp</t>
  </si>
  <si>
    <t>\\acsfs\profiles$\erichds\Downloads\03fe3b28-d8df-4dd3-8f83-88961d6f0fd9.tmp</t>
  </si>
  <si>
    <t>12/16/2019 18:38:57</t>
  </si>
  <si>
    <t>365e6333-3eb7-4173-859d-61003d2ec975.tmp</t>
  </si>
  <si>
    <t>\\acsfs\profiles$\erichds\Downloads\365e6333-3eb7-4173-859d-61003d2ec975.tmp</t>
  </si>
  <si>
    <t>12/16/2019 18:41:04</t>
  </si>
  <si>
    <t>d62e143f-7ee8-456e-bbf7-116b2e0de357.tmp</t>
  </si>
  <si>
    <t>\\acsfs\profiles$\erichds\Downloads\d62e143f-7ee8-456e-bbf7-116b2e0de357.tmp</t>
  </si>
  <si>
    <t>12/16/2019 18:39:44</t>
  </si>
  <si>
    <t>12/16/2019 18:42:02</t>
  </si>
  <si>
    <t>12/16/2019 18:43:15</t>
  </si>
  <si>
    <t>298c0172-6551-4f44-9e12-8193d91718f4.tmp</t>
  </si>
  <si>
    <t>\\acsfs\profiles$\gabrielamdp\Downloads\298c0172-6551-4f44-9e12-8193d91718f4.tmp</t>
  </si>
  <si>
    <t>12/16/2019 18:43:50</t>
  </si>
  <si>
    <t>12/16/2019 18:47:15</t>
  </si>
  <si>
    <t>3a629ebd-ff2e-4573-bf07-f20b27ea9117.tmp</t>
  </si>
  <si>
    <t>\\acsfs\profiles$\erichds\Downloads\3a629ebd-ff2e-4573-bf07-f20b27ea9117.tmp</t>
  </si>
  <si>
    <t>12/16/2019 18:49:22</t>
  </si>
  <si>
    <t>12/16/2019 18:51:15</t>
  </si>
  <si>
    <t>12/16/2019 18:46:02</t>
  </si>
  <si>
    <t>12/16/2019 18:46:20</t>
  </si>
  <si>
    <t>12/16/2019 18:46:40</t>
  </si>
  <si>
    <t>12/16/2019 18:50:07</t>
  </si>
  <si>
    <t>CPF 04248677458 Francisca Afonso dos Santos.pdf</t>
  </si>
  <si>
    <t>\\acsfs\Deptos\Operacao\Banco_Votorantim\Qualidade\Fernanda\RECLAMAÇÃO E OUVIDORIA\CPF 04248677458 Francisca Afonso dos Santos.pdf</t>
  </si>
  <si>
    <t>12/16/2019 18:50:48</t>
  </si>
  <si>
    <t>mail.google.com/sync/u/0/i/s?hl=pt-BR&amp;c=320</t>
  </si>
  <si>
    <t>bvs-centralcartoes@bv.com.br;cintia.souza-domingues@dxc.com;eduardo.santana@bv.com.br;fernandorsju@algartech.com;marianeps@algartech.com;marianerdo@algartech.com;talmaiardo@algartech.com;thiagordu@algartech.com;</t>
  </si>
  <si>
    <t>bvs-centralcartoes@bv.com.br,cintia.souza-domingues@dxc.com,eduardo.santana@bv.com.br,fernandorsju@algartech.com,marianeps@algartech.com,marianerdo@algartech.com,talmaiardo@algartech.com,thiagordu@algartech.com</t>
  </si>
  <si>
    <t>12/16/2019 18:50:27</t>
  </si>
  <si>
    <t>12/16/2019 18:52:15</t>
  </si>
  <si>
    <t>e2d0cc3c-e601-4c53-839c-ba0db2805ada.tmp</t>
  </si>
  <si>
    <t>\\acsfs\profiles$\joycemmdl\Downloads\e2d0cc3c-e601-4c53-839c-ba0db2805ada.tmp</t>
  </si>
  <si>
    <t>12/16/2019 18:51:32</t>
  </si>
  <si>
    <t>b69385dc-ef26-47c6-b2e4-5ab237507e5e.tmp</t>
  </si>
  <si>
    <t>\\acsfs\profiles$\joycemmdl\Downloads\b69385dc-ef26-47c6-b2e4-5ab237507e5e.tmp</t>
  </si>
  <si>
    <t>12/16/2019 18:56:15</t>
  </si>
  <si>
    <t>12/16/2019 18:51:14</t>
  </si>
  <si>
    <t>mail.google.com/sync/u/0/i/s?hl=pt-BR&amp;c=322</t>
  </si>
  <si>
    <t>12/16/2019 18:51:33</t>
  </si>
  <si>
    <t>mail.google.com/_/upload?authuser=0&amp;dcp=asu-n&amp;upload_id=AEnB2UpeHdKxnmJGWwdR80SLPDknADghMdQ9-_DWb-9nSaBAB0Fz2uAQ0x7k1dnasM4SslH3dUF74Vi9guE8yHDjN8ePPcP9fw&amp;upload_protocol=resumable</t>
  </si>
  <si>
    <t>CPF 04248677458 Patricia Oliveira Carvalho_1_6755606978253362416_1_32.wav</t>
  </si>
  <si>
    <t>12/16/2019 18:52:37</t>
  </si>
  <si>
    <t>mail.google.com/sync/u/0/i/s?hl=pt-BR&amp;c=328</t>
  </si>
  <si>
    <t>12/16/2019 18:52:52</t>
  </si>
  <si>
    <t>12/16/2019 18:53:08</t>
  </si>
  <si>
    <t>anavbg@algartech.com;bianca.boari@dxc.com;bvs-centralcartoes@bv.com.br;cintia.souza-domingues@dxc.com;eduardo.santana@bv.com.br;fernandorsju@algartech.com;marianeps@algartech.com;talmaiardo@algartech.com;thiagordu@algartech.com;</t>
  </si>
  <si>
    <t>anavbg@algartech.com,bianca.boari@dxc.com,bvs-centralcartoes@bv.com.br,cintia.souza-domingues@dxc.com,eduardo.santana@bv.com.br,fernandorsju@algartech.com,marianeps@algartech.com,talmaiardo@algartech.com,thiagordu@algartech.com</t>
  </si>
  <si>
    <t>12/16/2019 18:53:15</t>
  </si>
  <si>
    <t>12/16/2019 18:53:23</t>
  </si>
  <si>
    <t>mail.google.com/sync/u/0/i/s?hl=pt-BR&amp;c=336</t>
  </si>
  <si>
    <t>12/16/2019 18:53:26</t>
  </si>
  <si>
    <t>12/16/2019 18:53:53</t>
  </si>
  <si>
    <t>12/16/2019 18:53:54</t>
  </si>
  <si>
    <t>mail.google.com/_/upload?authuser=0&amp;dcp=asu-n&amp;upload_id=AEnB2UpzQCkC93rsXaZevQLcjRJnAcYsPFQxRgrf008QFsi9lJrPWUEGaLSuidbUIfhbn7d67JVlnuQb49SQYqd_12MOp0ORZqxKKOwiYz-zXLdToRozzvA&amp;upload_protocol=resumable</t>
  </si>
  <si>
    <t>12/16/2019 18:55:46</t>
  </si>
  <si>
    <t>12/16/2019 19:00:14</t>
  </si>
  <si>
    <t>a27dc0fe-4812-46f6-b506-7035c56ec0db.tmp</t>
  </si>
  <si>
    <t>\\acsfs\profiles$\karinarm\Downloads\a27dc0fe-4812-46f6-b506-7035c56ec0db.tmp</t>
  </si>
  <si>
    <t>12/16/2019 18:57:28</t>
  </si>
  <si>
    <t>12/16/2019 19:01:15</t>
  </si>
  <si>
    <t>12/16/2019 19:04:37</t>
  </si>
  <si>
    <t>12/16/2019 19:06:15</t>
  </si>
  <si>
    <t>12/16/2019 19:03:12</t>
  </si>
  <si>
    <t>12/16/2019 19:08:15</t>
  </si>
  <si>
    <t>12/16/2019 19:09:15</t>
  </si>
  <si>
    <t>12/16/2019 19:10:14</t>
  </si>
  <si>
    <t>12/16/2019 19:06:57</t>
  </si>
  <si>
    <t>12/16/2019 19:11:16</t>
  </si>
  <si>
    <t>12/16/2019 19:07:07</t>
  </si>
  <si>
    <t>12/16/2019 19:07:22</t>
  </si>
  <si>
    <t>12/16/2019 19:08:18</t>
  </si>
  <si>
    <t>12/16/2019 19:09:49</t>
  </si>
  <si>
    <t>12/16/2019 19:11:39</t>
  </si>
  <si>
    <t>12/16/2019 19:12:15</t>
  </si>
  <si>
    <t>348ccf43-0a23-4752-8eb3-827daf27ceb2.tmp</t>
  </si>
  <si>
    <t>\\acsfs\profiles$\joycemmdl\Downloads\348ccf43-0a23-4752-8eb3-827daf27ceb2.tmp</t>
  </si>
  <si>
    <t>12/16/2019 19:07:13</t>
  </si>
  <si>
    <t>2453d1bb-2c6f-469b-bd5f-e632e84be529.tmp</t>
  </si>
  <si>
    <t>\\acsfs\profiles$\alinepp\Downloads\2453d1bb-2c6f-469b-bd5f-e632e84be529.tmp</t>
  </si>
  <si>
    <t>12/16/2019 19:10:21</t>
  </si>
  <si>
    <t>12/16/2019 19:14:16</t>
  </si>
  <si>
    <t>12/16/2019 19:13:17</t>
  </si>
  <si>
    <t>12/16/2019 19:15:16</t>
  </si>
  <si>
    <t>12/16/2019 19:16:45</t>
  </si>
  <si>
    <t>12/16/2019 19:20:16</t>
  </si>
  <si>
    <t>12/16/2019 19:16:32</t>
  </si>
  <si>
    <t>12/16/2019 19:21:17</t>
  </si>
  <si>
    <t>12/16/2019 19:17:08</t>
  </si>
  <si>
    <t>12/16/2019 19:17:17</t>
  </si>
  <si>
    <t>12/16/2019 19:22:16</t>
  </si>
  <si>
    <t>12/16/2019 19:23:44</t>
  </si>
  <si>
    <t>12/16/2019 19:25:16</t>
  </si>
  <si>
    <t>b0e31b72-e8c1-4736-b730-1ec73d572954.tmp</t>
  </si>
  <si>
    <t>\\acsfs\profiles$\laurandos\Downloads\b0e31b72-e8c1-4736-b730-1ec73d572954.tmp</t>
  </si>
  <si>
    <t>12/16/2019 19:27:10</t>
  </si>
  <si>
    <t>12/16/2019 19:30:16</t>
  </si>
  <si>
    <t>12/16/2019 19:16:48</t>
  </si>
  <si>
    <t>12/16/2019 19:31:16</t>
  </si>
  <si>
    <t>12/16/2019 19:16:53</t>
  </si>
  <si>
    <t>12/16/2019 19:29:55</t>
  </si>
  <si>
    <t>12/16/2019 19:33:17</t>
  </si>
  <si>
    <t>12/16/2019 19:38:00</t>
  </si>
  <si>
    <t>12/16/2019 19:40:16</t>
  </si>
  <si>
    <t>acdba06d-9635-40fd-9f3c-0ab780b62a98.tmp</t>
  </si>
  <si>
    <t>\\acsfs\profiles$\laurandos\Downloads\acdba06d-9635-40fd-9f3c-0ab780b62a98.tmp</t>
  </si>
  <si>
    <t>12/16/2019 19:49:24</t>
  </si>
  <si>
    <t>12/16/2019 19:54:16</t>
  </si>
  <si>
    <t>12/16/2019 19:49:35</t>
  </si>
  <si>
    <t>e2a9309a-ed59-4f0c-96d8-e1359daa2f10.tmp</t>
  </si>
  <si>
    <t>\\acsfs\profiles$\regisadsa\Downloads\e2a9309a-ed59-4f0c-96d8-e1359daa2f10.tmp</t>
  </si>
  <si>
    <t>12/16/2019 19:52:53</t>
  </si>
  <si>
    <t>12/16/2019 19:55:16</t>
  </si>
  <si>
    <t>9dede5dc-f3c1-432c-b830-6fd45fb0b7f0; adrum=s=1576536660564&amp;r=https://alunodigital.faculdadepitagoras.com.br/pda_pitagoras?1579895933; ai_session=rfyrv|1576536540272|1576536768433.525 {"widget":{"quadro_horarios":{"template":"&lt;div ng-show=\"!c.data.quadro_</t>
  </si>
  <si>
    <t>https://alunodigital.faculdadepitagoras.com.br/api/now/sp/rectangle/a2d05b34db15730087dc4410ba961974?id=pda_disciplinas</t>
  </si>
  <si>
    <t>9dede5dc-f3c1-432c-b830-6fd45fb0b7f0; adrum=s=1576536660564&amp;r=https://alunodigital.faculdadepitagoras.com.br/pda_pitagoras?1579895933; ai_session=rfyrv|1576536540272|1576536768433.525 {"widget":{"atividades":{"template":"&lt;div class=\"container\" ng-hide=\"</t>
  </si>
  <si>
    <t>12/16/2019 19:52:54</t>
  </si>
  <si>
    <t>12/16/2019 19:55:00</t>
  </si>
  <si>
    <t>12/16/2019 19:56:16</t>
  </si>
  <si>
    <t>6cd9e1c6-ad55-427c-b57b-54ff2eb4b93d.tmp</t>
  </si>
  <si>
    <t>\\acsfs\profiles$\gabrielamdp\Downloads\6cd9e1c6-ad55-427c-b57b-54ff2eb4b93d.tmp</t>
  </si>
  <si>
    <t>12/16/2019 19:55:01</t>
  </si>
  <si>
    <t>37fa5f88-b806-45c0-863c-2f8f0bd12624.tmp</t>
  </si>
  <si>
    <t>\\acsfs\profiles$\gabrielamdp\Downloads\37fa5f88-b806-45c0-863c-2f8f0bd12624.tmp</t>
  </si>
  <si>
    <t>12/16/2019 19:55:02</t>
  </si>
  <si>
    <t>3fd1a618-b3bb-4134-af14-379fe9e11d5a.tmp</t>
  </si>
  <si>
    <t>\\acsfs\profiles$\gabrielamdp\Downloads\3fd1a618-b3bb-4134-af14-379fe9e11d5a.tmp</t>
  </si>
  <si>
    <t>12/16/2019 19:55:08</t>
  </si>
  <si>
    <t>12/16/2019 19:54:15</t>
  </si>
  <si>
    <t>12/16/2019 19:57:16</t>
  </si>
  <si>
    <t>12/16/2019 19:54:10</t>
  </si>
  <si>
    <t>12/16/2019 19:55:57</t>
  </si>
  <si>
    <t>12/16/2019 20:00:16</t>
  </si>
  <si>
    <t>12/16/2019 19:57:01</t>
  </si>
  <si>
    <t>12/16/2019 20:01:16</t>
  </si>
  <si>
    <t>92e3c9e9-c536-4ef2-a852-0ad096406d93.tmp</t>
  </si>
  <si>
    <t>\\acsfs\profiles$\kamilamrc\Downloads\92e3c9e9-c536-4ef2-a852-0ad096406d93.tmp</t>
  </si>
  <si>
    <t>12/16/2019 19:58:03</t>
  </si>
  <si>
    <t>fc0e07c0-80a1-4f5c-be68-d3f5dd4894d0.tmp</t>
  </si>
  <si>
    <t>\\acsfs\profiles$\gabrielamdp\Downloads\fc0e07c0-80a1-4f5c-be68-d3f5dd4894d0.tmp</t>
  </si>
  <si>
    <t>12/16/2019 19:58:04</t>
  </si>
  <si>
    <t>5e872cae-cc11-4266-8e3b-4fa02c62d373.tmp</t>
  </si>
  <si>
    <t>\\acsfs\profiles$\gabrielamdp\Downloads\5e872cae-cc11-4266-8e3b-4fa02c62d373.tmp</t>
  </si>
  <si>
    <t>12/16/2019 19:59:12</t>
  </si>
  <si>
    <t>12/16/2019 20:04:16</t>
  </si>
  <si>
    <t>12/16/2019 20:04:10</t>
  </si>
  <si>
    <t>12/16/2019 20:06:16</t>
  </si>
  <si>
    <t>e5e0dc37-e503-40f3-a34b-bfabda3dc0dd.tmp</t>
  </si>
  <si>
    <t>\\acsfs\profiles$\gabrielamdp\Downloads\e5e0dc37-e503-40f3-a34b-bfabda3dc0dd.tmp</t>
  </si>
  <si>
    <t>12/16/2019 20:02:08</t>
  </si>
  <si>
    <t>12/16/2019 20:02:37</t>
  </si>
  <si>
    <t>12/16/2019 20:02:52</t>
  </si>
  <si>
    <t>12/16/2019 20:04:58</t>
  </si>
  <si>
    <t>12/16/2019 20:04:03</t>
  </si>
  <si>
    <t>12/16/2019 20:07:17</t>
  </si>
  <si>
    <t>d38e68a0-359b-4176-9147-b020a12f6d10.tmp</t>
  </si>
  <si>
    <t>\\acsfs\profiles$\joycemmdl\Downloads\d38e68a0-359b-4176-9147-b020a12f6d10.tmp</t>
  </si>
  <si>
    <t>12/16/2019 20:04:43</t>
  </si>
  <si>
    <t>12/16/2019 20:10:16</t>
  </si>
  <si>
    <t>12/16/2019 20:06:02</t>
  </si>
  <si>
    <t>12/16/2019 20:11:17</t>
  </si>
  <si>
    <t>12/16/2019 20:07:32</t>
  </si>
  <si>
    <t>12/16/2019 20:12:16</t>
  </si>
  <si>
    <t>e37f4a90-bbf3-4980-928b-e4e3d552285c.tmp</t>
  </si>
  <si>
    <t>\\acsfs\profiles$\regisadsa\Downloads\e37f4a90-bbf3-4980-928b-e4e3d552285c.tmp</t>
  </si>
  <si>
    <t>12/16/2019 20:12:04</t>
  </si>
  <si>
    <t>12/16/2019 20:13:17</t>
  </si>
  <si>
    <t>12/16/2019 20:12:02</t>
  </si>
  <si>
    <t>12/16/2019 20:15:17</t>
  </si>
  <si>
    <t>12/16/2019 20:12:31</t>
  </si>
  <si>
    <t>12/16/2019 20:16:18</t>
  </si>
  <si>
    <t>12/16/2019 20:13:05</t>
  </si>
  <si>
    <t>12/16/2019 20:20:41</t>
  </si>
  <si>
    <t>12/16/2019 20:22:18</t>
  </si>
  <si>
    <t>ef9618d5-b08a-454a-aac9-44acbd93d895.tmp</t>
  </si>
  <si>
    <t>\\acsfs\profiles$\regisadsa\Downloads\ef9618d5-b08a-454a-aac9-44acbd93d895.tmp</t>
  </si>
  <si>
    <t>12/16/2019 20:19:33</t>
  </si>
  <si>
    <t>12/16/2019 20:25:18</t>
  </si>
  <si>
    <t>12/16/2019 20:21:14</t>
  </si>
  <si>
    <t>andressamf</t>
  </si>
  <si>
    <t>\\acsfs\profiles$\andressamf\My Documents\My Pictures\</t>
  </si>
  <si>
    <t>\\acsfs\profiles$\andressamf\My Documents\My Videos\desktop.ini</t>
  </si>
  <si>
    <t>12/16/2019 20:21:16</t>
  </si>
  <si>
    <t>\\acsfs\profiles$\andressamf\My Documents\My Videos\</t>
  </si>
  <si>
    <t>12/16/2019 20:21:23</t>
  </si>
  <si>
    <t>12/16/2019 20:21:24</t>
  </si>
  <si>
    <t>12/16/2019 20:21:28</t>
  </si>
  <si>
    <t>12/16/2019 20:21:31</t>
  </si>
  <si>
    <t>\\acsfs\profiles$\andressamf\My Documents\My Music\</t>
  </si>
  <si>
    <t>\\acsfs\profiles$\andressamf\My Documents\My Pictures\desktop.ini</t>
  </si>
  <si>
    <t>12/16/2019 20:21:39</t>
  </si>
  <si>
    <t>12/16/2019 20:21:44</t>
  </si>
  <si>
    <t>12/16/2019 20:21:46</t>
  </si>
  <si>
    <t>\\acsfs\profiles$\andressamf\Contacts\</t>
  </si>
  <si>
    <t>\\acsfs\profiles$\andressamf\Contacts\desktop.ini</t>
  </si>
  <si>
    <t>12/16/2019 20:21:57</t>
  </si>
  <si>
    <t>12/16/2019 20:21:59</t>
  </si>
  <si>
    <t>12/16/2019 20:22:02</t>
  </si>
  <si>
    <t>12/16/2019 20:22:03</t>
  </si>
  <si>
    <t>\\acsfs\profiles$\andressamf\My Documents\</t>
  </si>
  <si>
    <t>\\acsfs\profiles$\andressamf\Favorites\desktop.ini</t>
  </si>
  <si>
    <t>12/16/2019 20:22:11</t>
  </si>
  <si>
    <t>12/16/2019 20:22:13</t>
  </si>
  <si>
    <t>12/16/2019 20:22:16</t>
  </si>
  <si>
    <t>12/16/2019 20:22:22</t>
  </si>
  <si>
    <t>12/16/2019 20:22:23</t>
  </si>
  <si>
    <t>12/16/2019 20:22:26</t>
  </si>
  <si>
    <t>12/16/2019 20:22:27</t>
  </si>
  <si>
    <t>\\acsfs\profiles$\andressamf\My Documents\My Music\desktop.ini</t>
  </si>
  <si>
    <t>12/16/2019 20:22:32</t>
  </si>
  <si>
    <t>12/16/2019 20:22:34</t>
  </si>
  <si>
    <t>12/16/2019 20:22:35</t>
  </si>
  <si>
    <t>12/16/2019 20:22:36</t>
  </si>
  <si>
    <t>12/16/2019 20:22:37</t>
  </si>
  <si>
    <t>\\acsfs\profiles$\andressamf\Searches\</t>
  </si>
  <si>
    <t>\\acsfs\profiles$\andressamf\Searches\desktop.ini</t>
  </si>
  <si>
    <t>12/16/2019 20:22:40</t>
  </si>
  <si>
    <t>12/16/2019 20:22:42</t>
  </si>
  <si>
    <t>12/16/2019 20:22:45</t>
  </si>
  <si>
    <t>12/16/2019 20:22:48</t>
  </si>
  <si>
    <t>12/16/2019 20:22:51</t>
  </si>
  <si>
    <t>\\acsfs\profiles$\andressamf\Downloads\</t>
  </si>
  <si>
    <t>\\acsfs\profiles$\andressamf\Downloads\desktop.ini</t>
  </si>
  <si>
    <t>12/16/2019 20:22:53</t>
  </si>
  <si>
    <t>12/16/2019 20:22:55</t>
  </si>
  <si>
    <t>\\acsfs\profiles$\andressamf\Favorites\</t>
  </si>
  <si>
    <t>\\acsfs\profiles$\andressamf\My Documents\desktop.ini</t>
  </si>
  <si>
    <t>12/16/2019 20:22:57</t>
  </si>
  <si>
    <t>12/16/2019 20:22:59</t>
  </si>
  <si>
    <t>12/16/2019 20:23:00</t>
  </si>
  <si>
    <t>12/16/2019 20:23:02</t>
  </si>
  <si>
    <t>12/16/2019 20:23:03</t>
  </si>
  <si>
    <t>12/16/2019 20:23:04</t>
  </si>
  <si>
    <t>\\acsfs\profiles$\andressamf\Saved Games\desktop.ini</t>
  </si>
  <si>
    <t>12/16/2019 20:23:06</t>
  </si>
  <si>
    <t>12/16/2019 20:23:29</t>
  </si>
  <si>
    <t>winrt--{S-1-5-21-602162358-764733703-839522115-334915}-.searchconnector-ms</t>
  </si>
  <si>
    <t>\\acsfs\profiles$\andressamf\Searches\winrt--{S-1-5-21-602162358-764733703-839522115-334915}-.searchconnector-ms</t>
  </si>
  <si>
    <t>12/16/2019 18:34:50</t>
  </si>
  <si>
    <t>12/16/2019 20:26:18</t>
  </si>
  <si>
    <t>GA - Perfis Algar 16.12.2019.xlsx</t>
  </si>
  <si>
    <t>12/16/2019 20:27:57</t>
  </si>
  <si>
    <t>12/16/2019 20:29:18</t>
  </si>
  <si>
    <t>12/16/2019 20:28:44</t>
  </si>
  <si>
    <t>12/16/2019 20:30:17</t>
  </si>
  <si>
    <t>12/16/2019 20:35:33</t>
  </si>
  <si>
    <t>12/16/2019 20:36:16</t>
  </si>
  <si>
    <t>c7223ee7-23f6-40e9-803a-ae931dec0ece.tmp</t>
  </si>
  <si>
    <t>\\acsfs\profiles$\gabrielamdp\Downloads\c7223ee7-23f6-40e9-803a-ae931dec0ece.tmp</t>
  </si>
  <si>
    <t>12/16/2019 20:37:17</t>
  </si>
  <si>
    <t>12/16/2019 20:41:17</t>
  </si>
  <si>
    <t>f7a325cc-4296-4d3b-95c5-e5e2c853dae9.tmp</t>
  </si>
  <si>
    <t>\\acsfs\profiles$\gabrielamdp\Downloads\f7a325cc-4296-4d3b-95c5-e5e2c853dae9.tmp</t>
  </si>
  <si>
    <t>12/16/2019 20:38:54</t>
  </si>
  <si>
    <t>12/16/2019 20:43:17</t>
  </si>
  <si>
    <t>12/16/2019 20:44:32</t>
  </si>
  <si>
    <t>12/16/2019 20:45:17</t>
  </si>
  <si>
    <t>9dede5dc-f3c1-432c-b830-6fd45fb0b7f0; jsessionid=fa7ff2de8549e9963ac3368dfe672270; glide_user_activity=u0n2mzpor1pywezjykjvse9hdjrwchfidlb0u1pmdfrkrjyvetozbgcyc1f2d1bsrgxjq3hen2hvsgrryzvcyno1awm5qtrtcytrznltakrvpq==; glide_session_store=5b0e42051bbd8810391</t>
  </si>
  <si>
    <t>12/16/2019 20:44:36</t>
  </si>
  <si>
    <t>12/16/2019 20:44:38</t>
  </si>
  <si>
    <t>12/16/2019 20:41:58</t>
  </si>
  <si>
    <t>12/16/2019 20:46:17</t>
  </si>
  <si>
    <t>12/16/2019 20:48:43</t>
  </si>
  <si>
    <t>12/16/2019 20:53:17</t>
  </si>
  <si>
    <t>\\acsfs\profiles$\anakcs\My Documents\xworkcenter\logs\</t>
  </si>
  <si>
    <t>XLOG_anakcs_16122019_144300.log</t>
  </si>
  <si>
    <t>\\acsfs\profiles$\anakcs\My Documents\xworkcenter\logs\XLOG_anakcs_16122019_144300.log</t>
  </si>
  <si>
    <t>12/16/2019 20:52:46</t>
  </si>
  <si>
    <t>12/16/2019 20:53:00</t>
  </si>
  <si>
    <t>12/16/2019 20:53:03</t>
  </si>
  <si>
    <t>12/16/2019 20:53:13</t>
  </si>
  <si>
    <t>12/16/2019 20:49:15</t>
  </si>
  <si>
    <t>12/16/2019 20:54:17</t>
  </si>
  <si>
    <t>12/16/2019 20:52:31</t>
  </si>
  <si>
    <t>12/16/2019 20:55:17</t>
  </si>
  <si>
    <t>78b3231b-b907-4ba7-809c-ac84abebd203.tmp</t>
  </si>
  <si>
    <t>\\acsfs\profiles$\laurandos\Downloads\78b3231b-b907-4ba7-809c-ac84abebd203.tmp</t>
  </si>
  <si>
    <t>12/16/2019 20:52:19</t>
  </si>
  <si>
    <t>12/16/2019 20:56:16</t>
  </si>
  <si>
    <t>12/16/2019 20:52:59</t>
  </si>
  <si>
    <t>12/16/2019 20:54:45</t>
  </si>
  <si>
    <t>12/16/2019 20:57:17</t>
  </si>
  <si>
    <t>12/16/2019 20:54:56</t>
  </si>
  <si>
    <t>12/16/2019 20:58:17</t>
  </si>
  <si>
    <t>mail.google.com/sync/u/0/i/s?hl=pt-BR&amp;c=129</t>
  </si>
  <si>
    <t>12/16/2019 20:54:58</t>
  </si>
  <si>
    <t>12/16/2019 20:55:04</t>
  </si>
  <si>
    <t>12/16/2019 20:59:17</t>
  </si>
  <si>
    <t>12/16/2019 20:56:48</t>
  </si>
  <si>
    <t>12/16/2019 20:56:54</t>
  </si>
  <si>
    <t>12/16/2019 20:57:02</t>
  </si>
  <si>
    <t>12/16/2019 20:57:07</t>
  </si>
  <si>
    <t>12/16/2019 20:57:09</t>
  </si>
  <si>
    <t>12/16/2019 20:56:00</t>
  </si>
  <si>
    <t>12/16/2019 21:00:16</t>
  </si>
  <si>
    <t>12/16/2019 20:55:54</t>
  </si>
  <si>
    <t>12/16/2019 21:01:17</t>
  </si>
  <si>
    <t>93f5a37c-21af-4ab4-91bd-9389e4ae853d.tmp</t>
  </si>
  <si>
    <t>\\acsfs\profiles$\brendadsl\Downloads\93f5a37c-21af-4ab4-91bd-9389e4ae853d.tmp</t>
  </si>
  <si>
    <t>12/16/2019 20:57:05</t>
  </si>
  <si>
    <t>12/16/2019 21:02:17</t>
  </si>
  <si>
    <t>004c7336-fecb-490c-9fc3-544b93651896.tmp</t>
  </si>
  <si>
    <t>\\acsfs\profiles$\regisadsa\Downloads\004c7336-fecb-490c-9fc3-544b93651896.tmp</t>
  </si>
  <si>
    <t>12/16/2019 21:02:08</t>
  </si>
  <si>
    <t>12/16/2019 21:04:17</t>
  </si>
  <si>
    <t>12/16/2019 21:05:28</t>
  </si>
  <si>
    <t>12/16/2019 21:06:17</t>
  </si>
  <si>
    <t>12/16/2019 21:04:38</t>
  </si>
  <si>
    <t>12/16/2019 21:04:59</t>
  </si>
  <si>
    <t>12/16/2019 21:04:51</t>
  </si>
  <si>
    <t>12/16/2019 21:07:17</t>
  </si>
  <si>
    <t>12/16/2019 21:06:13</t>
  </si>
  <si>
    <t>12/16/2019 21:09:18</t>
  </si>
  <si>
    <t>https://sentry.io/api/1297650/store/?sentry_key=6f5f8e1cecfa40fb850f578b69fc1705&amp;sentry_version=7</t>
  </si>
  <si>
    <t>12/16/2019 21:06:15</t>
  </si>
  <si>
    <t>d03096c4-c265-4b91-8e4e-15199b66f6e5; __requestverificationtoken=lxsnizcoqgfnpk7eqsybdtemsb7mykniuhzpwm5u9xlvrse2jyu_xqusvbodahuv_huft2xmxe9rqcn2btqmmbboniicexxpb8yymsi06s41; _gid=ga1.3.199363186.1576514859; tp_stylesheet=light_blue; tp_layout_mode=wide; f</t>
  </si>
  <si>
    <t>12/16/2019 21:04:47</t>
  </si>
  <si>
    <t>5272a931-2701-4501-aea0-b62ea2b2e26a.tmp</t>
  </si>
  <si>
    <t>\\acsfs\profiles$\KARENJSS\Downloads\5272a931-2701-4501-aea0-b62ea2b2e26a.tmp</t>
  </si>
  <si>
    <t>12/16/2019 21:05:56</t>
  </si>
  <si>
    <t>12/16/2019 21:11:17</t>
  </si>
  <si>
    <t>12/16/2019 21:08:49</t>
  </si>
  <si>
    <t>3529a675-4301-461d-b920-e09a3aa8d326.tmp</t>
  </si>
  <si>
    <t>\\acsfs\profiles$\brendadsl\Downloads\3529a675-4301-461d-b920-e09a3aa8d326.tmp</t>
  </si>
  <si>
    <t>12/16/2019 21:07:07</t>
  </si>
  <si>
    <t>12/16/2019 21:12:17</t>
  </si>
  <si>
    <t>5c6c48e3-bdb5-42ee-a7f3-c9df4ab4549f.tmp</t>
  </si>
  <si>
    <t>\\acsfs\profiles$\regisadsa\Downloads\5c6c48e3-bdb5-42ee-a7f3-c9df4ab4549f.tmp</t>
  </si>
  <si>
    <t>12/16/2019 21:14:53</t>
  </si>
  <si>
    <t>12/16/2019 21:20:18</t>
  </si>
  <si>
    <t>afc66cd2-4fa9-477f-b7ab-e55c90b892ff.tmp</t>
  </si>
  <si>
    <t>\\acsfs\profiles$\laurandos\Downloads\afc66cd2-4fa9-477f-b7ab-e55c90b892ff.tmp</t>
  </si>
  <si>
    <t>12/16/2019 21:17:09</t>
  </si>
  <si>
    <t>12/16/2019 21:21:17</t>
  </si>
  <si>
    <t>12/16/2019 21:21:13</t>
  </si>
  <si>
    <t>12/16/2019 21:22:18</t>
  </si>
  <si>
    <t>5b5282b4-b288-4070-aa4e-b831104df0c5.tmp</t>
  </si>
  <si>
    <t>\\acsfs\profiles$\regisadsa\Downloads\5b5282b4-b288-4070-aa4e-b831104df0c5.tmp</t>
  </si>
  <si>
    <t>12/16/2019 21:19:10</t>
  </si>
  <si>
    <t>12/16/2019 21:23:18</t>
  </si>
  <si>
    <t>12/16/2019 21:22:41</t>
  </si>
  <si>
    <t>12/16/2019 21:25:18</t>
  </si>
  <si>
    <t>12/16/2019 21:21:49</t>
  </si>
  <si>
    <t>12/16/2019 21:27:19</t>
  </si>
  <si>
    <t>0a63fb76-4a4e-46b4-a3cc-e5f2c436b7e7.tmp</t>
  </si>
  <si>
    <t>\\acsfs\profiles$\regisadsa\Downloads\0a63fb76-4a4e-46b4-a3cc-e5f2c436b7e7.tmp</t>
  </si>
  <si>
    <t>12/16/2019 21:22:25</t>
  </si>
  <si>
    <t>35d73ea3-3221-45fd-8e3d-ba349553f749.tmp</t>
  </si>
  <si>
    <t>\\acsfs\profiles$\regisadsa\Downloads\35d73ea3-3221-45fd-8e3d-ba349553f749.tmp</t>
  </si>
  <si>
    <t>12/16/2019 21:23:46</t>
  </si>
  <si>
    <t>57970aa6-26d1-4dcb-a723-907b566d8407.tmp</t>
  </si>
  <si>
    <t>\\acsfs\profiles$\regisadsa\Downloads\57970aa6-26d1-4dcb-a723-907b566d8407.tmp</t>
  </si>
  <si>
    <t>12/16/2019 21:26:19</t>
  </si>
  <si>
    <t>12/16/2019 21:30:18</t>
  </si>
  <si>
    <t>12/16/2019 21:29:54</t>
  </si>
  <si>
    <t>12/16/2019 21:31:19</t>
  </si>
  <si>
    <t>de818586-1b6c-44ae-9a72-22ca4e61c9ac.tmp</t>
  </si>
  <si>
    <t>\\acsfs\profiles$\victorgl\Downloads\de818586-1b6c-44ae-9a72-22ca4e61c9ac.tmp</t>
  </si>
  <si>
    <t>12/16/2019 21:29:08</t>
  </si>
  <si>
    <t>12/16/2019 21:33:19</t>
  </si>
  <si>
    <t>12/16/2019 21:35:26</t>
  </si>
  <si>
    <t>12/16/2019 21:37:17</t>
  </si>
  <si>
    <t>81267c79-7659-4ec8-8ec1-cc1b8c308743.tmp</t>
  </si>
  <si>
    <t>\\acsfs\profiles$\joycemmdl\Downloads\81267c79-7659-4ec8-8ec1-cc1b8c308743.tmp</t>
  </si>
  <si>
    <t>12/16/2019 21:40:17</t>
  </si>
  <si>
    <t>12/16/2019 21:41:17</t>
  </si>
  <si>
    <t>12/16/2019 21:40:35</t>
  </si>
  <si>
    <t>12/16/2019 21:43:58</t>
  </si>
  <si>
    <t>12/16/2019 21:46:17</t>
  </si>
  <si>
    <t>12/16/2019 21:53:22</t>
  </si>
  <si>
    <t>12/16/2019 21:56:17</t>
  </si>
  <si>
    <t>89b0ba61-b5a5-4f6d-a6fb-80ae14310b97.tmp</t>
  </si>
  <si>
    <t>\\acsfs\profiles$\gabrielamdp\Downloads\89b0ba61-b5a5-4f6d-a6fb-80ae14310b97.tmp</t>
  </si>
  <si>
    <t>12/16/2019 21:57:43</t>
  </si>
  <si>
    <t>12/16/2019 22:00:17</t>
  </si>
  <si>
    <t>12/16/2019 22:00:09</t>
  </si>
  <si>
    <t>12/16/2019 22:01:16</t>
  </si>
  <si>
    <t>12/16/2019 22:00:42</t>
  </si>
  <si>
    <t>12/16/2019 22:02:18</t>
  </si>
  <si>
    <t>12/16/2019 22:06:17</t>
  </si>
  <si>
    <t>12/16/2019 22:02:50</t>
  </si>
  <si>
    <t>12/16/2019 22:04:34</t>
  </si>
  <si>
    <t>12/16/2019 22:05:35</t>
  </si>
  <si>
    <t>12/16/2019 22:08:17</t>
  </si>
  <si>
    <t>12/16/2019 22:08:15</t>
  </si>
  <si>
    <t>12/16/2019 22:11:17</t>
  </si>
  <si>
    <t>12/16/2019 22:08:22</t>
  </si>
  <si>
    <t>12/16/2019 22:06:09</t>
  </si>
  <si>
    <t>12/16/2019 22:10:33</t>
  </si>
  <si>
    <t>12/16/2019 22:12:17</t>
  </si>
  <si>
    <t>12/16/2019 22:14:54</t>
  </si>
  <si>
    <t>12/16/2019 22:18:18</t>
  </si>
  <si>
    <t>12/16/2019 22:27:41</t>
  </si>
  <si>
    <t>12/16/2019 22:31:17</t>
  </si>
  <si>
    <t>12/16/2019 22:39:17</t>
  </si>
  <si>
    <t>12/16/2019 22:41:17</t>
  </si>
  <si>
    <t>12/16/2019 23:08:52</t>
  </si>
  <si>
    <t>12/16/2019 23:10:16</t>
  </si>
  <si>
    <t>12/16/2019 23:18:35</t>
  </si>
  <si>
    <t>12/16/2019 23:23:16</t>
  </si>
  <si>
    <t>12/16/2019 23:29:49</t>
  </si>
  <si>
    <t>12/16/2019 23:35:16</t>
  </si>
  <si>
    <t>12/16/2019 23:33:25</t>
  </si>
  <si>
    <t>12/16/2019 23:34:56</t>
  </si>
  <si>
    <t>12/16/2019 23:40:17</t>
  </si>
  <si>
    <t>12/16/2019 23:54:53</t>
  </si>
  <si>
    <t>12/16/2019 23:56:17</t>
  </si>
  <si>
    <t>12/16/2019 23:55:44</t>
  </si>
  <si>
    <t>12/16/2019 23:58:17</t>
  </si>
  <si>
    <t>12/16/2019 23:57:55</t>
  </si>
  <si>
    <t>12/17/2019 00:01:16</t>
  </si>
  <si>
    <t>12/17/2019 00:03:59</t>
  </si>
  <si>
    <t>12/17/2019 00:05:17</t>
  </si>
  <si>
    <t>12/17/2019 00:03:11</t>
  </si>
  <si>
    <t>12/17/2019 00:06:18</t>
  </si>
  <si>
    <t>12/17/2019 00:08:18</t>
  </si>
  <si>
    <t>12/17/2019 00:07:58</t>
  </si>
  <si>
    <t>12/17/2019 00:10:18</t>
  </si>
  <si>
    <t>12/17/2019 00:08:17</t>
  </si>
  <si>
    <t>12/17/2019 00:13:17</t>
  </si>
  <si>
    <t>12/17/2019 00:13:05</t>
  </si>
  <si>
    <t>12/17/2019 00:14:34</t>
  </si>
  <si>
    <t>12/17/2019 00:15:17</t>
  </si>
  <si>
    <t>12/17/2019 00:13:11</t>
  </si>
  <si>
    <t>12/17/2019 00:11:03</t>
  </si>
  <si>
    <t>12/17/2019 00:16:17</t>
  </si>
  <si>
    <t>12/17/2019 00:15:24</t>
  </si>
  <si>
    <t>12/17/2019 00:10:55</t>
  </si>
  <si>
    <t>12/17/2019 00:14:23</t>
  </si>
  <si>
    <t>12/17/2019 00:18:17</t>
  </si>
  <si>
    <t>12/17/2019 00:32:34</t>
  </si>
  <si>
    <t>12/17/2019 00:35:17</t>
  </si>
  <si>
    <t>12/17/2019 01:03:32</t>
  </si>
  <si>
    <t>12/17/2019 01:12:18</t>
  </si>
  <si>
    <t>12/17/2019 01:56:46</t>
  </si>
  <si>
    <t>12/17/2019 01:58:17</t>
  </si>
  <si>
    <t>12/17/2019 02:04:02</t>
  </si>
  <si>
    <t>12/17/2019 02:06:17</t>
  </si>
  <si>
    <t>12/17/2019 02:06:48</t>
  </si>
  <si>
    <t>12/17/2019 02:08:17</t>
  </si>
  <si>
    <t>12/17/2019 02:06:01</t>
  </si>
  <si>
    <t>12/17/2019 02:11:17</t>
  </si>
  <si>
    <t>12/17/2019 02:09:30</t>
  </si>
  <si>
    <t>12/17/2019 02:13:17</t>
  </si>
  <si>
    <t>12/17/2019 02:16:29</t>
  </si>
  <si>
    <t>12/17/2019 02:20:16</t>
  </si>
  <si>
    <t>12/17/2019 02:33:08</t>
  </si>
  <si>
    <t>12/17/2019 02:38:17</t>
  </si>
  <si>
    <t>12/17/2019 02:38:46</t>
  </si>
  <si>
    <t>12/17/2019 02:40:17</t>
  </si>
  <si>
    <t>12/17/2019 02:45:26</t>
  </si>
  <si>
    <t>12/17/2019 02:47:18</t>
  </si>
  <si>
    <t>12/17/2019 02:53:40</t>
  </si>
  <si>
    <t>12/17/2019 02:58:17</t>
  </si>
  <si>
    <t>12/17/2019 03:01:20</t>
  </si>
  <si>
    <t>12/17/2019 03:03:17</t>
  </si>
  <si>
    <t>12/17/2019 03:00:52</t>
  </si>
  <si>
    <t>12/17/2019 03:05:17</t>
  </si>
  <si>
    <t>12/17/2019 03:10:26</t>
  </si>
  <si>
    <t>12/17/2019 03:11:17</t>
  </si>
  <si>
    <t>12/17/2019 03:24:19</t>
  </si>
  <si>
    <t>12/17/2019 03:28:17</t>
  </si>
  <si>
    <t>12/17/2019 03:29:53</t>
  </si>
  <si>
    <t>12/17/2019 03:32:17</t>
  </si>
  <si>
    <t>12/17/2019 03:35:14</t>
  </si>
  <si>
    <t>12/17/2019 03:38:17</t>
  </si>
  <si>
    <t>12/17/2019 03:40:59</t>
  </si>
  <si>
    <t>12/17/2019 03:43:17</t>
  </si>
  <si>
    <t>12/17/2019 03:43:59</t>
  </si>
  <si>
    <t>12/17/2019 03:47:17</t>
  </si>
  <si>
    <t>12/17/2019 03:47:40</t>
  </si>
  <si>
    <t>12/17/2019 03:50:18</t>
  </si>
  <si>
    <t>12/17/2019 03:46:54</t>
  </si>
  <si>
    <t>12/17/2019 04:15:32</t>
  </si>
  <si>
    <t>12/17/2019 04:20:17</t>
  </si>
  <si>
    <t>12/17/2019 04:24:39</t>
  </si>
  <si>
    <t>12/17/2019 04:25:17</t>
  </si>
  <si>
    <t>12/17/2019 04:33:16</t>
  </si>
  <si>
    <t>12/17/2019 04:35:18</t>
  </si>
  <si>
    <t>12/17/2019 04:33:36</t>
  </si>
  <si>
    <t>12/17/2019 04:33:28</t>
  </si>
  <si>
    <t>12/17/2019 04:32:32</t>
  </si>
  <si>
    <t>12/17/2019 04:36:18</t>
  </si>
  <si>
    <t>12/17/2019 04:35:34</t>
  </si>
  <si>
    <t>12/17/2019 04:38:18</t>
  </si>
  <si>
    <t>12/17/2019 04:34:07</t>
  </si>
  <si>
    <t>12/17/2019 04:40:04</t>
  </si>
  <si>
    <t>12/17/2019 04:41:18</t>
  </si>
  <si>
    <t>12/17/2019 05:05:53</t>
  </si>
  <si>
    <t>12/17/2019 05:08:18</t>
  </si>
  <si>
    <t>12/17/2019 05:39:03</t>
  </si>
  <si>
    <t>12/17/2019 05:40:19</t>
  </si>
  <si>
    <t>12/17/2019 05:47:25</t>
  </si>
  <si>
    <t>12/17/2019 05:48:19</t>
  </si>
  <si>
    <t>12/17/2019 05:54:52</t>
  </si>
  <si>
    <t>12/17/2019 05:56:19</t>
  </si>
  <si>
    <t>12/17/2019 06:09:38</t>
  </si>
  <si>
    <t>12/17/2019 06:11:18</t>
  </si>
  <si>
    <t>12/17/2019 06:12:33</t>
  </si>
  <si>
    <t>12/17/2019 06:15:19</t>
  </si>
  <si>
    <t>12/17/2019 06:14:44</t>
  </si>
  <si>
    <t>12/17/2019 06:24:46</t>
  </si>
  <si>
    <t>12/17/2019 06:30:18</t>
  </si>
  <si>
    <t>12/17/2019 06:27:27</t>
  </si>
  <si>
    <t>12/17/2019 06:32:19</t>
  </si>
  <si>
    <t>12/17/2019 06:32:34</t>
  </si>
  <si>
    <t>12/17/2019 06:35:19</t>
  </si>
  <si>
    <t>12/17/2019 06:36:47</t>
  </si>
  <si>
    <t>12/17/2019 06:38:19</t>
  </si>
  <si>
    <t>c756bdbd-e4c7-4109-aa0b-e3cf955aab17.tmp</t>
  </si>
  <si>
    <t>\\acsfs\profiles$\danielpdl\Downloads\c756bdbd-e4c7-4109-aa0b-e3cf955aab17.tmp</t>
  </si>
  <si>
    <t>12/17/2019 06:38:26</t>
  </si>
  <si>
    <t>12/17/2019 06:43:19</t>
  </si>
  <si>
    <t>7f4b647b-a270-4918-8cd9-a2d5753f3e3a.tmp</t>
  </si>
  <si>
    <t>\\acsfs\profiles$\danielpdl\Downloads\7f4b647b-a270-4918-8cd9-a2d5753f3e3a.tmp</t>
  </si>
  <si>
    <t>12/17/2019 06:38:32</t>
  </si>
  <si>
    <t>1520f0ed-d6cd-4a0e-8f38-657f4fbb30be.tmp</t>
  </si>
  <si>
    <t>\\acsfs\profiles$\danielpdl\Downloads\1520f0ed-d6cd-4a0e-8f38-657f4fbb30be.tmp</t>
  </si>
  <si>
    <t>12/17/2019 06:44:36</t>
  </si>
  <si>
    <t>12/17/2019 06:48:19</t>
  </si>
  <si>
    <t>6cefa3eb-dd43-4411-b221-ef1c1bb8d919.tmp</t>
  </si>
  <si>
    <t>\\acsfs\profiles$\danielpdl\Downloads\6cefa3eb-dd43-4411-b221-ef1c1bb8d919.tmp</t>
  </si>
  <si>
    <t>12/17/2019 06:44:45</t>
  </si>
  <si>
    <t>b8f68a03-0d2b-4618-a35b-b0d4d1f1b6f2.tmp</t>
  </si>
  <si>
    <t>\\acsfs\profiles$\danielpdl\Downloads\b8f68a03-0d2b-4618-a35b-b0d4d1f1b6f2.tmp</t>
  </si>
  <si>
    <t>12/17/2019 06:44:54</t>
  </si>
  <si>
    <t>44927513-3032-4179-b8f0-03885b483fe2.tmp</t>
  </si>
  <si>
    <t>\\acsfs\profiles$\danielpdl\Downloads\44927513-3032-4179-b8f0-03885b483fe2.tmp</t>
  </si>
  <si>
    <t>12/17/2019 06:45:25</t>
  </si>
  <si>
    <t>f379b716-c148-4185-9b0c-54e4bb4c04b8.tmp</t>
  </si>
  <si>
    <t>\\acsfs\profiles$\danielpdl\Downloads\f379b716-c148-4185-9b0c-54e4bb4c04b8.tmp</t>
  </si>
  <si>
    <t>12/17/2019 06:49:40</t>
  </si>
  <si>
    <t>12/17/2019 06:52:17</t>
  </si>
  <si>
    <t>\\acsfs\profiles$\brendavdoa\Favorites\Citrix Receiver.url\</t>
  </si>
  <si>
    <t>\\acsfs\profiles$\brendavdoa\Favorites\Citrix Receiver.url\:favicon:$DATA</t>
  </si>
  <si>
    <t>\\acsfs\profiles$\brendavdoa\Favorites\Citrix Receiver.url</t>
  </si>
  <si>
    <t>12/17/2019 06:53:15</t>
  </si>
  <si>
    <t>12/17/2019 06:57:18</t>
  </si>
  <si>
    <t>12/17/2019 06:53:14</t>
  </si>
  <si>
    <t>12/17/2019 06:58:17</t>
  </si>
  <si>
    <t>12/17/2019 06:56:02</t>
  </si>
  <si>
    <t>12/17/2019 07:00:17</t>
  </si>
  <si>
    <t>12/17/2019 07:07:51</t>
  </si>
  <si>
    <t>12/17/2019 07:11:19</t>
  </si>
  <si>
    <t>12/17/2019 07:13:17</t>
  </si>
  <si>
    <t>12/17/2019 07:15:19</t>
  </si>
  <si>
    <t>10.200.67.10</t>
  </si>
  <si>
    <t>74-86-7A-FB-18-6D</t>
  </si>
  <si>
    <t>VOTORANT-FB013</t>
  </si>
  <si>
    <t>monicargds</t>
  </si>
  <si>
    <t>\\acsfs\profiles$\monicargds\Downloads\</t>
  </si>
  <si>
    <t>Holerite_122019_2106154.pdf.uysrdjm.partial</t>
  </si>
  <si>
    <t>\\acsfs\profiles$\monicargds\Downloads\Holerite_122019_2106154.pdf.uysrdjm.partial</t>
  </si>
  <si>
    <t>12/17/2019 07:16:20</t>
  </si>
  <si>
    <t>12/17/2019 07:15:48</t>
  </si>
  <si>
    <t>12/17/2019 07:17:19</t>
  </si>
  <si>
    <t>12/17/2019 07:16:22</t>
  </si>
  <si>
    <t>12/17/2019 07:21:20</t>
  </si>
  <si>
    <t>12/17/2019 07:17:50</t>
  </si>
  <si>
    <t>12/17/2019 07:20:16</t>
  </si>
  <si>
    <t>12/17/2019 07:22:20</t>
  </si>
  <si>
    <t>d56bdb5f-e088-4534-9593-89a282690709.tmp</t>
  </si>
  <si>
    <t>\\acsfs\profiles$\deboraaa\Downloads\d56bdb5f-e088-4534-9593-89a282690709.tmp</t>
  </si>
  <si>
    <t>12/17/2019 07:21:27</t>
  </si>
  <si>
    <t>12/17/2019 07:23:20</t>
  </si>
  <si>
    <t>12/17/2019 07:21:31</t>
  </si>
  <si>
    <t>12/17/2019 07:21:36</t>
  </si>
  <si>
    <t>6ff00b22-ca41-4f63-b5ea-b2a5947bc85e.tmp</t>
  </si>
  <si>
    <t>\\acsfs\profiles$\marcellewdl\Downloads\6ff00b22-ca41-4f63-b5ea-b2a5947bc85e.tmp</t>
  </si>
  <si>
    <t>12/17/2019 07:22:03</t>
  </si>
  <si>
    <t>04930de7-8050-43c5-af97-d3fc2fa9a6f7.tmp</t>
  </si>
  <si>
    <t>\\acsfs\profiles$\marcellewdl\Downloads\04930de7-8050-43c5-af97-d3fc2fa9a6f7.tmp</t>
  </si>
  <si>
    <t>12/17/2019 07:22:55</t>
  </si>
  <si>
    <t>62feb95f-a12d-4deb-8b27-69c717dd2160.tmp</t>
  </si>
  <si>
    <t>\\acsfs\profiles$\marcellewdl\Downloads\62feb95f-a12d-4deb-8b27-69c717dd2160.tmp</t>
  </si>
  <si>
    <t>12/17/2019 07:26:20</t>
  </si>
  <si>
    <t>12/17/2019 07:23:02</t>
  </si>
  <si>
    <t>12/17/2019 07:27:20</t>
  </si>
  <si>
    <t>4298734a-5ef5-4ac1-a901-a0c70c8e3110.tmp</t>
  </si>
  <si>
    <t>\\acsfs\profiles$\deboraaa\Downloads\4298734a-5ef5-4ac1-a901-a0c70c8e3110.tmp</t>
  </si>
  <si>
    <t>12/17/2019 07:23:38</t>
  </si>
  <si>
    <t>afd25627-d888-415f-8017-0244fef7f359.tmp</t>
  </si>
  <si>
    <t>\\acsfs\profiles$\deboraaa\Downloads\afd25627-d888-415f-8017-0244fef7f359.tmp</t>
  </si>
  <si>
    <t>12/17/2019 07:25:29</t>
  </si>
  <si>
    <t>12/17/2019 07:28:21</t>
  </si>
  <si>
    <t>12/16/2019 22:34:29</t>
  </si>
  <si>
    <t>12/16/2019 22:34:31</t>
  </si>
  <si>
    <t>12/17/2019 07:28:45</t>
  </si>
  <si>
    <t>12/17/2019 07:30:20</t>
  </si>
  <si>
    <t>Indicadores Contrato Algar - Anexo IV - SLAs-convertido Alessandra (2).xlsx</t>
  </si>
  <si>
    <t>12/17/2019 07:31:20</t>
  </si>
  <si>
    <t>12/17/2019 07:28:27</t>
  </si>
  <si>
    <t>12/17/2019 07:32:20</t>
  </si>
  <si>
    <t>66ceb2f2-c1c6-466d-bba3-c7474aa5bb08.tmp</t>
  </si>
  <si>
    <t>\\acsfs\profiles$\deboraaa\Downloads\66ceb2f2-c1c6-466d-bba3-c7474aa5bb08.tmp</t>
  </si>
  <si>
    <t>12/17/2019 07:27:51</t>
  </si>
  <si>
    <t>12/17/2019 07:33:21</t>
  </si>
  <si>
    <t>86645899-c880-4f57-94d0-fc5d33de29e8.tmp</t>
  </si>
  <si>
    <t>\\acsfs\profiles$\alicecpbc\Downloads\86645899-c880-4f57-94d0-fc5d33de29e8.tmp</t>
  </si>
  <si>
    <t>12/17/2019 07:28:23</t>
  </si>
  <si>
    <t>a05b824d-613c-4bda-859f-a2166c7206b2.tmp</t>
  </si>
  <si>
    <t>\\acsfs\profiles$\alicecpbc\Downloads\a05b824d-613c-4bda-859f-a2166c7206b2.tmp</t>
  </si>
  <si>
    <t>12/17/2019 07:29:22</t>
  </si>
  <si>
    <t>46ec7d84-4507-4b3f-85c9-3dc0e0b1272c.tmp</t>
  </si>
  <si>
    <t>\\acsfs\profiles$\alicecpbc\Downloads\46ec7d84-4507-4b3f-85c9-3dc0e0b1272c.tmp</t>
  </si>
  <si>
    <t>12/17/2019 07:29:35</t>
  </si>
  <si>
    <t>0363868a-873a-4e01-8d3f-96c231eef331.tmp</t>
  </si>
  <si>
    <t>\\acsfs\profiles$\ERICALSR\Downloads\0363868a-873a-4e01-8d3f-96c231eef331.tmp</t>
  </si>
  <si>
    <t>12/17/2019 07:29:34</t>
  </si>
  <si>
    <t>12/17/2019 07:30:04</t>
  </si>
  <si>
    <t>e042f5a3-590a-4eca-a980-bc02b87c14f6.tmp</t>
  </si>
  <si>
    <t>\\acsfs\profiles$\ERICALSR\Downloads\e042f5a3-590a-4eca-a980-bc02b87c14f6.tmp</t>
  </si>
  <si>
    <t>12/17/2019 07:36:20</t>
  </si>
  <si>
    <t>12/17/2019 07:36:31</t>
  </si>
  <si>
    <t>12/17/2019 07:40:20</t>
  </si>
  <si>
    <t>12/17/2019 07:38:09</t>
  </si>
  <si>
    <t>XLOG_danielpdl_16122019_141922.log</t>
  </si>
  <si>
    <t>\\acsfs\profiles$\danielpdl\My Documents\xworkcenter\logs\XLOG_danielpdl_16122019_141922.log</t>
  </si>
  <si>
    <t>12/17/2019 07:41:19</t>
  </si>
  <si>
    <t>12/17/2019 07:38:40</t>
  </si>
  <si>
    <t>12/17/2019 07:42:20</t>
  </si>
  <si>
    <t>c12c3794-38e9-4c21-b101-3181e6bd2b4c.tmp</t>
  </si>
  <si>
    <t>\\acsfs\profiles$\matheushds\Downloads\c12c3794-38e9-4c21-b101-3181e6bd2b4c.tmp</t>
  </si>
  <si>
    <t>12/17/2019 07:39:55</t>
  </si>
  <si>
    <t>af055e63-d3e1-4fb5-b133-8775df05acaa.tmp</t>
  </si>
  <si>
    <t>\\acsfs\profiles$\matheushds\Downloads\af055e63-d3e1-4fb5-b133-8775df05acaa.tmp</t>
  </si>
  <si>
    <t>12/17/2019 07:39:27</t>
  </si>
  <si>
    <t>12/17/2019 07:43:20</t>
  </si>
  <si>
    <t>12/17/2019 07:42:28</t>
  </si>
  <si>
    <t>12/17/2019 07:46:20</t>
  </si>
  <si>
    <t>12/17/2019 07:42:59</t>
  </si>
  <si>
    <t>12/17/2019 07:43:31</t>
  </si>
  <si>
    <t>12/17/2019 07:47:20</t>
  </si>
  <si>
    <t>12/17/2019 07:44:32</t>
  </si>
  <si>
    <t>12/17/2019 07:49:20</t>
  </si>
  <si>
    <t>10.200.67.148</t>
  </si>
  <si>
    <t>\\acsfs\profiles$\sarahbal\Favorites\Links\</t>
  </si>
  <si>
    <t>\\acsfs\profiles$\sarahbal\Favorites\Links\desktop.ini</t>
  </si>
  <si>
    <t>12/17/2019 07:44:33</t>
  </si>
  <si>
    <t>Sites Sugeridos.url</t>
  </si>
  <si>
    <t>\\acsfs\profiles$\sarahbal\Favorites\Links\Sites Sugeridos.url</t>
  </si>
  <si>
    <t>12/17/2019 07:44:34</t>
  </si>
  <si>
    <t>12/17/2019 07:44:37</t>
  </si>
  <si>
    <t>Sites Sugeridos.url:favicon</t>
  </si>
  <si>
    <t>\\acsfs\profiles$\sarahbal\Favorites\Links\Sites Sugeridos.url:favicon</t>
  </si>
  <si>
    <t>12/17/2019 07:44:38</t>
  </si>
  <si>
    <t>12/17/2019 07:51:20</t>
  </si>
  <si>
    <t>12/17/2019 07:50:39</t>
  </si>
  <si>
    <t>Alerta victor.PNG</t>
  </si>
  <si>
    <t>\\acsfs\DEPTOS\Operacao\Banco_Votorantim\Qualidade\Eliane\Alerta victor.PNG</t>
  </si>
  <si>
    <t>12/17/2019 07:48:49</t>
  </si>
  <si>
    <t>12/17/2019 07:53:20</t>
  </si>
  <si>
    <t>\\acsfs\profiles$\vanessacgs\Favorites\citrix.url:favicon</t>
  </si>
  <si>
    <t>12/17/2019 07:48:50</t>
  </si>
  <si>
    <t>12/17/2019 07:53:27</t>
  </si>
  <si>
    <t>12/17/2019 07:55:20</t>
  </si>
  <si>
    <t>12/17/2019 07:53:28</t>
  </si>
  <si>
    <t>12/17/2019 07:53:29</t>
  </si>
  <si>
    <t>12/17/2019 07:53:30</t>
  </si>
  <si>
    <t>12/17/2019 07:53:31</t>
  </si>
  <si>
    <t>12/17/2019 07:53:32</t>
  </si>
  <si>
    <t>12/17/2019 07:53:33</t>
  </si>
  <si>
    <t>12/17/2019 07:53:34</t>
  </si>
  <si>
    <t>12/17/2019 07:53:35</t>
  </si>
  <si>
    <t>12/17/2019 07:53:36</t>
  </si>
  <si>
    <t>12/17/2019 07:53:37</t>
  </si>
  <si>
    <t>12/17/2019 07:53:38</t>
  </si>
  <si>
    <t>12/17/2019 07:53:39</t>
  </si>
  <si>
    <t>12/17/2019 07:53:40</t>
  </si>
  <si>
    <t>12/17/2019 07:53:41</t>
  </si>
  <si>
    <t>12/17/2019 07:53:45</t>
  </si>
  <si>
    <t>12/17/2019 07:56:20</t>
  </si>
  <si>
    <t>f025cfb4-f9eb-4dd7-a155-00efc96f762a.tmp</t>
  </si>
  <si>
    <t>\\acsfs\profiles$\gabrielarb\Downloads\f025cfb4-f9eb-4dd7-a155-00efc96f762a.tmp</t>
  </si>
  <si>
    <t>12/17/2019 07:53:46</t>
  </si>
  <si>
    <t>d6fc8d94-b5ed-4f1b-aa1a-8a2d1d16c180.tmp</t>
  </si>
  <si>
    <t>\\acsfs\profiles$\gabrielarb\Downloads\d6fc8d94-b5ed-4f1b-aa1a-8a2d1d16c180.tmp</t>
  </si>
  <si>
    <t>12/17/2019 07:54:19</t>
  </si>
  <si>
    <t>3e8519ae-fd57-42e1-99a8-ec2aaf7a547b.tmp</t>
  </si>
  <si>
    <t>\\acsfs\profiles$\gabrielarb\Downloads\3e8519ae-fd57-42e1-99a8-ec2aaf7a547b.tmp</t>
  </si>
  <si>
    <t>12/17/2019 07:55:12</t>
  </si>
  <si>
    <t>52b7d66a-fe97-4932-8d66-f7cd12741e4b.tmp</t>
  </si>
  <si>
    <t>\\acsfs\profiles$\gabrielarb\Downloads\52b7d66a-fe97-4932-8d66-f7cd12741e4b.tmp</t>
  </si>
  <si>
    <t>12/17/2019 07:53:01</t>
  </si>
  <si>
    <t>12/17/2019 07:53:09</t>
  </si>
  <si>
    <t>12/17/2019 07:54:02</t>
  </si>
  <si>
    <t>12/17/2019 07:58:21</t>
  </si>
  <si>
    <t>12/17/2019 07:54:21</t>
  </si>
  <si>
    <t>12/17/2019 07:54:22</t>
  </si>
  <si>
    <t>12/17/2019 07:54:23</t>
  </si>
  <si>
    <t>12/17/2019 07:54:24</t>
  </si>
  <si>
    <t>12/17/2019 07:54:25</t>
  </si>
  <si>
    <t>12/17/2019 07:54:26</t>
  </si>
  <si>
    <t>12/17/2019 07:54:27</t>
  </si>
  <si>
    <t>12/17/2019 07:54:28</t>
  </si>
  <si>
    <t>12/17/2019 07:54:29</t>
  </si>
  <si>
    <t>12/17/2019 07:54:30</t>
  </si>
  <si>
    <t>12/17/2019 07:54:31</t>
  </si>
  <si>
    <t>12/17/2019 07:54:32</t>
  </si>
  <si>
    <t>12/17/2019 07:56:09</t>
  </si>
  <si>
    <t>12/17/2019 07:54:33</t>
  </si>
  <si>
    <t>12/17/2019 07:59:20</t>
  </si>
  <si>
    <t>12/17/2019 07:54:34</t>
  </si>
  <si>
    <t>12/16/2019 14:46:51</t>
  </si>
  <si>
    <t>12/16/2019 14:47:12</t>
  </si>
  <si>
    <t>12/17/2019 07:57:21</t>
  </si>
  <si>
    <t>12/17/2019 08:00:21</t>
  </si>
  <si>
    <t>99d26d8f-4f6c-49a8-991b-b129fc256c95.tmp</t>
  </si>
  <si>
    <t>\\acsfs\profiles$\paulovadc\Downloads\99d26d8f-4f6c-49a8-991b-b129fc256c95.tmp</t>
  </si>
  <si>
    <t>12/17/2019 07:58:37</t>
  </si>
  <si>
    <t>f9f204d3-4793-45d5-8b8a-6404a451de3d.tmp</t>
  </si>
  <si>
    <t>\\acsfs\profiles$\paulovadc\Downloads\f9f204d3-4793-45d5-8b8a-6404a451de3d.tmp</t>
  </si>
  <si>
    <t>12/17/2019 07:55:32</t>
  </si>
  <si>
    <t>12/17/2019 08:01:20</t>
  </si>
  <si>
    <t>694591d8-d865-4a43-982a-1ab7bedd7131.tmp</t>
  </si>
  <si>
    <t>\\acsfs\profiles$\gabrielarb\Downloads\694591d8-d865-4a43-982a-1ab7bedd7131.tmp</t>
  </si>
  <si>
    <t>12/17/2019 08:02:21</t>
  </si>
  <si>
    <t>12/17/2019 07:59:27</t>
  </si>
  <si>
    <t>12/17/2019 08:03:20</t>
  </si>
  <si>
    <t>50efc44c-a4ae-498b-9339-952d40d89c19.tmp</t>
  </si>
  <si>
    <t>\\acsfs\profiles$\luanarda\Downloads\50efc44c-a4ae-498b-9339-952d40d89c19.tmp</t>
  </si>
  <si>
    <t>12/17/2019 08:01:09</t>
  </si>
  <si>
    <t>cdedd556-82ce-4295-80df-91bd20949d48.tmp</t>
  </si>
  <si>
    <t>\\acsfs\profiles$\luanarda\Downloads\cdedd556-82ce-4295-80df-91bd20949d48.tmp</t>
  </si>
  <si>
    <t>12/17/2019 08:03:21</t>
  </si>
  <si>
    <t>12/17/2019 08:04:21</t>
  </si>
  <si>
    <t>12/17/2019 08:01:07</t>
  </si>
  <si>
    <t>cdb1f769-7c66-4aa9-8c80-93902e1054d7.tmp</t>
  </si>
  <si>
    <t>\\acsfs\profiles$\dhiulliananads\Downloads\cdb1f769-7c66-4aa9-8c80-93902e1054d7.tmp</t>
  </si>
  <si>
    <t>12/17/2019 08:01:39</t>
  </si>
  <si>
    <t>12/17/2019 08:02:10</t>
  </si>
  <si>
    <t>73dca61f-412d-425a-aaa5-3a5dcc79c681.tmp</t>
  </si>
  <si>
    <t>\\acsfs\profiles$\dhiulliananads\Downloads\73dca61f-412d-425a-aaa5-3a5dcc79c681.tmp</t>
  </si>
  <si>
    <t>12/17/2019 08:07:20</t>
  </si>
  <si>
    <t>12/17/2019 08:03:06</t>
  </si>
  <si>
    <t>fb41f59c-e110-46d5-827b-6d6bac972749.tmp</t>
  </si>
  <si>
    <t>\\acsfs\profiles$\vivianalds\Downloads\fb41f59c-e110-46d5-827b-6d6bac972749.tmp</t>
  </si>
  <si>
    <t>12/17/2019 08:04:01</t>
  </si>
  <si>
    <t>12/17/2019 08:05:16</t>
  </si>
  <si>
    <t>ddafdf72-11ee-4152-ad11-c5357267603e.tmp</t>
  </si>
  <si>
    <t>\\acsfs\profiles$\vivianalds\Downloads\ddafdf72-11ee-4152-ad11-c5357267603e.tmp</t>
  </si>
  <si>
    <t>12/17/2019 08:06:40</t>
  </si>
  <si>
    <t>12/17/2019 08:08:21</t>
  </si>
  <si>
    <t>12/17/2019 08:04:56</t>
  </si>
  <si>
    <t>12/17/2019 08:09:20</t>
  </si>
  <si>
    <t>12/17/2019 08:04:35</t>
  </si>
  <si>
    <t>12/17/2019 08:10:21</t>
  </si>
  <si>
    <t>12/17/2019 08:05:08</t>
  </si>
  <si>
    <t>12/17/2019 08:07:17</t>
  </si>
  <si>
    <t>12/17/2019 08:07:18</t>
  </si>
  <si>
    <t>lu1803211wy11.tmp</t>
  </si>
  <si>
    <t>\\acsfs\profiles$\dhiulliananads\My Documents\lu1803211wy11.tmp</t>
  </si>
  <si>
    <t>\\acsfs\profiles$\dhiulliananads\My Documents\lu1803211wy11.tmp\</t>
  </si>
  <si>
    <t>\\acsfs\profiles$\dhiulliananads\My Documents\lu1803211wy11.tmp\META-INF\</t>
  </si>
  <si>
    <t>\\acsfs\profiles$\dhiulliananads\My Documents\lu1803211wy11.tmp\Thumbnails\</t>
  </si>
  <si>
    <t>12/17/2019 08:08:04</t>
  </si>
  <si>
    <t>e8db9fd4-9672-4279-b360-4f65b725f73e.tmp</t>
  </si>
  <si>
    <t>\\acsfs\profiles$\paulovadc\Downloads\e8db9fd4-9672-4279-b360-4f65b725f73e.tmp</t>
  </si>
  <si>
    <t>12/17/2019 08:07:54</t>
  </si>
  <si>
    <t>12/17/2019 08:11:20</t>
  </si>
  <si>
    <t>4344f19a-47cc-4ce0-ac41-aac1d83b9c35.tmp</t>
  </si>
  <si>
    <t>\\acsfs\profiles$\valeriasda\Downloads\4344f19a-47cc-4ce0-ac41-aac1d83b9c35.tmp</t>
  </si>
  <si>
    <t>12/17/2019 08:08:00</t>
  </si>
  <si>
    <t>12483380-97ea-44dd-be86-da3a503bd779.tmp</t>
  </si>
  <si>
    <t>\\acsfs\profiles$\valeriasda\Downloads\12483380-97ea-44dd-be86-da3a503bd779.tmp</t>
  </si>
  <si>
    <t>12/17/2019 08:08:09</t>
  </si>
  <si>
    <t>cb95e4ad-e80b-4cea-bbd8-7a13aea67ec0.tmp</t>
  </si>
  <si>
    <t>\\acsfs\profiles$\valeriasda\Downloads\cb95e4ad-e80b-4cea-bbd8-7a13aea67ec0.tmp</t>
  </si>
  <si>
    <t>12/17/2019 08:08:15</t>
  </si>
  <si>
    <t>82b1c4cf-3a3e-4c04-9927-9ce7f30116dc.tmp</t>
  </si>
  <si>
    <t>\\acsfs\profiles$\valeriasda\Downloads\82b1c4cf-3a3e-4c04-9927-9ce7f30116dc.tmp</t>
  </si>
  <si>
    <t>12/17/2019 08:05:59</t>
  </si>
  <si>
    <t>12/17/2019 08:07:27</t>
  </si>
  <si>
    <t>3be205a2-2b6a-49db-b9f1-4a400038de83.tmp</t>
  </si>
  <si>
    <t>\\acsfs\profiles$\deborahsi\Downloads\3be205a2-2b6a-49db-b9f1-4a400038de83.tmp</t>
  </si>
  <si>
    <t>12/17/2019 08:08:41</t>
  </si>
  <si>
    <t>38b00c49-79b0-49f4-ac7e-ac3c6db97ea3.tmp</t>
  </si>
  <si>
    <t>\\acsfs\profiles$\deborahsi\Downloads\38b00c49-79b0-49f4-ac7e-ac3c6db97ea3.tmp</t>
  </si>
  <si>
    <t>12/17/2019 08:06:18</t>
  </si>
  <si>
    <t>\\acsfs\profiles$\tiagosno\Favorites\Citrix Receiver.url\</t>
  </si>
  <si>
    <t>\\acsfs\profiles$\tiagosno\Favorites\Citrix Receiver.url\:favicon:$DATA</t>
  </si>
  <si>
    <t>\\acsfs\profiles$\tiagosno\Favorites\</t>
  </si>
  <si>
    <t>\\acsfs\profiles$\tiagosno\Favorites\Citrix Receiver.url</t>
  </si>
  <si>
    <t>12/17/2019 08:09:58</t>
  </si>
  <si>
    <t>\\acsfs\profiles$\tiagosno\Favorites\Welcome - 1.url\</t>
  </si>
  <si>
    <t>\\acsfs\profiles$\tiagosno\Favorites\Welcome - 1.url\:favicon:$DATA</t>
  </si>
  <si>
    <t>\\acsfs\profiles$\tiagosno\Favorites\Welcome - 1.url</t>
  </si>
  <si>
    <t>12/17/2019 08:12:20</t>
  </si>
  <si>
    <t>12/17/2019 08:09:48</t>
  </si>
  <si>
    <t>12/16/2019 20:43:03</t>
  </si>
  <si>
    <t>12/17/2019 08:13:20</t>
  </si>
  <si>
    <t>mail.google.com/_/upload?authuser=1&amp;dcp=asu-n&amp;upload_id=AEnB2UrjSmcVItb1_WIOmu3vC1KzF_sePH62lDvNH68uh1LWTIXmCdD9uQCaEnM3IfhnI8tDlBczjrtxOYm938aege8IrA2RdSOB0QE0OeyEkvXjsiajmWo&amp;upload_protocol=resumable</t>
  </si>
  <si>
    <t>12/17/2019 08:09:10</t>
  </si>
  <si>
    <t>12/17/2019 08:12:38</t>
  </si>
  <si>
    <t>12/17/2019 08:14:20</t>
  </si>
  <si>
    <t>12/17/2019 08:09:46</t>
  </si>
  <si>
    <t>12/17/2019 08:09:47</t>
  </si>
  <si>
    <t>12/17/2019 08:09:49</t>
  </si>
  <si>
    <t>12/17/2019 08:09:50</t>
  </si>
  <si>
    <t>12/17/2019 08:09:51</t>
  </si>
  <si>
    <t>12/17/2019 08:09:52</t>
  </si>
  <si>
    <t>12/17/2019 08:09:53</t>
  </si>
  <si>
    <t>12/17/2019 08:09:54</t>
  </si>
  <si>
    <t>12/17/2019 08:09:55</t>
  </si>
  <si>
    <t>12/17/2019 08:09:56</t>
  </si>
  <si>
    <t>12/17/2019 08:09:57</t>
  </si>
  <si>
    <t>12/17/2019 08:09:59</t>
  </si>
  <si>
    <t>12/17/2019 08:10:00</t>
  </si>
  <si>
    <t>12/17/2019 08:10:01</t>
  </si>
  <si>
    <t>12/17/2019 08:10:02</t>
  </si>
  <si>
    <t>12/17/2019 08:10:03</t>
  </si>
  <si>
    <t>12/17/2019 08:10:04</t>
  </si>
  <si>
    <t>12/17/2019 08:10:05</t>
  </si>
  <si>
    <t>12/17/2019 08:10:06</t>
  </si>
  <si>
    <t>12/17/2019 08:10:07</t>
  </si>
  <si>
    <t>12/17/2019 08:10:08</t>
  </si>
  <si>
    <t>12/17/2019 08:12:27</t>
  </si>
  <si>
    <t>12/17/2019 08:15:20</t>
  </si>
  <si>
    <t>12/17/2019 08:11:25</t>
  </si>
  <si>
    <t>12/17/2019 08:16:20</t>
  </si>
  <si>
    <t>94d097b2-de8d-46f5-b7a8-0b7926d74059.tmp</t>
  </si>
  <si>
    <t>\\acsfs\profiles$\gabrielarb\Downloads\94d097b2-de8d-46f5-b7a8-0b7926d74059.tmp</t>
  </si>
  <si>
    <t>12/17/2019 08:11:54</t>
  </si>
  <si>
    <t>acadecf5-4a8f-4869-a262-71835f285f15.tmp</t>
  </si>
  <si>
    <t>\\acsfs\profiles$\valeriasda\Downloads\acadecf5-4a8f-4869-a262-71835f285f15.tmp</t>
  </si>
  <si>
    <t>12/17/2019 08:12:02</t>
  </si>
  <si>
    <t>afb387c5-ad44-4490-8b7d-1f1c4c2facb8.tmp</t>
  </si>
  <si>
    <t>\\acsfs\profiles$\valeriasda\Downloads\afb387c5-ad44-4490-8b7d-1f1c4c2facb8.tmp</t>
  </si>
  <si>
    <t>12/17/2019 08:12:08</t>
  </si>
  <si>
    <t>9a48bfc2-7727-4fe2-a33b-0157a2ebf48c.tmp</t>
  </si>
  <si>
    <t>\\acsfs\profiles$\valeriasda\Downloads\9a48bfc2-7727-4fe2-a33b-0157a2ebf48c.tmp</t>
  </si>
  <si>
    <t>12/17/2019 08:12:13</t>
  </si>
  <si>
    <t>c0df825e-3e2b-4563-86d5-bf6e0f7ad214.tmp</t>
  </si>
  <si>
    <t>\\acsfs\profiles$\valeriasda\Downloads\c0df825e-3e2b-4563-86d5-bf6e0f7ad214.tmp</t>
  </si>
  <si>
    <t>12/17/2019 08:12:19</t>
  </si>
  <si>
    <t>712d3482-4ef6-4b9f-8b31-a5682c49dfcd.tmp</t>
  </si>
  <si>
    <t>\\acsfs\profiles$\valeriasda\Downloads\712d3482-4ef6-4b9f-8b31-a5682c49dfcd.tmp</t>
  </si>
  <si>
    <t>12/16/2019 20:37:18</t>
  </si>
  <si>
    <t>12/17/2019 08:13:55</t>
  </si>
  <si>
    <t>XLOG_tiagosno_17122019_080550.log</t>
  </si>
  <si>
    <t>\\acsfs\profiles$\tiagosno\My Documents\xworkcenter\logs\XLOG_tiagosno_17122019_080550.log</t>
  </si>
  <si>
    <t>12/17/2019 08:14:10</t>
  </si>
  <si>
    <t>12/17/2019 08:14:11</t>
  </si>
  <si>
    <t>12/17/2019 08:14:12</t>
  </si>
  <si>
    <t>12/17/2019 08:14:13</t>
  </si>
  <si>
    <t>12/17/2019 08:14:14</t>
  </si>
  <si>
    <t>12/17/2019 08:14:15</t>
  </si>
  <si>
    <t>12/17/2019 08:14:16</t>
  </si>
  <si>
    <t>12/17/2019 08:14:17</t>
  </si>
  <si>
    <t>12/17/2019 08:14:18</t>
  </si>
  <si>
    <t>12/17/2019 08:14:19</t>
  </si>
  <si>
    <t>12/17/2019 08:14:21</t>
  </si>
  <si>
    <t>12/17/2019 08:14:22</t>
  </si>
  <si>
    <t>12/17/2019 08:14:23</t>
  </si>
  <si>
    <t>12/17/2019 08:14:24</t>
  </si>
  <si>
    <t>12/17/2019 08:14:25</t>
  </si>
  <si>
    <t>12/17/2019 08:14:26</t>
  </si>
  <si>
    <t>12/17/2019 08:14:27</t>
  </si>
  <si>
    <t>12/17/2019 08:14:28</t>
  </si>
  <si>
    <t>12/17/2019 08:14:29</t>
  </si>
  <si>
    <t>12/17/2019 08:14:30</t>
  </si>
  <si>
    <t>12/17/2019 08:14:31</t>
  </si>
  <si>
    <t>12/17/2019 08:16:07</t>
  </si>
  <si>
    <t>12/17/2019 08:17:20</t>
  </si>
  <si>
    <t>12/17/2019 08:16:08</t>
  </si>
  <si>
    <t>12/17/2019 08:16:09</t>
  </si>
  <si>
    <t>12/17/2019 08:12:24</t>
  </si>
  <si>
    <t>12/17/2019 08:16:10</t>
  </si>
  <si>
    <t>12/17/2019 08:16:11</t>
  </si>
  <si>
    <t>12/17/2019 08:16:12</t>
  </si>
  <si>
    <t>12/17/2019 08:16:13</t>
  </si>
  <si>
    <t>12/17/2019 08:16:14</t>
  </si>
  <si>
    <t>12/17/2019 08:16:15</t>
  </si>
  <si>
    <t>12/17/2019 08:16:16</t>
  </si>
  <si>
    <t>12/17/2019 08:16:17</t>
  </si>
  <si>
    <t>12/17/2019 08:16:18</t>
  </si>
  <si>
    <t>12/17/2019 08:16:19</t>
  </si>
  <si>
    <t>12/17/2019 08:16:21</t>
  </si>
  <si>
    <t>12/17/2019 08:16:22</t>
  </si>
  <si>
    <t>12/17/2019 08:15:56</t>
  </si>
  <si>
    <t>12/17/2019 08:15:35</t>
  </si>
  <si>
    <t>12/17/2019 08:18:20</t>
  </si>
  <si>
    <t>12/17/2019 08:15:57</t>
  </si>
  <si>
    <t>12/17/2019 08:19:20</t>
  </si>
  <si>
    <t>2fbd6be2-903e-466e-a0b4-1ae73529e743.tmp</t>
  </si>
  <si>
    <t>\\acsfs\profiles$\milenaas\Downloads\2fbd6be2-903e-466e-a0b4-1ae73529e743.tmp</t>
  </si>
  <si>
    <t>12/17/2019 08:17:33</t>
  </si>
  <si>
    <t>cfcf4654-61f4-4b87-af27-a06bf261f50b.tmp</t>
  </si>
  <si>
    <t>\\acsfs\profiles$\milenaas\Downloads\cfcf4654-61f4-4b87-af27-a06bf261f50b.tmp</t>
  </si>
  <si>
    <t>12/17/2019 08:18:02</t>
  </si>
  <si>
    <t>5743271a-4326-4465-a74b-bc0b5430d802.tmp</t>
  </si>
  <si>
    <t>\\acsfs\profiles$\milenaas\Downloads\5743271a-4326-4465-a74b-bc0b5430d802.tmp</t>
  </si>
  <si>
    <t>12/17/2019 08:18:11</t>
  </si>
  <si>
    <t>ab8a4277-da7f-4e13-b836-0a14cf05c59d.tmp</t>
  </si>
  <si>
    <t>\\acsfs\profiles$\milenaas\Downloads\ab8a4277-da7f-4e13-b836-0a14cf05c59d.tmp</t>
  </si>
  <si>
    <t>12/17/2019 08:14:47</t>
  </si>
  <si>
    <t>12/17/2019 08:20:20</t>
  </si>
  <si>
    <t>12/17/2019 08:14:48</t>
  </si>
  <si>
    <t>lu1803211wy16.tmp</t>
  </si>
  <si>
    <t>\\acsfs\profiles$\dhiulliananads\My Documents\lu1803211wy16.tmp</t>
  </si>
  <si>
    <t>\\acsfs\profiles$\dhiulliananads\My Documents\lu1803211wy16.tmp\</t>
  </si>
  <si>
    <t>\\acsfs\profiles$\dhiulliananads\My Documents\lu1803211wy16.tmp\META-INF\</t>
  </si>
  <si>
    <t>\\acsfs\profiles$\dhiulliananads\My Documents\lu1803211wy16.tmp\Thumbnails\</t>
  </si>
  <si>
    <t>12/17/2019 08:17:40</t>
  </si>
  <si>
    <t>8becd9e5-4337-4788-ae36-6bd3849ab585.tmp</t>
  </si>
  <si>
    <t>\\acsfs\profiles$\LUCASNS\Downloads\8becd9e5-4337-4788-ae36-6bd3849ab585.tmp</t>
  </si>
  <si>
    <t>12/17/2019 08:14:50</t>
  </si>
  <si>
    <t>931b203a-2ee5-413d-962d-0da7788ab5a3.tmp</t>
  </si>
  <si>
    <t>\\acsfs\profiles$\jonatanls\Downloads\931b203a-2ee5-413d-962d-0da7788ab5a3.tmp</t>
  </si>
  <si>
    <t>12/17/2019 08:18:46</t>
  </si>
  <si>
    <t>92b88831-5552-470f-896e-3bc8bdaaa9b1.tmp</t>
  </si>
  <si>
    <t>\\acsfs\profiles$\jonatanls\Downloads\92b88831-5552-470f-896e-3bc8bdaaa9b1.tmp</t>
  </si>
  <si>
    <t>12/17/2019 08:19:00</t>
  </si>
  <si>
    <t>12/17/2019 08:17:45</t>
  </si>
  <si>
    <t>71d44097-efee-4623-953f-19d66d6ddfae.tmp</t>
  </si>
  <si>
    <t>\\acsfs\profiles$\ayalabfi\Downloads\71d44097-efee-4623-953f-19d66d6ddfae.tmp</t>
  </si>
  <si>
    <t>12/17/2019 08:17:47</t>
  </si>
  <si>
    <t>e7523360-6331-4d55-81e3-c05227cbf46d.tmp</t>
  </si>
  <si>
    <t>\\acsfs\profiles$\ayalabfi\Downloads\e7523360-6331-4d55-81e3-c05227cbf46d.tmp</t>
  </si>
  <si>
    <t>12/17/2019 08:17:50</t>
  </si>
  <si>
    <t>102308eb-eef9-4b21-9c9d-d7f17170409e.tmp</t>
  </si>
  <si>
    <t>\\acsfs\profiles$\ayalabfi\Downloads\102308eb-eef9-4b21-9c9d-d7f17170409e.tmp</t>
  </si>
  <si>
    <t>12/17/2019 08:19:06</t>
  </si>
  <si>
    <t>e9e47ce8-f55d-44f0-b0b5-c45d6e81f984.tmp</t>
  </si>
  <si>
    <t>\\acsfs\profiles$\ayalabfi\Downloads\e9e47ce8-f55d-44f0-b0b5-c45d6e81f984.tmp</t>
  </si>
  <si>
    <t>12/17/2019 08:19:34</t>
  </si>
  <si>
    <t>12/17/2019 08:21:20</t>
  </si>
  <si>
    <t>b4916785-d40e-4dd7-9668-bb99745ffd4c.tmp</t>
  </si>
  <si>
    <t>\\acsfs\profiles$\felipetds\Downloads\b4916785-d40e-4dd7-9668-bb99745ffd4c.tmp</t>
  </si>
  <si>
    <t>12/17/2019 08:19:35</t>
  </si>
  <si>
    <t>12/17/2019 08:17:16</t>
  </si>
  <si>
    <t>a8623721-ae4b-4676-81f3-8efab08c05ef.tmp</t>
  </si>
  <si>
    <t>\\acsfs\profiles$\wenderbnm\Downloads\a8623721-ae4b-4676-81f3-8efab08c05ef.tmp</t>
  </si>
  <si>
    <t>c53b6cfe-4224-4b97-a825-5c8384cd3085.tmp</t>
  </si>
  <si>
    <t>\\acsfs\profiles$\wenderbnm\Downloads\c53b6cfe-4224-4b97-a825-5c8384cd3085.tmp</t>
  </si>
  <si>
    <t>12/17/2019 08:20:11</t>
  </si>
  <si>
    <t>12/17/2019 08:17:01</t>
  </si>
  <si>
    <t>12/17/2019 08:22:19</t>
  </si>
  <si>
    <t>12/17/2019 08:16:23</t>
  </si>
  <si>
    <t>12/17/2019 08:16:24</t>
  </si>
  <si>
    <t>12/17/2019 08:16:25</t>
  </si>
  <si>
    <t>12/17/2019 08:16:26</t>
  </si>
  <si>
    <t>12/17/2019 08:16:27</t>
  </si>
  <si>
    <t>12/17/2019 08:16:28</t>
  </si>
  <si>
    <t>12/17/2019 08:16:29</t>
  </si>
  <si>
    <t>12/17/2019 08:16:30</t>
  </si>
  <si>
    <t>12/17/2019 08:18:54</t>
  </si>
  <si>
    <t>12/17/2019 08:23:19</t>
  </si>
  <si>
    <t>12/17/2019 08:18:07</t>
  </si>
  <si>
    <t>12/17/2019 08:18:36</t>
  </si>
  <si>
    <t>12/17/2019 08:21:16</t>
  </si>
  <si>
    <t>https://udpmailboxap01.acs.com.br:8443/h/search?si=0&amp;so=0&amp;sc=45298&amp;sfi=2&amp;st=conversation&amp;action=compose&amp;paction=paneview</t>
  </si>
  <si>
    <t>fg;</t>
  </si>
  <si>
    <t>https://fg</t>
  </si>
  <si>
    <t>12/17/2019 08:22:16</t>
  </si>
  <si>
    <t>12/17/2019 08:22:46</t>
  </si>
  <si>
    <t>12/17/2019 08:19:49</t>
  </si>
  <si>
    <t>12/17/2019 08:19:28</t>
  </si>
  <si>
    <t>27a558e9-b206-42ef-9794-b795630ec456.tmp</t>
  </si>
  <si>
    <t>\\acsfs\profiles$\geovannasm\Downloads\27a558e9-b206-42ef-9794-b795630ec456.tmp</t>
  </si>
  <si>
    <t>12/17/2019 08:19:55</t>
  </si>
  <si>
    <t>5266c755-3c84-4d90-849c-19efeb5c9383.tmp</t>
  </si>
  <si>
    <t>\\acsfs\profiles$\geovannasm\Downloads\5266c755-3c84-4d90-849c-19efeb5c9383.tmp</t>
  </si>
  <si>
    <t>12/17/2019 08:20:44</t>
  </si>
  <si>
    <t>c1d58517-c36f-429d-b896-70b358cf1246.tmp</t>
  </si>
  <si>
    <t>\\acsfs\profiles$\geovannasm\Downloads\c1d58517-c36f-429d-b896-70b358cf1246.tmp</t>
  </si>
  <si>
    <t>12/17/2019 08:21:06</t>
  </si>
  <si>
    <t>2e771117-917b-4f66-b668-2d16fb1a903d.tmp</t>
  </si>
  <si>
    <t>\\acsfs\profiles$\geovannasm\Downloads\2e771117-917b-4f66-b668-2d16fb1a903d.tmp</t>
  </si>
  <si>
    <t>12/17/2019 08:21:35</t>
  </si>
  <si>
    <t>e93d5528-9e29-4f3b-9642-dc20381df3e9.tmp</t>
  </si>
  <si>
    <t>\\acsfs\profiles$\geovannasm\Downloads\e93d5528-9e29-4f3b-9642-dc20381df3e9.tmp</t>
  </si>
  <si>
    <t>12/17/2019 08:19:24</t>
  </si>
  <si>
    <t>12/17/2019 08:25:20</t>
  </si>
  <si>
    <t>lu1803211wy1b.tmp</t>
  </si>
  <si>
    <t>\\acsfs\profiles$\dhiulliananads\My Documents\lu1803211wy1b.tmp</t>
  </si>
  <si>
    <t>\\acsfs\profiles$\dhiulliananads\My Documents\lu1803211wy1b.tmp\</t>
  </si>
  <si>
    <t>\\acsfs\profiles$\dhiulliananads\My Documents\lu1803211wy1b.tmp\META-INF\</t>
  </si>
  <si>
    <t>\\acsfs\profiles$\dhiulliananads\My Documents\lu1803211wy1b.tmp\Thumbnails\</t>
  </si>
  <si>
    <t>12/17/2019 08:23:16</t>
  </si>
  <si>
    <t>bb811962-ccbf-47dc-871c-389ed616dc8f.tmp</t>
  </si>
  <si>
    <t>\\acsfs\profiles$\geovanaasa\Downloads\bb811962-ccbf-47dc-871c-389ed616dc8f.tmp</t>
  </si>
  <si>
    <t>12/17/2019 08:23:40</t>
  </si>
  <si>
    <t>dc5cad26-0e03-4b08-9d72-0a8df169c3c6.tmp</t>
  </si>
  <si>
    <t>\\acsfs\profiles$\geovanaasa\Downloads\dc5cad26-0e03-4b08-9d72-0a8df169c3c6.tmp</t>
  </si>
  <si>
    <t>12/17/2019 08:24:07</t>
  </si>
  <si>
    <t>762a0bb5-6901-40df-8f02-bcd31507a041.tmp</t>
  </si>
  <si>
    <t>\\acsfs\profiles$\geovanaasa\Downloads\762a0bb5-6901-40df-8f02-bcd31507a041.tmp</t>
  </si>
  <si>
    <t>12/17/2019 08:24:17</t>
  </si>
  <si>
    <t>16cbca48-0363-43da-904b-4c74105a13d2.tmp</t>
  </si>
  <si>
    <t>\\acsfs\profiles$\LUCASNS\Downloads\16cbca48-0363-43da-904b-4c74105a13d2.tmp</t>
  </si>
  <si>
    <t>12/17/2019 08:24:21</t>
  </si>
  <si>
    <t>12/17/2019 08:22:21</t>
  </si>
  <si>
    <t>12/17/2019 08:22:04</t>
  </si>
  <si>
    <t>bfaa196f-4645-4266-ac8d-77abc3b040db.tmp</t>
  </si>
  <si>
    <t>\\acsfs\profiles$\ayalabfi\Downloads\bfaa196f-4645-4266-ac8d-77abc3b040db.tmp</t>
  </si>
  <si>
    <t>3b921260-b96b-4f84-89ea-cc3410769d99.tmp</t>
  </si>
  <si>
    <t>\\acsfs\profiles$\ayalabfi\Downloads\3b921260-b96b-4f84-89ea-cc3410769d99.tmp</t>
  </si>
  <si>
    <t>12/17/2019 08:22:25</t>
  </si>
  <si>
    <t>3bdab3bb-e941-4b02-b093-b51152cd22b0.tmp</t>
  </si>
  <si>
    <t>\\acsfs\profiles$\ayalabfi\Downloads\3bdab3bb-e941-4b02-b093-b51152cd22b0.tmp</t>
  </si>
  <si>
    <t>12/17/2019 08:24:34</t>
  </si>
  <si>
    <t>3804d331-9143-4d44-b5d1-0cfb1aeefa69.tmp</t>
  </si>
  <si>
    <t>\\acsfs\profiles$\ayalabfi\Downloads\3804d331-9143-4d44-b5d1-0cfb1aeefa69.tmp</t>
  </si>
  <si>
    <t>12/17/2019 08:22:01</t>
  </si>
  <si>
    <t>a9d11201-b797-4cf6-86a7-edcb1ce9bbcb.tmp</t>
  </si>
  <si>
    <t>\\acsfs\profiles$\raicabog\Downloads\a9d11201-b797-4cf6-86a7-edcb1ce9bbcb.tmp</t>
  </si>
  <si>
    <t>12/17/2019 08:23:26</t>
  </si>
  <si>
    <t>12/17/2019 08:26:19</t>
  </si>
  <si>
    <t>efca326d-3a46-4b6d-8d76-a1874b821356.tmp</t>
  </si>
  <si>
    <t>\\acsfs\profiles$\deborahsi\Downloads\efca326d-3a46-4b6d-8d76-a1874b821356.tmp</t>
  </si>
  <si>
    <t>12/16/2019 18:51:25</t>
  </si>
  <si>
    <t>10.200.61.132</t>
  </si>
  <si>
    <t>FC-01-7C-FE-49-A9</t>
  </si>
  <si>
    <t>falecom@crudtec.com.br</t>
  </si>
  <si>
    <t>sotero@crudtec.com.br;</t>
  </si>
  <si>
    <t>ENC: Encaminhar: Documentação levantada para nova Plataforma Clarivi</t>
  </si>
  <si>
    <t>Lista de funções.xlsx</t>
  </si>
  <si>
    <t>sotero@crudtec.com.br</t>
  </si>
  <si>
    <t>12/16/2019 18:58:13</t>
  </si>
  <si>
    <t>C:\Users\wladimirtn\OneDrive\Crud Tec\01 - Projetos\031 - Clarivi - 201912\</t>
  </si>
  <si>
    <t>12/17/2019 08:27:20</t>
  </si>
  <si>
    <t>12/17/2019 08:28:19</t>
  </si>
  <si>
    <t>12/17/2019 08:24:16</t>
  </si>
  <si>
    <t>12/17/2019 08:27:47</t>
  </si>
  <si>
    <t>12/17/2019 08:24:11</t>
  </si>
  <si>
    <t>5755145f-7c3c-4746-a252-b2c2361db643.tmp</t>
  </si>
  <si>
    <t>\\acsfs\profiles$\YASMINSC\Downloads\5755145f-7c3c-4746-a252-b2c2361db643.tmp</t>
  </si>
  <si>
    <t>12/17/2019 08:25:44</t>
  </si>
  <si>
    <t>d13e33cb-4724-45cd-ba8b-83a79e72e24b.tmp</t>
  </si>
  <si>
    <t>\\acsfs\profiles$\YASMINSC\Downloads\d13e33cb-4724-45cd-ba8b-83a79e72e24b.tmp</t>
  </si>
  <si>
    <t>12/17/2019 08:26:43</t>
  </si>
  <si>
    <t>12/17/2019 08:26:38</t>
  </si>
  <si>
    <t>12/17/2019 08:29:20</t>
  </si>
  <si>
    <t>ee9c5ef9-dd2a-4e58-90de-b58ad02c2e8b.tmp</t>
  </si>
  <si>
    <t>\\acsfs\profiles$\geovannasm\Downloads\ee9c5ef9-dd2a-4e58-90de-b58ad02c2e8b.tmp</t>
  </si>
  <si>
    <t>12/17/2019 08:27:08</t>
  </si>
  <si>
    <t>12/17/2019 08:30:19</t>
  </si>
  <si>
    <t>dd362ecc-05eb-4a61-a64c-2b4be180c8b1.tmp</t>
  </si>
  <si>
    <t>\\acsfs\profiles$\LUCASNS\Downloads\dd362ecc-05eb-4a61-a64c-2b4be180c8b1.tmp</t>
  </si>
  <si>
    <t>12/17/2019 08:25:11</t>
  </si>
  <si>
    <t>baf9c639-e61f-405b-9a19-6312671a6562.tmp</t>
  </si>
  <si>
    <t>\\acsfs\profiles$\raicabog\Downloads\baf9c639-e61f-405b-9a19-6312671a6562.tmp</t>
  </si>
  <si>
    <t>12/17/2019 08:25:35</t>
  </si>
  <si>
    <t>18c44ce0-6327-497a-9e75-935a6e5cb011.tmp</t>
  </si>
  <si>
    <t>\\acsfs\profiles$\raicabog\Downloads\18c44ce0-6327-497a-9e75-935a6e5cb011.tmp</t>
  </si>
  <si>
    <t>12/17/2019 08:27:15</t>
  </si>
  <si>
    <t>e3ccd7a8-d231-4018-9b91-c7ef1d58a3b1.tmp</t>
  </si>
  <si>
    <t>\\acsfs\profiles$\raicabog\Downloads\e3ccd7a8-d231-4018-9b91-c7ef1d58a3b1.tmp</t>
  </si>
  <si>
    <t>12/17/2019 08:27:19</t>
  </si>
  <si>
    <t>d8214bcd-1e09-4a01-bed9-e370919d55e8.tmp</t>
  </si>
  <si>
    <t>\\acsfs\profiles$\raicabog\Downloads\d8214bcd-1e09-4a01-bed9-e370919d55e8.tmp</t>
  </si>
  <si>
    <t>12/17/2019 08:27:35</t>
  </si>
  <si>
    <t>27cbf889-47e3-4aa9-bef2-8891671a9a85.tmp</t>
  </si>
  <si>
    <t>\\acsfs\profiles$\raicabog\Downloads\27cbf889-47e3-4aa9-bef2-8891671a9a85.tmp</t>
  </si>
  <si>
    <t>12/17/2019 08:27:44</t>
  </si>
  <si>
    <t>609af88e-ae12-47ea-b0fe-6a7300c9b190.tmp</t>
  </si>
  <si>
    <t>\\acsfs\profiles$\raicabog\Downloads\609af88e-ae12-47ea-b0fe-6a7300c9b190.tmp</t>
  </si>
  <si>
    <t>12/17/2019 08:28:08</t>
  </si>
  <si>
    <t>dd2bb2a8-83a5-4919-b7a5-d4af0928d4cc.tmp</t>
  </si>
  <si>
    <t>\\acsfs\profiles$\raicabog\Downloads\dd2bb2a8-83a5-4919-b7a5-d4af0928d4cc.tmp</t>
  </si>
  <si>
    <t>12/17/2019 08:28:37</t>
  </si>
  <si>
    <t>6fe2f71e-b0e1-4ff8-bfb1-bda2032c9656.tmp</t>
  </si>
  <si>
    <t>\\acsfs\profiles$\raicabog\Downloads\6fe2f71e-b0e1-4ff8-bfb1-bda2032c9656.tmp</t>
  </si>
  <si>
    <t>12/17/2019 08:28:57</t>
  </si>
  <si>
    <t>12/17/2019 08:31:20</t>
  </si>
  <si>
    <t>fd54efbb-ddf3-4a7b-b25d-3762a5a726a5.tmp</t>
  </si>
  <si>
    <t>\\acsfs\profiles$\felipetds\Downloads\fd54efbb-ddf3-4a7b-b25d-3762a5a726a5.tmp</t>
  </si>
  <si>
    <t>12/17/2019 08:29:41</t>
  </si>
  <si>
    <t>12/17/2019 08:26:59</t>
  </si>
  <si>
    <t>0ee7df47-f4c1-438a-b3c1-510c1e03a4be.tmp</t>
  </si>
  <si>
    <t>\\acsfs\profiles$\deborahsi\Downloads\0ee7df47-f4c1-438a-b3c1-510c1e03a4be.tmp</t>
  </si>
  <si>
    <t>12/17/2019 08:28:35</t>
  </si>
  <si>
    <t>12/17/2019 08:32:19</t>
  </si>
  <si>
    <t>12/17/2019 08:31:25</t>
  </si>
  <si>
    <t>12/17/2019 08:31:26</t>
  </si>
  <si>
    <t>lu1672411orq8.tmp</t>
  </si>
  <si>
    <t>\\acsfs\profiles$\VIVIANALDS\My Documents\lu1672411orq8.tmp</t>
  </si>
  <si>
    <t>\\acsfs\profiles$\VIVIANALDS\My Documents\lu1672411orq8.tmp\</t>
  </si>
  <si>
    <t>\\acsfs\profiles$\VIVIANALDS\My Documents\lu1672411orq8.tmp\META-INF\</t>
  </si>
  <si>
    <t>\\acsfs\profiles$\VIVIANALDS\My Documents\lu1672411orq8.tmp\Thumbnails\</t>
  </si>
  <si>
    <t>12/17/2019 08:29:38</t>
  </si>
  <si>
    <t>12/17/2019 08:33:19</t>
  </si>
  <si>
    <t>12/17/2019 08:30:37</t>
  </si>
  <si>
    <t>5019469a-caf4-4aaa-8b6b-8d94fe4cc20b.tmp</t>
  </si>
  <si>
    <t>\\acsfs\profiles$\isabellegtds\Downloads\5019469a-caf4-4aaa-8b6b-8d94fe4cc20b.tmp</t>
  </si>
  <si>
    <t>12/17/2019 08:31:43</t>
  </si>
  <si>
    <t>aa9481a4-dd18-4a7b-8429-4fb62d62b411.tmp</t>
  </si>
  <si>
    <t>\\acsfs\profiles$\isabellegtds\Downloads\aa9481a4-dd18-4a7b-8429-4fb62d62b411.tmp</t>
  </si>
  <si>
    <t>12/17/2019 08:28:03</t>
  </si>
  <si>
    <t>12/17/2019 08:28:45</t>
  </si>
  <si>
    <t>93a382ce-9289-435a-8957-3a423fadf45f.tmp</t>
  </si>
  <si>
    <t>\\acsfs\profiles$\cintiadcf\Downloads\93a382ce-9289-435a-8957-3a423fadf45f.tmp</t>
  </si>
  <si>
    <t>12/17/2019 08:29:35</t>
  </si>
  <si>
    <t>4aae1e8d-6efd-4631-81b4-48663db341c4.tmp</t>
  </si>
  <si>
    <t>\\acsfs\profiles$\cintiadcf\Downloads\4aae1e8d-6efd-4631-81b4-48663db341c4.tmp</t>
  </si>
  <si>
    <t>24f240ac-7b05-40ef-a009-639a5e893cd1.tmp</t>
  </si>
  <si>
    <t>\\acsfs\profiles$\cintiadcf\Downloads\24f240ac-7b05-40ef-a009-639a5e893cd1.tmp</t>
  </si>
  <si>
    <t>12/17/2019 08:29:50</t>
  </si>
  <si>
    <t>8c1c2d16-050e-466c-8533-eee95ac29847.tmp</t>
  </si>
  <si>
    <t>\\acsfs\profiles$\cintiadcf\Downloads\8c1c2d16-050e-466c-8533-eee95ac29847.tmp</t>
  </si>
  <si>
    <t>12/17/2019 08:29:58</t>
  </si>
  <si>
    <t>12/17/2019 08:30:54</t>
  </si>
  <si>
    <t>49b5715d-0324-423f-9e4b-ab5fee9b8ce3.tmp</t>
  </si>
  <si>
    <t>\\acsfs\profiles$\cintiadcf\Downloads\49b5715d-0324-423f-9e4b-ab5fee9b8ce3.tmp</t>
  </si>
  <si>
    <t>12/17/2019 08:28:16</t>
  </si>
  <si>
    <t>12/17/2019 08:29:09</t>
  </si>
  <si>
    <t>12/17/2019 08:28:56</t>
  </si>
  <si>
    <t>12/17/2019 08:35:19</t>
  </si>
  <si>
    <t>mail.google.com/_/upload?authuser=0&amp;dcp=asu-n&amp;upload_id=AEnB2UpEFxqRXOSSaZRwWpoolkgg3IzWrGSnv0QjEeT4UM3jAmt5oQ7EFARUM5HBc69uWKNZnrgDzy-CyiBaUmRNvtbjLnnA0ZQ7BILVAegxWnPDhl-MZrA&amp;upload_protocol=resumable</t>
  </si>
  <si>
    <t>12/17/2019 08:29:08</t>
  </si>
  <si>
    <t>mail.google.com/_/upload?authuser=0&amp;dcp=asu-n&amp;upload_id=AEnB2UoZ0lNeJQOaxTpKhj1URW5F-fUPLtwVYUwUGZRUJLOLwV54VpWWHyVX2fN9bYAS-Ja9exlYKzsqBF6zmRWVNPcwF0LdkqWWioBFdEh5lYApawv3H54&amp;upload_protocol=resumable</t>
  </si>
  <si>
    <t>12/17/2019 08:32:24</t>
  </si>
  <si>
    <t>12/17/2019 08:36:19</t>
  </si>
  <si>
    <t>12/17/2019 08:31:50</t>
  </si>
  <si>
    <t>12/17/2019 08:31:03</t>
  </si>
  <si>
    <t>16ee8c36-de6f-49d5-b7ad-c83d6701bfcb.tmp</t>
  </si>
  <si>
    <t>\\acsfs\profiles$\deborahsi\Downloads\16ee8c36-de6f-49d5-b7ad-c83d6701bfcb.tmp</t>
  </si>
  <si>
    <t>12/17/2019 08:37:18</t>
  </si>
  <si>
    <t>ac8a33dc-a3c2-4ff4-b997-2cabfac11620.tmp</t>
  </si>
  <si>
    <t>\\acsfs\profiles$\larissaad\Downloads\ac8a33dc-a3c2-4ff4-b997-2cabfac11620.tmp</t>
  </si>
  <si>
    <t>12/17/2019 08:36:25</t>
  </si>
  <si>
    <t>ee5f811a-2e09-4fc7-8852-bed6a11833c4.tmp</t>
  </si>
  <si>
    <t>\\acsfs\profiles$\larissaad\Downloads\ee5f811a-2e09-4fc7-8852-bed6a11833c4.tmp</t>
  </si>
  <si>
    <t>12/17/2019 08:35:05</t>
  </si>
  <si>
    <t>c9f7d631-35e2-47b9-87fd-17a1711db47f.tmp</t>
  </si>
  <si>
    <t>\\acsfs\profiles$\PEDROHAB\Downloads\c9f7d631-35e2-47b9-87fd-17a1711db47f.tmp</t>
  </si>
  <si>
    <t>b575a4b4-35e9-49bd-90a7-6de02c682838.tmp</t>
  </si>
  <si>
    <t>\\acsfs\profiles$\PEDROHAB\Downloads\b575a4b4-35e9-49bd-90a7-6de02c682838.tmp</t>
  </si>
  <si>
    <t>12/17/2019 08:37:14</t>
  </si>
  <si>
    <t>12/17/2019 08:38:19</t>
  </si>
  <si>
    <t>12/17/2019 08:33:46</t>
  </si>
  <si>
    <t>12/17/2019 08:34:16</t>
  </si>
  <si>
    <t>12/17/2019 08:34:01</t>
  </si>
  <si>
    <t>12/16/2019 12:01:37</t>
  </si>
  <si>
    <t>12/17/2019 08:39:19</t>
  </si>
  <si>
    <t>12/17/2019 08:37:11</t>
  </si>
  <si>
    <t>12/17/2019 08:40:19</t>
  </si>
  <si>
    <t>12/17/2019 08:39:20</t>
  </si>
  <si>
    <t>12/17/2019 08:39:21</t>
  </si>
  <si>
    <t>lu115642rmjl3.tmp</t>
  </si>
  <si>
    <t>\\acsfs\profiles$\jonatanls\My Documents\lu115642rmjl3.tmp</t>
  </si>
  <si>
    <t>12/17/2019 08:36:20</t>
  </si>
  <si>
    <t>12/17/2019 08:41:19</t>
  </si>
  <si>
    <t>42f0df63-5060-4384-aa91-4687df1b1152.tmp</t>
  </si>
  <si>
    <t>\\acsfs\profiles$\valeriasda\Downloads\42f0df63-5060-4384-aa91-4687df1b1152.tmp</t>
  </si>
  <si>
    <t>12/17/2019 08:38:33</t>
  </si>
  <si>
    <t>12/17/2019 08:42:19</t>
  </si>
  <si>
    <t>8c2f8092-531f-4661-94c8-6fa597c0e266.tmp</t>
  </si>
  <si>
    <t>\\acsfs\profiles$\larissaad\Downloads\8c2f8092-531f-4661-94c8-6fa597c0e266.tmp</t>
  </si>
  <si>
    <t>12/17/2019 08:41:51</t>
  </si>
  <si>
    <t>12/17/2019 08:43:19</t>
  </si>
  <si>
    <t>c7a587bd-9cb1-4582-a4a2-825aa180bcc0.tmp</t>
  </si>
  <si>
    <t>\\acsfs\profiles$\isabellegtds\Downloads\c7a587bd-9cb1-4582-a4a2-825aa180bcc0.tmp</t>
  </si>
  <si>
    <t>12/17/2019 08:42:45</t>
  </si>
  <si>
    <t>12/17/2019 08:38:46</t>
  </si>
  <si>
    <t>12/17/2019 08:39:16</t>
  </si>
  <si>
    <t>12/17/2019 08:41:16</t>
  </si>
  <si>
    <t>12/17/2019 08:41:46</t>
  </si>
  <si>
    <t>12/17/2019 08:42:16</t>
  </si>
  <si>
    <t>12/17/2019 08:40:22</t>
  </si>
  <si>
    <t>12/17/2019 08:40:02</t>
  </si>
  <si>
    <t>5b72ca1a-224d-4012-b018-859b0b0b7f04.tmp</t>
  </si>
  <si>
    <t>\\acsfs\profiles$\yurics\Downloads\5b72ca1a-224d-4012-b018-859b0b0b7f04.tmp</t>
  </si>
  <si>
    <t>12/17/2019 08:44:38</t>
  </si>
  <si>
    <t>12/17/2019 08:45:18</t>
  </si>
  <si>
    <t>12/17/2019 08:44:30</t>
  </si>
  <si>
    <t>2ae65d31-76e8-4a7b-b816-1aeff86ddda9.tmp</t>
  </si>
  <si>
    <t>\\acsfs\profiles$\ayalabfi\Downloads\2ae65d31-76e8-4a7b-b816-1aeff86ddda9.tmp</t>
  </si>
  <si>
    <t>12/17/2019 08:42:17</t>
  </si>
  <si>
    <t>12/17/2019 08:46:19</t>
  </si>
  <si>
    <t>12/17/2019 08:42:44</t>
  </si>
  <si>
    <t>12/17/2019 08:47:19</t>
  </si>
  <si>
    <t>12/17/2019 08:44:58</t>
  </si>
  <si>
    <t>12/17/2019 08:46:05</t>
  </si>
  <si>
    <t>2e1095ad-6452-442a-b759-623ff5d21c23.tmp</t>
  </si>
  <si>
    <t>\\acsfs\profiles$\larissaad\Downloads\2e1095ad-6452-442a-b759-623ff5d21c23.tmp</t>
  </si>
  <si>
    <t>12/17/2019 08:45:24</t>
  </si>
  <si>
    <t>ee2f24ca-5210-4ef2-bc41-1f05d098e028.tmp</t>
  </si>
  <si>
    <t>\\acsfs\profiles$\PEDROHAB\Downloads\ee2f24ca-5210-4ef2-bc41-1f05d098e028.tmp</t>
  </si>
  <si>
    <t>12/17/2019 08:44:10</t>
  </si>
  <si>
    <t>12/17/2019 08:48:20</t>
  </si>
  <si>
    <t>12/17/2019 08:43:14</t>
  </si>
  <si>
    <t>12/17/2019 08:53:19</t>
  </si>
  <si>
    <t>12/17/2019 08:49:29</t>
  </si>
  <si>
    <t>12/17/2019 08:51:16</t>
  </si>
  <si>
    <t>12/17/2019 08:51:30</t>
  </si>
  <si>
    <t>12/17/2019 08:51:31</t>
  </si>
  <si>
    <t>12/17/2019 08:51:32</t>
  </si>
  <si>
    <t>12/17/2019 08:51:33</t>
  </si>
  <si>
    <t>12/17/2019 08:51:34</t>
  </si>
  <si>
    <t>12/17/2019 08:51:35</t>
  </si>
  <si>
    <t>12/17/2019 08:49:53</t>
  </si>
  <si>
    <t>48de3e71-24b8-4166-bc95-0d4fc552eb6a.tmp</t>
  </si>
  <si>
    <t>\\acsfs\profiles$\ERICALSR\Downloads\48de3e71-24b8-4166-bc95-0d4fc552eb6a.tmp</t>
  </si>
  <si>
    <t>12/17/2019 08:51:13</t>
  </si>
  <si>
    <t>3ee2f874-22ff-42c1-a802-ec5bb0a9ac04.tmp</t>
  </si>
  <si>
    <t>\\acsfs\profiles$\ERICALSR\Downloads\3ee2f874-22ff-42c1-a802-ec5bb0a9ac04.tmp</t>
  </si>
  <si>
    <t>12/17/2019 08:52:15</t>
  </si>
  <si>
    <t>b24fe90d-8cb6-450b-8667-6b03852d369a.tmp</t>
  </si>
  <si>
    <t>\\acsfs\profiles$\ERICALSR\Downloads\b24fe90d-8cb6-450b-8667-6b03852d369a.tmp</t>
  </si>
  <si>
    <t>12/17/2019 08:51:36</t>
  </si>
  <si>
    <t>12/17/2019 08:51:37</t>
  </si>
  <si>
    <t>12/17/2019 08:51:38</t>
  </si>
  <si>
    <t>12/17/2019 08:51:39</t>
  </si>
  <si>
    <t>12/17/2019 08:51:40</t>
  </si>
  <si>
    <t>12/17/2019 08:51:41</t>
  </si>
  <si>
    <t>12/17/2019 08:51:42</t>
  </si>
  <si>
    <t>12/17/2019 08:51:43</t>
  </si>
  <si>
    <t>12/17/2019 08:54:20</t>
  </si>
  <si>
    <t>12/17/2019 08:51:54</t>
  </si>
  <si>
    <t>12/17/2019 08:51:55</t>
  </si>
  <si>
    <t>12/17/2019 08:51:56</t>
  </si>
  <si>
    <t>12/17/2019 08:51:57</t>
  </si>
  <si>
    <t>12/17/2019 08:51:58</t>
  </si>
  <si>
    <t>12/17/2019 08:52:00</t>
  </si>
  <si>
    <t>12/17/2019 08:53:15</t>
  </si>
  <si>
    <t>12/17/2019 08:55:19</t>
  </si>
  <si>
    <t>7b619d97-9d66-40f3-91a9-b87b5ae38156.tmp</t>
  </si>
  <si>
    <t>\\acsfs\profiles$\KARENDSR\Downloads\7b619d97-9d66-40f3-91a9-b87b5ae38156.tmp</t>
  </si>
  <si>
    <t>12/17/2019 08:54:30</t>
  </si>
  <si>
    <t>6040bc36-25b5-4660-8643-016cace6c804.tmp</t>
  </si>
  <si>
    <t>\\acsfs\profiles$\KARENDSR\Downloads\6040bc36-25b5-4660-8643-016cace6c804.tmp</t>
  </si>
  <si>
    <t>12/17/2019 08:54:27</t>
  </si>
  <si>
    <t>12/17/2019 08:56:19</t>
  </si>
  <si>
    <t>56ee6fb2-a006-43a8-bef8-1bf403f6d6b1.tmp</t>
  </si>
  <si>
    <t>\\acsfs\profiles$\deborahsi\Downloads\56ee6fb2-a006-43a8-bef8-1bf403f6d6b1.tmp</t>
  </si>
  <si>
    <t>12/17/2019 08:58:19</t>
  </si>
  <si>
    <t>12/17/2019 08:56:46</t>
  </si>
  <si>
    <t>12/17/2019 08:57:16</t>
  </si>
  <si>
    <t>12/17/2019 08:57:46</t>
  </si>
  <si>
    <t>12/17/2019 08:54:06</t>
  </si>
  <si>
    <t>12/17/2019 08:59:20</t>
  </si>
  <si>
    <t>3e4702cc-9bcf-441f-b487-27ce65c8a744.tmp</t>
  </si>
  <si>
    <t>\\acsfs\profiles$\yurics\Downloads\3e4702cc-9bcf-441f-b487-27ce65c8a744.tmp</t>
  </si>
  <si>
    <t>12/17/2019 08:54:25</t>
  </si>
  <si>
    <t>e21a9d55-e8d2-4abc-90ff-6ff1dfae376f.tmp</t>
  </si>
  <si>
    <t>\\acsfs\profiles$\yurics\Downloads\e21a9d55-e8d2-4abc-90ff-6ff1dfae376f.tmp</t>
  </si>
  <si>
    <t>12/17/2019 08:54:37</t>
  </si>
  <si>
    <t>6cabe55e-dfcf-4b8b-a8ac-f44acd4f5607.tmp</t>
  </si>
  <si>
    <t>\\acsfs\profiles$\yurics\Downloads\6cabe55e-dfcf-4b8b-a8ac-f44acd4f5607.tmp</t>
  </si>
  <si>
    <t>12/17/2019 08:57:01</t>
  </si>
  <si>
    <t>12/17/2019 08:57:23</t>
  </si>
  <si>
    <t>12/17/2019 08:58:01</t>
  </si>
  <si>
    <t>12/17/2019 08:55:10</t>
  </si>
  <si>
    <t>12/17/2019 09:00:19</t>
  </si>
  <si>
    <t>4705f7a1-4b83-47c5-96c9-aa15f0b7b703.tmp</t>
  </si>
  <si>
    <t>\\acsfs\profiles$\KARENDSR\Downloads\4705f7a1-4b83-47c5-96c9-aa15f0b7b703.tmp</t>
  </si>
  <si>
    <t>12/17/2019 08:58:46</t>
  </si>
  <si>
    <t>0c5a504a-eab5-4869-8b19-828d05cc6fd0.tmp</t>
  </si>
  <si>
    <t>\\acsfs\profiles$\KARENDSR\Downloads\0c5a504a-eab5-4869-8b19-828d05cc6fd0.tmp</t>
  </si>
  <si>
    <t>12/16/2019 18:51:19</t>
  </si>
  <si>
    <t>12/17/2019 08:56:06</t>
  </si>
  <si>
    <t>12/17/2019 09:01:20</t>
  </si>
  <si>
    <t>53b439df-8d1b-4bb5-87b7-560d211a2e88.tmp</t>
  </si>
  <si>
    <t>\\acsfs\profiles$\gabrielarb\Downloads\53b439df-8d1b-4bb5-87b7-560d211a2e88.tmp</t>
  </si>
  <si>
    <t>12/17/2019 09:00:23</t>
  </si>
  <si>
    <t>12/17/2019 09:02:20</t>
  </si>
  <si>
    <t>d10725d2-e94e-46f4-9c1e-8c107112810f.tmp</t>
  </si>
  <si>
    <t>\\acsfs\profiles$\gabrielhca\Downloads\d10725d2-e94e-46f4-9c1e-8c107112810f.tmp</t>
  </si>
  <si>
    <t>12/17/2019 09:03:21</t>
  </si>
  <si>
    <t>12/17/2019 09:00:22</t>
  </si>
  <si>
    <t>12/17/2019 09:00:47</t>
  </si>
  <si>
    <t>12/17/2019 08:59:51</t>
  </si>
  <si>
    <t>Autonomia.xlsx</t>
  </si>
  <si>
    <t>12/17/2019 08:58:16</t>
  </si>
  <si>
    <t>12/17/2019 09:01:16</t>
  </si>
  <si>
    <t>12/17/2019 09:02:57</t>
  </si>
  <si>
    <t>12/17/2019 09:00:25</t>
  </si>
  <si>
    <t>e77b9dcd-841c-49b2-acb8-0a9e559a6380.tmp</t>
  </si>
  <si>
    <t>\\acsfs\profiles$\yurics\Downloads\e77b9dcd-841c-49b2-acb8-0a9e559a6380.tmp</t>
  </si>
  <si>
    <t>12/17/2019 08:58:43</t>
  </si>
  <si>
    <t>12/17/2019 09:04:20</t>
  </si>
  <si>
    <t>12/17/2019 09:03:01</t>
  </si>
  <si>
    <t>12/17/2019 09:01:38</t>
  </si>
  <si>
    <t>d4ae7d3f-a073-44c5-bccc-a8d633d261ba.tmp</t>
  </si>
  <si>
    <t>\\acsfs\profiles$\milenaas\Downloads\d4ae7d3f-a073-44c5-bccc-a8d633d261ba.tmp</t>
  </si>
  <si>
    <t>12/16/2019 15:03:31</t>
  </si>
  <si>
    <t>10.203.31.103</t>
  </si>
  <si>
    <t>mail.google.com/_/upload?authuser=0&amp;dcp=asu-n&amp;upload_id=AEnB2UoonL69MuyrcHA4qzdkS13t0zGsSpc8_sOB-3ljs1VKIUKpR80LeFD9UnNu2e-m5gVXh3xdPh7v4mGehqObAg2SlnUqPB2duJkTfL9ne8ydyEUxT6s&amp;upload_protocol=resumable</t>
  </si>
  <si>
    <t>alessandrar@algartech.com;</t>
  </si>
  <si>
    <t>C:\Users\marcotb\Downloads\2019-11 -Jornada do cliente Mensal.pptx\</t>
  </si>
  <si>
    <t>alessandrar@algartech.com</t>
  </si>
  <si>
    <t>12/16/2019 15:51:23</t>
  </si>
  <si>
    <t>mail.google.com/_/upload?authuser=0&amp;dcp=asu-n&amp;upload_id=AEnB2UrU8X9wJ5KN5dBGnkMefn9JfhCw1-7qpb7nNfW0bpKIWi1DUOEGlafCbeJ7OiBOLHH7BtX4C5ccW1_aFAvUQ2zv9kdaQTxrOcoWnWGygbxNjAvIAwA&amp;upload_protocol=resumable</t>
  </si>
  <si>
    <t>C:\Users\marcotb\Desktop\Planejamento 2020 v3.pptx\</t>
  </si>
  <si>
    <t>12/16/2019 15:51:24</t>
  </si>
  <si>
    <t>12/17/2019 09:00:09</t>
  </si>
  <si>
    <t>12/17/2019 09:05:21</t>
  </si>
  <si>
    <t>97989733-b495-4d67-8b6e-475ea24dcb5b.tmp</t>
  </si>
  <si>
    <t>\\acsfs\profiles$\dhiulliananads\Downloads\97989733-b495-4d67-8b6e-475ea24dcb5b.tmp</t>
  </si>
  <si>
    <t>12/17/2019 09:02:33</t>
  </si>
  <si>
    <t>12/17/2019 09:06:20</t>
  </si>
  <si>
    <t>10.200.67.26</t>
  </si>
  <si>
    <t>74-86-7A-FB-17-2C</t>
  </si>
  <si>
    <t>VOTORANT-RB005</t>
  </si>
  <si>
    <t>nathaliadf</t>
  </si>
  <si>
    <t>\\acsfs\profiles$\nathaliadf\Downloads\</t>
  </si>
  <si>
    <t>ec840a46-7421-4e6a-8711-6aeecbe09951.tmp</t>
  </si>
  <si>
    <t>\\acsfs\profiles$\nathaliadf\Downloads\ec840a46-7421-4e6a-8711-6aeecbe09951.tmp</t>
  </si>
  <si>
    <t>b82acb3a-39a9-4c55-8551-f69e5e06ac9d.tmp</t>
  </si>
  <si>
    <t>\\acsfs\profiles$\nathaliadf\Downloads\b82acb3a-39a9-4c55-8551-f69e5e06ac9d.tmp</t>
  </si>
  <si>
    <t>12/17/2019 09:03:44</t>
  </si>
  <si>
    <t>86174390-a5f9-4247-81ad-4b355e2a3fa8.tmp</t>
  </si>
  <si>
    <t>\\acsfs\profiles$\nathaliadf\Downloads\86174390-a5f9-4247-81ad-4b355e2a3fa8.tmp</t>
  </si>
  <si>
    <t>12/17/2019 09:04:12</t>
  </si>
  <si>
    <t>7acef5fd-d94b-442a-bf40-0f61718cf073.tmp</t>
  </si>
  <si>
    <t>\\acsfs\profiles$\nathaliadf\Downloads\7acef5fd-d94b-442a-bf40-0f61718cf073.tmp</t>
  </si>
  <si>
    <t>12/17/2019 09:04:40</t>
  </si>
  <si>
    <t>edc10c0a-3dda-445b-8ecb-3426f0ebf95e.tmp</t>
  </si>
  <si>
    <t>\\acsfs\profiles$\nathaliadf\Downloads\edc10c0a-3dda-445b-8ecb-3426f0ebf95e.tmp</t>
  </si>
  <si>
    <t>12/17/2019 09:02:39</t>
  </si>
  <si>
    <t>12/17/2019 09:07:21</t>
  </si>
  <si>
    <t>4b5314a7-8bcf-442a-929c-c02e1d7c332b.tmp</t>
  </si>
  <si>
    <t>\\acsfs\profiles$\gabrielhca\Downloads\4b5314a7-8bcf-442a-929c-c02e1d7c332b.tmp</t>
  </si>
  <si>
    <t>12/17/2019 09:02:44</t>
  </si>
  <si>
    <t>1016df8a-5a04-40d6-9ba2-b39922ecaf82.tmp</t>
  </si>
  <si>
    <t>\\acsfs\profiles$\gabrielhca\Downloads\1016df8a-5a04-40d6-9ba2-b39922ecaf82.tmp</t>
  </si>
  <si>
    <t>12/17/2019 09:02:47</t>
  </si>
  <si>
    <t>6d78a5e1-8b31-4140-8e3e-c9f89bb7b528.tmp</t>
  </si>
  <si>
    <t>\\acsfs\profiles$\gabrielhca\Downloads\6d78a5e1-8b31-4140-8e3e-c9f89bb7b528.tmp</t>
  </si>
  <si>
    <t>12/17/2019 09:03:13</t>
  </si>
  <si>
    <t>3e86a29a-eafb-4038-b00b-faded713fac3.tmp</t>
  </si>
  <si>
    <t>\\acsfs\profiles$\gabrielhca\Downloads\3e86a29a-eafb-4038-b00b-faded713fac3.tmp</t>
  </si>
  <si>
    <t>12/17/2019 09:04:44</t>
  </si>
  <si>
    <t>8e5d3c45-4e06-4aa2-9b9b-3c3b0d32c589.tmp</t>
  </si>
  <si>
    <t>\\acsfs\profiles$\gabrielhca\Downloads\8e5d3c45-4e06-4aa2-9b9b-3c3b0d32c589.tmp</t>
  </si>
  <si>
    <t>12/17/2019 09:08:21</t>
  </si>
  <si>
    <t>12/17/2019 09:04:46</t>
  </si>
  <si>
    <t>12/17/2019 09:05:46</t>
  </si>
  <si>
    <t>12/17/2019 09:06:16</t>
  </si>
  <si>
    <t>12/17/2019 09:06:46</t>
  </si>
  <si>
    <t>12/17/2019 09:07:46</t>
  </si>
  <si>
    <t>12/17/2019 09:07:03</t>
  </si>
  <si>
    <t>b0de20d4-d70d-45f6-b7d0-c77d83f6e15e.tmp</t>
  </si>
  <si>
    <t>\\acsfs\profiles$\kellzylenneasr\Downloads\b0de20d4-d70d-45f6-b7d0-c77d83f6e15e.tmp</t>
  </si>
  <si>
    <t>12/17/2019 09:04:01</t>
  </si>
  <si>
    <t>12/17/2019 09:09:20</t>
  </si>
  <si>
    <t>12/17/2019 09:05:19</t>
  </si>
  <si>
    <t>CURVA NORMAL - 16/12/2019</t>
  </si>
  <si>
    <t>12/17/2019 09:04:45</t>
  </si>
  <si>
    <t>\\acsfs\SCORP$\11 - Manutenção\Manutenção - 2019\CFTV\</t>
  </si>
  <si>
    <t>CÂMERAS - DIGIFORT V.7.2.xlsx</t>
  </si>
  <si>
    <t>12/17/2019 09:08:41</t>
  </si>
  <si>
    <t>12/17/2019 09:10:20</t>
  </si>
  <si>
    <t>4bf66ee9-520c-4458-81af-82686e60a4de.tmp</t>
  </si>
  <si>
    <t>\\acsfs\profiles$\JOAOVAL\Downloads\4bf66ee9-520c-4458-81af-82686e60a4de.tmp</t>
  </si>
  <si>
    <t>12/17/2019 09:09:03</t>
  </si>
  <si>
    <t>abfbbeba-0b53-460f-8e93-5e9349afe9c7.tmp</t>
  </si>
  <si>
    <t>\\acsfs\profiles$\JOAOVAL\Downloads\abfbbeba-0b53-460f-8e93-5e9349afe9c7.tmp</t>
  </si>
  <si>
    <t>12/17/2019 09:10:05</t>
  </si>
  <si>
    <t>97df16f8-f007-4980-bf3b-449b14c1ff5b.tmp</t>
  </si>
  <si>
    <t>\\acsfs\profiles$\JOAOVAL\Downloads\97df16f8-f007-4980-bf3b-449b14c1ff5b.tmp</t>
  </si>
  <si>
    <t>12/17/2019 09:10:13</t>
  </si>
  <si>
    <t>1417ea47-d2fa-4d9f-a466-b9245837a33f.tmp</t>
  </si>
  <si>
    <t>\\acsfs\profiles$\JOAOVAL\Downloads\1417ea47-d2fa-4d9f-a466-b9245837a33f.tmp</t>
  </si>
  <si>
    <t>12/17/2019 09:08:35</t>
  </si>
  <si>
    <t>7565f488-864a-49c3-9679-445d009d94ef.tmp</t>
  </si>
  <si>
    <t>\\acsfs\profiles$\raicabog\Downloads\7565f488-864a-49c3-9679-445d009d94ef.tmp</t>
  </si>
  <si>
    <t>9b9221cd-e2d7-4983-a9ce-d456966b554a.tmp</t>
  </si>
  <si>
    <t>\\acsfs\profiles$\raicabog\Downloads\9b9221cd-e2d7-4983-a9ce-d456966b554a.tmp</t>
  </si>
  <si>
    <t>12/17/2019 09:08:36</t>
  </si>
  <si>
    <t>12/17/2019 09:11:20</t>
  </si>
  <si>
    <t>4862a52e-61b3-4c4b-b6f2-90de433cd03a.tmp</t>
  </si>
  <si>
    <t>\\acsfs\profiles$\raicabog\Downloads\4862a52e-61b3-4c4b-b6f2-90de433cd03a.tmp</t>
  </si>
  <si>
    <t>12/17/2019 09:08:58</t>
  </si>
  <si>
    <t>92127587-8f10-4f26-996d-84b8043b2015.tmp</t>
  </si>
  <si>
    <t>\\acsfs\profiles$\raicabog\Downloads\92127587-8f10-4f26-996d-84b8043b2015.tmp</t>
  </si>
  <si>
    <t>12/17/2019 09:08:38</t>
  </si>
  <si>
    <t>219c57a8-6fe8-4a3b-b205-d0aac630fb78.tmp</t>
  </si>
  <si>
    <t>\\acsfs\profiles$\nathaliadf\Downloads\219c57a8-6fe8-4a3b-b205-d0aac630fb78.tmp</t>
  </si>
  <si>
    <t>12/17/2019 09:09:40</t>
  </si>
  <si>
    <t>12/16/2019 18:42:21</t>
  </si>
  <si>
    <t>12/17/2019 09:12:21</t>
  </si>
  <si>
    <t>12/17/2019 09:13:20</t>
  </si>
  <si>
    <t>12/17/2019 09:08:17</t>
  </si>
  <si>
    <t>12/17/2019 09:08:47</t>
  </si>
  <si>
    <t>12/17/2019 09:10:17</t>
  </si>
  <si>
    <t>12/17/2019 09:09:01</t>
  </si>
  <si>
    <t>12/17/2019 09:14:21</t>
  </si>
  <si>
    <t>12/17/2019 09:10:01</t>
  </si>
  <si>
    <t>12/17/2019 09:11:19</t>
  </si>
  <si>
    <t>12/17/2019 09:13:19</t>
  </si>
  <si>
    <t>12/17/2019 09:13:24</t>
  </si>
  <si>
    <t>12/17/2019 09:15:20</t>
  </si>
  <si>
    <t>12/17/2019 09:13:16</t>
  </si>
  <si>
    <t>85fa99b8-1e53-4f7f-80c2-c520d336422f.tmp</t>
  </si>
  <si>
    <t>\\acsfs\profiles$\JOAOVAL\Downloads\85fa99b8-1e53-4f7f-80c2-c520d336422f.tmp</t>
  </si>
  <si>
    <t>12/17/2019 09:11:34</t>
  </si>
  <si>
    <t>12/17/2019 09:16:21</t>
  </si>
  <si>
    <t>b0bfe09b-01d1-440d-9818-209fe3b22cab.tmp</t>
  </si>
  <si>
    <t>\\acsfs\profiles$\valeriasda\Downloads\b0bfe09b-01d1-440d-9818-209fe3b22cab.tmp</t>
  </si>
  <si>
    <t>12/17/2019 09:11:39</t>
  </si>
  <si>
    <t>8b90a185-a4ab-425a-a7d8-f1a479adfb81.tmp</t>
  </si>
  <si>
    <t>\\acsfs\profiles$\valeriasda\Downloads\8b90a185-a4ab-425a-a7d8-f1a479adfb81.tmp</t>
  </si>
  <si>
    <t>12/17/2019 09:11:44</t>
  </si>
  <si>
    <t>a8ec575a-23ac-47df-9d0b-e41398dd1cd6.tmp</t>
  </si>
  <si>
    <t>\\acsfs\profiles$\valeriasda\Downloads\a8ec575a-23ac-47df-9d0b-e41398dd1cd6.tmp</t>
  </si>
  <si>
    <t>12/17/2019 09:11:47</t>
  </si>
  <si>
    <t>e8fa0b5f-7feb-4c03-b6ff-c508d1d7e75c.tmp</t>
  </si>
  <si>
    <t>\\acsfs\profiles$\valeriasda\Downloads\e8fa0b5f-7feb-4c03-b6ff-c508d1d7e75c.tmp</t>
  </si>
  <si>
    <t>12/17/2019 09:13:29</t>
  </si>
  <si>
    <t>12/17/2019 09:15:11</t>
  </si>
  <si>
    <t>12/17/2019 09:15:15</t>
  </si>
  <si>
    <t>12/17/2019 09:13:15</t>
  </si>
  <si>
    <t>12/17/2019 09:17:20</t>
  </si>
  <si>
    <t>12/17/2019 09:18:20</t>
  </si>
  <si>
    <t>12/17/2019 09:14:40</t>
  </si>
  <si>
    <t>12/17/2019 09:19:20</t>
  </si>
  <si>
    <t>mail.google.com/mail/u/0/jserror?script=https://mail.google.com/mail/u/0/#inbox/fmfcgxwgcqvkqdnkgnldbshqwwfxxnwl&amp;error=yo&amp;line=not available&amp;txz=p</t>
  </si>
  <si>
    <t>12/17/2019 09:15:01</t>
  </si>
  <si>
    <t>12/17/2019 09:15:05</t>
  </si>
  <si>
    <t>12/17/2019 09:15:09</t>
  </si>
  <si>
    <t>mail.google.com/mail/u/0/jserror?script=https://mail.google.com/mail/u/0/#inbox/fmfcgxwgcqvkhkggtvvwbftxdnwgvflz&amp;error=yo&amp;line=not available&amp;txz=p</t>
  </si>
  <si>
    <t>350&amp;i=127&amp;ai=mail:ex.71f0.2.1/s:v=2&amp;a=lc&amp;sv=cv&amp;ev=di&amp;t=800.900146484375&amp;i=411.900146484375&amp;ai=mail:lc.71f0.3.0</t>
  </si>
  <si>
    <t>12/17/2019 09:15:44</t>
  </si>
  <si>
    <t>12/17/2019 09:15:51</t>
  </si>
  <si>
    <t>171&amp;i=78&amp;ai=mail:ex.71f0.6.1/s:v=2&amp;a=lc&amp;sv=cv&amp;ev=di&amp;t=630.900146484375&amp;i=152.900146484375&amp;ai=mail:lc.71f0.7.0</t>
  </si>
  <si>
    <t>12/17/2019 09:16:01</t>
  </si>
  <si>
    <t>12/17/2019 09:16:02</t>
  </si>
  <si>
    <t>171&amp;i=78&amp;ai=mail:ex.71f0.6.1/s:v=2&amp;a=lc&amp;sv=cv&amp;ev=di&amp;t=630.900146484375&amp;i=152.900146484375&amp;ai=mail:lc.71f0.7.0;</t>
  </si>
  <si>
    <t>12/17/2019 09:16:05</t>
  </si>
  <si>
    <t>mail.google.com/mail/u/0/jserror?script=https://mail.google.com/mail/u/0/#inbox/fmfcgxwgcqvkqdnjxgjgxnkgmpfhtlzh&amp;error=yo&amp;line=not available&amp;txz=p</t>
  </si>
  <si>
    <t>12/17/2019 09:16:20</t>
  </si>
  <si>
    <t>12/17/2019 09:16:23</t>
  </si>
  <si>
    <t>146&amp;i=69&amp;ai=mail:ex.71f0.12.1/s:v=2&amp;a=lc&amp;sv=cv&amp;ev=di&amp;t=590&amp;i=130&amp;ai=mail:lc.71f0.13.0</t>
  </si>
  <si>
    <t>12/17/2019 09:16:42</t>
  </si>
  <si>
    <t>161&amp;i=65&amp;ai=mail:ex.71f0.15.1/s:v=2&amp;a=lc&amp;sv=cv&amp;ev=di&amp;t=540&amp;i=110&amp;ai=mail:lc.71f0.16.0</t>
  </si>
  <si>
    <t>12/17/2019 09:17:54</t>
  </si>
  <si>
    <t>12/17/2019 09:18:24</t>
  </si>
  <si>
    <t>12/17/2019 09:20:21</t>
  </si>
  <si>
    <t>12/17/2019 09:17:00</t>
  </si>
  <si>
    <t>Divergencias fechamento Outubro.xlsx</t>
  </si>
  <si>
    <t>12/17/2019 09:19:35</t>
  </si>
  <si>
    <t>12/17/2019 09:21:20</t>
  </si>
  <si>
    <t>6265a477-f2ea-4bf3-a2f4-787df99d6286.tmp</t>
  </si>
  <si>
    <t>\\acsfs\profiles$\gabrielarb\Downloads\6265a477-f2ea-4bf3-a2f4-787df99d6286.tmp</t>
  </si>
  <si>
    <t>12/17/2019 09:18:10</t>
  </si>
  <si>
    <t>906aa61d-762f-4ad4-8dfe-2eae84af9fae.tmp</t>
  </si>
  <si>
    <t>\\acsfs\profiles$\adrielyas\Downloads\906aa61d-762f-4ad4-8dfe-2eae84af9fae.tmp</t>
  </si>
  <si>
    <t>12/17/2019 09:19:19</t>
  </si>
  <si>
    <t>e759fd0f-2c14-447c-b9c4-ab1e5828ab2a.tmp</t>
  </si>
  <si>
    <t>\\acsfs\profiles$\adrielyas\Downloads\e759fd0f-2c14-447c-b9c4-ab1e5828ab2a.tmp</t>
  </si>
  <si>
    <t>12/17/2019 09:19:51</t>
  </si>
  <si>
    <t>12/17/2019 09:22:20</t>
  </si>
  <si>
    <t>12/17/2019 09:23:20</t>
  </si>
  <si>
    <t>12/17/2019 09:22:47</t>
  </si>
  <si>
    <t>C:\Users\gabrielaasa\Desktop\Bradesco\Processos PARA\</t>
  </si>
  <si>
    <t>Enviar para Carol.xlsx</t>
  </si>
  <si>
    <t>mail.google.com/_/upload?authuser=3&amp;dcp=asu-n&amp;upload_id=AEnB2UqnqIecGuzGkK49JQhJxiIErNHYDTlaiDKRD-Fdifp6xeoyMSebqI6z7UwTxiOOeVHbidQXajQdYxovlA-XkY55oG38C0kmDuJXccP7G0kqN4vwbFA&amp;upload_protocol=resumable</t>
  </si>
  <si>
    <t>PROCESSO DE v2 - Carol.xlsx</t>
  </si>
  <si>
    <t>mail.google.com/_/upload?authuser=3&amp;dcp=asu-n&amp;upload_id=AEnB2Uo2U9YcnoyXqPEp23x72zYruuX62ho8tFbxGXmtUm2z5bXqgrOFgN-cscr9wqkSYUQVwkvhr0Gj775qw4XDbC2N3p6XoQ&amp;upload_protocol=resumable</t>
  </si>
  <si>
    <t>Enviar para Carol - V2.xlsx</t>
  </si>
  <si>
    <t>mail.google.com/_/upload?authuser=3&amp;dcp=asu-n&amp;upload_id=AEnB2UrM-qBnDJ5Oev29loE62UmXy23YwdqJ_Y4u6LUN3nBU84DO-QqAMfDDMOoR2m5X3USShwS8P8ev4_zPCwXI8TGS_RGuqw&amp;upload_protocol=resumable</t>
  </si>
  <si>
    <t>PROCESSO DE - Gabi.xlsx</t>
  </si>
  <si>
    <t>C:\Users\gabrielaasa\Desktop\</t>
  </si>
  <si>
    <t>Template horas - Projeto Migração PJ.xlsx</t>
  </si>
  <si>
    <t>Service Desk - Arvore.xlsx</t>
  </si>
  <si>
    <t>C:\Users\gabrielaasa\Desktop\FACULDADE\10º PERÍODO\PGE II - Grupo Alpha - GStock\</t>
  </si>
  <si>
    <t>mail.google.com/_/upload?authuser=0&amp;dcp=asu-n&amp;upload_id=AEnB2UrR4oD5fEIuf0PVWH_Dsw8A4nCVkQVbgcb7X3eqPqMalDzzxMrkYCfUBgmQGn6Bx0gjqqFa3BOUy_2HEtXYPjJx7-cT0LlEQo4XjST_RrMPNVxuJxo&amp;upload_protocol=resumable</t>
  </si>
  <si>
    <t>12/13/2019 16:09:09</t>
  </si>
  <si>
    <t>PROCESSO DE - Gabi v2.xlsx</t>
  </si>
  <si>
    <t>12/13/2019 17:57:42</t>
  </si>
  <si>
    <t>mail.google.com/_/upload?authuser=3&amp;dcp=asu-n&amp;upload_id=AEnB2Ur3mLtRFN-w5vKdykSj8rNvTKN2nWsr7e0h3G4Ff2BDMMcLjd80iikGDc49r9-38pB9lXUaPg2izbZZzQRL5QRB8xxXmA&amp;upload_protocol=resumable</t>
  </si>
  <si>
    <t>C:\Users\gabrielaasa\Desktop\Bradesco\Processos PARA\Atendimento\Concluído\Informações de Apoio.zip\Informa‡äes de Apoio\Planilha de Responsabilidade - Unidade Corporativa Bradesco - Info Apoio\Planilha de Responsabilidade - UCB.docx\</t>
  </si>
  <si>
    <t>C:\Users\gabrielaasa\Desktop\Bradesco\Processos PARA\Atendimento\Concluído\Informações de Apoio.zip\Informa‡äes de Apoio\Prazos SLA - Info Apoio\Prazos SLA - Info Apoio.docx\</t>
  </si>
  <si>
    <t>12/17/2019 09:20:16</t>
  </si>
  <si>
    <t>12/17/2019 09:24:20</t>
  </si>
  <si>
    <t>12/17/2019 09:20:26</t>
  </si>
  <si>
    <t>12/17/2019 09:21:01</t>
  </si>
  <si>
    <t>12/17/2019 09:21:22</t>
  </si>
  <si>
    <t>mail.google.com/mail/u/0/jserror?script=https://mail.google.com/mail/u/0/#inbox/fmfcgxwgcqvkhkggtvvwbftxdnwgvflz?compose=cllgcjqsvrljcfhhhbvqhrnkvhxsclctmjjblfxgzpnklvvbcltlbzprdkgqflfzvkfvgnczlxv&amp;error=yo&amp;line=not available&amp;txz=p</t>
  </si>
  <si>
    <t>131&amp;i=64&amp;ai=mail:ex.71f0.18.1/s:v=2&amp;a=lc&amp;sv=cv&amp;ev=di&amp;t=559&amp;i=116&amp;ai=mail:lc.71f0.19.0/s:v=2&amp;a=ob&amp;sv=di&amp;ev=di&amp;t=984&amp;i=5&amp;mn=cs:1&amp;ai=mail:ob.71f0.20.0</t>
  </si>
  <si>
    <t>12/17/2019 09:22:01</t>
  </si>
  <si>
    <t>andrelpsa@algartech.com;joaogvc@algartech.com;josiascdsj@algartech.com;leonardoao@algartech.com;marianadjc@algartech.com;maristelavodq@bv.algartech.com;paulacn@algartech.com;supervisaobancovotorantim@algartech.com;taysdss@algartech.com;viniciussg@algartech.com;</t>
  </si>
  <si>
    <t>andrelpsa@algartech.com,joaogvc@algartech.com,josiascdsj@algartech.com,leonardoao@algartech.com,marianadjc@algartech.com,maristelavodq@bv.algartech.com,paulacn@algartech.com,supervisaobancovotorantim@algartech.com,taysdss@algartech.com,viniciussg@algartech.com</t>
  </si>
  <si>
    <t>12/17/2019 09:22:29</t>
  </si>
  <si>
    <t>12/17/2019 09:22:51</t>
  </si>
  <si>
    <t>mail.google.com/mail/u/0/jserror?script=https://mail.google.com/mail/u/0/#inbox?compose=cllgcjqsvrljcfhhhbvqhrnkvhxsclctmjjblfxgzpnklvvbcltlbzprdkgqflfzvkfvgnczlxv&amp;error=yo&amp;line=not available&amp;txz=p</t>
  </si>
  <si>
    <t>12/17/2019 09:23:08</t>
  </si>
  <si>
    <t>12/17/2019 09:25:20</t>
  </si>
  <si>
    <t>12/17/2019 09:23:09</t>
  </si>
  <si>
    <t>lu1803211wy1h.tmp</t>
  </si>
  <si>
    <t>\\acsfs\profiles$\dhiulliananads\My Documents\lu1803211wy1h.tmp</t>
  </si>
  <si>
    <t>\\acsfs\profiles$\dhiulliananads\My Documents\lu1803211wy1h.tmp\</t>
  </si>
  <si>
    <t>\\acsfs\profiles$\dhiulliananads\My Documents\lu1803211wy1h.tmp\META-INF\</t>
  </si>
  <si>
    <t>\\acsfs\profiles$\dhiulliananads\My Documents\lu1803211wy1h.tmp\Thumbnails\</t>
  </si>
  <si>
    <t>12/17/2019 09:22:02</t>
  </si>
  <si>
    <t>12/17/2019 09:23:53</t>
  </si>
  <si>
    <t>12/17/2019 09:26:20</t>
  </si>
  <si>
    <t>f10e4ce8-241b-45f1-b727-c3b35a59914a.tmp</t>
  </si>
  <si>
    <t>\\acsfs\profiles$\raicabog\Downloads\f10e4ce8-241b-45f1-b727-c3b35a59914a.tmp</t>
  </si>
  <si>
    <t>12/17/2019 09:22:16</t>
  </si>
  <si>
    <t>f2f84582-bc9d-4473-a3ae-03923ed427eb.tmp</t>
  </si>
  <si>
    <t>\\acsfs\profiles$\valeriasda\Downloads\f2f84582-bc9d-4473-a3ae-03923ed427eb.tmp</t>
  </si>
  <si>
    <t>12/17/2019 09:22:23</t>
  </si>
  <si>
    <t>89c6242a-102c-4455-8614-685def672e88.tmp</t>
  </si>
  <si>
    <t>\\acsfs\profiles$\valeriasda\Downloads\89c6242a-102c-4455-8614-685def672e88.tmp</t>
  </si>
  <si>
    <t>12/17/2019 09:22:30</t>
  </si>
  <si>
    <t>f7eeace5-2068-4ec2-af22-b3913d9c2402.tmp</t>
  </si>
  <si>
    <t>\\acsfs\profiles$\valeriasda\Downloads\f7eeace5-2068-4ec2-af22-b3913d9c2402.tmp</t>
  </si>
  <si>
    <t>12/17/2019 09:23:38</t>
  </si>
  <si>
    <t>6871a120-bc03-4804-adf7-4b9bfd8e338e.tmp</t>
  </si>
  <si>
    <t>\\acsfs\profiles$\valeriasda\Downloads\6871a120-bc03-4804-adf7-4b9bfd8e338e.tmp</t>
  </si>
  <si>
    <t>12/17/2019 09:23:43</t>
  </si>
  <si>
    <t>4771ac5f-9642-40d5-9c4e-7ede3ec8c0ef.tmp</t>
  </si>
  <si>
    <t>\\acsfs\profiles$\valeriasda\Downloads\4771ac5f-9642-40d5-9c4e-7ede3ec8c0ef.tmp</t>
  </si>
  <si>
    <t>12/17/2019 09:23:47</t>
  </si>
  <si>
    <t>79ba99b3-2561-4831-b2e8-46d0a0c59c62.tmp</t>
  </si>
  <si>
    <t>\\acsfs\profiles$\valeriasda\Downloads\79ba99b3-2561-4831-b2e8-46d0a0c59c62.tmp</t>
  </si>
  <si>
    <t>12/17/2019 09:23:57</t>
  </si>
  <si>
    <t>b011d804-1c17-445a-bf15-4dfd37cc89d6.tmp</t>
  </si>
  <si>
    <t>\\acsfs\profiles$\valeriasda\Downloads\b011d804-1c17-445a-bf15-4dfd37cc89d6.tmp</t>
  </si>
  <si>
    <t>12/17/2019 09:22:27</t>
  </si>
  <si>
    <t>12/17/2019 09:27:20</t>
  </si>
  <si>
    <t>12/17/2019 09:28:20</t>
  </si>
  <si>
    <t>12/17/2019 09:23:17</t>
  </si>
  <si>
    <t>12/17/2019 09:25:17</t>
  </si>
  <si>
    <t>12/17/2019 09:23:36</t>
  </si>
  <si>
    <t>4aaa3e60-8a92-4a93-8777-ed7c56fdd442.tmp</t>
  </si>
  <si>
    <t>\\acsfs\profiles$\marcellewdl\Downloads\4aaa3e60-8a92-4a93-8777-ed7c56fdd442.tmp</t>
  </si>
  <si>
    <t>12/17/2019 09:25:58</t>
  </si>
  <si>
    <t>77ec2d6b-add8-4f81-89c8-aafdfa0f724d.tmp</t>
  </si>
  <si>
    <t>\\acsfs\profiles$\marcellewdl\Downloads\77ec2d6b-add8-4f81-89c8-aafdfa0f724d.tmp</t>
  </si>
  <si>
    <t>12/17/2019 09:26:56</t>
  </si>
  <si>
    <t>26062504-1555-4596-bdb8-48efeee50ed1.tmp</t>
  </si>
  <si>
    <t>\\acsfs\profiles$\marcellewdl\Downloads\26062504-1555-4596-bdb8-48efeee50ed1.tmp</t>
  </si>
  <si>
    <t>12/17/2019 09:27:01</t>
  </si>
  <si>
    <t>12/17/2019 09:29:20</t>
  </si>
  <si>
    <t>12/17/2019 09:28:01</t>
  </si>
  <si>
    <t>12/17/2019 09:27:34</t>
  </si>
  <si>
    <t>12/17/2019 09:30:21</t>
  </si>
  <si>
    <t>12/17/2019 09:27:25</t>
  </si>
  <si>
    <t>12/17/2019 09:31:20</t>
  </si>
  <si>
    <t>7dbe31df-e47b-4507-8341-7262e61b3c6d.tmp</t>
  </si>
  <si>
    <t>\\acsfs\profiles$\raicabog\Downloads\7dbe31df-e47b-4507-8341-7262e61b3c6d.tmp</t>
  </si>
  <si>
    <t>12/17/2019 09:28:06</t>
  </si>
  <si>
    <t>12/17/2019 09:26:29</t>
  </si>
  <si>
    <t>12/17/2019 09:26:31</t>
  </si>
  <si>
    <t>12/17/2019 09:26:52</t>
  </si>
  <si>
    <t>mail.google.com/sync/u/0/i/s?hl=pt-BR&amp;c=25</t>
  </si>
  <si>
    <t>12/17/2019 09:26:58</t>
  </si>
  <si>
    <t>12/17/2019 09:27:04</t>
  </si>
  <si>
    <t>12/17/2019 09:27:46</t>
  </si>
  <si>
    <t>12/17/2019 09:27:56</t>
  </si>
  <si>
    <t>12/17/2019 09:28:03</t>
  </si>
  <si>
    <t>12/17/2019 09:28:09</t>
  </si>
  <si>
    <t>12/17/2019 09:28:14</t>
  </si>
  <si>
    <t>12/17/2019 09:28:26</t>
  </si>
  <si>
    <t>12/17/2019 09:28:34</t>
  </si>
  <si>
    <t>12/17/2019 09:29:55</t>
  </si>
  <si>
    <t>12/17/2019 09:29:57</t>
  </si>
  <si>
    <t>12/17/2019 09:30:36</t>
  </si>
  <si>
    <t>12/17/2019 09:30:42</t>
  </si>
  <si>
    <t>mirianppb@algartech.com;</t>
  </si>
  <si>
    <t>mirianppb@algartech.com</t>
  </si>
  <si>
    <t>12/17/2019 09:30:51</t>
  </si>
  <si>
    <t>lilianls@algartech.com;mirianppb@algartech.com;</t>
  </si>
  <si>
    <t>lilianls@algartech.com,mirianppb@algartech.com</t>
  </si>
  <si>
    <t>12/17/2019 09:28:17</t>
  </si>
  <si>
    <t>12/17/2019 09:32:21</t>
  </si>
  <si>
    <t>12/17/2019 09:28:18</t>
  </si>
  <si>
    <t>12/17/2019 09:28:58</t>
  </si>
  <si>
    <t>Nota natalia.PNG</t>
  </si>
  <si>
    <t>\\acsfs\DEPTOS\Operacao\Banco_Votorantim\Qualidade\Eliane\Nota natalia.PNG</t>
  </si>
  <si>
    <t>12/17/2019 09:29:08</t>
  </si>
  <si>
    <t>12/17/2019 09:29:16</t>
  </si>
  <si>
    <t>12/17/2019 09:29:41</t>
  </si>
  <si>
    <t>12/17/2019 09:28:33</t>
  </si>
  <si>
    <t>ce2d109d-973f-40ad-ac19-1308d061097e.tmp</t>
  </si>
  <si>
    <t>\\acsfs\profiles$\alexandrapp\Downloads\ce2d109d-973f-40ad-ac19-1308d061097e.tmp</t>
  </si>
  <si>
    <t>12/17/2019 09:29:00</t>
  </si>
  <si>
    <t>b5911f15-c22b-4f25-81fe-247686d71d7f.tmp</t>
  </si>
  <si>
    <t>\\acsfs\profiles$\alexandrapp\Downloads\b5911f15-c22b-4f25-81fe-247686d71d7f.tmp</t>
  </si>
  <si>
    <t>12/17/2019 09:29:11</t>
  </si>
  <si>
    <t>7824f7ad-9375-4c1d-93b9-2d9caa8842e4.tmp</t>
  </si>
  <si>
    <t>\\acsfs\profiles$\alexandrapp\Downloads\7824f7ad-9375-4c1d-93b9-2d9caa8842e4.tmp</t>
  </si>
  <si>
    <t>Q29udHJvbGxlci5NUyBBY2Nlc3MgLSBUYWJ1bC0y.ica:Zone.Identifier</t>
  </si>
  <si>
    <t>\\acsfs\profiles$\alexandrapp\Downloads\Q29udHJvbGxlci5NUyBBY2Nlc3MgLSBUYWJ1bC0y.ica:Zone.Identifier</t>
  </si>
  <si>
    <t>12/17/2019 09:28:11</t>
  </si>
  <si>
    <t>12/17/2019 09:33:21</t>
  </si>
  <si>
    <t>12/17/2019 09:28:47</t>
  </si>
  <si>
    <t>12/17/2019 09:29:17</t>
  </si>
  <si>
    <t>12/17/2019 09:32:17</t>
  </si>
  <si>
    <t>12/17/2019 09:32:47</t>
  </si>
  <si>
    <t>12/17/2019 09:30:13</t>
  </si>
  <si>
    <t>e9c823ed-a4f7-4560-be3f-1ff74c3af086.tmp</t>
  </si>
  <si>
    <t>\\acsfs\profiles$\marcellewdl\Downloads\e9c823ed-a4f7-4560-be3f-1ff74c3af086.tmp</t>
  </si>
  <si>
    <t>12/17/2019 09:30:33</t>
  </si>
  <si>
    <t>db596b08-d7cc-419b-a51b-be155b077c75.tmp</t>
  </si>
  <si>
    <t>\\acsfs\profiles$\marcellewdl\Downloads\db596b08-d7cc-419b-a51b-be155b077c75.tmp</t>
  </si>
  <si>
    <t>12/17/2019 09:31:43</t>
  </si>
  <si>
    <t>d420ad19-acde-47fd-be9e-4695480cdc4d.tmp</t>
  </si>
  <si>
    <t>\\acsfs\profiles$\marcellewdl\Downloads\d420ad19-acde-47fd-be9e-4695480cdc4d.tmp</t>
  </si>
  <si>
    <t>12/17/2019 09:30:22</t>
  </si>
  <si>
    <t>3d354894-e5b2-4fe6-9e9e-f2266533cb33.tmp</t>
  </si>
  <si>
    <t>\\acsfs\profiles$\kellzylenneasr\Downloads\3d354894-e5b2-4fe6-9e9e-f2266533cb33.tmp</t>
  </si>
  <si>
    <t>12/17/2019 09:31:12</t>
  </si>
  <si>
    <t>a7a15806-50d9-46c9-9c94-3b3eb8a0f6a5.tmp</t>
  </si>
  <si>
    <t>\\acsfs\profiles$\ERICALSR\Downloads\a7a15806-50d9-46c9-9c94-3b3eb8a0f6a5.tmp</t>
  </si>
  <si>
    <t>12/17/2019 09:29:18</t>
  </si>
  <si>
    <t>12/17/2019 09:34:21</t>
  </si>
  <si>
    <t>12/17/2019 09:30:28</t>
  </si>
  <si>
    <t>12/17/2019 09:32:55</t>
  </si>
  <si>
    <t>mail.google.com/sync/u/0/i/s?hl=pt-br&amp;c=118</t>
  </si>
  <si>
    <t>12/17/2019 09:32:57</t>
  </si>
  <si>
    <t>12/17/2019 09:33:01</t>
  </si>
  <si>
    <t>12/17/2019 09:29:26</t>
  </si>
  <si>
    <t>mail.google.com/sync/u/0/i/s?hl=pt-BR&amp;c=1251</t>
  </si>
  <si>
    <t>12/17/2019 09:30:06</t>
  </si>
  <si>
    <t>12/17/2019 09:35:21</t>
  </si>
  <si>
    <t>6f481d40-15ff-4935-8f3b-56a420f190c8.tmp</t>
  </si>
  <si>
    <t>\\acsfs\profiles$\geovanaasa\Downloads\6f481d40-15ff-4935-8f3b-56a420f190c8.tmp</t>
  </si>
  <si>
    <t>12/17/2019 09:32:32</t>
  </si>
  <si>
    <t>12/17/2019 09:32:30</t>
  </si>
  <si>
    <t>12/17/2019 09:36:20</t>
  </si>
  <si>
    <t>d5f69c8d-9fcb-45be-8a45-0a7fb8b48b43.tmp</t>
  </si>
  <si>
    <t>\\acsfs\profiles$\luanaldsi\Downloads\d5f69c8d-9fcb-45be-8a45-0a7fb8b48b43.tmp</t>
  </si>
  <si>
    <t>12/17/2019 09:32:31</t>
  </si>
  <si>
    <t>686eb04b-2f53-4156-a302-f0f3507607ec.tmp</t>
  </si>
  <si>
    <t>\\acsfs\profiles$\luanaldsi\Downloads\686eb04b-2f53-4156-a302-f0f3507607ec.tmp</t>
  </si>
  <si>
    <t>b84c8b77-42ca-421d-8c97-1fae98777575.tmp</t>
  </si>
  <si>
    <t>\\acsfs\profiles$\luanaldsi\Downloads\b84c8b77-42ca-421d-8c97-1fae98777575.tmp</t>
  </si>
  <si>
    <t>12/17/2019 09:30:54</t>
  </si>
  <si>
    <t>12/17/2019 09:31:05</t>
  </si>
  <si>
    <t>12/17/2019 09:31:19</t>
  </si>
  <si>
    <t>12/17/2019 09:31:29</t>
  </si>
  <si>
    <t>12/17/2019 09:31:52</t>
  </si>
  <si>
    <t>12/17/2019 09:31:56</t>
  </si>
  <si>
    <t>12/17/2019 09:31:59</t>
  </si>
  <si>
    <t>12/17/2019 09:32:06</t>
  </si>
  <si>
    <t>12/17/2019 09:32:10</t>
  </si>
  <si>
    <t>mail.google.com/sync/u/0/i/s?hl=pt-BR&amp;c=83</t>
  </si>
  <si>
    <t>12/17/2019 09:32:25</t>
  </si>
  <si>
    <t>12/17/2019 09:32:28</t>
  </si>
  <si>
    <t>12/17/2019 09:32:43</t>
  </si>
  <si>
    <t>12/17/2019 09:32:48</t>
  </si>
  <si>
    <t>12/17/2019 09:32:58</t>
  </si>
  <si>
    <t>12/17/2019 09:33:15</t>
  </si>
  <si>
    <t>12/17/2019 09:33:47</t>
  </si>
  <si>
    <t>12/17/2019 09:33:53</t>
  </si>
  <si>
    <t>12/17/2019 09:33:58</t>
  </si>
  <si>
    <t>12/17/2019 09:34:12</t>
  </si>
  <si>
    <t>12/17/2019 09:34:42</t>
  </si>
  <si>
    <t>lilianls@algartech.com;mirianppb@algartech.com;talmaiardo@algartech.com;</t>
  </si>
  <si>
    <t>lilianls@algartech.com,mirianppb@algartech.com,talmaiardo@algartech.com</t>
  </si>
  <si>
    <t>12/17/2019 09:34:43</t>
  </si>
  <si>
    <t>mail.google.com/sync/u/0/i/s?hl=pt-BR&amp;c=111</t>
  </si>
  <si>
    <t>Solicitação Acessos Turma 09.12.xlsx</t>
  </si>
  <si>
    <t>12/17/2019 09:37:21</t>
  </si>
  <si>
    <t>12/17/2019 09:38:20</t>
  </si>
  <si>
    <t>12/17/2019 09:34:17</t>
  </si>
  <si>
    <t>12/17/2019 09:34:47</t>
  </si>
  <si>
    <t>12/17/2019 09:35:47</t>
  </si>
  <si>
    <t>12/17/2019 09:36:17</t>
  </si>
  <si>
    <t>12/17/2019 09:37:17</t>
  </si>
  <si>
    <t>12/17/2019 09:35:16</t>
  </si>
  <si>
    <t>12/17/2019 09:34:01</t>
  </si>
  <si>
    <t>12/17/2019 09:39:21</t>
  </si>
  <si>
    <t>12/17/2019 09:35:36</t>
  </si>
  <si>
    <t>12/17/2019 09:41:22</t>
  </si>
  <si>
    <t>daf46eeb-240f-4060-af50-c34429a3932d.tmp</t>
  </si>
  <si>
    <t>\\acsfs\profiles$\gabrielarb\Downloads\daf46eeb-240f-4060-af50-c34429a3932d.tmp</t>
  </si>
  <si>
    <t>12/17/2019 09:43:22</t>
  </si>
  <si>
    <t>12/17/2019 09:38:47</t>
  </si>
  <si>
    <t>12/17/2019 09:39:17</t>
  </si>
  <si>
    <t>12/17/2019 09:39:47</t>
  </si>
  <si>
    <t>12/17/2019 09:40:47</t>
  </si>
  <si>
    <t>12/17/2019 09:38:38</t>
  </si>
  <si>
    <t>12/17/2019 09:40:59</t>
  </si>
  <si>
    <t>12/17/2019 09:44:21</t>
  </si>
  <si>
    <t>12/17/2019 09:39:01</t>
  </si>
  <si>
    <t>12/17/2019 09:40:01</t>
  </si>
  <si>
    <t>12/17/2019 09:44:13</t>
  </si>
  <si>
    <t>12/17/2019 09:45:22</t>
  </si>
  <si>
    <t>Objetivos Diretores GRC e GST - 1Sem2020.xlsx</t>
  </si>
  <si>
    <t>12/17/2019 09:44:14</t>
  </si>
  <si>
    <t>mail.google.com/_/upload?authuser=1&amp;dcp=asu-n&amp;upload_id=AEnB2Urg7U_-vi9sWw8fGl6pq02T6gZjhPDjnQ--fNFqoBXKlMxZhH50gZ_MTV0A1b1kNYGGT4FSTM1MbKFLr_vohjFwril_AV2pBuc6lq0pNgk0S_dLIws&amp;upload_protocol=resumable</t>
  </si>
  <si>
    <t>C:\Users\polati\OneDrive - Grupo Algar\algar\BU Financeira 2020\objetivos e metas\</t>
  </si>
  <si>
    <t>12/17/2019 09:40:18</t>
  </si>
  <si>
    <t>12/17/2019 09:40:48</t>
  </si>
  <si>
    <t>12/17/2019 09:46:21</t>
  </si>
  <si>
    <t>1c18a058-d0f8-4267-9573-347bf000ca36.tmp</t>
  </si>
  <si>
    <t>\\acsfs\profiles$\leticiala\Downloads\1c18a058-d0f8-4267-9573-347bf000ca36.tmp</t>
  </si>
  <si>
    <t>12/17/2019 09:41:23</t>
  </si>
  <si>
    <t>15ac8bfe-0af7-4ca7-9ddc-94f1cb9b84e2.tmp</t>
  </si>
  <si>
    <t>\\acsfs\profiles$\luanaldsi\Downloads\15ac8bfe-0af7-4ca7-9ddc-94f1cb9b84e2.tmp</t>
  </si>
  <si>
    <t>12/17/2019 09:41:46</t>
  </si>
  <si>
    <t>12/17/2019 09:47:22</t>
  </si>
  <si>
    <t>9e2fb162-f528-4d0b-b680-880efd4da403.tmp</t>
  </si>
  <si>
    <t>\\acsfs\profiles$\larissaad\Downloads\9e2fb162-f528-4d0b-b680-880efd4da403.tmp</t>
  </si>
  <si>
    <t>12/17/2019 09:43:59</t>
  </si>
  <si>
    <t>12/17/2019 09:42:56</t>
  </si>
  <si>
    <t>894be667-39a3-4cd8-bb94-32d20377bf4e.tmp</t>
  </si>
  <si>
    <t>\\acsfs\profiles$\alexandrapp\Downloads\894be667-39a3-4cd8-bb94-32d20377bf4e.tmp</t>
  </si>
  <si>
    <t>12/17/2019 09:42:57</t>
  </si>
  <si>
    <t>443a068e-1d83-4eb1-9226-b5a453f24d61.tmp</t>
  </si>
  <si>
    <t>\\acsfs\profiles$\alexandrapp\Downloads\443a068e-1d83-4eb1-9226-b5a453f24d61.tmp</t>
  </si>
  <si>
    <t>12/17/2019 09:48:21</t>
  </si>
  <si>
    <t>12/17/2019 09:44:18</t>
  </si>
  <si>
    <t>12/17/2019 09:45:48</t>
  </si>
  <si>
    <t>12/17/2019 09:46:20</t>
  </si>
  <si>
    <t>12/17/2019 09:45:02</t>
  </si>
  <si>
    <t>12/17/2019 09:49:22</t>
  </si>
  <si>
    <t>12/17/2019 09:45:18</t>
  </si>
  <si>
    <t>12/17/2019 09:46:02</t>
  </si>
  <si>
    <t>12/17/2019 09:50:21</t>
  </si>
  <si>
    <t>29cfed0c-f4e7-419d-a5a8-1357a31e0029.tmp</t>
  </si>
  <si>
    <t>\\acsfs\profiles$\KARENDSR\Downloads\29cfed0c-f4e7-419d-a5a8-1357a31e0029.tmp</t>
  </si>
  <si>
    <t>12/17/2019 09:47:13</t>
  </si>
  <si>
    <t>12/17/2019 09:51:22</t>
  </si>
  <si>
    <t>b224b9af-8dcc-4c31-9069-630df4cec56b.tmp</t>
  </si>
  <si>
    <t>\\acsfs\profiles$\valeriasda\Downloads\b224b9af-8dcc-4c31-9069-630df4cec56b.tmp</t>
  </si>
  <si>
    <t>12/17/2019 09:47:27</t>
  </si>
  <si>
    <t>5c1eeec7-c60d-47fb-9f14-4d152c4baae8.tmp</t>
  </si>
  <si>
    <t>\\acsfs\profiles$\valeriasda\Downloads\5c1eeec7-c60d-47fb-9f14-4d152c4baae8.tmp</t>
  </si>
  <si>
    <t>12/17/2019 09:47:56</t>
  </si>
  <si>
    <t>6fcfd617-af0b-48b9-ae20-9396889d02ac.tmp</t>
  </si>
  <si>
    <t>\\acsfs\profiles$\valeriasda\Downloads\6fcfd617-af0b-48b9-ae20-9396889d02ac.tmp</t>
  </si>
  <si>
    <t>12/17/2019 09:48:13</t>
  </si>
  <si>
    <t>12/17/2019 09:50:55</t>
  </si>
  <si>
    <t>12/17/2019 09:51:57</t>
  </si>
  <si>
    <t>12/17/2019 09:53:22</t>
  </si>
  <si>
    <t>12/17/2019 09:52:06</t>
  </si>
  <si>
    <t>12/17/2019 09:50:18</t>
  </si>
  <si>
    <t>12/17/2019 09:50:48</t>
  </si>
  <si>
    <t>12/17/2019 09:52:18</t>
  </si>
  <si>
    <t>12/17/2019 09:49:43</t>
  </si>
  <si>
    <t>d912789e-d8fd-498d-b73e-13a69e37388a.tmp</t>
  </si>
  <si>
    <t>\\acsfs\profiles$\ERICALSR\Downloads\d912789e-d8fd-498d-b73e-13a69e37388a.tmp</t>
  </si>
  <si>
    <t>12/17/2019 09:50:35</t>
  </si>
  <si>
    <t>12/17/2019 09:54:22</t>
  </si>
  <si>
    <t>12/17/2019 09:51:02</t>
  </si>
  <si>
    <t>12/17/2019 09:52:02</t>
  </si>
  <si>
    <t>12/17/2019 09:48:57</t>
  </si>
  <si>
    <t>TALITA SANTOS SILVA CASTRO (18785).contact</t>
  </si>
  <si>
    <t>\\acsfs\profiles$\talitassc\Contacts\TALITA SANTOS SILVA CASTRO (18785).contact</t>
  </si>
  <si>
    <t>12/17/2019 09:49:09</t>
  </si>
  <si>
    <t>12/17/2019 09:49:10</t>
  </si>
  <si>
    <t>12/17/2019 09:49:11</t>
  </si>
  <si>
    <t>12/17/2019 09:49:12</t>
  </si>
  <si>
    <t>12/17/2019 09:49:13</t>
  </si>
  <si>
    <t>12/17/2019 09:49:14</t>
  </si>
  <si>
    <t>12/17/2019 09:49:15</t>
  </si>
  <si>
    <t>12/17/2019 09:49:16</t>
  </si>
  <si>
    <t>12/17/2019 09:49:17</t>
  </si>
  <si>
    <t>12/17/2019 09:49:29</t>
  </si>
  <si>
    <t>12/17/2019 09:49:30</t>
  </si>
  <si>
    <t>12/17/2019 09:54:24</t>
  </si>
  <si>
    <t>12/17/2019 09:56:22</t>
  </si>
  <si>
    <t>713e9771-81f6-4227-9718-69ec2d4af5c4.tmp</t>
  </si>
  <si>
    <t>\\acsfs\profiles$\kamilamrc\Downloads\713e9771-81f6-4227-9718-69ec2d4af5c4.tmp</t>
  </si>
  <si>
    <t>12/17/2019 09:55:17</t>
  </si>
  <si>
    <t>d1f768b5-7cf0-4981-948c-8802f995ffae.tmp</t>
  </si>
  <si>
    <t>\\acsfs\profiles$\kamilamrc\Downloads\d1f768b5-7cf0-4981-948c-8802f995ffae.tmp</t>
  </si>
  <si>
    <t>12/17/2019 09:55:27</t>
  </si>
  <si>
    <t>ce5ce2fc-9b33-46f9-9335-f10f8029468f.tmp</t>
  </si>
  <si>
    <t>\\acsfs\profiles$\kamilamrc\Downloads\ce5ce2fc-9b33-46f9-9335-f10f8029468f.tmp</t>
  </si>
  <si>
    <t>12/17/2019 09:52:51</t>
  </si>
  <si>
    <t>58f0d705-cccd-44a6-9f69-b63d44c89464.tmp</t>
  </si>
  <si>
    <t>\\acsfs\profiles$\deborahsi\Downloads\58f0d705-cccd-44a6-9f69-b63d44c89464.tmp</t>
  </si>
  <si>
    <t>12/17/2019 09:53:36</t>
  </si>
  <si>
    <t>12/17/2019 09:57:22</t>
  </si>
  <si>
    <t>12/17/2019 09:55:13</t>
  </si>
  <si>
    <t>ances,ancest,ancestorhasaugmentedpermissions,containsunsubscribedchildren,displayname,domain,emailaddress,exp,file(kind,fileid,filesize,hasthumbnail,hasvisitorpermissions,id,id),items(deleted,ken,kind,lastmodifyinguser(kind,lastviewedbymedate,modifiedbymedate,modifieddate,ontainsunsubscribedchildren,owners(kind,perm,permi,permiss,permissionid,pict,pictu,picture,rpermissions,shared,sharedwithmedate,thumbnailversion,title,userpermission(role),workspaceids</t>
  </si>
  <si>
    <t>12/17/2019 09:52:56</t>
  </si>
  <si>
    <t>12/17/2019 09:58:22</t>
  </si>
  <si>
    <t>d1c9426c-0c88-41ab-bea6-078d20e1c7e5.tmp</t>
  </si>
  <si>
    <t>\\acsfs\profiles$\cintiadcf\Downloads\d1c9426c-0c88-41ab-bea6-078d20e1c7e5.tmp</t>
  </si>
  <si>
    <t>12/17/2019 09:57:18</t>
  </si>
  <si>
    <t>12/17/2019 09:57:48</t>
  </si>
  <si>
    <t>12/17/2019 09:53:59</t>
  </si>
  <si>
    <t>12/17/2019 09:59:21</t>
  </si>
  <si>
    <t>12/17/2019 09:55:03</t>
  </si>
  <si>
    <t>12/17/2019 09:57:13</t>
  </si>
  <si>
    <t>12/17/2019 09:58:11</t>
  </si>
  <si>
    <t>12/17/2019 09:57:02</t>
  </si>
  <si>
    <t>12/17/2019 09:58:02</t>
  </si>
  <si>
    <t>12/17/2019 09:54:39</t>
  </si>
  <si>
    <t>12/17/2019 10:00:22</t>
  </si>
  <si>
    <t>lu1803211wy1l.tmp</t>
  </si>
  <si>
    <t>\\acsfs\profiles$\dhiulliananads\My Documents\lu1803211wy1l.tmp</t>
  </si>
  <si>
    <t>\\acsfs\profiles$\dhiulliananads\My Documents\lu1803211wy1l.tmp\</t>
  </si>
  <si>
    <t>\\acsfs\profiles$\dhiulliananads\My Documents\lu1803211wy1l.tmp\META-INF\</t>
  </si>
  <si>
    <t>\\acsfs\profiles$\dhiulliananads\My Documents\lu1803211wy1l.tmp\Thumbnails\</t>
  </si>
  <si>
    <t>12/17/2019 09:58:59</t>
  </si>
  <si>
    <t>1c340526-cef1-4407-8f47-197530bcc3a5.tmp</t>
  </si>
  <si>
    <t>\\acsfs\profiles$\danielta\Downloads\1c340526-cef1-4407-8f47-197530bcc3a5.tmp</t>
  </si>
  <si>
    <t>12/17/2019 09:59:47</t>
  </si>
  <si>
    <t>26451779-5b45-40e4-8b01-7ad3ed94b0a0.tmp</t>
  </si>
  <si>
    <t>\\acsfs\profiles$\danielta\Downloads\26451779-5b45-40e4-8b01-7ad3ed94b0a0.tmp</t>
  </si>
  <si>
    <t>12/17/2019 09:55:36</t>
  </si>
  <si>
    <t>12/17/2019 10:01:22</t>
  </si>
  <si>
    <t>2d5e3cfa-e81e-4853-a149-4ad552b37e6b.tmp</t>
  </si>
  <si>
    <t>\\acsfs\profiles$\kamilamrc\Downloads\2d5e3cfa-e81e-4853-a149-4ad552b37e6b.tmp</t>
  </si>
  <si>
    <t>12/17/2019 09:55:58</t>
  </si>
  <si>
    <t>a71452c8-0a47-483b-b47e-01cf31e15a83.tmp</t>
  </si>
  <si>
    <t>\\acsfs\profiles$\kamilamrc\Downloads\a71452c8-0a47-483b-b47e-01cf31e15a83.tmp</t>
  </si>
  <si>
    <t>12/17/2019 09:57:08</t>
  </si>
  <si>
    <t>b530c6e2-3b28-418c-81be-6cc27b9ac977.tmp</t>
  </si>
  <si>
    <t>\\acsfs\profiles$\kamilamrc\Downloads\b530c6e2-3b28-418c-81be-6cc27b9ac977.tmp</t>
  </si>
  <si>
    <t>12/17/2019 09:57:20</t>
  </si>
  <si>
    <t>d1ca36ce-24f5-4a75-9193-ac8718bd6883.tmp</t>
  </si>
  <si>
    <t>\\acsfs\profiles$\kamilamrc\Downloads\d1ca36ce-24f5-4a75-9193-ac8718bd6883.tmp</t>
  </si>
  <si>
    <t>12/17/2019 09:57:35</t>
  </si>
  <si>
    <t>bd513965-247b-4e52-acee-5134da44baa4.tmp</t>
  </si>
  <si>
    <t>\\acsfs\profiles$\kamilamrc\Downloads\bd513965-247b-4e52-acee-5134da44baa4.tmp</t>
  </si>
  <si>
    <t>12/17/2019 09:57:58</t>
  </si>
  <si>
    <t>3f6e06cc-631d-479e-81e1-563088034b29.tmp</t>
  </si>
  <si>
    <t>\\acsfs\profiles$\deborahsi\Downloads\3f6e06cc-631d-479e-81e1-563088034b29.tmp</t>
  </si>
  <si>
    <t>Não confirmado 304866.crdownload</t>
  </si>
  <si>
    <t>\\acsfs\profiles$\deborahsi\Downloads\Não confirmado 304866.crdownload</t>
  </si>
  <si>
    <t>12/17/2019 10:00:24</t>
  </si>
  <si>
    <t>12/17/2019 10:02:22</t>
  </si>
  <si>
    <t>C:\Users\carlosasr\Desktop\BRADESCO\CORRENTISTA\PAGAMENTOS\aa\</t>
  </si>
  <si>
    <t>entrada_SMS_20191008.csv</t>
  </si>
  <si>
    <t>entrada_SMS_20191009.csv</t>
  </si>
  <si>
    <t>entrada_SMS_20190926.csv</t>
  </si>
  <si>
    <t>12/17/2019 10:00:29</t>
  </si>
  <si>
    <t>12/17/2019 10:00:34</t>
  </si>
  <si>
    <t>entrada_SMS_20191014.csv</t>
  </si>
  <si>
    <t>12/17/2019 10:00:38</t>
  </si>
  <si>
    <t>entrada_SMS_20191011.csv</t>
  </si>
  <si>
    <t>12/17/2019 10:00:41</t>
  </si>
  <si>
    <t>12/17/2019 10:00:46</t>
  </si>
  <si>
    <t>entrada_SMS_20191010.csv</t>
  </si>
  <si>
    <t>12/17/2019 10:00:50</t>
  </si>
  <si>
    <t>12/17/2019 10:00:59</t>
  </si>
  <si>
    <t>entrada_SMS_20191016.csv</t>
  </si>
  <si>
    <t>12/17/2019 10:01:03</t>
  </si>
  <si>
    <t>12/17/2019 10:01:05</t>
  </si>
  <si>
    <t>entrada_SMS_20191015.csv</t>
  </si>
  <si>
    <t>12/17/2019 10:01:08</t>
  </si>
  <si>
    <t>12/17/2019 10:01:09</t>
  </si>
  <si>
    <t>entrada_SMS_20191017.csv</t>
  </si>
  <si>
    <t>12/17/2019 10:01:14</t>
  </si>
  <si>
    <t>12/17/2019 10:01:15</t>
  </si>
  <si>
    <t>entrada_SMS_20191022.csv</t>
  </si>
  <si>
    <t>12/17/2019 10:01:16</t>
  </si>
  <si>
    <t>entrada_SMS_20191018.csv</t>
  </si>
  <si>
    <t>12/17/2019 10:01:21</t>
  </si>
  <si>
    <t>12/17/2019 10:01:23</t>
  </si>
  <si>
    <t>entrada_SMS_20191019.csv</t>
  </si>
  <si>
    <t>12/17/2019 10:01:26</t>
  </si>
  <si>
    <t>12/17/2019 10:01:27</t>
  </si>
  <si>
    <t>entrada_SMS_20191023.csv</t>
  </si>
  <si>
    <t>12/17/2019 10:01:33</t>
  </si>
  <si>
    <t>12/17/2019 10:01:36</t>
  </si>
  <si>
    <t>entrada_SMS_20191028.csv</t>
  </si>
  <si>
    <t>12/17/2019 10:01:38</t>
  </si>
  <si>
    <t>entrada_SMS_20191031.csv</t>
  </si>
  <si>
    <t>12/17/2019 10:01:44</t>
  </si>
  <si>
    <t>entrada_SMS_20191030.csv</t>
  </si>
  <si>
    <t>12/17/2019 10:01:51</t>
  </si>
  <si>
    <t>entrada_SMS_20191101.csv</t>
  </si>
  <si>
    <t>12/17/2019 10:01:56</t>
  </si>
  <si>
    <t>12/17/2019 10:01:57</t>
  </si>
  <si>
    <t>12/17/2019 10:02:00</t>
  </si>
  <si>
    <t>entrada_SMS_20191104.csv</t>
  </si>
  <si>
    <t>12/17/2019 10:02:03</t>
  </si>
  <si>
    <t>12/17/2019 10:02:04</t>
  </si>
  <si>
    <t>entrada_SMS_20191105.csv</t>
  </si>
  <si>
    <t>12/17/2019 10:02:10</t>
  </si>
  <si>
    <t>12/17/2019 10:02:11</t>
  </si>
  <si>
    <t>entrada_SMS_20191106.csv</t>
  </si>
  <si>
    <t>12/17/2019 10:03:23</t>
  </si>
  <si>
    <t>12/17/2019 09:58:18</t>
  </si>
  <si>
    <t>12/17/2019 09:58:48</t>
  </si>
  <si>
    <t>12/17/2019 09:59:48</t>
  </si>
  <si>
    <t>12/17/2019 10:00:18</t>
  </si>
  <si>
    <t>12/17/2019 10:00:48</t>
  </si>
  <si>
    <t>12/17/2019 10:01:49</t>
  </si>
  <si>
    <t>12/17/2019 10:02:19</t>
  </si>
  <si>
    <t>12/17/2019 10:02:49</t>
  </si>
  <si>
    <t>12/17/2019 10:03:02</t>
  </si>
  <si>
    <t>12/17/2019 10:04:22</t>
  </si>
  <si>
    <t>12/17/2019 10:03:40</t>
  </si>
  <si>
    <t>mail.google.com/_/upload?authuser=0&amp;dcp=asu-n&amp;upload_id=AEnB2Uo36HEZdW8jHzhXdnCtyWqPTiFwotwkPB40huYl86KjkrM73tE8QvhAN1Bb_F1o9JYvxN5Q6CVoBehYWda9M4OJ8BqmLdP7UQUeUbdKtSK8kasRnE8&amp;upload_protocol=resumable</t>
  </si>
  <si>
    <t>Lista.xlsx</t>
  </si>
  <si>
    <t>12/17/2019 10:00:40</t>
  </si>
  <si>
    <t>12/17/2019 10:00:47</t>
  </si>
  <si>
    <t>12/17/2019 10:05:22</t>
  </si>
  <si>
    <t>12/17/2019 10:00:51</t>
  </si>
  <si>
    <t>12/17/2019 10:00:49</t>
  </si>
  <si>
    <t>de065b7f-1f27-4529-9d67-71c7d10aee52.tmp</t>
  </si>
  <si>
    <t>\\acsfs\profiles$\danielta\Downloads\de065b7f-1f27-4529-9d67-71c7d10aee52.tmp</t>
  </si>
  <si>
    <t>12/17/2019 10:03:42</t>
  </si>
  <si>
    <t>12/17/2019 10:06:22</t>
  </si>
  <si>
    <t>Mirianppb</t>
  </si>
  <si>
    <t>\\acsfs\DEPTOS\EDUCACAO EMPRESARIAL\Ligaçoes para MUTANT\</t>
  </si>
  <si>
    <t>LAIS LIMA GONCALVES_1_6765819087633325457_1_32.wav</t>
  </si>
  <si>
    <t>\\acsfs\DEPTOS\EDUCACAO EMPRESARIAL\Ligaçoes para MUTANT\LAIS LIMA GONCALVES_1_6765819087633325457_1_32.wav</t>
  </si>
  <si>
    <t>12/17/2019 10:04:41</t>
  </si>
  <si>
    <t>https://support.office.com/auth/signin</t>
  </si>
  <si>
    <t>12/17/2019 10:03:18</t>
  </si>
  <si>
    <t>12/17/2019 10:07:22</t>
  </si>
  <si>
    <t>5562e09f-e2d3-4d0a-8baa-b768a549ae1d.tmp</t>
  </si>
  <si>
    <t>\\acsfs\profiles$\vivianalds\Downloads\5562e09f-e2d3-4d0a-8baa-b768a549ae1d.tmp</t>
  </si>
  <si>
    <t>12/17/2019 10:06:25</t>
  </si>
  <si>
    <t>12/17/2019 10:02:15</t>
  </si>
  <si>
    <t>12/17/2019 10:02:18</t>
  </si>
  <si>
    <t>entrada_SMS_20191107.csv</t>
  </si>
  <si>
    <t>12/17/2019 10:02:23</t>
  </si>
  <si>
    <t>12/17/2019 10:02:24</t>
  </si>
  <si>
    <t>entrada_SMS_20191111.csv</t>
  </si>
  <si>
    <t>entrada_SMS_20191108.csv</t>
  </si>
  <si>
    <t>12/17/2019 10:02:28</t>
  </si>
  <si>
    <t>12/17/2019 10:02:30</t>
  </si>
  <si>
    <t>entrada_SMS_20191112.csv</t>
  </si>
  <si>
    <t>12/17/2019 10:02:33</t>
  </si>
  <si>
    <t>12/17/2019 10:02:35</t>
  </si>
  <si>
    <t>entrada_SMS_20191113.csv</t>
  </si>
  <si>
    <t>12/17/2019 10:02:37</t>
  </si>
  <si>
    <t>12/17/2019 10:02:38</t>
  </si>
  <si>
    <t>12/17/2019 10:02:41</t>
  </si>
  <si>
    <t>entrada_SMS_20191114.csv</t>
  </si>
  <si>
    <t>12/17/2019 10:02:45</t>
  </si>
  <si>
    <t>12/17/2019 10:02:47</t>
  </si>
  <si>
    <t>entrada_SMS_20191116.csv</t>
  </si>
  <si>
    <t>12/17/2019 10:02:50</t>
  </si>
  <si>
    <t>entrada_SMS_20191118.csv</t>
  </si>
  <si>
    <t>12/17/2019 10:02:52</t>
  </si>
  <si>
    <t>12/17/2019 10:02:55</t>
  </si>
  <si>
    <t>entrada_SMS_20191119.csv</t>
  </si>
  <si>
    <t>12/17/2019 10:02:58</t>
  </si>
  <si>
    <t>12/17/2019 10:02:59</t>
  </si>
  <si>
    <t>entrada_URA_20190903.csv</t>
  </si>
  <si>
    <t>12/17/2019 10:03:00</t>
  </si>
  <si>
    <t>entrada_URA_20190902.csv</t>
  </si>
  <si>
    <t>entrada_URA_20190905.csv</t>
  </si>
  <si>
    <t>12/17/2019 10:03:03</t>
  </si>
  <si>
    <t>entrada_URA_20190906.csv</t>
  </si>
  <si>
    <t>12/17/2019 10:03:05</t>
  </si>
  <si>
    <t>entrada_URA_20190909.csv</t>
  </si>
  <si>
    <t>12/17/2019 10:03:07</t>
  </si>
  <si>
    <t>entrada_URA_20190911.csv</t>
  </si>
  <si>
    <t>12/17/2019 10:03:09</t>
  </si>
  <si>
    <t>entrada_URA_20190912.csv</t>
  </si>
  <si>
    <t>entrada_URA_20190913.csv</t>
  </si>
  <si>
    <t>12/17/2019 10:03:10</t>
  </si>
  <si>
    <t>12/17/2019 10:03:13</t>
  </si>
  <si>
    <t>entrada_URA_20190914.csv</t>
  </si>
  <si>
    <t>12/17/2019 10:03:15</t>
  </si>
  <si>
    <t>entrada_URA_20190917.csv</t>
  </si>
  <si>
    <t>entrada_URA_20190916.csv</t>
  </si>
  <si>
    <t>entrada_URA_20190918.csv</t>
  </si>
  <si>
    <t>12/17/2019 10:03:20</t>
  </si>
  <si>
    <t>entrada_URA_20190920.csv</t>
  </si>
  <si>
    <t>12/17/2019 10:03:21</t>
  </si>
  <si>
    <t>entrada_URA_20190923.csv</t>
  </si>
  <si>
    <t>entrada_URA_20190921.csv</t>
  </si>
  <si>
    <t>12/17/2019 10:03:22</t>
  </si>
  <si>
    <t>entrada_URA_20190924.csv</t>
  </si>
  <si>
    <t>12/17/2019 10:03:26</t>
  </si>
  <si>
    <t>entrada_URA_20190926.csv</t>
  </si>
  <si>
    <t>entrada_URA_20190927.csv</t>
  </si>
  <si>
    <t>12/17/2019 10:03:29</t>
  </si>
  <si>
    <t>entrada_URA_20190928.csv</t>
  </si>
  <si>
    <t>12/17/2019 10:03:30</t>
  </si>
  <si>
    <t>entrada_URA_20191001.csv</t>
  </si>
  <si>
    <t>12/17/2019 10:03:32</t>
  </si>
  <si>
    <t>entrada_URA_20191002.csv</t>
  </si>
  <si>
    <t>12/17/2019 10:08:22</t>
  </si>
  <si>
    <t>entrada_URA_20191003.csv</t>
  </si>
  <si>
    <t>12/17/2019 10:03:33</t>
  </si>
  <si>
    <t>entrada_URA_20191004.csv</t>
  </si>
  <si>
    <t>12/17/2019 10:03:36</t>
  </si>
  <si>
    <t>entrada_URA_20191005.csv</t>
  </si>
  <si>
    <t>12/17/2019 10:03:38</t>
  </si>
  <si>
    <t>entrada_URA_20191008.csv</t>
  </si>
  <si>
    <t>12/17/2019 10:03:39</t>
  </si>
  <si>
    <t>entrada_URA_20191010.csv</t>
  </si>
  <si>
    <t>entrada_URA_20191009.csv</t>
  </si>
  <si>
    <t>12/17/2019 10:03:43</t>
  </si>
  <si>
    <t>entrada_URA_20191011.csv</t>
  </si>
  <si>
    <t>entrada_URA_20191015.csv</t>
  </si>
  <si>
    <t>12/17/2019 10:03:46</t>
  </si>
  <si>
    <t>entrada_URA_20191016.csv</t>
  </si>
  <si>
    <t>12/17/2019 10:03:48</t>
  </si>
  <si>
    <t>entrada_URA_20191017.csv</t>
  </si>
  <si>
    <t>12/17/2019 10:03:49</t>
  </si>
  <si>
    <t>entrada_URA_20191021.csv</t>
  </si>
  <si>
    <t>entrada_URA_20191018.csv</t>
  </si>
  <si>
    <t>entrada_URA_20191022.csv</t>
  </si>
  <si>
    <t>12/17/2019 10:03:50</t>
  </si>
  <si>
    <t>entrada_URA_20191023.csv</t>
  </si>
  <si>
    <t>12/17/2019 10:03:51</t>
  </si>
  <si>
    <t>entrada_URA_20191029.csv</t>
  </si>
  <si>
    <t>12/17/2019 10:03:52</t>
  </si>
  <si>
    <t>entrada_URA_20191030.csv</t>
  </si>
  <si>
    <t>entrada_URA_20191031.csv</t>
  </si>
  <si>
    <t>12/17/2019 10:03:53</t>
  </si>
  <si>
    <t>entrada_URA_20191101.csv</t>
  </si>
  <si>
    <t>12/17/2019 10:03:54</t>
  </si>
  <si>
    <t>entrada_URA_20191105.csv</t>
  </si>
  <si>
    <t>12/17/2019 10:03:55</t>
  </si>
  <si>
    <t>entrada_URA_20191106.csv</t>
  </si>
  <si>
    <t>12/17/2019 10:03:56</t>
  </si>
  <si>
    <t>entrada_URA_20191107.csv</t>
  </si>
  <si>
    <t>entrada_URA_20191108.csv</t>
  </si>
  <si>
    <t>12/17/2019 10:03:57</t>
  </si>
  <si>
    <t>entrada_URA_20191114.csv</t>
  </si>
  <si>
    <t>12/17/2019 10:03:58</t>
  </si>
  <si>
    <t>entrada_URA_20191118.csv</t>
  </si>
  <si>
    <t>entrada_URA_20191119.csv</t>
  </si>
  <si>
    <t>12/17/2019 10:03:59</t>
  </si>
  <si>
    <t>entrada_VOICER_20190902.csv</t>
  </si>
  <si>
    <t>12/17/2019 10:04:00</t>
  </si>
  <si>
    <t>entrada_VOICER_20190903.csv</t>
  </si>
  <si>
    <t>12/17/2019 10:04:01</t>
  </si>
  <si>
    <t>entrada_VOICER_20190904.csv</t>
  </si>
  <si>
    <t>12/17/2019 10:04:02</t>
  </si>
  <si>
    <t>entrada_VOICER_20190905.csv</t>
  </si>
  <si>
    <t>12/17/2019 10:04:03</t>
  </si>
  <si>
    <t>entrada_VOICER_20190906.csv</t>
  </si>
  <si>
    <t>12/17/2019 10:04:04</t>
  </si>
  <si>
    <t>entrada_VOICER_20190910.csv</t>
  </si>
  <si>
    <t>entrada_VOICER_20190911.csv</t>
  </si>
  <si>
    <t>12/17/2019 10:04:06</t>
  </si>
  <si>
    <t>entrada_VOICER_20190912.csv</t>
  </si>
  <si>
    <t>12/17/2019 10:04:07</t>
  </si>
  <si>
    <t>entrada_VOICER_20190918.csv</t>
  </si>
  <si>
    <t>entrada_VOICER_20190919.csv</t>
  </si>
  <si>
    <t>12/17/2019 10:04:08</t>
  </si>
  <si>
    <t>entrada_VOICER_20190921.csv</t>
  </si>
  <si>
    <t>entrada_VOICER_20190920.csv</t>
  </si>
  <si>
    <t>12/17/2019 10:04:09</t>
  </si>
  <si>
    <t>entrada_VOICER_20190924.csv</t>
  </si>
  <si>
    <t>12/17/2019 10:04:10</t>
  </si>
  <si>
    <t>entrada_VOICER_20190926.csv</t>
  </si>
  <si>
    <t>entrada_VOICER_20190927.csv</t>
  </si>
  <si>
    <t>12/17/2019 10:04:12</t>
  </si>
  <si>
    <t>entrada_VOICER_20191003.csv</t>
  </si>
  <si>
    <t>12/17/2019 10:04:13</t>
  </si>
  <si>
    <t>entrada_VOICER_20191005.csv</t>
  </si>
  <si>
    <t>entrada_VOICER_20191004.csv</t>
  </si>
  <si>
    <t>entrada_VOICER_20191007.csv</t>
  </si>
  <si>
    <t>12/17/2019 10:04:15</t>
  </si>
  <si>
    <t>entrada_VOICER_20191009.csv</t>
  </si>
  <si>
    <t>12/17/2019 10:04:16</t>
  </si>
  <si>
    <t>entrada_VOICER_20191010.csv</t>
  </si>
  <si>
    <t>12/17/2019 10:04:17</t>
  </si>
  <si>
    <t>entrada_VOICER_20191011.csv</t>
  </si>
  <si>
    <t>12/17/2019 10:04:18</t>
  </si>
  <si>
    <t>entrada_VOICER_20191014.csv</t>
  </si>
  <si>
    <t>entrada_VOICER_20191015.csv</t>
  </si>
  <si>
    <t>12/17/2019 10:04:19</t>
  </si>
  <si>
    <t>entrada_VOICER_20191021.csv</t>
  </si>
  <si>
    <t>12/17/2019 10:04:20</t>
  </si>
  <si>
    <t>entrada_VOICER_20191022.csv</t>
  </si>
  <si>
    <t>12/17/2019 10:04:21</t>
  </si>
  <si>
    <t>entrada_VOICER_20191024.csv</t>
  </si>
  <si>
    <t>entrada_VOICER_20191025.csv</t>
  </si>
  <si>
    <t>12/17/2019 10:04:23</t>
  </si>
  <si>
    <t>entrada_VOICER_20191026.csv</t>
  </si>
  <si>
    <t>12/17/2019 10:04:24</t>
  </si>
  <si>
    <t>entrada_VOICER_20191028.csv</t>
  </si>
  <si>
    <t>12/17/2019 10:04:27</t>
  </si>
  <si>
    <t>entrada_VOICER_20191029.csv</t>
  </si>
  <si>
    <t>entrada_VOICER_20191031.csv</t>
  </si>
  <si>
    <t>entrada_VOICER_20191030.csv</t>
  </si>
  <si>
    <t>12/17/2019 10:04:28</t>
  </si>
  <si>
    <t>entrada_VOICER_20191105.csv</t>
  </si>
  <si>
    <t>12/17/2019 10:04:30</t>
  </si>
  <si>
    <t>entrada_VOICER_20191109.csv</t>
  </si>
  <si>
    <t>12/17/2019 10:04:31</t>
  </si>
  <si>
    <t>entrada_VOICER_20191111.csv</t>
  </si>
  <si>
    <t>entrada_VOICER_20191113.csv</t>
  </si>
  <si>
    <t>12/17/2019 10:04:32</t>
  </si>
  <si>
    <t>entrada_VOICER_20191112.csv</t>
  </si>
  <si>
    <t>12/17/2019 10:04:33</t>
  </si>
  <si>
    <t>entrada_VOICER_20191116.csv</t>
  </si>
  <si>
    <t>12/17/2019 10:04:34</t>
  </si>
  <si>
    <t>entrada_VOICER_20191118.csv</t>
  </si>
  <si>
    <t>12/17/2019 10:05:19</t>
  </si>
  <si>
    <t>12/17/2019 10:06:49</t>
  </si>
  <si>
    <t>12/17/2019 10:07:19</t>
  </si>
  <si>
    <t>12/17/2019 10:09:22</t>
  </si>
  <si>
    <t>12/17/2019 10:08:37</t>
  </si>
  <si>
    <t>12/17/2019 10:11:22</t>
  </si>
  <si>
    <t>12/17/2019 10:09:23</t>
  </si>
  <si>
    <t>12/17/2019 10:13:22</t>
  </si>
  <si>
    <t>12/17/2019 10:08:19</t>
  </si>
  <si>
    <t>12/17/2019 10:08:49</t>
  </si>
  <si>
    <t>12/17/2019 10:09:02</t>
  </si>
  <si>
    <t>12/17/2019 10:14:22</t>
  </si>
  <si>
    <t>12/17/2019 10:10:02</t>
  </si>
  <si>
    <t>12/17/2019 10:15:18</t>
  </si>
  <si>
    <t>12/17/2019 10:16:22</t>
  </si>
  <si>
    <t>adaae1ee-8fba-4f1e-8ddc-9e91bf282db4.tmp</t>
  </si>
  <si>
    <t>\\acsfs\profiles$\raicabog\Downloads\adaae1ee-8fba-4f1e-8ddc-9e91bf282db4.tmp</t>
  </si>
  <si>
    <t>12/17/2019 10:10:29</t>
  </si>
  <si>
    <t>9f02fdc2-f302-4946-821a-30fcc0e39a7e.tmp</t>
  </si>
  <si>
    <t>\\acsfs\profiles$\leticiala\Downloads\9f02fdc2-f302-4946-821a-30fcc0e39a7e.tmp</t>
  </si>
  <si>
    <t>12/17/2019 10:10:32</t>
  </si>
  <si>
    <t>cac3e81b-eb58-486b-81af-b50ce78119b8.tmp</t>
  </si>
  <si>
    <t>\\acsfs\profiles$\leticiala\Downloads\cac3e81b-eb58-486b-81af-b50ce78119b8.tmp</t>
  </si>
  <si>
    <t>12/17/2019 10:13:29</t>
  </si>
  <si>
    <t>9410419e-4234-4225-91ec-411b1262eb6b.tmp</t>
  </si>
  <si>
    <t>\\acsfs\profiles$\leticiala\Downloads\9410419e-4234-4225-91ec-411b1262eb6b.tmp</t>
  </si>
  <si>
    <t>12/17/2019 10:18:22</t>
  </si>
  <si>
    <t>12/17/2019 10:16:58</t>
  </si>
  <si>
    <t>12/17/2019 10:19:21</t>
  </si>
  <si>
    <t>lu114412ybg1.tmp</t>
  </si>
  <si>
    <t>\\acsfs\profiles$\kamillacr\My Documents\lu114412ybg1.tmp</t>
  </si>
  <si>
    <t>\\acsfs\profiles$\kamillacr\My Documents\lu114412ybg1.tmp\</t>
  </si>
  <si>
    <t>\\acsfs\profiles$\kamillacr\My Documents\lu114412ybg1.tmp\META-INF\</t>
  </si>
  <si>
    <t>\\acsfs\profiles$\kamillacr\My Documents\lu114412ybg1.tmp\Thumbnails\</t>
  </si>
  <si>
    <t>12/17/2019 10:17:05</t>
  </si>
  <si>
    <t>12/17/2019 10:15:02</t>
  </si>
  <si>
    <t>12/17/2019 10:16:02</t>
  </si>
  <si>
    <t>12/17/2019 10:14:57</t>
  </si>
  <si>
    <t>12/17/2019 10:20:22</t>
  </si>
  <si>
    <t>mail.google.com/_/upload?authuser=0&amp;dcp=asu-n&amp;upload_id=AEnB2UoPgQOjcSy7PQr4g5x4W2m7BzYEfT2MrSxHn90y7bkMOTjAw7Z0r2-CfHcMkWGhoyXAe8gBKW3T7VjgkGMQbmkeikhxFFZK5rvS6JgzzNjZ8vzaAe8&amp;upload_protocol=resumable</t>
  </si>
  <si>
    <t>malves@timbrasil.com.br;</t>
  </si>
  <si>
    <t>\\acsfs\engeset\FINANCEIRO_ULA\FATURAMENTO\22. Controle TIM\PÓS PO\</t>
  </si>
  <si>
    <t>Formulario-Correcao_PO (Consolidado).xlsx</t>
  </si>
  <si>
    <t>malves@timbrasil.com.br</t>
  </si>
  <si>
    <t>12/17/2019 10:16:56</t>
  </si>
  <si>
    <t>12/17/2019 10:21:21</t>
  </si>
  <si>
    <t>278d7310-131f-4135-9864-d92279843057.tmp</t>
  </si>
  <si>
    <t>\\acsfs\profiles$\raicabog\Downloads\278d7310-131f-4135-9864-d92279843057.tmp</t>
  </si>
  <si>
    <t>12/17/2019 10:17:20</t>
  </si>
  <si>
    <t>1b52a92d-2ee1-4346-815c-e4cc5ea1d06a.tmp</t>
  </si>
  <si>
    <t>\\acsfs\profiles$\gabrielafs\Downloads\1b52a92d-2ee1-4346-815c-e4cc5ea1d06a.tmp</t>
  </si>
  <si>
    <t>12/17/2019 10:17:21</t>
  </si>
  <si>
    <t>54b5753c-5b21-4705-811a-1e237989a465.tmp</t>
  </si>
  <si>
    <t>\\acsfs\profiles$\gabrielafs\Downloads\54b5753c-5b21-4705-811a-1e237989a465.tmp</t>
  </si>
  <si>
    <t>12/17/2019 10:17:24</t>
  </si>
  <si>
    <t>9744b5dc-b89b-4d37-b9c3-e68ad577c1c2.tmp</t>
  </si>
  <si>
    <t>\\acsfs\profiles$\gabrielafs\Downloads\9744b5dc-b89b-4d37-b9c3-e68ad577c1c2.tmp</t>
  </si>
  <si>
    <t>12/17/2019 10:17:26</t>
  </si>
  <si>
    <t>9e121c79-a1fd-48bc-b6f2-33460f76aca5.tmp</t>
  </si>
  <si>
    <t>\\acsfs\profiles$\gabrielafs\Downloads\9e121c79-a1fd-48bc-b6f2-33460f76aca5.tmp</t>
  </si>
  <si>
    <t>12/17/2019 10:17:30</t>
  </si>
  <si>
    <t>33e6dc2d-b53e-426f-8037-7e8f9172adb1.tmp</t>
  </si>
  <si>
    <t>\\acsfs\profiles$\gabrielafs\Downloads\33e6dc2d-b53e-426f-8037-7e8f9172adb1.tmp</t>
  </si>
  <si>
    <t>12/17/2019 10:19:31</t>
  </si>
  <si>
    <t>417a449c-6a07-4513-839d-16636df3c33f.tmp</t>
  </si>
  <si>
    <t>\\acsfs\profiles$\gabrielafs\Downloads\417a449c-6a07-4513-839d-16636df3c33f.tmp</t>
  </si>
  <si>
    <t>12/17/2019 10:23:21</t>
  </si>
  <si>
    <t>12/17/2019 10:21:02</t>
  </si>
  <si>
    <t>12/17/2019 10:24:22</t>
  </si>
  <si>
    <t>12/17/2019 10:22:02</t>
  </si>
  <si>
    <t>12/17/2019 10:22:54</t>
  </si>
  <si>
    <t>12/17/2019 10:26:21</t>
  </si>
  <si>
    <t>Template_-_Prorrogacao_de_Titulos Gran.xlsx</t>
  </si>
  <si>
    <t>12/17/2019 10:25:34</t>
  </si>
  <si>
    <t>12/17/2019 10:27:21</t>
  </si>
  <si>
    <t>a39dac8e-547a-4162-a6e9-5006df55a0b3.tmp</t>
  </si>
  <si>
    <t>\\acsfs\profiles$\larissaad\Downloads\a39dac8e-547a-4162-a6e9-5006df55a0b3.tmp</t>
  </si>
  <si>
    <t>12/17/2019 10:26:41</t>
  </si>
  <si>
    <t>12/17/2019 10:28:21</t>
  </si>
  <si>
    <t>12/17/2019 10:27:02</t>
  </si>
  <si>
    <t>12/17/2019 10:29:21</t>
  </si>
  <si>
    <t>12/17/2019 10:28:02</t>
  </si>
  <si>
    <t>12/17/2019 10:24:39</t>
  </si>
  <si>
    <t>12/17/2019 10:30:21</t>
  </si>
  <si>
    <t>10.200.66.167</t>
  </si>
  <si>
    <t>12/17/2019 10:24:40</t>
  </si>
  <si>
    <t>12/17/2019 10:27:35</t>
  </si>
  <si>
    <t>12/17/2019 10:31:21</t>
  </si>
  <si>
    <t>328a094f-c145-411a-89d7-54e57d8596fd.tmp</t>
  </si>
  <si>
    <t>\\acsfs\profiles$\valeriasda\Downloads\328a094f-c145-411a-89d7-54e57d8596fd.tmp</t>
  </si>
  <si>
    <t>12/17/2019 10:27:41</t>
  </si>
  <si>
    <t>80d78465-719d-4c1a-adda-e01b1a7516ff.tmp</t>
  </si>
  <si>
    <t>\\acsfs\profiles$\valeriasda\Downloads\80d78465-719d-4c1a-adda-e01b1a7516ff.tmp</t>
  </si>
  <si>
    <t>12/17/2019 10:27:49</t>
  </si>
  <si>
    <t>eccd963c-c38f-4f66-80e5-45183409f481.tmp</t>
  </si>
  <si>
    <t>\\acsfs\profiles$\valeriasda\Downloads\eccd963c-c38f-4f66-80e5-45183409f481.tmp</t>
  </si>
  <si>
    <t>12/17/2019 10:27:52</t>
  </si>
  <si>
    <t>ecd5670d-8bef-4166-9c52-5feead0e5920.tmp</t>
  </si>
  <si>
    <t>\\acsfs\profiles$\valeriasda\Downloads\ecd5670d-8bef-4166-9c52-5feead0e5920.tmp</t>
  </si>
  <si>
    <t>12/17/2019 10:29:52</t>
  </si>
  <si>
    <t>fe6c6404-f7ef-4ed3-b487-a94411cbc5a2.tmp</t>
  </si>
  <si>
    <t>\\acsfs\profiles$\valeriasda\Downloads\fe6c6404-f7ef-4ed3-b487-a94411cbc5a2.tmp</t>
  </si>
  <si>
    <t>12/17/2019 10:29:24</t>
  </si>
  <si>
    <t>celmars@algartech.com;priscilaflo@algartech.com;</t>
  </si>
  <si>
    <t>RV Arquivo Final.xlsx</t>
  </si>
  <si>
    <t>celmars@algartech.com,priscilaflo@algartech.com</t>
  </si>
  <si>
    <t>12/17/2019 10:27:15</t>
  </si>
  <si>
    <t>12/17/2019 10:32:20</t>
  </si>
  <si>
    <t>2796607a-3212-4f90-a1d8-3b93d3b6d6a3.tmp</t>
  </si>
  <si>
    <t>\\acsfs\profiles$\gabrielhca\Downloads\2796607a-3212-4f90-a1d8-3b93d3b6d6a3.tmp</t>
  </si>
  <si>
    <t>12/17/2019 10:33:21</t>
  </si>
  <si>
    <t>12/17/2019 10:29:25</t>
  </si>
  <si>
    <t>12/17/2019 10:34:20</t>
  </si>
  <si>
    <t>12/17/2019 10:29:53</t>
  </si>
  <si>
    <t>12/17/2019 10:29:57</t>
  </si>
  <si>
    <t>12/17/2019 10:30:06</t>
  </si>
  <si>
    <t>mail.google.com/sync/u/0/i/s?hl=pt-BR&amp;c=61</t>
  </si>
  <si>
    <t>12/17/2019 10:30:37</t>
  </si>
  <si>
    <t>12/17/2019 10:31:23</t>
  </si>
  <si>
    <t>12/17/2019 10:31:42</t>
  </si>
  <si>
    <t>12/17/2019 10:31:53</t>
  </si>
  <si>
    <t>12/17/2019 10:32:03</t>
  </si>
  <si>
    <t>12/17/2019 10:32:07</t>
  </si>
  <si>
    <t>12/17/2019 10:33:02</t>
  </si>
  <si>
    <t>12/17/2019 10:31:22</t>
  </si>
  <si>
    <t>12/17/2019 10:36:20</t>
  </si>
  <si>
    <t>8718916f-55a5-4c99-b33a-17a9b7517f43.tmp</t>
  </si>
  <si>
    <t>\\acsfs\profiles$\valeriasda\Downloads\8718916f-55a5-4c99-b33a-17a9b7517f43.tmp</t>
  </si>
  <si>
    <t>12/17/2019 10:31:31</t>
  </si>
  <si>
    <t>24a0c144-f698-4a95-b2e3-0d55d17df79d.tmp</t>
  </si>
  <si>
    <t>\\acsfs\profiles$\valeriasda\Downloads\24a0c144-f698-4a95-b2e3-0d55d17df79d.tmp</t>
  </si>
  <si>
    <t>12/17/2019 10:32:22</t>
  </si>
  <si>
    <t>805b38bc-2938-495e-aeac-ee07688cefa4.tmp</t>
  </si>
  <si>
    <t>\\acsfs\profiles$\valeriasda\Downloads\805b38bc-2938-495e-aeac-ee07688cefa4.tmp</t>
  </si>
  <si>
    <t>12/17/2019 10:35:33</t>
  </si>
  <si>
    <t>12/17/2019 10:38:20</t>
  </si>
  <si>
    <t>12/17/2019 10:34:02</t>
  </si>
  <si>
    <t>12/17/2019 10:39:21</t>
  </si>
  <si>
    <t>12/17/2019 10:36:29</t>
  </si>
  <si>
    <t>12/17/2019 10:36:33</t>
  </si>
  <si>
    <t>12/17/2019 10:36:43</t>
  </si>
  <si>
    <t>12/17/2019 10:36:53</t>
  </si>
  <si>
    <t>12/17/2019 10:37:23</t>
  </si>
  <si>
    <t>12/17/2019 10:39:40</t>
  </si>
  <si>
    <t>12/17/2019 10:41:20</t>
  </si>
  <si>
    <t>20dfbb5e-4cad-4101-a4dd-d4786a849d2a.tmp</t>
  </si>
  <si>
    <t>\\acsfs\profiles$\raicabog\Downloads\20dfbb5e-4cad-4101-a4dd-d4786a849d2a.tmp</t>
  </si>
  <si>
    <t>12/17/2019 10:40:21</t>
  </si>
  <si>
    <t>sabrinasc</t>
  </si>
  <si>
    <t>\\acsfs\profiles$\sabrinasc\Contacts\</t>
  </si>
  <si>
    <t>SABRINA SILVA CASSEMIRO (3838).contact</t>
  </si>
  <si>
    <t>\\acsfs\profiles$\sabrinasc\Contacts\SABRINA SILVA CASSEMIRO (3838).contact</t>
  </si>
  <si>
    <t>12/17/2019 10:39:59</t>
  </si>
  <si>
    <t>kesiadof@algartech.com</t>
  </si>
  <si>
    <t>12/17/2019 10:37:37</t>
  </si>
  <si>
    <t>12/17/2019 10:43:20</t>
  </si>
  <si>
    <t>12/17/2019 10:42:22</t>
  </si>
  <si>
    <t>12/17/2019 10:39:02</t>
  </si>
  <si>
    <t>12/17/2019 10:44:20</t>
  </si>
  <si>
    <t>12/17/2019 10:40:02</t>
  </si>
  <si>
    <t>12/17/2019 10:43:31</t>
  </si>
  <si>
    <t>12/17/2019 10:45:19</t>
  </si>
  <si>
    <t>c:\users\robsonams\desktop\</t>
  </si>
  <si>
    <t>advertência - yuri magalhães.doc</t>
  </si>
  <si>
    <t>12/17/2019 10:40:06</t>
  </si>
  <si>
    <t>mail.google.com/_/upload?authuser=0&amp;dcp=asu-n&amp;upload_id=AEnB2UrpveGErtH0mRpgo88_1wjbg9__-qg2EgsyA0Hu0zVlrgqcw25QbMnQvsYJfQrheuydGOplCt6B-0mMDcsENIT69apfZp1efqpeTR4oyKfzJFHYRvQ&amp;upload_protocol=resumable</t>
  </si>
  <si>
    <t>ericacdosc@algartech.com;prgfernandes@timbrasil.com.br;raquelcc@algartech.com;</t>
  </si>
  <si>
    <t>ericacdosc@algartech.com,prgfernandes@timbrasil.com.br,raquelcc@algartech.com</t>
  </si>
  <si>
    <t>12/17/2019 10:41:13</t>
  </si>
  <si>
    <t>12/17/2019 10:46:20</t>
  </si>
  <si>
    <t>mail.google.com/sync/u/0/i/s?hl=pt-BR&amp;c=6</t>
  </si>
  <si>
    <t>12/17/2019 10:45:56</t>
  </si>
  <si>
    <t>12/17/2019 10:48:20</t>
  </si>
  <si>
    <t>12/17/2019 10:47:01</t>
  </si>
  <si>
    <t>12/17/2019 10:45:52</t>
  </si>
  <si>
    <t>12/17/2019 10:48:10</t>
  </si>
  <si>
    <t>12/17/2019 10:45:02</t>
  </si>
  <si>
    <t>12/17/2019 10:49:20</t>
  </si>
  <si>
    <t>12/17/2019 10:46:02</t>
  </si>
  <si>
    <t>12/17/2019 10:45:18</t>
  </si>
  <si>
    <t>12/17/2019 10:50:20</t>
  </si>
  <si>
    <t>celmars@algartech.com;vilarinho@algartech.com;wayneroa@algartech.com;</t>
  </si>
  <si>
    <t>C:\Users\akassiablc.ACS\Downloads\RAO 12-2019 v2.pptx\</t>
  </si>
  <si>
    <t>celmars@algartech.com,vilarinho@algartech.com,wayneroa@algartech.com</t>
  </si>
  <si>
    <t>12/17/2019 10:47:57</t>
  </si>
  <si>
    <t>12/17/2019 10:51:19</t>
  </si>
  <si>
    <t>2ee72b9b-3376-40b1-b5bc-bd9a998f332e.tmp</t>
  </si>
  <si>
    <t>\\acsfs\profiles$\leticiala\Downloads\2ee72b9b-3376-40b1-b5bc-bd9a998f332e.tmp</t>
  </si>
  <si>
    <t>12/17/2019 10:48:41</t>
  </si>
  <si>
    <t>91682b8e-a0b6-4772-a6ca-9178a6e5e2e8.tmp</t>
  </si>
  <si>
    <t>\\acsfs\profiles$\leticiala\Downloads\91682b8e-a0b6-4772-a6ca-9178a6e5e2e8.tmp</t>
  </si>
  <si>
    <t>12/17/2019 10:48:31</t>
  </si>
  <si>
    <t>brunacvr</t>
  </si>
  <si>
    <t>12/17/2019 10:47:47</t>
  </si>
  <si>
    <t>12/17/2019 10:52:20</t>
  </si>
  <si>
    <t>lu1672411orqi.tmp</t>
  </si>
  <si>
    <t>\\acsfs\profiles$\VIVIANALDS\My Documents\lu1672411orqi.tmp</t>
  </si>
  <si>
    <t>\\acsfs\profiles$\VIVIANALDS\My Documents\lu1672411orqi.tmp\</t>
  </si>
  <si>
    <t>\\acsfs\profiles$\VIVIANALDS\My Documents\lu1672411orqi.tmp\META-INF\</t>
  </si>
  <si>
    <t>\\acsfs\profiles$\VIVIANALDS\My Documents\lu1672411orqi.tmp\Thumbnails\</t>
  </si>
  <si>
    <t>12/17/2019 10:50:26</t>
  </si>
  <si>
    <t>lu1672411orqm.tmp</t>
  </si>
  <si>
    <t>\\acsfs\profiles$\VIVIANALDS\My Documents\lu1672411orqm.tmp</t>
  </si>
  <si>
    <t>\\acsfs\profiles$\VIVIANALDS\My Documents\lu1672411orqm.tmp\</t>
  </si>
  <si>
    <t>\\acsfs\profiles$\VIVIANALDS\My Documents\lu1672411orqm.tmp\META-INF\</t>
  </si>
  <si>
    <t>\\acsfs\profiles$\VIVIANALDS\My Documents\lu1672411orqm.tmp\Thumbnails\</t>
  </si>
  <si>
    <t>12/17/2019 10:51:02</t>
  </si>
  <si>
    <t>12/17/2019 10:54:20</t>
  </si>
  <si>
    <t>12/17/2019 10:52:02</t>
  </si>
  <si>
    <t>12/17/2019 10:52:10</t>
  </si>
  <si>
    <t>\\acsfs\DEPTOS\Operacao\Banco_Votorantim\Supervisao\SUPERS BV CARTÕES\ADILSON\Medidas Disciplinares\</t>
  </si>
  <si>
    <t>Formulário - Feedback Registrado Thyago Impr.doc</t>
  </si>
  <si>
    <t>\\acsfs\DEPTOS\Operacao\Banco_Votorantim\Supervisao\SUPERS BV CARTÕES\ADILSON\Medidas Disciplinares\Formulário - Feedback Registrado Thyago Impr.doc</t>
  </si>
  <si>
    <t>12/17/2019 10:53:25</t>
  </si>
  <si>
    <t>Formulário - Feedback Registrado Wender Impr.doc</t>
  </si>
  <si>
    <t>\\acsfs\DEPTOS\Operacao\Banco_Votorantim\Supervisao\SUPERS BV CARTÕES\ADILSON\Medidas Disciplinares\Formulário - Feedback Registrado Wender Impr.doc</t>
  </si>
  <si>
    <t>12/17/2019 10:53:05</t>
  </si>
  <si>
    <t>12/17/2019 10:55:19</t>
  </si>
  <si>
    <t>12/17/2019 10:52:43</t>
  </si>
  <si>
    <t>https://caey.fa.us2.oraclecloud.com/crmui/faces/fusewelcome?_adf.ctrl-state=4xu8u7bx3_5</t>
  </si>
  <si>
    <t>207414 - NETFLIX SAC 24 Plan Precificacao C018 B018 rev7.xlsb</t>
  </si>
  <si>
    <t>\\acsfs\deptos\CAS - Coordenação de Arquitetura de Soluções\Projetos\2019\NetFlix\207414 - NETFLIX - SAC\Preço\207414 - NETFLIX SAC 24 Plan Precificacao C018 B018 rev7.xlsb\</t>
  </si>
  <si>
    <t>12/17/2019 10:54:04</t>
  </si>
  <si>
    <t>\\acsfs\deptos\CAS - Coordenação de Arquitetura de Soluções\Projetos\2019\NetFlix\207414 - NETFLIX - SAC\Proposta\207414 - Apresentacao Netflix Final vs Port.pptx\</t>
  </si>
  <si>
    <t>12/17/2019 10:51:40</t>
  </si>
  <si>
    <t>12/17/2019 10:56:19</t>
  </si>
  <si>
    <t>12/17/2019 10:51:42</t>
  </si>
  <si>
    <t>kesiadof@algartech.com;</t>
  </si>
  <si>
    <t>12/17/2019 10:51:45</t>
  </si>
  <si>
    <t>12/17/2019 10:52:46</t>
  </si>
  <si>
    <t>12/17/2019 10:52:48</t>
  </si>
  <si>
    <t>12/17/2019 10:55:10</t>
  </si>
  <si>
    <t>12/17/2019 10:58:21</t>
  </si>
  <si>
    <t>12/17/2019 10:54:54</t>
  </si>
  <si>
    <t>\\acsfs\profiles$\cassianogc\Contacts\</t>
  </si>
  <si>
    <t>CASSIANO GALVAO CUNHA (20).contact</t>
  </si>
  <si>
    <t>\\acsfs\profiles$\cassianogc\Contacts\CASSIANO GALVAO CUNHA (20).contact</t>
  </si>
  <si>
    <t>12/17/2019 10:55:15</t>
  </si>
  <si>
    <t>\\acsfs\profiles$\cassianogc\My Documents\My Videos\</t>
  </si>
  <si>
    <t>\\acsfs\profiles$\cassianogc\My Documents\My Videos\desktop.ini</t>
  </si>
  <si>
    <t>12/17/2019 10:55:16</t>
  </si>
  <si>
    <t>12/17/2019 10:55:17</t>
  </si>
  <si>
    <t>\\acsfs\profiles$\cassianogc\My Documents\My Pictures\</t>
  </si>
  <si>
    <t>\\acsfs\profiles$\cassianogc\My Documents\My Pictures\desktop.ini</t>
  </si>
  <si>
    <t>12/17/2019 10:55:18</t>
  </si>
  <si>
    <t>\\acsfs\profiles$\cassianogc\Contacts\desktop.ini</t>
  </si>
  <si>
    <t>12/17/2019 10:55:20</t>
  </si>
  <si>
    <t>\\acsfs\profiles$\cassianogc\Favorites\</t>
  </si>
  <si>
    <t>\\acsfs\profiles$\cassianogc\Favorites\desktop.ini</t>
  </si>
  <si>
    <t>12/17/2019 10:55:21</t>
  </si>
  <si>
    <t>\\acsfs\profiles$\cassianogc\My Documents\My Music\</t>
  </si>
  <si>
    <t>\\acsfs\profiles$\cassianogc\My Documents\My Music\desktop.ini</t>
  </si>
  <si>
    <t>12/17/2019 10:55:22</t>
  </si>
  <si>
    <t>\\acsfs\profiles$\cassianogc\Searches\</t>
  </si>
  <si>
    <t>\\acsfs\profiles$\cassianogc\Searches\desktop.ini</t>
  </si>
  <si>
    <t>12/17/2019 10:55:23</t>
  </si>
  <si>
    <t>\\acsfs\profiles$\cassianogc\Downloads\</t>
  </si>
  <si>
    <t>\\acsfs\profiles$\cassianogc\Downloads\desktop.ini</t>
  </si>
  <si>
    <t>12/17/2019 10:55:24</t>
  </si>
  <si>
    <t>\\acsfs\profiles$\cassianogc\My Documents\desktop.ini</t>
  </si>
  <si>
    <t>12/17/2019 10:55:25</t>
  </si>
  <si>
    <t>12/17/2019 10:55:26</t>
  </si>
  <si>
    <t>\\acsfs\profiles$\cassianogc\Saved Games\</t>
  </si>
  <si>
    <t>\\acsfs\profiles$\cassianogc\Saved Games\desktop.ini</t>
  </si>
  <si>
    <t>12/17/2019 10:56:12</t>
  </si>
  <si>
    <t>\\acsfs\profiles$\cassianogc\Favorites\Links for Brasil\</t>
  </si>
  <si>
    <t>\\acsfs\profiles$\cassianogc\Favorites\Links for Brasil\desktop.ini</t>
  </si>
  <si>
    <t>12/17/2019 10:56:13</t>
  </si>
  <si>
    <t>\\acsfs\profiles$\cassianogc\Favorites\Links for Brasil\Microsoft Brasil.url</t>
  </si>
  <si>
    <t>\\acsfs\profiles$\cassianogc\Favorites\Links for Brasil\Windows Brasil.url</t>
  </si>
  <si>
    <t>12/17/2019 10:56:14</t>
  </si>
  <si>
    <t>\\acsfs\profiles$\cassianogc\Favorites\Links for Brasil\MSN Brasil.url</t>
  </si>
  <si>
    <t>12/17/2019 10:56:15</t>
  </si>
  <si>
    <t>12/17/2019 10:57:02</t>
  </si>
  <si>
    <t>12/17/2019 10:59:20</t>
  </si>
  <si>
    <t>12/17/2019 10:58:02</t>
  </si>
  <si>
    <t>12/17/2019 10:58:11</t>
  </si>
  <si>
    <t>\\acsfs\deptos\operacao\banco_votorantim\supervisao\supers bv cartÕes\adilson\medidas disciplinares\</t>
  </si>
  <si>
    <t>formulário - feedback registrado wender impr.doc</t>
  </si>
  <si>
    <t>12/17/2019 10:55:04</t>
  </si>
  <si>
    <t>12/17/2019 11:00:20</t>
  </si>
  <si>
    <t>lu1803211wy1p.tmp</t>
  </si>
  <si>
    <t>\\acsfs\profiles$\dhiulliananads\My Documents\lu1803211wy1p.tmp</t>
  </si>
  <si>
    <t>\\acsfs\profiles$\dhiulliananads\My Documents\lu1803211wy1p.tmp\</t>
  </si>
  <si>
    <t>\\acsfs\profiles$\dhiulliananads\My Documents\lu1803211wy1p.tmp\META-INF\</t>
  </si>
  <si>
    <t>\\acsfs\profiles$\dhiulliananads\My Documents\lu1803211wy1p.tmp\Thumbnails\</t>
  </si>
  <si>
    <t>12/17/2019 10:57:00</t>
  </si>
  <si>
    <t>12/17/2019 11:00:08</t>
  </si>
  <si>
    <t>12/17/2019 11:01:20</t>
  </si>
  <si>
    <t>7f5fe464-c267-4aaf-9809-5aecb238ed25.tmp</t>
  </si>
  <si>
    <t>\\acsfs\profiles$\deborahsi\Downloads\7f5fe464-c267-4aaf-9809-5aecb238ed25.tmp</t>
  </si>
  <si>
    <t>12/17/2019 10:57:21</t>
  </si>
  <si>
    <t>12/17/2019 11:02:21</t>
  </si>
  <si>
    <t>79c58cdb-8ca6-4f3f-af2e-436c745f70a5.tmp</t>
  </si>
  <si>
    <t>\\acsfs\profiles$\larissaad\Downloads\79c58cdb-8ca6-4f3f-af2e-436c745f70a5.tmp</t>
  </si>
  <si>
    <t>12/17/2019 11:01:35</t>
  </si>
  <si>
    <t>12/17/2019 11:03:21</t>
  </si>
  <si>
    <t>C:\Users\gabrielbc\Desktop\Planilhas e analises solicitadas\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' in parents&amp;fields=kind,ccinqomgllzj?opendrive=false&amp;reason=102&amp;synctype=0&amp;errorrecovery=false&amp;fields=kind,containsunsubscribed,containsunsubscribedchil,containsunsubscribedchildren,contentrestrictions(readonly),copyable,createddate,displayname,domain,emailaddress,explicitlytrashed,fileextension,filesize,flaggedforabuse,foldercolor,folderfeatures,hasaugmentedpermissions,haschildfolders,hasthumbnail,hasvisitorpermissions,hidden,id,id),id)�,inqomgllzj' in parents&amp;fields=kind,inqomgllzj?opendrive=false&amp;reason=102&amp;synctype=0&amp;errorrecovery=false&amp;fields=kind,items(kind,labels(starred,lastmodifyinguser(kind,lastviewedbymedate,mimetype,modifiedbymedate,modifieddate,nextpagetoken,ontainsunsubscribedchi</t>
  </si>
  <si>
    <t>12/17/2019 11:01:36</t>
  </si>
  <si>
    <t>C:\Users\gabrielbc\Desktop\Indicadores a trabalhar\</t>
  </si>
  <si>
    <t>12/17/2019 11:02:24</t>
  </si>
  <si>
    <t>12/17/2019 11:02:54</t>
  </si>
  <si>
    <t>12/17/2019 11:03:02</t>
  </si>
  <si>
    <t>12/17/2019 11:04:21</t>
  </si>
  <si>
    <t>12/17/2019 10:59:18</t>
  </si>
  <si>
    <t>12/17/2019 11:00:12</t>
  </si>
  <si>
    <t>12/17/2019 11:00:28</t>
  </si>
  <si>
    <t>formulário - feedback registrado thyago impr.doc</t>
  </si>
  <si>
    <t>12/17/2019 11:04:54</t>
  </si>
  <si>
    <t>12/17/2019 11:06:21</t>
  </si>
  <si>
    <t>7db0d767-7b1b-4db9-be84-6bd6942d1340.tmp</t>
  </si>
  <si>
    <t>\\acsfs\profiles$\gabrielafs\Downloads\7db0d767-7b1b-4db9-be84-6bd6942d1340.tmp</t>
  </si>
  <si>
    <t>12/17/2019 11:03:17</t>
  </si>
  <si>
    <t>12/17/2019 11:08:21</t>
  </si>
  <si>
    <t>12/17/2019 11:03:24</t>
  </si>
  <si>
    <t>12/17/2019 11:03:54</t>
  </si>
  <si>
    <t>12/17/2019 11:06:54</t>
  </si>
  <si>
    <t>12/17/2019 11:06:22</t>
  </si>
  <si>
    <t>C:\Users\karinars\Downloads\</t>
  </si>
  <si>
    <t>12/17/2019 11:04:02</t>
  </si>
  <si>
    <t>12/17/2019 11:09:21</t>
  </si>
  <si>
    <t>12/17/2019 11:08:28</t>
  </si>
  <si>
    <t>12/17/2019 11:11:21</t>
  </si>
  <si>
    <t>12/17/2019 11:11:18</t>
  </si>
  <si>
    <t>12/17/2019 11:13:21</t>
  </si>
  <si>
    <t>085e4300248b484b84d5cbac428cc112.xls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"}]},containsunsubscribedchildren,contentrestrictions(readonly),copyable,createddate,displayname,domain,emailaddress,explicitlytrashed,fileextension,filesize,flaggedforabuse,foldercolor,folderfeatures,hasaugmentedpermissions,haschildfolders,hasthumbnail,hidden,id,id),inqomgllzj"}]},labels(starred,lastmodifyinguser(kind,lastviewedbymedate,mimetype,modifiedbymedate,ontainsunsubscribedchildren,organizationdisplayname,owners(kind,parents(id),passivelysubscribed,permissionid,picture,primarydomainname,primarysyncparentid,quotabytesused,recency,recencyreason,restricted,rpermissions,shareable,shared,sharedwithmedate,sharinguser(kind,shortcutdetails(targetid,sourceappid,spaces,subscribed,targetfile),tar</t>
  </si>
  <si>
    <t>49f384c20bcb4e74b7887df69a305c7a.xls</t>
  </si>
  <si>
    <t>12/17/2019 11:11:27</t>
  </si>
  <si>
    <t>6ca5fecd2dbf406a8e4e353dd845754e.xls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"}]},containsunsubscribedchildren,contentrestrictions(readonly),copyable,createddate,displayname,domain,emailaddress,explicitlytrashed,file(kind,fileextension,fileid,filesize,flaggedforabuse,foldercolor,folderfeatures,hasaugmentedpermissions,haschildfolders,hasthumbnail,hasvisitorpermissions,hidden,id,id),inqomgllzj"}]},items(deleted,ken,kind,labels(starred,lastmodifyinguser(kind,lastviewedbymedate,mimetype,modifiedbymedate,modifieddate,ontainsunsubscribedchildren,organizationdisplayname,owners(kind,parents(id),passivelysubscribed,per,permissionid,picture,primarydomainname,primarysyncparentid,quotabytesused,recency,recencyreason,restricted,rpermissions,shareable,shared,sharedwithmedate,sharingu</t>
  </si>
  <si>
    <t>12/17/2019 11:11:31</t>
  </si>
  <si>
    <t>9598da5abb664764aca16e3322fe33f6.xls</t>
  </si>
  <si>
    <t>12/17/2019 11:11:44</t>
  </si>
  <si>
    <t>a15234a4-8f86-4a6d-a680-6860acca070b.xlsx</t>
  </si>
  <si>
    <t>12/17/2019 11:11:49</t>
  </si>
  <si>
    <t>actionitems,ance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"}]},containsunsubscribedchildren,contentrestrictions(readonly),copyable,createddate,displayname,domain,emailaddress,explicitlytrashed,file(kind,fileextension,fileid,filesize,flaggedforabuse,foldercolor,folderfeatures,hasaugmentedpermissions,haschildfolders,hasthumbnail,hasvisitorpermissions,hidden,id,id),inqomgllzj"}]},items(deleted,ken,kind,labels(starred,lastmodifyinguser(kind,lastviewedbymedate,mimetype,modifiedbymedate,modifieddate,ontainsunsubscribedchildren,organizationdisplayname,owners(kind,parents(id),passivelysubscribed,per,permissionid,pict,picture,primarydomainname,primarysyncparentid,quotabytesused,recency,recencyreason,restricted,rpermissions,shareable,shared,sharedwithmeda</t>
  </si>
  <si>
    <t>12/17/2019 11:11:53</t>
  </si>
  <si>
    <t>Caixa - Outubro.xls</t>
  </si>
  <si>
    <t>12/17/2019 11:13:01</t>
  </si>
  <si>
    <t>Relat_TrilhasEOuProcedimentosConteudosGerais_AlgarTech_20190925__592801_Formação Potencial Supervisores - GRC.xlsx</t>
  </si>
  <si>
    <t>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7/2019 11:13:02</t>
  </si>
  <si>
    <t>Relat_TrilhasEOuProcedimentosConteudosGerais_AlgarTech_20190916__628677_Jeito Tech de Gestão - Supervisores.xlsx</t>
  </si>
  <si>
    <t>12/17/2019 11:08:25</t>
  </si>
  <si>
    <t>12/17/2019 11:08:55</t>
  </si>
  <si>
    <t>12/17/2019 11:09:25</t>
  </si>
  <si>
    <t>12/17/2019 11:09:55</t>
  </si>
  <si>
    <t>https://udpmailboxap01.acs.com.br:8443/h/search;jsessionid=kvsnyf91gs8q1ad8nvnibsqaq?si=0&amp;so=0&amp;sc=46075&amp;st=conversation&amp;action=compose</t>
  </si>
  <si>
    <t>12/17/2019 11:09:02</t>
  </si>
  <si>
    <t>12/17/2019 11:14:21</t>
  </si>
  <si>
    <t>12/17/2019 11:10:02</t>
  </si>
  <si>
    <t>12/17/2019 11:13:53</t>
  </si>
  <si>
    <t>12/17/2019 11:12:25</t>
  </si>
  <si>
    <t>12/17/2019 11:15:22</t>
  </si>
  <si>
    <t>celmars@algartech.com;vanessasara@algartech.com;vilarinho@algartech.com;wayneroa@algartech.com;</t>
  </si>
  <si>
    <t>celmars@algartech.com,vanessasara@algartech.com,vilarinho@algartech.com,wayneroa@algartech.com</t>
  </si>
  <si>
    <t>12/17/2019 11:12:26</t>
  </si>
  <si>
    <t>12/17/2019 11:15:20</t>
  </si>
  <si>
    <t>12/17/2019 11:16:21</t>
  </si>
  <si>
    <t>12/17/2019 11:14:06</t>
  </si>
  <si>
    <t>a327dfd5-623b-49ca-888d-0da9154d2bd2.tmp</t>
  </si>
  <si>
    <t>\\acsfs\profiles$\nathaliadf\Downloads\a327dfd5-623b-49ca-888d-0da9154d2bd2.tmp</t>
  </si>
  <si>
    <t>12/17/2019 11:15:39</t>
  </si>
  <si>
    <t>12/17/2019 11:17:21</t>
  </si>
  <si>
    <t>871b2793-daab-427b-9d89-13d8943b11af.tmp</t>
  </si>
  <si>
    <t>\\acsfs\profiles$\PEDROHAB\Downloads\871b2793-daab-427b-9d89-13d8943b11af.tmp</t>
  </si>
  <si>
    <t>12/17/2019 11:18:21</t>
  </si>
  <si>
    <t>Relat_TrilhasEOuProcedimentosConteudosGerais_AlgarTech_20190925__593746_#SouAlgar 2019.xlsx</t>
  </si>
  <si>
    <t>12/17/2019 11:13:36</t>
  </si>
  <si>
    <t>Relat_TrilhasEOuProcedimentosConteudosGerais_AlgarTech_20190925__630742_Formação Inicial Python.xlsx</t>
  </si>
  <si>
    <t>Relat_TrilhasEOuProcedimentosConteudosGerais_AlgarTech_20190925__630837_Métodos Ageis.xlsx</t>
  </si>
  <si>
    <t>12/17/2019 11:13:47</t>
  </si>
  <si>
    <t>Relat_TrilhasEOuProcedimentosConteudosGerais_AlgarTech_20190925__630920_Tutorial para criação de smartconteudos (1).xlsx</t>
  </si>
  <si>
    <t>12/17/2019 11:13:56</t>
  </si>
  <si>
    <t>Relat_TrilhasEOuProcedimentosConteudosGerais_AlgarTech_20190930__639205_Jeito Tech de Gestão - Coordenadores.xlsx</t>
  </si>
  <si>
    <t>12/17/2019 11:14:10</t>
  </si>
  <si>
    <t>Relat_TrilhasEOuProcedimentosConteudosGerais_AlgarTech_20191001__593113_#SouAlgar.xlsx</t>
  </si>
  <si>
    <t>12/17/2019 11:14:14</t>
  </si>
  <si>
    <t>Relat_TrilhasEOuProcedimentosConteudosGerais_AlgarTech_20191001__628677_Jeito Tech de Gestão - Supervisores (1).xlsx</t>
  </si>
  <si>
    <t>Relat_TrilhasEOuProcedimentosConteudosGerais_AlgarTech_20191001__630837_Métodos Ageis.xlsx</t>
  </si>
  <si>
    <t>12/17/2019 11:14:32</t>
  </si>
  <si>
    <t>Relat_TrilhasEOuProcedimentosConteudosGerais_AlgarTech_20191001__630915_UX - User Experience.xlsx</t>
  </si>
  <si>
    <t>12/17/2019 11:14:37</t>
  </si>
  <si>
    <t>Relat_TrilhasEOuProcedimentosConteudosGerais_AlgarTech_20191008__628677_Jeito Tech de Gestão - Supervisores.xlsx</t>
  </si>
  <si>
    <t>12/17/2019 11:14:52</t>
  </si>
  <si>
    <t>Relat_TrilhasEOuProcedimentosConteudosGerais_AlgarTech_20191004__639451_Jeito Tech de Gestão - Gerentes.xlsx</t>
  </si>
  <si>
    <t>12/17/2019 11:14:54</t>
  </si>
  <si>
    <t>Relat_TrilhasEOuProcedimentosConteudosGerais_AlgarTech_20191008__629665_Python Presencial.xlsx</t>
  </si>
  <si>
    <t>12/17/2019 11:15:02</t>
  </si>
  <si>
    <t>Relat_TrilhasEOuProcedimentosConteudosGerais_AlgarTech_20191010__639205_Jeito Tech de Gestão - Coordenadores (1).xlsx</t>
  </si>
  <si>
    <t>12/17/2019 11:15:13</t>
  </si>
  <si>
    <t>Relat_TrilhasEOuProcedimentosConteudosGerais_AlgarTech_20191011__629665_Python Presencial.xlsx</t>
  </si>
  <si>
    <t>Relat_TrilhasEOuProcedimentosConteudosGerais_AlgarTech_20191014__639451_Jeito Tech de Gestão - Gerentes.xlsx</t>
  </si>
  <si>
    <t>12/17/2019 11:15:34</t>
  </si>
  <si>
    <t>Relat_TrilhasEOuProcedimentosConteudosGerais_AlgarTech_20191014__639205_Jeito Tech de Gestão - Coordenadores.xlsx</t>
  </si>
  <si>
    <t>Relat_TrilhasEOuProcedimentosConteudosGerais_AlgarTech_20191016__630915_UX - User Experience.xlsx</t>
  </si>
  <si>
    <t>12/17/2019 11:15:49</t>
  </si>
  <si>
    <t>Relat_TrilhasEOuProcedimentosConteudosGerais_AlgarTech_20191017__628677_Jeito Tech de Gestão - Supervisores.xlsx</t>
  </si>
  <si>
    <t>12/17/2019 11:16:07</t>
  </si>
  <si>
    <t>Relat_TrilhasEOuProcedimentosConteudosGerais_AlgarTech_20191022__628677_Jeito Tech de Gestão - Supervisores.xlsx</t>
  </si>
  <si>
    <t>12/17/2019 11:16:16</t>
  </si>
  <si>
    <t>Relat_TrilhasEOuProcedimentosConteudosGerais_AlgarTech_20191022__639205_Jeito Tech de Gestão - Coordenadores.xlsx</t>
  </si>
  <si>
    <t>12/17/2019 11:16:17</t>
  </si>
  <si>
    <t>Relat_TrilhasEOuProcedimentosConteudosGerais_AlgarTech_20191022__639451_Jeito Tech de Gestão - Gerentes.xlsx</t>
  </si>
  <si>
    <t>12/17/2019 11:16:41</t>
  </si>
  <si>
    <t>Relat_TrilhasEOuProcedimentosConteudosGerais_AlgarTech_20191024__593113_#SouAlgar.xlsx</t>
  </si>
  <si>
    <t>12/17/2019 11:16:53</t>
  </si>
  <si>
    <t>Relat_TrilhasEOuProcedimentosConteudosGerais_AlgarTech_20191024__639205_Jeito Tech de Gestão - Coordenadores.xlsx</t>
  </si>
  <si>
    <t>12/17/2019 11:16:59</t>
  </si>
  <si>
    <t>Relat_TrilhasEOuProcedimentosConteudosGerais_AlgarTech_20191024__628677_Jeito Tech de Gestão - Supervisores.xlsx</t>
  </si>
  <si>
    <t>12/17/2019 11:17:17</t>
  </si>
  <si>
    <t>Relat_TrilhasEOuProcedimentosConteudosGerais_AlgarTech_20191025__628677_Jeito Tech de Gestão - Supervisores.xlsx</t>
  </si>
  <si>
    <t>12/17/2019 11:17:25</t>
  </si>
  <si>
    <t>Relat_TrilhasEOuProcedimentosConteudosGerais_AlgarTech_20191029__628677_Jeito Tech de Gestão - Supervisores.xlsx</t>
  </si>
  <si>
    <t>12/17/2019 11:17:49</t>
  </si>
  <si>
    <t>Relat_TrilhasEOuProcedimentosConteudosGerais_AlgarTech_20191028__629729_#SouAlgar Operações.xlsx</t>
  </si>
  <si>
    <t>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,permissionid,picture,shared,sharedwithmedate,thumbnailversion,title,userpermission(role),workspaceids</t>
  </si>
  <si>
    <t>12/17/2019 11:13:31</t>
  </si>
  <si>
    <t>12/17/2019 11:14:01</t>
  </si>
  <si>
    <t>12/17/2019 11:14:31</t>
  </si>
  <si>
    <t>12/17/2019 11:15:01</t>
  </si>
  <si>
    <t>12/17/2019 11:17:31</t>
  </si>
  <si>
    <t>202bff76-c763-47a7-b6e0-1401fd629bdb.tmp</t>
  </si>
  <si>
    <t>\\acsfs\profiles$\geovannasm\Downloads\202bff76-c763-47a7-b6e0-1401fd629bdb.tmp</t>
  </si>
  <si>
    <t>12/17/2019 11:19:22</t>
  </si>
  <si>
    <t>12/17/2019 11:16:02</t>
  </si>
  <si>
    <t>12/17/2019 11:17:11</t>
  </si>
  <si>
    <t>mail.google.com/_/upload?authuser=2&amp;dcp=asu-n&amp;upload_id=AEnB2UpixeIas17K4KBI-3S4In315p9hPB7I_sGhRgaqxSm9T9qxigAz5YgbzvCPEOdoXU_H_4K6jbtx0bo_nHKDFXMgzJQrFuLgu0gw0hA6hyIWemYLzvw&amp;upload_protocol=resumable</t>
  </si>
  <si>
    <t>Template horas Projeto Fraude.xlsx</t>
  </si>
  <si>
    <t>12/17/2019 11:18:46</t>
  </si>
  <si>
    <t>12/17/2019 11:21:20</t>
  </si>
  <si>
    <t>6a3baab9-e8e1-422f-bc87-3193ebd4b887.tmp</t>
  </si>
  <si>
    <t>\\acsfs\profiles$\gabrielafs\Downloads\6a3baab9-e8e1-422f-bc87-3193ebd4b887.tmp</t>
  </si>
  <si>
    <t>12/17/2019 11:20:23</t>
  </si>
  <si>
    <t>12/17/2019 11:22:21</t>
  </si>
  <si>
    <t>0f7304eb-fb8a-4dda-bc94-19a12fd523b7.tmp</t>
  </si>
  <si>
    <t>\\acsfs\profiles$\vivianalds\Downloads\0f7304eb-fb8a-4dda-bc94-19a12fd523b7.tmp</t>
  </si>
  <si>
    <t>12/17/2019 11:20:22</t>
  </si>
  <si>
    <t>12/17/2019 11:23:20</t>
  </si>
  <si>
    <t>\\acsfs\DEPTOS\Controladoria\Planejamento\Reuniao Gerencial\2020\PROJETO CNPJ\OFICIAL\CARGA_HFM\</t>
  </si>
  <si>
    <t>Resumo eliminações Tech.xlsx</t>
  </si>
  <si>
    <t>12/17/2019 11:18:31</t>
  </si>
  <si>
    <t>12/17/2019 11:19:01</t>
  </si>
  <si>
    <t>12/17/2019 11:19:32</t>
  </si>
  <si>
    <t>12/17/2019 11:20:01</t>
  </si>
  <si>
    <t>12/17/2019 11:20:31</t>
  </si>
  <si>
    <t>12/17/2019 11:19:56</t>
  </si>
  <si>
    <t>991987c0-4bca-41b5-869b-e75ea05b8ea4.tmp</t>
  </si>
  <si>
    <t>\\acsfs\profiles$\ERICALSR\Downloads\991987c0-4bca-41b5-869b-e75ea05b8ea4.tmp</t>
  </si>
  <si>
    <t>12/17/2019 11:19:46</t>
  </si>
  <si>
    <t>12/17/2019 11:24:21</t>
  </si>
  <si>
    <t>12/17/2019 11:21:03</t>
  </si>
  <si>
    <t>12/17/2019 11:22:03</t>
  </si>
  <si>
    <t>12/17/2019 11:22:39</t>
  </si>
  <si>
    <t>12/17/2019 11:25:20</t>
  </si>
  <si>
    <t>invite.ics.pvinnkk.partial</t>
  </si>
  <si>
    <t>\\acsfs\profiles$\monicargds\Downloads\invite.ics.pvinnkk.partial</t>
  </si>
  <si>
    <t>12/17/2019 11:24:17</t>
  </si>
  <si>
    <t>\\acsfs\DEPTOS\Operacao\Banco_Votorantim\Qualidade\Paulo\Ligações\</t>
  </si>
  <si>
    <t>43fa74d2-35ec-4ed6-8eb8-8362b998cfa1.tmp</t>
  </si>
  <si>
    <t>\\acsfs\DEPTOS\Operacao\Banco_Votorantim\Qualidade\Paulo\Ligações\43fa74d2-35ec-4ed6-8eb8-8362b998cfa1.tmp</t>
  </si>
  <si>
    <t>12/17/2019 11:23:44</t>
  </si>
  <si>
    <t>12/17/2019 11:26:21</t>
  </si>
  <si>
    <t>5e4012f0-aaff-42a2-abd1-2a83a069df94.tmp</t>
  </si>
  <si>
    <t>\\acsfs\profiles$\raicabog\Downloads\5e4012f0-aaff-42a2-abd1-2a83a069df94.tmp</t>
  </si>
  <si>
    <t>12/17/2019 11:24:50</t>
  </si>
  <si>
    <t>dcffd63f-cdfc-4c04-a74c-40958c370085.tmp</t>
  </si>
  <si>
    <t>\\acsfs\profiles$\valeriasda\Downloads\dcffd63f-cdfc-4c04-a74c-40958c370085.tmp</t>
  </si>
  <si>
    <t>12/17/2019 11:25:04</t>
  </si>
  <si>
    <t>7463866c-64bc-4ca7-b030-859c3976b4f5.tmp</t>
  </si>
  <si>
    <t>\\acsfs\profiles$\valeriasda\Downloads\7463866c-64bc-4ca7-b030-859c3976b4f5.tmp</t>
  </si>
  <si>
    <t>12/17/2019 11:25:14</t>
  </si>
  <si>
    <t>e923d7c4-8f40-4265-b2ff-e2da5cbd749e.tmp</t>
  </si>
  <si>
    <t>\\acsfs\profiles$\valeriasda\Downloads\e923d7c4-8f40-4265-b2ff-e2da5cbd749e.tmp</t>
  </si>
  <si>
    <t>12/17/2019 11:22:50</t>
  </si>
  <si>
    <t>12/17/2019 11:23:33</t>
  </si>
  <si>
    <t>mail.google.com/sync/u/0/i/s?hl=pt-BR&amp;c=152</t>
  </si>
  <si>
    <t>12/17/2019 11:23:50</t>
  </si>
  <si>
    <t>C:\Users\TEMP\Downloads\</t>
  </si>
  <si>
    <t>Reclamação de atendimento - TBVB1515 (Cliente_ Otavio Pereira).eml</t>
  </si>
  <si>
    <t>12/17/2019 11:23:51</t>
  </si>
  <si>
    <t>mail.google.com/sync/u/0/i/s?hl=pt-BR&amp;c=154</t>
  </si>
  <si>
    <t>12/17/2019 11:24:28</t>
  </si>
  <si>
    <t>12/17/2019 11:24:55</t>
  </si>
  <si>
    <t>12/17/2019 11:25:16</t>
  </si>
  <si>
    <t>12/17/2019 11:25:45</t>
  </si>
  <si>
    <t>12/17/2019 11:28:21</t>
  </si>
  <si>
    <t>8d6bb004-9020-4a75-9a0c-1dd9796f3259.tmp</t>
  </si>
  <si>
    <t>\\acsfs\profiles$\cintiadcf\Downloads\8d6bb004-9020-4a75-9a0c-1dd9796f3259.tmp</t>
  </si>
  <si>
    <t>12/17/2019 11:25:31</t>
  </si>
  <si>
    <t>.~lock.Relatorio_17_12_2019.xls#</t>
  </si>
  <si>
    <t>\\acsfs\profiles$\cintiadcf\Downloads\.~lock.Relatorio_17_12_2019.xls#</t>
  </si>
  <si>
    <t>12/17/2019 11:25:49</t>
  </si>
  <si>
    <t>lu747215w1e7.tmp</t>
  </si>
  <si>
    <t>\\acsfs\profiles$\CINTIADCF\lu747215w1e7.tmp</t>
  </si>
  <si>
    <t>\\acsfs\profiles$\CINTIADCF\lu747215w1e7.tmp\</t>
  </si>
  <si>
    <t>\\acsfs\profiles$\CINTIADCF\lu747215w1e7.tmp\META-INF\</t>
  </si>
  <si>
    <t>\\acsfs\profiles$\CINTIADCF\lu747215w1e7.tmp\Thumbnails\</t>
  </si>
  <si>
    <t>12/17/2019 11:24:01</t>
  </si>
  <si>
    <t>12/17/2019 11:24:31</t>
  </si>
  <si>
    <t>12/17/2019 11:26:01</t>
  </si>
  <si>
    <t>12/17/2019 11:27:32</t>
  </si>
  <si>
    <t>12/17/2019 11:27:05</t>
  </si>
  <si>
    <t>4e8cbb43-d4d5-4c3c-8a1d-1366af4bdf29.tmp</t>
  </si>
  <si>
    <t>\\acsfs\profiles$\YASMINSC\Downloads\4e8cbb43-d4d5-4c3c-8a1d-1366af4bdf29.tmp</t>
  </si>
  <si>
    <t>12/17/2019 11:27:03</t>
  </si>
  <si>
    <t>12/17/2019 11:29:21</t>
  </si>
  <si>
    <t>12/17/2019 11:28:03</t>
  </si>
  <si>
    <t>12/17/2019 11:29:50</t>
  </si>
  <si>
    <t>12/17/2019 11:30:21</t>
  </si>
  <si>
    <t>mail.google.com/_/upload?authuser=0&amp;dcp=asu-n&amp;upload_id=AEnB2Uqj8WzOoNAvGw1CaNnbdExPlA8_pGxxW7fj2msIUe1Z4wmu2WX32ChZCKAni4MhVQ8GeIrfXahnWiyzI0m6ZjSF_tOJ7clhN9SBtdG67CyVTFtRjNg&amp;upload_protocol=resumable</t>
  </si>
  <si>
    <t>Cancelamentos 11.2019.xlsx</t>
  </si>
  <si>
    <t>12/17/2019 11:25:39</t>
  </si>
  <si>
    <t>https://udpwfmniceap02/web/guest/home?p_auth=xv8jwz8a&amp;p_p_id=58&amp;p_p_lifecycle=1&amp;p_p_state=maximized&amp;p_p_mode=view&amp;savelastpath=0&amp;_58_struts_action=/login/forgot_password</t>
  </si>
  <si>
    <t>12/17/2019 11:25:44</t>
  </si>
  <si>
    <t>12/17/2019 11:31:20</t>
  </si>
  <si>
    <t>10.200.66.164</t>
  </si>
  <si>
    <t>74-86-7A-FC-CF-4B</t>
  </si>
  <si>
    <t>VOTORANT-ABB008</t>
  </si>
  <si>
    <t>alinegs</t>
  </si>
  <si>
    <t>12/17/2019 11:25:28</t>
  </si>
  <si>
    <t>632ce2a1-300d-465a-8550-34508c750279.tmp</t>
  </si>
  <si>
    <t>\\acsfs\profiles$\raicabog\Downloads\632ce2a1-300d-465a-8550-34508c750279.tmp</t>
  </si>
  <si>
    <t>12/17/2019 11:26:03</t>
  </si>
  <si>
    <t>12/17/2019 11:26:12</t>
  </si>
  <si>
    <t>12/17/2019 11:26:22</t>
  </si>
  <si>
    <t>12/17/2019 11:26:29</t>
  </si>
  <si>
    <t>12/17/2019 11:26:32</t>
  </si>
  <si>
    <t>12/17/2019 11:26:36</t>
  </si>
  <si>
    <t>12/17/2019 11:26:45</t>
  </si>
  <si>
    <t>bianca.boari@dxc.com;bvs-centralcartoes@bv.com.br;fernandorsju@algartech.com;kesiadof@algartech.com;marianeps@algartech.com;talmaiardo@algartech.com;thiagordu@algartech.com;</t>
  </si>
  <si>
    <t>bianca.boari@dxc.com,bvs-centralcartoes@bv.com.br,fernandorsju@algartech.com,kesiadof@algartech.com,marianeps@algartech.com,talmaiardo@algartech.com,thiagordu@algartech.com</t>
  </si>
  <si>
    <t>12/17/2019 11:26:48</t>
  </si>
  <si>
    <t>12/17/2019 11:27:37</t>
  </si>
  <si>
    <t>12/17/2019 11:27:42</t>
  </si>
  <si>
    <t>mail.google.com/sync/u/0/i/s?hl=pt-BR&amp;c=186</t>
  </si>
  <si>
    <t>12/17/2019 11:28:06</t>
  </si>
  <si>
    <t>12/17/2019 11:28:12</t>
  </si>
  <si>
    <t>12/17/2019 11:28:17</t>
  </si>
  <si>
    <t>12/17/2019 11:30:29</t>
  </si>
  <si>
    <t>mail.google.com/sync/u/0/i/s?hl=pt-BR&amp;c=205</t>
  </si>
  <si>
    <t>12/17/2019 11:29:03</t>
  </si>
  <si>
    <t>12/17/2019 11:33:20</t>
  </si>
  <si>
    <t>12/17/2019 11:32:03</t>
  </si>
  <si>
    <t>12/17/2019 11:28:32</t>
  </si>
  <si>
    <t>12/17/2019 11:29:02</t>
  </si>
  <si>
    <t>12/17/2019 11:33:03</t>
  </si>
  <si>
    <t>12/17/2019 11:34:21</t>
  </si>
  <si>
    <t>12/17/2019 11:31:33</t>
  </si>
  <si>
    <t>/o=exchangelabs/ou=exchange administrative group (fydibohf23spdlt)/cn=recipients/cn=8b5b63d67af648d081a40c45cc800804-fabiana per;carla.campisi@bradesco.com.br;ideniraa@algartech.com.br;isabelaaf@algartech.com.br;leonardoamf@algartech.com.br;poliane.amaral@bradesco.com.br;thaismo@algartech.com.br;tiagorpf@algartech.com.br;vanusaos@algartech.com.br;</t>
  </si>
  <si>
    <t>RES: BACKLOG - FILAS DE RETORNO - AÇÃO ALGAR</t>
  </si>
  <si>
    <t>BASE FILAS DE RETORNO - 17122019.xlsx</t>
  </si>
  <si>
    <t>/o=exchangelabs/ou=exchange administrative group (fydibohf23spdlt)/cn=recipients/cn=8b5b63d67af648d081a40c45cc800804-fabiana per,carla.campisi@bradesco.com.br,ideniraa@algartech.com.br,isabelaaf@algartech.com.br,leonardoamf@algartech.com.br,poliane.amaral@bradesco.com.br,thaismo@algartech.com.br,tiagorpf@algartech.com.br,vanusaos@algartech.com.br</t>
  </si>
  <si>
    <t>12/17/2019 11:33:32</t>
  </si>
  <si>
    <t>12/17/2019 11:36:21</t>
  </si>
  <si>
    <t>12/17/2019 11:36:06</t>
  </si>
  <si>
    <t>12/17/2019 11:38:21</t>
  </si>
  <si>
    <t>Lista presença Potenciais.xlsx</t>
  </si>
  <si>
    <t>12/17/2019 11:34:03</t>
  </si>
  <si>
    <t>12/17/2019 11:39:21</t>
  </si>
  <si>
    <t>12/17/2019 11:40:21</t>
  </si>
  <si>
    <t>12/17/2019 11:39:03</t>
  </si>
  <si>
    <t>12/17/2019 11:39:11</t>
  </si>
  <si>
    <t>12/17/2019 11:37:05</t>
  </si>
  <si>
    <t>12/17/2019 11:41:21</t>
  </si>
  <si>
    <t>12/17/2019 11:38:57</t>
  </si>
  <si>
    <t>12/17/2019 11:42:21</t>
  </si>
  <si>
    <t>12/17/2019 11:39:01</t>
  </si>
  <si>
    <t>Melhoria de Consistência de Penetration - Fraude.xlsx</t>
  </si>
  <si>
    <t>12/17/2019 11:39:32</t>
  </si>
  <si>
    <t>12/17/2019 11:43:21</t>
  </si>
  <si>
    <t>12/17/2019 11:40:02</t>
  </si>
  <si>
    <t>12/17/2019 11:39:41</t>
  </si>
  <si>
    <t>253472e0-2baf-4654-8c21-57ff5957bf65.tmp</t>
  </si>
  <si>
    <t>\\acsfs\profiles$\geovannasm\Downloads\253472e0-2baf-4654-8c21-57ff5957bf65.tmp</t>
  </si>
  <si>
    <t>12/17/2019 11:41:00</t>
  </si>
  <si>
    <t>12/17/2019 11:44:21</t>
  </si>
  <si>
    <t>lu114412ybg5.tmp</t>
  </si>
  <si>
    <t>\\acsfs\profiles$\kamillacr\My Documents\lu114412ybg5.tmp</t>
  </si>
  <si>
    <t>\\acsfs\profiles$\kamillacr\My Documents\lu114412ybg5.tmp\</t>
  </si>
  <si>
    <t>\\acsfs\profiles$\kamillacr\My Documents\lu114412ybg5.tmp\META-INF\</t>
  </si>
  <si>
    <t>\\acsfs\profiles$\kamillacr\My Documents\lu114412ybg5.tmp\Thumbnails\</t>
  </si>
  <si>
    <t>12/17/2019 11:40:03</t>
  </si>
  <si>
    <t>12/17/2019 11:39:28</t>
  </si>
  <si>
    <t>12/17/2019 11:45:21</t>
  </si>
  <si>
    <t>12/17/2019 11:42:28</t>
  </si>
  <si>
    <t>12/17/2019 11:41:10</t>
  </si>
  <si>
    <t>12/17/2019 11:46:21</t>
  </si>
  <si>
    <t>f0bf10df-1423-4fcc-8093-b7159d259d48.tmp</t>
  </si>
  <si>
    <t>\\acsfs\profiles$\gabrielafs\Downloads\f0bf10df-1423-4fcc-8093-b7159d259d48.tmp</t>
  </si>
  <si>
    <t>12/17/2019 11:43:32</t>
  </si>
  <si>
    <t>12/17/2019 11:48:21</t>
  </si>
  <si>
    <t>12/17/2019 11:44:02</t>
  </si>
  <si>
    <t>12/17/2019 11:44:32</t>
  </si>
  <si>
    <t>12/17/2019 11:45:33</t>
  </si>
  <si>
    <t>12/17/2019 11:46:03</t>
  </si>
  <si>
    <t>12/17/2019 11:46:33</t>
  </si>
  <si>
    <t>12/17/2019 11:47:03</t>
  </si>
  <si>
    <t>12/17/2019 11:47:33</t>
  </si>
  <si>
    <t>12/17/2019 11:43:59</t>
  </si>
  <si>
    <t>12/17/2019 11:49:21</t>
  </si>
  <si>
    <t>12/17/2019 11:45:03</t>
  </si>
  <si>
    <t>12/17/2019 11:50:21</t>
  </si>
  <si>
    <t>12/17/2019 11:45:07</t>
  </si>
  <si>
    <t>12/17/2019 11:48:02</t>
  </si>
  <si>
    <t>\\acsfs\deptos\CAS - Coordenação de Arquitetura de Soluções\Projetos\2019\NetFlix\207414 - NETFLIX - SAC\Proposta\Apresentacao Netflix Final vs Ing.pptx\</t>
  </si>
  <si>
    <t>12/17/2019 11:47:36</t>
  </si>
  <si>
    <t>33d3bf10-396d-4d75-adb6-73cef5cd73e5.tmp</t>
  </si>
  <si>
    <t>\\acsfs\profiles$\paulovadc\Downloads\33d3bf10-396d-4d75-adb6-73cef5cd73e5.tmp</t>
  </si>
  <si>
    <t>12/17/2019 11:52:03</t>
  </si>
  <si>
    <t>12/17/2019 11:53:21</t>
  </si>
  <si>
    <t>12/17/2019 11:52:33</t>
  </si>
  <si>
    <t>12/17/2019 11:53:03</t>
  </si>
  <si>
    <t>12/17/2019 11:51:03</t>
  </si>
  <si>
    <t>12/17/2019 11:54:21</t>
  </si>
  <si>
    <t>12/17/2019 11:55:21</t>
  </si>
  <si>
    <t>12/17/2019 11:54:50</t>
  </si>
  <si>
    <t>12/17/2019 11:56:21</t>
  </si>
  <si>
    <t>12/17/2019 11:56:15</t>
  </si>
  <si>
    <t>12/17/2019 11:58:21</t>
  </si>
  <si>
    <t>064fe732-8759-44b9-afa2-d93bc8625c06.tmp</t>
  </si>
  <si>
    <t>\\acsfs\profiles$\luanarda\Downloads\064fe732-8759-44b9-afa2-d93bc8625c06.tmp</t>
  </si>
  <si>
    <t>12/17/2019 11:53:33</t>
  </si>
  <si>
    <t>12/17/2019 11:54:03</t>
  </si>
  <si>
    <t>12/17/2019 11:55:37</t>
  </si>
  <si>
    <t>https://udpmailboxap01.acs.com.br:8443/h/search?si=12&amp;so=0&amp;sc=46186&amp;st=conversation&amp;action=compose&amp;paction=paneview</t>
  </si>
  <si>
    <t>12/17/2019 11:56:07</t>
  </si>
  <si>
    <t>12/17/2019 11:56:37</t>
  </si>
  <si>
    <t>12/17/2019 11:57:07</t>
  </si>
  <si>
    <t>12/17/2019 11:57:37</t>
  </si>
  <si>
    <t>12/17/2019 11:58:07</t>
  </si>
  <si>
    <t>joaopsan@algartech.com;</t>
  </si>
  <si>
    <t>https://joaopsan@algartech.com</t>
  </si>
  <si>
    <t>12/17/2019 11:57:03</t>
  </si>
  <si>
    <t>12/17/2019 11:59:21</t>
  </si>
  <si>
    <t>12/17/2019 11:58:03</t>
  </si>
  <si>
    <t>12/17/2019 11:58:09</t>
  </si>
  <si>
    <t>12/17/2019 12:00:20</t>
  </si>
  <si>
    <t>bb4621d7-57a9-42ff-95b5-21737248f952.tmp</t>
  </si>
  <si>
    <t>\\acsfs\profiles$\KARENDSR\Downloads\bb4621d7-57a9-42ff-95b5-21737248f952.tmp</t>
  </si>
  <si>
    <t>12/17/2019 11:57:42</t>
  </si>
  <si>
    <t>12/17/2019 12:01:21</t>
  </si>
  <si>
    <t>12/17/2019 11:55:35</t>
  </si>
  <si>
    <t>91db43b6-c934-42a9-90bb-e83141c5175a.tmp</t>
  </si>
  <si>
    <t>\\acsfs\profiles$\gabrielafs\Downloads\91db43b6-c934-42a9-90bb-e83141c5175a.tmp</t>
  </si>
  <si>
    <t>12/17/2019 11:59:00</t>
  </si>
  <si>
    <t>mail.google.com/sync/u/0/i/s?hl=pt-BR&amp;c=285</t>
  </si>
  <si>
    <t>12/17/2019 11:59:03</t>
  </si>
  <si>
    <t>mail.google.com/sync/u/0/i/s?hl=pt-BR&amp;c=287</t>
  </si>
  <si>
    <t>12/17/2019 11:59:06</t>
  </si>
  <si>
    <t>mail.google.com/sync/u/0/i/s?hl=pt-BR&amp;c=289</t>
  </si>
  <si>
    <t>12/17/2019 11:59:19</t>
  </si>
  <si>
    <t>mail.google.com/sync/u/0/i/s?hl=pt-BR&amp;c=291</t>
  </si>
  <si>
    <t>12/17/2019 11:59:34</t>
  </si>
  <si>
    <t>mail.google.com/sync/u/0/i/s?hl=pt-BR&amp;c=294</t>
  </si>
  <si>
    <t>12/17/2019 11:59:49</t>
  </si>
  <si>
    <t>mail.google.com/_/upload?authuser=0&amp;dcp=asu-n&amp;upload_id=AEnB2Uo071FrwUlP-EHSRePZFBcwYx2CbtgH7t2SAJp_jVXA9Qp3EKR8NEsi8ryf7RjZGbnmoRvh_W5cFuhpYefk2FrQfji_5UsH0vymy6QWtsyTuOeLVyU&amp;upload_protocol=resumable</t>
  </si>
  <si>
    <t>12/17/2019 11:58:17</t>
  </si>
  <si>
    <t>12/17/2019 12:03:21</t>
  </si>
  <si>
    <t>12/17/2019 12:00:04</t>
  </si>
  <si>
    <t>12/17/2019 12:00:34</t>
  </si>
  <si>
    <t>12/17/2019 12:01:04</t>
  </si>
  <si>
    <t>12/17/2019 12:01:34</t>
  </si>
  <si>
    <t>12/17/2019 12:02:04</t>
  </si>
  <si>
    <t>12/17/2019 12:02:26</t>
  </si>
  <si>
    <t>12/17/2019 12:04:20</t>
  </si>
  <si>
    <t>12/17/2019 12:02:31</t>
  </si>
  <si>
    <t>12/17/2019 12:02:32</t>
  </si>
  <si>
    <t>lu114412ybg9.tmp</t>
  </si>
  <si>
    <t>\\acsfs\profiles$\kamillacr\My Documents\lu114412ybg9.tmp</t>
  </si>
  <si>
    <t>\\acsfs\profiles$\kamillacr\My Documents\lu114412ybg9.tmp\</t>
  </si>
  <si>
    <t>\\acsfs\profiles$\kamillacr\My Documents\lu114412ybg9.tmp\META-INF\</t>
  </si>
  <si>
    <t>\\acsfs\profiles$\kamillacr\My Documents\lu114412ybg9.tmp\Thumbnails\</t>
  </si>
  <si>
    <t>12/17/2019 12:03:03</t>
  </si>
  <si>
    <t>12/17/2019 12:03:47</t>
  </si>
  <si>
    <t>12/17/2019 12:05:21</t>
  </si>
  <si>
    <t>c:\users\robsonams\appdata\local\temp\</t>
  </si>
  <si>
    <t>12/17/2019 12:01:07</t>
  </si>
  <si>
    <t>12/17/2019 12:06:20</t>
  </si>
  <si>
    <t>mail.google.com/sync/u/0/i/s?hl=pt-BR&amp;c=299</t>
  </si>
  <si>
    <t>12/17/2019 12:05:44</t>
  </si>
  <si>
    <t>mail.google.com/_/upload?authuser=0&amp;dcp=asu-n&amp;upload_id=AEnB2Urcfa8HDJLqTDdlEJcSZLR6ynNIh4qxOFtvAXgAFJpabLgJn3j58miSAtUD5WRcLrscwnAehdZrc23LU7v0X2LNXO7jpVkHyEWOWlSmV6TX40K30Ic&amp;upload_protocol=resumable</t>
  </si>
  <si>
    <t>alexmarques.silva@avon.com;carina.watanabe@avon.com;danilo.ribeiro.acs@avon.com;lara.lourenco@avon.com;senildapdo@algartech.com;</t>
  </si>
  <si>
    <t>Solicitações de Férias Irregulares - Jan.20.xls</t>
  </si>
  <si>
    <t>alexmarques.silva@avon.com,carina.watanabe@avon.com,danilo.ribeiro.acs@avon.com,lara.lourenco@avon.com,senildapdo@algartech.com</t>
  </si>
  <si>
    <t>12/17/2019 12:04:17</t>
  </si>
  <si>
    <t>12/17/2019 12:08:21</t>
  </si>
  <si>
    <t>12/17/2019 12:04:34</t>
  </si>
  <si>
    <t>678696cc-3046-49ba-a499-920d087364c7.tmp</t>
  </si>
  <si>
    <t>\\acsfs\profiles$\alicecpbc\Downloads\678696cc-3046-49ba-a499-920d087364c7.tmp</t>
  </si>
  <si>
    <t>12/17/2019 12:04:04</t>
  </si>
  <si>
    <t>12/17/2019 12:09:20</t>
  </si>
  <si>
    <t>12/17/2019 12:08:30</t>
  </si>
  <si>
    <t>https://udpwfmniceap02/pt_br/web/guest/home?p_auth=mjo5sjab&amp;p_p_id=58&amp;p_p_lifecycle=1&amp;p_p_state=maximized&amp;p_p_mode=view&amp;savelastpath=0&amp;_58_struts_action=/login/forgot_password</t>
  </si>
  <si>
    <t>12/17/2019 12:10:21</t>
  </si>
  <si>
    <t>12/17/2019 12:10:11</t>
  </si>
  <si>
    <t>12/17/2019 12:11:20</t>
  </si>
  <si>
    <t>12/17/2019 12:08:00</t>
  </si>
  <si>
    <t>2102775c-c18e-44f9-b25b-7652a9fa6135.tmp</t>
  </si>
  <si>
    <t>\\acsfs\profiles$\luanaldsi\Downloads\2102775c-c18e-44f9-b25b-7652a9fa6135.tmp</t>
  </si>
  <si>
    <t>12/17/2019 12:10:37</t>
  </si>
  <si>
    <t>c:\users\wanessabds\appdata\local\temp\</t>
  </si>
  <si>
    <t>solicitações de férias irregulares - jan.20.xls</t>
  </si>
  <si>
    <t>12/17/2019 12:11:58</t>
  </si>
  <si>
    <t>12/17/2019 12:13:20</t>
  </si>
  <si>
    <t>12/17/2019 12:09:03</t>
  </si>
  <si>
    <t>12/17/2019 12:14:21</t>
  </si>
  <si>
    <t>12/17/2019 12:10:03</t>
  </si>
  <si>
    <t>12/17/2019 12:10:49</t>
  </si>
  <si>
    <t>12/17/2019 12:11:01</t>
  </si>
  <si>
    <t>12/17/2019 12:11:11</t>
  </si>
  <si>
    <t>12/17/2019 12:11:19</t>
  </si>
  <si>
    <t>12/17/2019 12:11:28</t>
  </si>
  <si>
    <t>12/17/2019 12:11:29</t>
  </si>
  <si>
    <t>12/17/2019 12:11:30</t>
  </si>
  <si>
    <t>12/17/2019 12:10:50</t>
  </si>
  <si>
    <t>fabianapm@algartech.com;gabriel.a.laregina1@aexp.com;ivia.santos@bradesco.com.br;janaina.arantes@bradesco.com.br;</t>
  </si>
  <si>
    <t>RES: (Case 984298) Concur - Eduardo Adas *** Urgent ***</t>
  </si>
  <si>
    <t>ENC Brazil_card application_979074 CRM006740000966.msg\s1\</t>
  </si>
  <si>
    <t>Brazil JPMORGAN Request Form_979074_N699033.xls</t>
  </si>
  <si>
    <t>fabianapm@algartech.com,gabriel.a.laregina1@aexp.com,ivia.santos@bradesco.com.br,janaina.arantes@bradesco.com.br</t>
  </si>
  <si>
    <t>adrian.a.rodriguez@aexp.com;fabianapm@algartech.com;gabriel.a.laregina1@aexp.com;ivia.santos@bradesco.com.br;janaina.arantes@bradesco.com.br;</t>
  </si>
  <si>
    <t>adrian.a.rodriguez@aexp.com,fabianapm@algartech.com,gabriel.a.laregina1@aexp.com,ivia.santos@bradesco.com.br,janaina.arantes@bradesco.com.br</t>
  </si>
  <si>
    <t>12/17/2019 12:12:21</t>
  </si>
  <si>
    <t>RES: Dashboard Formalização PJ VISA/PJ AMEX - Dezembro/2019</t>
  </si>
  <si>
    <t>2Dezembro_ Formalização.xlsm</t>
  </si>
  <si>
    <t>12/17/2019 12:15:20</t>
  </si>
  <si>
    <t>12/17/2019 12:10:00</t>
  </si>
  <si>
    <t>12/17/2019 12:10:57</t>
  </si>
  <si>
    <t>12/17/2019 12:14:41</t>
  </si>
  <si>
    <t>12/17/2019 12:16:20</t>
  </si>
  <si>
    <t>a92c8416-076f-4119-bee5-c66cf5ae2faa.tmp</t>
  </si>
  <si>
    <t>\\acsfs\profiles$\leticiala\Downloads\a92c8416-076f-4119-bee5-c66cf5ae2faa.tmp</t>
  </si>
  <si>
    <t>12/17/2019 12:13:06</t>
  </si>
  <si>
    <t>\\acsfs\DEPTOS\EDUCACAO EMPRESARIAL\Ligaçoes para MUTANT seg ciclo DEZEMBRO\</t>
  </si>
  <si>
    <t>Matheus Martins Ananias Xavier_1_6765962402102060297_1_32.wav</t>
  </si>
  <si>
    <t>\\acsfs\DEPTOS\EDUCACAO EMPRESARIAL\Ligaçoes para MUTANT seg ciclo DEZEMBRO\Matheus Martins Ananias Xavier_1_6765962402102060297_1_32.wav</t>
  </si>
  <si>
    <t>12/17/2019 12:14:39</t>
  </si>
  <si>
    <t>Template_Alteracao_de_Horario Raquel.xlsx</t>
  </si>
  <si>
    <t>12/17/2019 12:13:15</t>
  </si>
  <si>
    <t>12/17/2019 12:17:20</t>
  </si>
  <si>
    <t>12/17/2019 12:13:45</t>
  </si>
  <si>
    <t>12/17/2019 12:18:19</t>
  </si>
  <si>
    <t>12/17/2019 12:15:05</t>
  </si>
  <si>
    <t>12/17/2019 12:19:20</t>
  </si>
  <si>
    <t>12/17/2019 12:16:10</t>
  </si>
  <si>
    <t>12/17/2019 12:15:39</t>
  </si>
  <si>
    <t>mail.google.com/_/upload?authuser=2&amp;dcp=asu-n&amp;upload_id=AEnB2Uqyo5W9KsyJLngb0HKT2jxXgglufUQnimJvjMfMV8CY0prKOKvulwKPJoCHW261EL7WvEy0e9NGFUgl3PmyT2yh8eVR3Ordb_1vQ6ejX95oHWU-YbA&amp;upload_protocol=resumable</t>
  </si>
  <si>
    <t>base novas ações.xlsx</t>
  </si>
  <si>
    <t>12/17/2019 12:19:36</t>
  </si>
  <si>
    <t>12/17/2019 12:20:20</t>
  </si>
  <si>
    <t>12/17/2019 12:19:15</t>
  </si>
  <si>
    <t>12/17/2019 12:21:20</t>
  </si>
  <si>
    <t>c4943a98-404d-4a0b-9f02-5f09d41fc3c1.tmp</t>
  </si>
  <si>
    <t>\\acsfs\profiles$\gabrielafs\Downloads\c4943a98-404d-4a0b-9f02-5f09d41fc3c1.tmp</t>
  </si>
  <si>
    <t>12/17/2019 12:16:28</t>
  </si>
  <si>
    <t>de67e566-a573-4a91-9216-714620194f52.tmp</t>
  </si>
  <si>
    <t>\\acsfs\profiles$\raicabog\Downloads\de67e566-a573-4a91-9216-714620194f52.tmp</t>
  </si>
  <si>
    <t>12/17/2019 12:17:00</t>
  </si>
  <si>
    <t>mail.google.com/sync/u/0/i/s?hl=pt-BR&amp;c=318</t>
  </si>
  <si>
    <t>12/17/2019 12:17:17</t>
  </si>
  <si>
    <t>12/17/2019 12:17:19</t>
  </si>
  <si>
    <t>12/17/2019 12:17:41</t>
  </si>
  <si>
    <t>12/17/2019 12:17:46</t>
  </si>
  <si>
    <t>12/17/2019 12:17:49</t>
  </si>
  <si>
    <t>mail.google.com/sync/u/0/i/s?hl=pt-BR&amp;c=329</t>
  </si>
  <si>
    <t>12/17/2019 12:19:03</t>
  </si>
  <si>
    <t>12/17/2019 12:19:07</t>
  </si>
  <si>
    <t>bianca.boari@dxc.com;bvs-centralcartoes@bv.com.br;fernandorsju@algartech.com;marianeps@algartech.com;mirianppb@algartech.com;talmaiardo@algartech.com;thiagordu@algartech.com;</t>
  </si>
  <si>
    <t>bianca.boari@dxc.com,bvs-centralcartoes@bv.com.br,fernandorsju@algartech.com,marianeps@algartech.com,mirianppb@algartech.com,talmaiardo@algartech.com,thiagordu@algartech.com</t>
  </si>
  <si>
    <t>12/17/2019 12:21:03</t>
  </si>
  <si>
    <t>12/17/2019 12:24:20</t>
  </si>
  <si>
    <t>12/17/2019 12:22:03</t>
  </si>
  <si>
    <t>12/17/2019 12:24:16</t>
  </si>
  <si>
    <t>12/17/2019 12:25:20</t>
  </si>
  <si>
    <t>12/17/2019 12:24:18</t>
  </si>
  <si>
    <t>lu1803211wy1t.tmp</t>
  </si>
  <si>
    <t>\\acsfs\profiles$\dhiulliananads\My Documents\lu1803211wy1t.tmp</t>
  </si>
  <si>
    <t>\\acsfs\profiles$\dhiulliananads\My Documents\lu1803211wy1t.tmp\</t>
  </si>
  <si>
    <t>\\acsfs\profiles$\dhiulliananads\My Documents\lu1803211wy1t.tmp\META-INF\</t>
  </si>
  <si>
    <t>\\acsfs\profiles$\dhiulliananads\My Documents\lu1803211wy1t.tmp\Thumbnails\</t>
  </si>
  <si>
    <t>12/17/2019 12:20:53</t>
  </si>
  <si>
    <t>12/17/2019 12:26:20</t>
  </si>
  <si>
    <t>12/17/2019 12:23:10</t>
  </si>
  <si>
    <t>12/17/2019 12:23:17</t>
  </si>
  <si>
    <t>12/17/2019 12:23:20</t>
  </si>
  <si>
    <t>12/17/2019 12:23:27</t>
  </si>
  <si>
    <t>12/17/2019 12:23:30</t>
  </si>
  <si>
    <t>12/17/2019 12:23:55</t>
  </si>
  <si>
    <t>FLAVIA CRISTINE DA SILVA TEIXEIRA_1_6766314447686409573_1_32.wav</t>
  </si>
  <si>
    <t>\\acsfs\DEPTOS\EDUCACAO EMPRESARIAL\Ligaçoes para MUTANT seg ciclo DEZEMBRO\FLAVIA CRISTINE DA SILVA TEIXEIRA_1_6766314447686409573_1_32.wav</t>
  </si>
  <si>
    <t>12/17/2019 12:25:48</t>
  </si>
  <si>
    <t>12/17/2019 12:27:19</t>
  </si>
  <si>
    <t>12/17/2019 12:24:47</t>
  </si>
  <si>
    <t>169f9e0b-54e3-49e6-8478-9a487e816888.tmp</t>
  </si>
  <si>
    <t>\\acsfs\profiles$\deboraaa\Downloads\169f9e0b-54e3-49e6-8478-9a487e816888.tmp</t>
  </si>
  <si>
    <t>12/17/2019 12:27:03</t>
  </si>
  <si>
    <t>12/17/2019 12:29:20</t>
  </si>
  <si>
    <t>12/17/2019 12:28:03</t>
  </si>
  <si>
    <t>12/17/2019 12:25:18</t>
  </si>
  <si>
    <t>12/17/2019 12:30:20</t>
  </si>
  <si>
    <t>12/17/2019 12:29:41</t>
  </si>
  <si>
    <t>12/17/2019 12:31:20</t>
  </si>
  <si>
    <t>12/17/2019 12:27:20</t>
  </si>
  <si>
    <t>12/17/2019 12:32:19</t>
  </si>
  <si>
    <t>a17f58d2-fa84-4a3a-ad19-5c1f00019e96.tmp</t>
  </si>
  <si>
    <t>\\acsfs\profiles$\deboraaa\Downloads\a17f58d2-fa84-4a3a-ad19-5c1f00019e96.tmp</t>
  </si>
  <si>
    <t>12/17/2019 12:30:46</t>
  </si>
  <si>
    <t>139a506c-d005-4fe5-99cd-678b916e0c27.tmp</t>
  </si>
  <si>
    <t>\\acsfs\profiles$\deboraaa\Downloads\139a506c-d005-4fe5-99cd-678b916e0c27.tmp</t>
  </si>
  <si>
    <t>12/17/2019 12:31:26</t>
  </si>
  <si>
    <t>12/17/2019 12:33:20</t>
  </si>
  <si>
    <t>61f426a5-0753-4c8e-8f79-710059793291.tmp</t>
  </si>
  <si>
    <t>\\acsfs\profiles$\cintiadcf\Downloads\61f426a5-0753-4c8e-8f79-710059793291.tmp</t>
  </si>
  <si>
    <t>12/17/2019 12:31:31</t>
  </si>
  <si>
    <t>3b132c88-6b8b-4752-8664-1417e4a3e42d.tmp</t>
  </si>
  <si>
    <t>\\acsfs\profiles$\cintiadcf\Downloads\3b132c88-6b8b-4752-8664-1417e4a3e42d.tmp</t>
  </si>
  <si>
    <t>12/17/2019 12:33:03</t>
  </si>
  <si>
    <t>12/17/2019 12:34:20</t>
  </si>
  <si>
    <t>12/17/2019 12:34:08</t>
  </si>
  <si>
    <t>12/17/2019 12:36:21</t>
  </si>
  <si>
    <t>f7ef5cdc-7535-4363-88c9-35e878366be5.tmp</t>
  </si>
  <si>
    <t>\\acsfs\profiles$\sarahbal\Downloads\f7ef5cdc-7535-4363-88c9-35e878366be5.tmp</t>
  </si>
  <si>
    <t>12/17/2019 12:33:24</t>
  </si>
  <si>
    <t>84857db2-4341-43ef-8e47-56c3473b0a15.tmp</t>
  </si>
  <si>
    <t>\\acsfs\profiles$\wenderbnm\Downloads\84857db2-4341-43ef-8e47-56c3473b0a15.tmp</t>
  </si>
  <si>
    <t>12/17/2019 12:32:21</t>
  </si>
  <si>
    <t>003d38ab-9cab-4317-9f77-c01528b32196.tmp</t>
  </si>
  <si>
    <t>\\acsfs\profiles$\deborahsi\Downloads\003d38ab-9cab-4317-9f77-c01528b32196.tmp</t>
  </si>
  <si>
    <t>12/17/2019 12:31:25</t>
  </si>
  <si>
    <t>Flavia Cristina Da Silva Teixeira_1_6766314447686409573_1_32.wav</t>
  </si>
  <si>
    <t>\\acsfs\DEPTOS\EDUCACAO EMPRESARIAL\Ligaçoes para MUTANT seg ciclo DEZEMBRO\Flavia Cristina Da Silva Teixeira_1_6766314447686409573_1_32.wav</t>
  </si>
  <si>
    <t>12/17/2019 12:35:15</t>
  </si>
  <si>
    <t>12/17/2019 12:38:21</t>
  </si>
  <si>
    <t>12/17/2019 12:35:23</t>
  </si>
  <si>
    <t>12/17/2019 12:34:56</t>
  </si>
  <si>
    <t>12/17/2019 12:34:03</t>
  </si>
  <si>
    <t>12/17/2019 12:39:21</t>
  </si>
  <si>
    <t>12/17/2019 12:35:52</t>
  </si>
  <si>
    <t>12/17/2019 12:41:21</t>
  </si>
  <si>
    <t>2e4d3349-64d2-4080-accd-857d701697aa.tmp</t>
  </si>
  <si>
    <t>\\acsfs\profiles$\sarahbal\Downloads\2e4d3349-64d2-4080-accd-857d701697aa.tmp</t>
  </si>
  <si>
    <t>12/17/2019 12:37:47</t>
  </si>
  <si>
    <t>42524c2e-49d6-46d0-88e3-c46f076391d8.tmp</t>
  </si>
  <si>
    <t>\\acsfs\profiles$\gabrielarb\Downloads\42524c2e-49d6-46d0-88e3-c46f076391d8.tmp</t>
  </si>
  <si>
    <t>12/17/2019 12:38:28</t>
  </si>
  <si>
    <t>12/17/2019 12:43:21</t>
  </si>
  <si>
    <t>12/17/2019 12:39:14</t>
  </si>
  <si>
    <t>12/17/2019 12:43:37</t>
  </si>
  <si>
    <t>12/17/2019 12:44:21</t>
  </si>
  <si>
    <t>10.200.67.55</t>
  </si>
  <si>
    <t>78-2B-CB-C1-06-F7</t>
  </si>
  <si>
    <t>VOTORANT-RB007</t>
  </si>
  <si>
    <t>35eafbc7-78f2-4e92-8d11-b7b81a9f2984.tmp</t>
  </si>
  <si>
    <t>\\acsfs\profiles$\sarahbal\Downloads\35eafbc7-78f2-4e92-8d11-b7b81a9f2984.tmp</t>
  </si>
  <si>
    <t>12/17/2019 12:39:03</t>
  </si>
  <si>
    <t>12/17/2019 12:40:03</t>
  </si>
  <si>
    <t>12/17/2019 12:42:43</t>
  </si>
  <si>
    <t>12/17/2019 12:46:21</t>
  </si>
  <si>
    <t>12/17/2019 12:44:55</t>
  </si>
  <si>
    <t>12/17/2019 12:47:21</t>
  </si>
  <si>
    <t>12/17/2019 12:44:56</t>
  </si>
  <si>
    <t>lu1672411orqq.tmp</t>
  </si>
  <si>
    <t>\\acsfs\profiles$\VIVIANALDS\My Documents\lu1672411orqq.tmp</t>
  </si>
  <si>
    <t>\\acsfs\profiles$\VIVIANALDS\My Documents\lu1672411orqq.tmp\</t>
  </si>
  <si>
    <t>\\acsfs\profiles$\VIVIANALDS\My Documents\lu1672411orqq.tmp\META-INF\</t>
  </si>
  <si>
    <t>\\acsfs\profiles$\VIVIANALDS\My Documents\lu1672411orqq.tmp\Thumbnails\</t>
  </si>
  <si>
    <t>12/17/2019 12:46:04</t>
  </si>
  <si>
    <t>8eca040c-60a7-4609-8418-b40d9de8f688.tmp</t>
  </si>
  <si>
    <t>\\acsfs\profiles$\deboraaa\Downloads\8eca040c-60a7-4609-8418-b40d9de8f688.tmp</t>
  </si>
  <si>
    <t>12/17/2019 12:44:58</t>
  </si>
  <si>
    <t>12/17/2019 12:48:20</t>
  </si>
  <si>
    <t>12/17/2019 12:44:42</t>
  </si>
  <si>
    <t>12/17/2019 12:49:21</t>
  </si>
  <si>
    <t>049148e6-ca6a-4eeb-ac5b-50c8f6939f17.tmp</t>
  </si>
  <si>
    <t>\\acsfs\profiles$\sarahbal\Downloads\049148e6-ca6a-4eeb-ac5b-50c8f6939f17.tmp</t>
  </si>
  <si>
    <t>12/17/2019 12:45:17</t>
  </si>
  <si>
    <t>5f433f88-f8a8-42f5-b56b-2623abebeb3f.tmp</t>
  </si>
  <si>
    <t>\\acsfs\profiles$\sarahbal\Downloads\5f433f88-f8a8-42f5-b56b-2623abebeb3f.tmp</t>
  </si>
  <si>
    <t>12/17/2019 12:45:28</t>
  </si>
  <si>
    <t>1929959d-f022-47a4-9f68-fc8839e3bce6.tmp</t>
  </si>
  <si>
    <t>\\acsfs\profiles$\sarahbal\Downloads\1929959d-f022-47a4-9f68-fc8839e3bce6.tmp</t>
  </si>
  <si>
    <t>12/17/2019 12:46:27</t>
  </si>
  <si>
    <t>f23c97cd-0942-4c6f-ac55-c669ca6a056a.tmp</t>
  </si>
  <si>
    <t>\\acsfs\profiles$\sarahbal\Downloads\f23c97cd-0942-4c6f-ac55-c669ca6a056a.tmp</t>
  </si>
  <si>
    <t>12/17/2019 12:46:50</t>
  </si>
  <si>
    <t>9d2ae781-bea3-4e05-a27a-ab68c5846474.tmp</t>
  </si>
  <si>
    <t>\\acsfs\profiles$\sarahbal\Downloads\9d2ae781-bea3-4e05-a27a-ab68c5846474.tmp</t>
  </si>
  <si>
    <t>12/17/2019 12:47:18</t>
  </si>
  <si>
    <t>ee22bfa1-44d8-408e-82d4-cd57121f55d2.tmp</t>
  </si>
  <si>
    <t>\\acsfs\profiles$\sarahbal\Downloads\ee22bfa1-44d8-408e-82d4-cd57121f55d2.tmp</t>
  </si>
  <si>
    <t>12/17/2019 12:45:04</t>
  </si>
  <si>
    <t>12/17/2019 12:48:27</t>
  </si>
  <si>
    <t>ENC: BACKLOG - FILAS DE RETORNO - AÇÃO ALGAR</t>
  </si>
  <si>
    <t>BASE FILAS DE RETORNO - 10122019 - FORMALIZADA.xlsx</t>
  </si>
  <si>
    <t>12/17/2019 12:49:47</t>
  </si>
  <si>
    <t>12/17/2019 12:51:21</t>
  </si>
  <si>
    <t>12/17/2019 12:52:20</t>
  </si>
  <si>
    <t>12/17/2019 12:49:25</t>
  </si>
  <si>
    <t>12/17/2019 12:54:20</t>
  </si>
  <si>
    <t>9c7c19b9-589d-4535-88e6-c11080ac8330.tmp</t>
  </si>
  <si>
    <t>\\acsfs\profiles$\sarahbal\Downloads\9c7c19b9-589d-4535-88e6-c11080ac8330.tmp</t>
  </si>
  <si>
    <t>12/17/2019 12:51:04</t>
  </si>
  <si>
    <t>12/17/2019 12:52:04</t>
  </si>
  <si>
    <t>12/17/2019 12:57:21</t>
  </si>
  <si>
    <t>12/17/2019 12:57:04</t>
  </si>
  <si>
    <t>12/17/2019 12:59:21</t>
  </si>
  <si>
    <t>12/17/2019 12:58:04</t>
  </si>
  <si>
    <t>12/17/2019 13:02:21</t>
  </si>
  <si>
    <t>12/17/2019 12:58:27</t>
  </si>
  <si>
    <t>\\acsfs\DEPTOS\Controladoria\Planejamento\Reuniao Gerencial\2019\4ª Reuger\REUGER\LUCRO ECONOMICO\</t>
  </si>
  <si>
    <t>LUCRO_ECONOMICO_PRECLOS.xlsx</t>
  </si>
  <si>
    <t>12/17/2019 12:58:41</t>
  </si>
  <si>
    <t>CALCULO_LUCRO_ECONOMICO.xlsx</t>
  </si>
  <si>
    <t>12/17/2019 13:01:24</t>
  </si>
  <si>
    <t>12/17/2019 13:03:22</t>
  </si>
  <si>
    <t>76b5835d-01c2-4bed-98e5-959c6a8aaaca.tmp</t>
  </si>
  <si>
    <t>\\acsfs\profiles$\cintiadcf\Downloads\76b5835d-01c2-4bed-98e5-959c6a8aaaca.tmp</t>
  </si>
  <si>
    <t>12/17/2019 13:02:20</t>
  </si>
  <si>
    <t>12/17/2019 13:01:54</t>
  </si>
  <si>
    <t>12/17/2019 13:04:21</t>
  </si>
  <si>
    <t>26b6a846-0a17-4222-96a1-a320e2830c5b.tmp</t>
  </si>
  <si>
    <t>\\acsfs\profiles$\sarahbal\Downloads\26b6a846-0a17-4222-96a1-a320e2830c5b.tmp</t>
  </si>
  <si>
    <t>12/17/2019 13:03:04</t>
  </si>
  <si>
    <t>12/17/2019 13:00:45</t>
  </si>
  <si>
    <t>12/17/2019 13:06:21</t>
  </si>
  <si>
    <t>03aac7b0-c6ea-4249-a04c-440e9bdeeb37.tmp</t>
  </si>
  <si>
    <t>\\acsfs\profiles$\valeriasda\Downloads\03aac7b0-c6ea-4249-a04c-440e9bdeeb37.tmp</t>
  </si>
  <si>
    <t>12/17/2019 13:00:49</t>
  </si>
  <si>
    <t>ca26b1ac-aeee-4635-869c-d3d4999cfe51.tmp</t>
  </si>
  <si>
    <t>\\acsfs\profiles$\valeriasda\Downloads\ca26b1ac-aeee-4635-869c-d3d4999cfe51.tmp</t>
  </si>
  <si>
    <t>12/17/2019 13:00:52</t>
  </si>
  <si>
    <t>86f27a1f-d58b-472d-af69-a17a6e64806b.tmp</t>
  </si>
  <si>
    <t>\\acsfs\profiles$\valeriasda\Downloads\86f27a1f-d58b-472d-af69-a17a6e64806b.tmp</t>
  </si>
  <si>
    <t>12/17/2019 13:07:22</t>
  </si>
  <si>
    <t>12/17/2019 13:05:32</t>
  </si>
  <si>
    <t>12/17/2019 13:09:22</t>
  </si>
  <si>
    <t>12/17/2019 13:04:04</t>
  </si>
  <si>
    <t>12/17/2019 13:10:30</t>
  </si>
  <si>
    <t>12/17/2019 13:11:23</t>
  </si>
  <si>
    <t>50aa24f9-8d7e-48f8-b738-1e3ea59092cd.tmp</t>
  </si>
  <si>
    <t>\\acsfs\profiles$\gabrielarb\Downloads\50aa24f9-8d7e-48f8-b738-1e3ea59092cd.tmp</t>
  </si>
  <si>
    <t>12/17/2019 13:10:33</t>
  </si>
  <si>
    <t>f7b35506-3df2-43d6-acc0-7512d53f2e3e.tmp</t>
  </si>
  <si>
    <t>\\acsfs\profiles$\deborahsi\Downloads\f7b35506-3df2-43d6-acc0-7512d53f2e3e.tmp</t>
  </si>
  <si>
    <t>12/17/2019 13:12:22</t>
  </si>
  <si>
    <t>12/17/2019 13:09:39</t>
  </si>
  <si>
    <t>12/17/2019 13:13:22</t>
  </si>
  <si>
    <t>12/17/2019 13:09:40</t>
  </si>
  <si>
    <t>12/17/2019 13:09:41</t>
  </si>
  <si>
    <t>12/17/2019 13:09:42</t>
  </si>
  <si>
    <t>12/17/2019 13:09:43</t>
  </si>
  <si>
    <t>12/17/2019 13:09:44</t>
  </si>
  <si>
    <t>12/17/2019 13:09:45</t>
  </si>
  <si>
    <t>12/17/2019 13:09:46</t>
  </si>
  <si>
    <t>12/17/2019 13:09:47</t>
  </si>
  <si>
    <t>12/17/2019 13:09:48</t>
  </si>
  <si>
    <t>12/17/2019 13:09:49</t>
  </si>
  <si>
    <t>12/17/2019 13:09:50</t>
  </si>
  <si>
    <t>12/17/2019 13:09:51</t>
  </si>
  <si>
    <t>12/17/2019 13:09:52</t>
  </si>
  <si>
    <t>12/17/2019 13:09:53</t>
  </si>
  <si>
    <t>12/17/2019 13:09:54</t>
  </si>
  <si>
    <t>12/17/2019 13:09:55</t>
  </si>
  <si>
    <t>12/17/2019 13:09:56</t>
  </si>
  <si>
    <t>12/17/2019 13:09:27</t>
  </si>
  <si>
    <t>12/17/2019 13:12:29</t>
  </si>
  <si>
    <t>12/17/2019 13:14:22</t>
  </si>
  <si>
    <t>12/17/2019 13:09:04</t>
  </si>
  <si>
    <t>12/17/2019 13:10:04</t>
  </si>
  <si>
    <t>12/17/2019 13:15:22</t>
  </si>
  <si>
    <t>12/17/2019 13:16:20</t>
  </si>
  <si>
    <t>12/17/2019 13:17:22</t>
  </si>
  <si>
    <t>12/17/2019 13:15:04</t>
  </si>
  <si>
    <t>12/17/2019 13:19:22</t>
  </si>
  <si>
    <t>12/17/2019 13:16:04</t>
  </si>
  <si>
    <t>12/17/2019 13:16:06</t>
  </si>
  <si>
    <t>12/17/2019 13:20:23</t>
  </si>
  <si>
    <t>12/17/2019 13:19:25</t>
  </si>
  <si>
    <t>12/17/2019 13:20:00</t>
  </si>
  <si>
    <t>12/17/2019 13:21:22</t>
  </si>
  <si>
    <t>7ca41779-5708-4487-8e25-7edd79cce52f.tmp</t>
  </si>
  <si>
    <t>\\acsfs\profiles$\danielta\Downloads\7ca41779-5708-4487-8e25-7edd79cce52f.tmp</t>
  </si>
  <si>
    <t>12/17/2019 13:16:37</t>
  </si>
  <si>
    <t>6a48a021-25e3-4e0b-9e6c-71620cc7072e.tmp</t>
  </si>
  <si>
    <t>\\acsfs\profiles$\deborahsi\Downloads\6a48a021-25e3-4e0b-9e6c-71620cc7072e.tmp</t>
  </si>
  <si>
    <t>12/17/2019 13:22:22</t>
  </si>
  <si>
    <t>12/17/2019 13:21:55</t>
  </si>
  <si>
    <t>12/17/2019 13:23:22</t>
  </si>
  <si>
    <t>12/17/2019 13:19:13</t>
  </si>
  <si>
    <t>12/17/2019 13:19:43</t>
  </si>
  <si>
    <t>12/17/2019 13:22:13</t>
  </si>
  <si>
    <t>12/17/2019 13:20:20</t>
  </si>
  <si>
    <t>2681563b-d43c-4646-89de-e270c79e08f8.tmp</t>
  </si>
  <si>
    <t>\\acsfs\profiles$\geovannasm\Downloads\2681563b-d43c-4646-89de-e270c79e08f8.tmp</t>
  </si>
  <si>
    <t>12/17/2019 13:21:04</t>
  </si>
  <si>
    <t>12/17/2019 13:24:23</t>
  </si>
  <si>
    <t>12/17/2019 13:22:04</t>
  </si>
  <si>
    <t>12/17/2019 13:25:08</t>
  </si>
  <si>
    <t>12/17/2019 13:26:22</t>
  </si>
  <si>
    <t>Novo Documento de Texto (2).txt</t>
  </si>
  <si>
    <t>\\acsfs\DEPTOS\Operacao\Banco_Votorantim\Qualidade\Anderson\Jose\Novo Documento de Texto (2).txt</t>
  </si>
  <si>
    <t>12/17/2019 13:24:54</t>
  </si>
  <si>
    <t>12/17/2019 13:27:23</t>
  </si>
  <si>
    <t>https://algar.folhasinergyrh.com.br/afastamento/forms</t>
  </si>
  <si>
    <t>12/17/2019 13:26:19</t>
  </si>
  <si>
    <t>12/17/2019 13:28:22</t>
  </si>
  <si>
    <t>lista de presença next (17-12-2019).xlsx</t>
  </si>
  <si>
    <t>12/17/2019 13:23:35</t>
  </si>
  <si>
    <t>recibo de reembolso - iramilda - 1712.xls</t>
  </si>
  <si>
    <t>12/17/2019 13:23:43</t>
  </si>
  <si>
    <t>12/17/2019 13:26:43</t>
  </si>
  <si>
    <t>12/17/2019 13:27:13</t>
  </si>
  <si>
    <t>12/17/2019 13:26:37</t>
  </si>
  <si>
    <t>f9a9d52b-acf8-46ee-ad91-d1523f1bce9c.tmp</t>
  </si>
  <si>
    <t>\\acsfs\profiles$\ERICALSR\Downloads\f9a9d52b-acf8-46ee-ad91-d1523f1bce9c.tmp</t>
  </si>
  <si>
    <t>12/17/2019 13:27:35</t>
  </si>
  <si>
    <t>12/17/2019 13:29:22</t>
  </si>
  <si>
    <t>10.200.66.120</t>
  </si>
  <si>
    <t>6ff604a9-08a9-44a5-ba54-8ccce55e8587.tmp</t>
  </si>
  <si>
    <t>\\acsfs\profiles$\layonmof\Downloads\6ff604a9-08a9-44a5-ba54-8ccce55e8587.tmp</t>
  </si>
  <si>
    <t>12/17/2019 13:28:06</t>
  </si>
  <si>
    <t>af1c774c-649a-49ac-9898-7ad438033225.tmp</t>
  </si>
  <si>
    <t>\\acsfs\profiles$\layonmof\Downloads\af1c774c-649a-49ac-9898-7ad438033225.tmp</t>
  </si>
  <si>
    <t>12/17/2019 13:27:33</t>
  </si>
  <si>
    <t>351c8a2d-1088-483a-8716-d65fc5d10fb5.tmp</t>
  </si>
  <si>
    <t>\\acsfs\profiles$\sarahbal\Downloads\351c8a2d-1088-483a-8716-d65fc5d10fb5.tmp</t>
  </si>
  <si>
    <t>12/17/2019 13:27:04</t>
  </si>
  <si>
    <t>12/17/2019 13:28:04</t>
  </si>
  <si>
    <t>12/17/2019 13:27:46</t>
  </si>
  <si>
    <t>12/17/2019 13:30:22</t>
  </si>
  <si>
    <t>aed0428b-8770-4802-b1cf-31145d54b480.tmp</t>
  </si>
  <si>
    <t>\\acsfs\profiles$\ayalabfi\Downloads\aed0428b-8770-4802-b1cf-31145d54b480.tmp</t>
  </si>
  <si>
    <t>12/17/2019 13:28:32</t>
  </si>
  <si>
    <t>12/17/2019 13:31:22</t>
  </si>
  <si>
    <t>113e7928-1043-4faa-96bb-fa87355694e1.tmp</t>
  </si>
  <si>
    <t>\\acsfs\profiles$\leticiala\Downloads\113e7928-1043-4faa-96bb-fa87355694e1.tmp</t>
  </si>
  <si>
    <t>12/17/2019 13:33:22</t>
  </si>
  <si>
    <t>12/17/2019 13:32:05</t>
  </si>
  <si>
    <t>12/17/2019 13:28:17</t>
  </si>
  <si>
    <t>12/17/2019 13:32:21</t>
  </si>
  <si>
    <t>12/17/2019 13:31:37</t>
  </si>
  <si>
    <t>12/17/2019 13:31:46</t>
  </si>
  <si>
    <t>12/17/2019 13:29:44</t>
  </si>
  <si>
    <t>12/17/2019 13:33:04</t>
  </si>
  <si>
    <t>12/17/2019 13:34:22</t>
  </si>
  <si>
    <t>12/17/2019 13:34:09</t>
  </si>
  <si>
    <t>12/17/2019 13:35:22</t>
  </si>
  <si>
    <t>12/17/2019 13:34:19</t>
  </si>
  <si>
    <t>12/17/2019 13:30:01</t>
  </si>
  <si>
    <t>mail.google.com/_/upload?authuser=0&amp;dcp=asu-n&amp;upload_id=AEnB2UrVMqYzwskER2W9cnDKyhbHzphLmDWywsA7Bx5JOY4oVQibyq8bl7rv2OR8t7ccoZAi--j96f5kWvxDR3tEIDAMiqAYySWlggSN3m8W_sHA4mdWrg8&amp;upload_protocol=resumable</t>
  </si>
  <si>
    <t>lucianopa@algartech.com;paulocruz@algartech.com;</t>
  </si>
  <si>
    <t>Faturas Pagas.xlsx</t>
  </si>
  <si>
    <t>lucianopa@algartech.com,paulocruz@algartech.com</t>
  </si>
  <si>
    <t>mail.google.com/_/upload?authuser=0&amp;dcp=asu-n&amp;upload_id=AEnB2UpAUmHTNcciAb7OKvyhiiVeUnIVK2qr-_cVGCPZiXXqw3h2jATz3QVy7UdpqinXp7GtMwvH2oBivpvTebtQwDEBtJIQeKInnlfdTlZja74iFBKt25M&amp;upload_protocol=resumable</t>
  </si>
  <si>
    <t>Faturas Pendentes.xlsx</t>
  </si>
  <si>
    <t>12/17/2019 13:34:18</t>
  </si>
  <si>
    <t>12/17/2019 13:36:22</t>
  </si>
  <si>
    <t>12/17/2019 13:31:17</t>
  </si>
  <si>
    <t>12/17/2019 13:36:00</t>
  </si>
  <si>
    <t>12/17/2019 13:37:22</t>
  </si>
  <si>
    <t>12/17/2019 13:36:04</t>
  </si>
  <si>
    <t>12/17/2019 13:38:22</t>
  </si>
  <si>
    <t>mail.google.com/_/upload?authuser=0&amp;dcp=asu-n&amp;upload_id=AEnB2Up55McQkgyMR2qeh3VLjyXHFL9ZrRQOOZ-6bK5xUyYSqU_9xLG4AUJrgbJmybOaP7cUQByjCJeSDVN4hReSacSsgl7MCDVYsnZfK__l36DAQ3sqlc4&amp;upload_protocol=resumable</t>
  </si>
  <si>
    <t>\\acsfs\deptos\PMO Governança\08 - GOVERNANÇA DE COMPRAS\01 - Estruturação Governança\Propostas de Governança_v4.pptx\</t>
  </si>
  <si>
    <t>12/17/2019 13:35:44</t>
  </si>
  <si>
    <t>12/17/2019 13:36:14</t>
  </si>
  <si>
    <t>12/17/2019 13:35:23</t>
  </si>
  <si>
    <t>12/17/2019 13:39:22</t>
  </si>
  <si>
    <t>eb254467-241c-4067-868d-54141dc8e367.tmp</t>
  </si>
  <si>
    <t>\\acsfs\profiles$\layonmof\Downloads\eb254467-241c-4067-868d-54141dc8e367.tmp</t>
  </si>
  <si>
    <t>12/17/2019 13:36:19</t>
  </si>
  <si>
    <t>813656f3-fc13-4b4f-ac65-381a31970a59.tmp</t>
  </si>
  <si>
    <t>\\acsfs\profiles$\layonmof\Downloads\813656f3-fc13-4b4f-ac65-381a31970a59.tmp</t>
  </si>
  <si>
    <t>12/17/2019 13:34:04</t>
  </si>
  <si>
    <t>12/17/2019 13:36:26</t>
  </si>
  <si>
    <t>12/17/2019 13:40:22</t>
  </si>
  <si>
    <t>12/17/2019 13:34:33</t>
  </si>
  <si>
    <t>12/17/2019 13:35:11</t>
  </si>
  <si>
    <t>12/17/2019 13:39:10</t>
  </si>
  <si>
    <t>12/17/2019 13:41:22</t>
  </si>
  <si>
    <t>ee14fc0d-f21c-415a-b325-c1a4a5b78af5.tmp</t>
  </si>
  <si>
    <t>\\acsfs\profiles$\gabrielarb\Downloads\ee14fc0d-f21c-415a-b325-c1a4a5b78af5.tmp</t>
  </si>
  <si>
    <t>12/17/2019 13:43:22</t>
  </si>
  <si>
    <t>12/17/2019 13:40:45</t>
  </si>
  <si>
    <t>12/17/2019 13:41:15</t>
  </si>
  <si>
    <t>12/17/2019 13:41:45</t>
  </si>
  <si>
    <t>12/17/2019 13:43:21</t>
  </si>
  <si>
    <t>12/17/2019 13:44:22</t>
  </si>
  <si>
    <t>47a1e659-de99-41ca-86c7-a636c0145e36.tmp</t>
  </si>
  <si>
    <t>\\acsfs\profiles$\layonmof\Downloads\47a1e659-de99-41ca-86c7-a636c0145e36.tmp</t>
  </si>
  <si>
    <t>12/17/2019 13:42:28</t>
  </si>
  <si>
    <t>8529b1ff-1a86-4d5a-9af7-0ed65db07cc1.tmp</t>
  </si>
  <si>
    <t>\\acsfs\profiles$\KARENJSS\Downloads\8529b1ff-1a86-4d5a-9af7-0ed65db07cc1.tmp</t>
  </si>
  <si>
    <t>12/17/2019 13:43:28</t>
  </si>
  <si>
    <t>f112a7bd-9af7-4db4-a695-e06ae76e6da0.tmp</t>
  </si>
  <si>
    <t>\\acsfs\profiles$\KARENJSS\Downloads\f112a7bd-9af7-4db4-a695-e06ae76e6da0.tmp</t>
  </si>
  <si>
    <t>12/17/2019 13:39:04</t>
  </si>
  <si>
    <t>12/17/2019 13:40:04</t>
  </si>
  <si>
    <t>12/17/2019 13:43:00</t>
  </si>
  <si>
    <t>12/17/2019 13:45:23</t>
  </si>
  <si>
    <t>12/17/2019 13:41:24</t>
  </si>
  <si>
    <t>12/17/2019 13:46:22</t>
  </si>
  <si>
    <t>b7f1cfde-a239-49ac-b062-1e4b0001627b.tmp</t>
  </si>
  <si>
    <t>\\acsfs\profiles$\gabrielarb\Downloads\b7f1cfde-a239-49ac-b062-1e4b0001627b.tmp</t>
  </si>
  <si>
    <t>12/17/2019 13:44:59</t>
  </si>
  <si>
    <t>da3becf6-894f-4c84-969f-2bd570e36e31.tmp</t>
  </si>
  <si>
    <t>\\acsfs\profiles$\brendadsl\Downloads\da3becf6-894f-4c84-969f-2bd570e36e31.tmp</t>
  </si>
  <si>
    <t>12/17/2019 13:45:02</t>
  </si>
  <si>
    <t>81587ffd-8230-4258-aef7-a72cd9302784.tmp</t>
  </si>
  <si>
    <t>\\acsfs\profiles$\brendadsl\Downloads\81587ffd-8230-4258-aef7-a72cd9302784.tmp</t>
  </si>
  <si>
    <t>12/17/2019 13:45:05</t>
  </si>
  <si>
    <t>7c84f193-8fa7-4a49-8809-39f7c49e0f6b.tmp</t>
  </si>
  <si>
    <t>\\acsfs\profiles$\brendadsl\Downloads\7c84f193-8fa7-4a49-8809-39f7c49e0f6b.tmp</t>
  </si>
  <si>
    <t>12/17/2019 13:45:06</t>
  </si>
  <si>
    <t>c1173f0a-d443-4896-8dfc-b06a8686df8d.tmp</t>
  </si>
  <si>
    <t>\\acsfs\profiles$\brendadsl\Downloads\c1173f0a-d443-4896-8dfc-b06a8686df8d.tmp</t>
  </si>
  <si>
    <t>12/17/2019 13:45:08</t>
  </si>
  <si>
    <t>53866747-20c4-4b8e-ba9d-a011b5f94072.tmp</t>
  </si>
  <si>
    <t>\\acsfs\profiles$\brendadsl\Downloads\53866747-20c4-4b8e-ba9d-a011b5f94072.tmp</t>
  </si>
  <si>
    <t>12/17/2019 13:44:16</t>
  </si>
  <si>
    <t>12/17/2019 13:47:21</t>
  </si>
  <si>
    <t>800ad2dc-0830-4893-9b50-9753f664d5d7.tmp</t>
  </si>
  <si>
    <t>\\acsfs\profiles$\matheushds\Downloads\800ad2dc-0830-4893-9b50-9753f664d5d7.tmp</t>
  </si>
  <si>
    <t>12/17/2019 13:42:57</t>
  </si>
  <si>
    <t>\\acsfs\profiles$\bernardopcm\Contacts\</t>
  </si>
  <si>
    <t>BERNARDO PATRICK CARNEIRO MOTA (22).contact</t>
  </si>
  <si>
    <t>\\acsfs\profiles$\bernardopcm\Contacts\BERNARDO PATRICK CARNEIRO MOTA (22).contact</t>
  </si>
  <si>
    <t>12/17/2019 13:43:33</t>
  </si>
  <si>
    <t>\\acsfs\profiles$\bernardopcm\My Documents\My Videos\</t>
  </si>
  <si>
    <t>\\acsfs\profiles$\bernardopcm\My Documents\My Videos\desktop.ini</t>
  </si>
  <si>
    <t>12/17/2019 13:43:34</t>
  </si>
  <si>
    <t>\\acsfs\profiles$\bernardopcm\My Documents\My Pictures\</t>
  </si>
  <si>
    <t>\\acsfs\profiles$\bernardopcm\My Documents\My Pictures\desktop.ini</t>
  </si>
  <si>
    <t>12/17/2019 13:43:35</t>
  </si>
  <si>
    <t>\\acsfs\profiles$\bernardopcm\Contacts\desktop.ini</t>
  </si>
  <si>
    <t>\\acsfs\profiles$\bernardopcm\Favorites\</t>
  </si>
  <si>
    <t>\\acsfs\profiles$\bernardopcm\Favorites\desktop.ini</t>
  </si>
  <si>
    <t>12/17/2019 13:43:36</t>
  </si>
  <si>
    <t>\\acsfs\profiles$\bernardopcm\My Documents\My Music\</t>
  </si>
  <si>
    <t>\\acsfs\profiles$\bernardopcm\My Documents\My Music\desktop.ini</t>
  </si>
  <si>
    <t>12/17/2019 13:43:37</t>
  </si>
  <si>
    <t>\\acsfs\profiles$\bernardopcm\Searches\</t>
  </si>
  <si>
    <t>\\acsfs\profiles$\bernardopcm\Searches\desktop.ini</t>
  </si>
  <si>
    <t>\\acsfs\profiles$\bernardopcm\Downloads\desktop.ini</t>
  </si>
  <si>
    <t>12/17/2019 13:43:38</t>
  </si>
  <si>
    <t>\\acsfs\profiles$\bernardopcm\My Documents\</t>
  </si>
  <si>
    <t>\\acsfs\profiles$\bernardopcm\My Documents\desktop.ini</t>
  </si>
  <si>
    <t>12/17/2019 13:43:40</t>
  </si>
  <si>
    <t>\\acsfs\profiles$\bernardopcm\Saved Games\</t>
  </si>
  <si>
    <t>\\acsfs\profiles$\bernardopcm\Saved Games\desktop.ini</t>
  </si>
  <si>
    <t>\\acsfs\profiles$\BERNARDOPCM\Favorites\Links for Brasil\desktop.ini</t>
  </si>
  <si>
    <t>12/17/2019 13:44:23</t>
  </si>
  <si>
    <t>12/17/2019 13:44:25</t>
  </si>
  <si>
    <t>12/17/2019 13:44:26</t>
  </si>
  <si>
    <t>12/17/2019 13:46:31</t>
  </si>
  <si>
    <t>eedac87f-66b8-47f2-ad73-b601ae710d17.tmp</t>
  </si>
  <si>
    <t>\\acsfs\profiles$\bernardopcm\Downloads\eedac87f-66b8-47f2-ad73-b601ae710d17.tmp</t>
  </si>
  <si>
    <t>12/17/2019 13:48:22</t>
  </si>
  <si>
    <t>10.200.66.151</t>
  </si>
  <si>
    <t>7aed8412-0621-4d20-bae7-fb977f529b56.tmp</t>
  </si>
  <si>
    <t>\\acsfs\profiles$\regisadsa\Downloads\7aed8412-0621-4d20-bae7-fb977f529b56.tmp</t>
  </si>
  <si>
    <t>12/17/2019 13:44:45</t>
  </si>
  <si>
    <t>12/17/2019 13:45:15</t>
  </si>
  <si>
    <t>12/17/2019 13:45:46</t>
  </si>
  <si>
    <t>12/17/2019 13:46:16</t>
  </si>
  <si>
    <t>12/17/2019 13:46:46</t>
  </si>
  <si>
    <t>12/17/2019 13:47:16</t>
  </si>
  <si>
    <t>12/17/2019 13:44:14</t>
  </si>
  <si>
    <t>ba33e559-117f-407d-8be8-ad8291be8263.tmp</t>
  </si>
  <si>
    <t>\\acsfs\profiles$\kellzylenneasr\Downloads\ba33e559-117f-407d-8be8-ad8291be8263.tmp</t>
  </si>
  <si>
    <t>12/17/2019 13:45:04</t>
  </si>
  <si>
    <t>12/17/2019 13:49:21</t>
  </si>
  <si>
    <t>12/17/2019 13:46:04</t>
  </si>
  <si>
    <t>12/17/2019 13:49:22</t>
  </si>
  <si>
    <t>12/17/2019 13:50:22</t>
  </si>
  <si>
    <t>12/17/2019 13:48:01</t>
  </si>
  <si>
    <t>12/17/2019 13:51:21</t>
  </si>
  <si>
    <t>0cddbd15-c854-42aa-b2ee-88b5d0c43224.tmp</t>
  </si>
  <si>
    <t>\\acsfs\profiles$\gabrielarb\Downloads\0cddbd15-c854-42aa-b2ee-88b5d0c43224.tmp</t>
  </si>
  <si>
    <t>12/17/2019 13:47:00</t>
  </si>
  <si>
    <t>15516f27-1e6a-4c18-96cb-aa871de4451d.tmp</t>
  </si>
  <si>
    <t>\\acsfs\profiles$\brendadsl\Downloads\15516f27-1e6a-4c18-96cb-aa871de4451d.tmp</t>
  </si>
  <si>
    <t>12/17/2019 13:47:52</t>
  </si>
  <si>
    <t>ecdf3b9b-b728-4180-a5a4-af5b1f32fa83.tmp</t>
  </si>
  <si>
    <t>\\acsfs\profiles$\brendadsl\Downloads\ecdf3b9b-b728-4180-a5a4-af5b1f32fa83.tmp</t>
  </si>
  <si>
    <t>12/17/2019 13:49:46</t>
  </si>
  <si>
    <t>Bloco 17122019.txt</t>
  </si>
  <si>
    <t>\\acsfs\profiles$\brendadsl\My Documents\Blocos\Blocos Dezembro 2019\Bloco 17122019.txt</t>
  </si>
  <si>
    <t>12/17/2019 13:49:23</t>
  </si>
  <si>
    <t>mail.google.com/_/upload?authuser=0&amp;dcp=asu-n&amp;upload_id=AEnB2Ur4Wart1ktVN3y-RlrHgqeRYKDqi4PsMgRVQ9Z314W2UUKbagmcbxjE-wxyzy0GSX7uX8enbyqGYmnRXu89Mynj_zefFSMUCxBRbziegiLWbS5vV9Q&amp;upload_protocol=resumable</t>
  </si>
  <si>
    <t>C:\Users\yuriifd\Desktop\Reestruturação Treinamento\</t>
  </si>
  <si>
    <t>Plano Mapeamento Treinamento v1.1.xlsb</t>
  </si>
  <si>
    <t>12/17/2019 13:47:25</t>
  </si>
  <si>
    <t>12/17/2019 13:52:22</t>
  </si>
  <si>
    <t>Não confirmado 332842.crdownload</t>
  </si>
  <si>
    <t>\\acsfs\profiles$\bernardopcm\Downloads\Não confirmado 332842.crdownload</t>
  </si>
  <si>
    <t>12/17/2019 13:47:33</t>
  </si>
  <si>
    <t>5864dba1-fb73-4e53-8458-2410401bfb4c.tmp</t>
  </si>
  <si>
    <t>\\acsfs\profiles$\bernardopcm\Downloads\5864dba1-fb73-4e53-8458-2410401bfb4c.tmp</t>
  </si>
  <si>
    <t>12/17/2019 13:47:49</t>
  </si>
  <si>
    <t>Não confirmado 565872.crdownload</t>
  </si>
  <si>
    <t>\\acsfs\profiles$\bernardopcm\Downloads\Não confirmado 565872.crdownload</t>
  </si>
  <si>
    <t>12/17/2019 13:48:59</t>
  </si>
  <si>
    <t>71bbf17f-58e8-4c16-80b7-d1b124a84558.tmp</t>
  </si>
  <si>
    <t>\\acsfs\profiles$\bernardopcm\Downloads\71bbf17f-58e8-4c16-80b7-d1b124a84558.tmp</t>
  </si>
  <si>
    <t>12/17/2019 13:50:58</t>
  </si>
  <si>
    <t>e75c6faa-b677-461c-a518-f4d7752d849b.tmp</t>
  </si>
  <si>
    <t>\\acsfs\profiles$\bernardopcm\Downloads\e75c6faa-b677-461c-a518-f4d7752d849b.tmp</t>
  </si>
  <si>
    <t>12/17/2019 13:51:55</t>
  </si>
  <si>
    <t>08450f2f-e92d-4f62-9038-5b2467916031.tmp</t>
  </si>
  <si>
    <t>\\acsfs\profiles$\bernardopcm\Downloads\08450f2f-e92d-4f62-9038-5b2467916031.tmp</t>
  </si>
  <si>
    <t>12/17/2019 13:48:43</t>
  </si>
  <si>
    <t>12/17/2019 13:51:23</t>
  </si>
  <si>
    <t>12/17/2019 13:53:21</t>
  </si>
  <si>
    <t>12/17/2019 13:48:14</t>
  </si>
  <si>
    <t>ea774d95-3670-4ef0-afe2-c7d2092b02c7.tmp</t>
  </si>
  <si>
    <t>\\acsfs\profiles$\regisadsa\Downloads\ea774d95-3670-4ef0-afe2-c7d2092b02c7.tmp</t>
  </si>
  <si>
    <t>12/17/2019 13:48:39</t>
  </si>
  <si>
    <t>9adac573-25bf-417d-b511-7ed40372eaff.tmp</t>
  </si>
  <si>
    <t>\\acsfs\profiles$\regisadsa\Downloads\9adac573-25bf-417d-b511-7ed40372eaff.tmp</t>
  </si>
  <si>
    <t>12/17/2019 13:50:24</t>
  </si>
  <si>
    <t>fe8c8b42-b4eb-4610-9fa0-953924719794.tmp</t>
  </si>
  <si>
    <t>\\acsfs\profiles$\regisadsa\Downloads\fe8c8b42-b4eb-4610-9fa0-953924719794.tmp</t>
  </si>
  <si>
    <t>12/17/2019 13:48:16</t>
  </si>
  <si>
    <t>12/17/2019 13:48:46</t>
  </si>
  <si>
    <t>12/17/2019 13:52:46</t>
  </si>
  <si>
    <t>12/17/2019 13:52:04</t>
  </si>
  <si>
    <t>12/17/2019 13:51:06</t>
  </si>
  <si>
    <t>12/17/2019 13:54:21</t>
  </si>
  <si>
    <t>12/17/2019 13:49:49</t>
  </si>
  <si>
    <t>12/17/2019 13:55:21</t>
  </si>
  <si>
    <t>12/17/2019 13:53:36</t>
  </si>
  <si>
    <t>12/17/2019 13:56:21</t>
  </si>
  <si>
    <t>7f692861-b90b-4640-ad80-91476c83db41.tmp</t>
  </si>
  <si>
    <t>\\acsfs\profiles$\gabrielamdp\Downloads\7f692861-b90b-4640-ad80-91476c83db41.tmp</t>
  </si>
  <si>
    <t>c4e781af-4ff0-4be5-86e2-9dfe86bf1ffd.tmp</t>
  </si>
  <si>
    <t>\\acsfs\profiles$\gabrielamdp\Downloads\c4e781af-4ff0-4be5-86e2-9dfe86bf1ffd.tmp</t>
  </si>
  <si>
    <t>c35144ee-6ddd-4d51-8e5d-faf159bb94e9.tmp</t>
  </si>
  <si>
    <t>\\acsfs\profiles$\gabrielamdp\Downloads\c35144ee-6ddd-4d51-8e5d-faf159bb94e9.tmp</t>
  </si>
  <si>
    <t>12/17/2019 13:53:37</t>
  </si>
  <si>
    <t>7250a8de-be56-4cba-8c87-01b6ae507bef.tmp</t>
  </si>
  <si>
    <t>\\acsfs\profiles$\gabrielamdp\Downloads\7250a8de-be56-4cba-8c87-01b6ae507bef.tmp</t>
  </si>
  <si>
    <t>12/17/2019 13:53:38</t>
  </si>
  <si>
    <t>c6ce6488-2088-4b05-a68d-d147e3cf0688.tmp</t>
  </si>
  <si>
    <t>\\acsfs\profiles$\gabrielamdp\Downloads\c6ce6488-2088-4b05-a68d-d147e3cf0688.tmp</t>
  </si>
  <si>
    <t>12/17/2019 13:52:26</t>
  </si>
  <si>
    <t>\\acsfs\DEPTOS\Operacao\Banco_Votorantim\Treinamento\</t>
  </si>
  <si>
    <t>monitoria.docx</t>
  </si>
  <si>
    <t>\\acsfs\DEPTOS\Operacao\Banco_Votorantim\Treinamento\monitoria.docx</t>
  </si>
  <si>
    <t>12/17/2019 13:53:02</t>
  </si>
  <si>
    <t>12/17/2019 13:57:21</t>
  </si>
  <si>
    <t>12/17/2019 13:53:03</t>
  </si>
  <si>
    <t>lu1672411orqx.tmp</t>
  </si>
  <si>
    <t>\\acsfs\profiles$\VIVIANALDS\My Documents\lu1672411orqx.tmp</t>
  </si>
  <si>
    <t>\\acsfs\profiles$\VIVIANALDS\My Documents\lu1672411orqx.tmp\</t>
  </si>
  <si>
    <t>\\acsfs\profiles$\VIVIANALDS\My Documents\lu1672411orqx.tmp\META-INF\</t>
  </si>
  <si>
    <t>\\acsfs\profiles$\VIVIANALDS\My Documents\lu1672411orqx.tmp\Thumbnails\</t>
  </si>
  <si>
    <t>12/17/2019 13:53:05</t>
  </si>
  <si>
    <t>12/17/2019 13:53:06</t>
  </si>
  <si>
    <t>lu1672411orr1.tmp</t>
  </si>
  <si>
    <t>\\acsfs\profiles$\VIVIANALDS\My Documents\lu1672411orr1.tmp</t>
  </si>
  <si>
    <t>\\acsfs\profiles$\VIVIANALDS\My Documents\lu1672411orr1.tmp\</t>
  </si>
  <si>
    <t>\\acsfs\profiles$\VIVIANALDS\My Documents\lu1672411orr1.tmp\META-INF\</t>
  </si>
  <si>
    <t>\\acsfs\profiles$\VIVIANALDS\My Documents\lu1672411orr1.tmp\Thumbnails\</t>
  </si>
  <si>
    <t>12/17/2019 13:52:57</t>
  </si>
  <si>
    <t>7fad54a6-e5f5-44d7-9463-83c1e3354e84.tmp</t>
  </si>
  <si>
    <t>\\acsfs\profiles$\bernardopcm\Downloads\7fad54a6-e5f5-44d7-9463-83c1e3354e84.tmp</t>
  </si>
  <si>
    <t>12/17/2019 13:52:14</t>
  </si>
  <si>
    <t>12/17/2019 13:58:21</t>
  </si>
  <si>
    <t>12/17/2019 13:55:40</t>
  </si>
  <si>
    <t>12/17/2019 13:53:16</t>
  </si>
  <si>
    <t>12/17/2019 13:54:50</t>
  </si>
  <si>
    <t>12/17/2019 13:59:21</t>
  </si>
  <si>
    <t>ALERTA INGRID.PNG</t>
  </si>
  <si>
    <t>\\acsfs\DEPTOS\Operacao\Banco_Votorantim\Qualidade\Eliane\ALERTA INGRID.PNG</t>
  </si>
  <si>
    <t>12/17/2019 13:55:06</t>
  </si>
  <si>
    <t>12/17/2019 13:58:25</t>
  </si>
  <si>
    <t>bc1479d8-4b4a-49b9-a94b-291ae03146c0.tmp</t>
  </si>
  <si>
    <t>\\acsfs\profiles$\layonmof\Downloads\bc1479d8-4b4a-49b9-a94b-291ae03146c0.tmp</t>
  </si>
  <si>
    <t>12/17/2019 13:57:04</t>
  </si>
  <si>
    <t>12/17/2019 13:58:04</t>
  </si>
  <si>
    <t>12/17/2019 13:55:41</t>
  </si>
  <si>
    <t>12/17/2019 14:00:21</t>
  </si>
  <si>
    <t>12/17/2019 13:55:53</t>
  </si>
  <si>
    <t>12/17/2019 13:55:55</t>
  </si>
  <si>
    <t>12/17/2019 13:57:58</t>
  </si>
  <si>
    <t>12/17/2019 14:01:21</t>
  </si>
  <si>
    <t>12/17/2019 13:58:35</t>
  </si>
  <si>
    <t>12/17/2019 13:58:56</t>
  </si>
  <si>
    <t>12/17/2019 13:57:35</t>
  </si>
  <si>
    <t>12/17/2019 14:01:42</t>
  </si>
  <si>
    <t>12/17/2019 14:02:20</t>
  </si>
  <si>
    <t>lu1672411orr5.tmp</t>
  </si>
  <si>
    <t>\\acsfs\profiles$\VIVIANALDS\My Documents\lu1672411orr5.tmp</t>
  </si>
  <si>
    <t>\\acsfs\profiles$\VIVIANALDS\My Documents\lu1672411orr5.tmp\</t>
  </si>
  <si>
    <t>\\acsfs\profiles$\VIVIANALDS\My Documents\lu1672411orr5.tmp\META-INF\</t>
  </si>
  <si>
    <t>\\acsfs\profiles$\VIVIANALDS\My Documents\lu1672411orr5.tmp\Thumbnails\</t>
  </si>
  <si>
    <t>12/17/2019 14:00:11</t>
  </si>
  <si>
    <t>12/17/2019 14:03:21</t>
  </si>
  <si>
    <t>12/17/2019 13:58:32</t>
  </si>
  <si>
    <t>Classificacao_de_Ativos_-_SPOF Diesel.xlsx</t>
  </si>
  <si>
    <t>12/17/2019 13:59:17</t>
  </si>
  <si>
    <t>mail.google.com/_/upload?authuser=0&amp;dcp=asu-n&amp;upload_id=AEnB2UqNSFPq8HpsQk2eNc0xhzDTUngv8gyRM9QJcK2sP2K23CGNIzKswZBMU8ZFJOl5CLEQ5CmgltU3T2gwJKmFc2i7E8m28xX27nbkNy92eR8E6en5elY&amp;upload_protocol=resumable</t>
  </si>
  <si>
    <t>12/17/2019 14:03:04</t>
  </si>
  <si>
    <t>12/17/2019 14:04:20</t>
  </si>
  <si>
    <t>12/17/2019 14:01:02</t>
  </si>
  <si>
    <t>12/17/2019 14:05:20</t>
  </si>
  <si>
    <t>lu1803211wy1x.tmp</t>
  </si>
  <si>
    <t>\\acsfs\profiles$\dhiulliananads\My Documents\lu1803211wy1x.tmp</t>
  </si>
  <si>
    <t>\\acsfs\profiles$\dhiulliananads\My Documents\lu1803211wy1x.tmp\</t>
  </si>
  <si>
    <t>\\acsfs\profiles$\dhiulliananads\My Documents\lu1803211wy1x.tmp\META-INF\</t>
  </si>
  <si>
    <t>\\acsfs\profiles$\dhiulliananads\My Documents\lu1803211wy1x.tmp\Thumbnails\</t>
  </si>
  <si>
    <t>12/17/2019 14:01:10</t>
  </si>
  <si>
    <t>12/17/2019 14:01:11</t>
  </si>
  <si>
    <t>lu1803211wy21.tmp</t>
  </si>
  <si>
    <t>\\acsfs\profiles$\dhiulliananads\My Documents\lu1803211wy21.tmp</t>
  </si>
  <si>
    <t>\\acsfs\profiles$\dhiulliananads\My Documents\lu1803211wy21.tmp\</t>
  </si>
  <si>
    <t>\\acsfs\profiles$\dhiulliananads\My Documents\lu1803211wy21.tmp\META-INF\</t>
  </si>
  <si>
    <t>\\acsfs\profiles$\dhiulliananads\My Documents\lu1803211wy21.tmp\Thumbnails\</t>
  </si>
  <si>
    <t>12/17/2019 14:01:13</t>
  </si>
  <si>
    <t>12/17/2019 14:01:14</t>
  </si>
  <si>
    <t>lu1803211wy25.tmp</t>
  </si>
  <si>
    <t>\\acsfs\profiles$\dhiulliananads\My Documents\lu1803211wy25.tmp</t>
  </si>
  <si>
    <t>\\acsfs\profiles$\dhiulliananads\My Documents\lu1803211wy25.tmp\</t>
  </si>
  <si>
    <t>\\acsfs\profiles$\dhiulliananads\My Documents\lu1803211wy25.tmp\META-INF\</t>
  </si>
  <si>
    <t>\\acsfs\profiles$\dhiulliananads\My Documents\lu1803211wy25.tmp\Thumbnails\</t>
  </si>
  <si>
    <t>12/17/2019 14:01:15</t>
  </si>
  <si>
    <t>12/17/2019 14:01:25</t>
  </si>
  <si>
    <t>12/17/2019 14:01:30</t>
  </si>
  <si>
    <t>12/17/2019 14:01:40</t>
  </si>
  <si>
    <t>12/17/2019 14:01:49</t>
  </si>
  <si>
    <t>12/17/2019 14:01:55</t>
  </si>
  <si>
    <t>12/17/2019 14:02:03</t>
  </si>
  <si>
    <t>12/17/2019 14:02:27</t>
  </si>
  <si>
    <t>12/17/2019 14:02:57</t>
  </si>
  <si>
    <t>12/17/2019 14:04:02</t>
  </si>
  <si>
    <t>4b61be17-5ec3-4b95-8d0b-695aefa09b45.tmp</t>
  </si>
  <si>
    <t>\\acsfs\profiles$\victorgl\Downloads\4b61be17-5ec3-4b95-8d0b-695aefa09b45.tmp</t>
  </si>
  <si>
    <t>12/17/2019 14:04:13</t>
  </si>
  <si>
    <t>12/17/2019 14:06:20</t>
  </si>
  <si>
    <t>94e4839a-3682-42be-802a-f1a38c3be735.tmp</t>
  </si>
  <si>
    <t>\\acsfs\profiles$\gabrielamdp\Downloads\94e4839a-3682-42be-802a-f1a38c3be735.tmp</t>
  </si>
  <si>
    <t>12/17/2019 14:01:12</t>
  </si>
  <si>
    <t>12/17/2019 14:01:46</t>
  </si>
  <si>
    <t>mail.google.com/sync/u/0/i/s?hl=pt-BR&amp;c=428</t>
  </si>
  <si>
    <t>12/17/2019 14:01:54</t>
  </si>
  <si>
    <t>mail.google.com/sync/u/0/i/s?hl=pt-BR&amp;c=430</t>
  </si>
  <si>
    <t>12/17/2019 14:02:00</t>
  </si>
  <si>
    <t>mail.google.com/sync/u/0/i/s?hl=pt-BR&amp;c=432</t>
  </si>
  <si>
    <t>12/17/2019 14:03:00</t>
  </si>
  <si>
    <t>12/17/2019 14:03:51</t>
  </si>
  <si>
    <t>12/17/2019 14:07:20</t>
  </si>
  <si>
    <t>12/17/2019 14:08:21</t>
  </si>
  <si>
    <t>12/17/2019 14:08:24</t>
  </si>
  <si>
    <t>12/17/2019 14:09:20</t>
  </si>
  <si>
    <t>ALERTA JULIANA.PNG</t>
  </si>
  <si>
    <t>\\acsfs\DEPTOS\Operacao\Banco_Votorantim\Qualidade\Eliane\ALERTA JULIANA.PNG</t>
  </si>
  <si>
    <t>12/17/2019 14:03:42</t>
  </si>
  <si>
    <t>8d9554e6-3314-400d-b0cf-2e08d72e8935.tmp</t>
  </si>
  <si>
    <t>\\acsfs\profiles$\alinepp\Downloads\8d9554e6-3314-400d-b0cf-2e08d72e8935.tmp</t>
  </si>
  <si>
    <t>12/17/2019 14:04:31</t>
  </si>
  <si>
    <t>72dcf564-e029-43aa-bf18-8994697fb21f.tmp</t>
  </si>
  <si>
    <t>\\acsfs\profiles$\alinepp\Downloads\72dcf564-e029-43aa-bf18-8994697fb21f.tmp</t>
  </si>
  <si>
    <t>12/17/2019 14:05:49</t>
  </si>
  <si>
    <t>50716d51-de85-40c2-9c37-98ff11f5ea16.tmp</t>
  </si>
  <si>
    <t>\\acsfs\profiles$\alinepp\Downloads\50716d51-de85-40c2-9c37-98ff11f5ea16.tmp</t>
  </si>
  <si>
    <t>12/17/2019 14:08:04</t>
  </si>
  <si>
    <t>cc6235f1-828f-4eeb-a2bb-46afa736b101.tmp</t>
  </si>
  <si>
    <t>\\acsfs\profiles$\alinepp\Downloads\cc6235f1-828f-4eeb-a2bb-46afa736b101.tmp</t>
  </si>
  <si>
    <t>12/17/2019 14:07:54</t>
  </si>
  <si>
    <t>6a38256e-bcbb-4897-9c2a-e02c88446541.tmp</t>
  </si>
  <si>
    <t>\\acsfs\profiles$\gabrieleods\Downloads\6a38256e-bcbb-4897-9c2a-e02c88446541.tmp</t>
  </si>
  <si>
    <t>12/17/2019 14:04:04</t>
  </si>
  <si>
    <t>12/17/2019 14:05:18</t>
  </si>
  <si>
    <t>50ebcd07-25dc-46d5-adec-38b475574c78.tmp</t>
  </si>
  <si>
    <t>\\acsfs\profiles$\milenaas\Downloads\50ebcd07-25dc-46d5-adec-38b475574c78.tmp</t>
  </si>
  <si>
    <t>12/17/2019 14:09:03</t>
  </si>
  <si>
    <t>12/17/2019 14:10:21</t>
  </si>
  <si>
    <t>12/17/2019 14:09:04</t>
  </si>
  <si>
    <t>12/17/2019 14:09:12</t>
  </si>
  <si>
    <t>12/17/2019 14:09:13</t>
  </si>
  <si>
    <t>12/17/2019 14:06:33</t>
  </si>
  <si>
    <t>20a238ac-8fd1-4c8c-99d9-f403e97e9648.tmp</t>
  </si>
  <si>
    <t>\\acsfs\profiles$\victorgl\Downloads\20a238ac-8fd1-4c8c-99d9-f403e97e9648.tmp</t>
  </si>
  <si>
    <t>12/17/2019 14:06:46</t>
  </si>
  <si>
    <t>639cbf8c-4d41-44cc-ba69-1995a6acb84b.tmp</t>
  </si>
  <si>
    <t>\\acsfs\profiles$\victorgl\Downloads\639cbf8c-4d41-44cc-ba69-1995a6acb84b.tmp</t>
  </si>
  <si>
    <t>12/17/2019 14:06:50</t>
  </si>
  <si>
    <t>f48fcafa-021d-4974-a912-677eb3f38e4f.tmp</t>
  </si>
  <si>
    <t>\\acsfs\profiles$\victorgl\Downloads\f48fcafa-021d-4974-a912-677eb3f38e4f.tmp</t>
  </si>
  <si>
    <t>12/17/2019 14:10:20</t>
  </si>
  <si>
    <t>12/17/2019 14:11:20</t>
  </si>
  <si>
    <t>76859bf4-fcf5-496e-bd84-f0c7ef724931.tmp</t>
  </si>
  <si>
    <t>\\acsfs\profiles$\valeriasda\Downloads\76859bf4-fcf5-496e-bd84-f0c7ef724931.tmp</t>
  </si>
  <si>
    <t>12/17/2019 14:10:32</t>
  </si>
  <si>
    <t>5fd68156-aa56-4631-bc9a-60e6796ad41b.tmp</t>
  </si>
  <si>
    <t>\\acsfs\profiles$\valeriasda\Downloads\5fd68156-aa56-4631-bc9a-60e6796ad41b.tmp</t>
  </si>
  <si>
    <t>12/17/2019 14:08:00</t>
  </si>
  <si>
    <t>ac816276-cca1-404c-b3f8-2900ba8889aa.tmp</t>
  </si>
  <si>
    <t>\\acsfs\profiles$\luanaldsi\Downloads\ac816276-cca1-404c-b3f8-2900ba8889aa.tmp</t>
  </si>
  <si>
    <t>12/17/2019 14:08:02</t>
  </si>
  <si>
    <t>705275db-0af1-4f5e-b044-0a61baac928c.tmp</t>
  </si>
  <si>
    <t>\\acsfs\profiles$\luanaldsi\Downloads\705275db-0af1-4f5e-b044-0a61baac928c.tmp</t>
  </si>
  <si>
    <t>12/17/2019 14:06:28</t>
  </si>
  <si>
    <t>12/17/2019 14:08:35</t>
  </si>
  <si>
    <t>12/17/2019 14:12:21</t>
  </si>
  <si>
    <t>459ff477-e328-4fee-b0b9-679e0ef47e89.tmp</t>
  </si>
  <si>
    <t>\\acsfs\profiles$\deboraaa\Downloads\459ff477-e328-4fee-b0b9-679e0ef47e89.tmp</t>
  </si>
  <si>
    <t>12/17/2019 14:13:20</t>
  </si>
  <si>
    <t>12/17/2019 14:11:39</t>
  </si>
  <si>
    <t>12/17/2019 14:14:21</t>
  </si>
  <si>
    <t>12/17/2019 14:10:04</t>
  </si>
  <si>
    <t>12/17/2019 14:12:27</t>
  </si>
  <si>
    <t>12/17/2019 14:15:20</t>
  </si>
  <si>
    <t>12/17/2019 14:10:12</t>
  </si>
  <si>
    <t>12/17/2019 14:14:05</t>
  </si>
  <si>
    <t>12/17/2019 14:14:23</t>
  </si>
  <si>
    <t>12/17/2019 14:14:29</t>
  </si>
  <si>
    <t>12/17/2019 14:11:31</t>
  </si>
  <si>
    <t>0c0244b8-37e5-45c1-8ad5-e09a43c55ade.tmp</t>
  </si>
  <si>
    <t>\\acsfs\profiles$\victorgl\Downloads\0c0244b8-37e5-45c1-8ad5-e09a43c55ade.tmp</t>
  </si>
  <si>
    <t>12/17/2019 14:14:33</t>
  </si>
  <si>
    <t>12/17/2019 14:16:21</t>
  </si>
  <si>
    <t>b1bf3852-ec98-4288-ac0f-c0fcce78069b.tmp</t>
  </si>
  <si>
    <t>\\acsfs\profiles$\adrielyas\Downloads\b1bf3852-ec98-4288-ac0f-c0fcce78069b.tmp</t>
  </si>
  <si>
    <t>12/17/2019 14:11:23</t>
  </si>
  <si>
    <t>12/17/2019 14:11:42</t>
  </si>
  <si>
    <t>12/17/2019 14:15:41</t>
  </si>
  <si>
    <t>12/17/2019 14:15:49</t>
  </si>
  <si>
    <t>12/17/2019 14:15:15</t>
  </si>
  <si>
    <t>063d7cb1-a25c-41f2-a71c-bef8930415ba.tmp</t>
  </si>
  <si>
    <t>\\acsfs\profiles$\joycemmdl\Downloads\063d7cb1-a25c-41f2-a71c-bef8930415ba.tmp</t>
  </si>
  <si>
    <t>12/17/2019 14:15:32</t>
  </si>
  <si>
    <t>12/17/2019 14:15:39</t>
  </si>
  <si>
    <t>Unconfirmed 912232.crdownload</t>
  </si>
  <si>
    <t>\\acsfs\profiles$\joycemmdl\Downloads\Unconfirmed 912232.crdownload</t>
  </si>
  <si>
    <t>12/17/2019 14:15:48</t>
  </si>
  <si>
    <t>b0ffe4fb-4ef7-4d60-978c-6dc601d7cd97.tmp</t>
  </si>
  <si>
    <t>\\acsfs\profiles$\joycemmdl\Downloads\b0ffe4fb-4ef7-4d60-978c-6dc601d7cd97.tmp</t>
  </si>
  <si>
    <t>12/17/2019 14:13:40</t>
  </si>
  <si>
    <t>12/17/2019 14:17:20</t>
  </si>
  <si>
    <t>mail.google.com/_/upload?authuser=0&amp;dcp=asu-n&amp;upload_id=AEnB2Upe1TVkaNsOJsOFzn9B91649tX5hfNL2qyGGb02NbGj6mQTPOCjDkl5mrLnd_HTJFiPtdEyTu2_NW3mO9exvHm4HRZVciir_FvfwEady82ijtUlAVk&amp;upload_protocol=resumable</t>
  </si>
  <si>
    <t>alinedsdi@algartech.com;brunocss@algartech.com;camilaammm@algartech.com;isabelafc@algartech.com;jackelinegn@algartech.com;patriciama@algartech.com;</t>
  </si>
  <si>
    <t>alinedsdi@algartech.com,brunocss@algartech.com,camilaammm@algartech.com,isabelafc@algartech.com,jackelinegn@algartech.com,patriciama@algartech.com</t>
  </si>
  <si>
    <t>12/17/2019 14:11:37</t>
  </si>
  <si>
    <t>ENC: (Case 984298) Concur - Eduardo Adas *** Urgent ***</t>
  </si>
  <si>
    <t>12/17/2019 14:15:23</t>
  </si>
  <si>
    <t>12/17/2019 14:15:24</t>
  </si>
  <si>
    <t>lu1263212j3p4.tmp</t>
  </si>
  <si>
    <t>\\acsfs\profiles$\luanarda\lu1263212j3p4.tmp</t>
  </si>
  <si>
    <t>\\acsfs\profiles$\luanarda\lu1263212j3p4.tmp\</t>
  </si>
  <si>
    <t>\\acsfs\profiles$\luanarda\lu1263212j3p4.tmp\META-INF\</t>
  </si>
  <si>
    <t>\\acsfs\profiles$\luanarda\lu1263212j3p4.tmp\Thumbnails\</t>
  </si>
  <si>
    <t>12/17/2019 14:15:09</t>
  </si>
  <si>
    <t>12/17/2019 14:18:21</t>
  </si>
  <si>
    <t>/o=exchangelabs/ou=exchange administrative group (fydibohf23spdlt)/cn=recipients/cn=00dbcea0702d4358b7c66d1d0dd7b863-juliana tei;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47bcba0edfbb48d39e9b215eae1400b2-ana paula s;/o=exchangelabs/ou=exchange administrative group (fydibohf23spdlt)/cn=recipients/cn=8b5b63d67af648d081a40c45cc800804-fabiana per;/o=exchangelabs/ou=exchange administrative group (fydibohf23spdlt)/cn=recipients/cn=f12a8a47728048b0a734508ea6226c04-michele dos;/o=exchangelabs/ou=exchange administrative group (fydibohf23spdlt)/cn=recipients/cn=f45617401bdf436baf70c45766699413-frederico b;alessandracm@algartech.com;crislainesc@algartech.com.br;fabiolacc@algartecnologia.com.br;</t>
  </si>
  <si>
    <t>/o=exchangelabs/ou=exchange administrative group (fydibohf23spdlt)/cn=recipients/cn=00dbcea0702d4358b7c66d1d0dd7b863-juliana tei,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47bcba0edfbb48d39e9b215eae1400b2-ana paula s,/o=exchangelabs/ou=exchange administrative group (fydibohf23spdlt)/cn=recipients/cn=8b5b63d67af648d081a40c45cc800804-fabiana per,/o=exchangelabs/ou=exchange administrative group (fydibohf23spdlt)/cn=recipients/cn=f12a8a47728048b0a734508ea6226c04-michele dos,/o=exchangelabs/ou=exchange administrative group (fydibohf23spdlt)/cn=recipients/cn=f45617401bdf436baf70c45766699413-frederico b,alessandracm@algartech.com,crislainesc@algartech.com.br,fabiolacc@algartecnologia.com.br</t>
  </si>
  <si>
    <t>12/17/2019 14:14:43</t>
  </si>
  <si>
    <t>12/17/2019 14:13:49</t>
  </si>
  <si>
    <t>12/17/2019 14:14:19</t>
  </si>
  <si>
    <t>12/17/2019 14:15:04</t>
  </si>
  <si>
    <t>12/17/2019 14:19:20</t>
  </si>
  <si>
    <t>12/17/2019 14:16:04</t>
  </si>
  <si>
    <t>12/17/2019 14:17:10</t>
  </si>
  <si>
    <t>12/17/2019 14:20:21</t>
  </si>
  <si>
    <t>lu1803211wy29.tmp</t>
  </si>
  <si>
    <t>\\acsfs\profiles$\dhiulliananads\My Documents\lu1803211wy29.tmp</t>
  </si>
  <si>
    <t>\\acsfs\profiles$\dhiulliananads\My Documents\lu1803211wy29.tmp\</t>
  </si>
  <si>
    <t>\\acsfs\profiles$\dhiulliananads\My Documents\lu1803211wy29.tmp\META-INF\</t>
  </si>
  <si>
    <t>\\acsfs\profiles$\dhiulliananads\My Documents\lu1803211wy29.tmp\Thumbnails\</t>
  </si>
  <si>
    <t>12/17/2019 14:17:22</t>
  </si>
  <si>
    <t>12/17/2019 14:17:23</t>
  </si>
  <si>
    <t>lu1803211wy2d.tmp</t>
  </si>
  <si>
    <t>\\acsfs\profiles$\dhiulliananads\My Documents\lu1803211wy2d.tmp</t>
  </si>
  <si>
    <t>\\acsfs\profiles$\dhiulliananads\My Documents\lu1803211wy2d.tmp\</t>
  </si>
  <si>
    <t>\\acsfs\profiles$\dhiulliananads\My Documents\lu1803211wy2d.tmp\META-INF\</t>
  </si>
  <si>
    <t>\\acsfs\profiles$\dhiulliananads\My Documents\lu1803211wy2d.tmp\Thumbnails\</t>
  </si>
  <si>
    <t>12/17/2019 14:15:53</t>
  </si>
  <si>
    <t>12/17/2019 14:15:54</t>
  </si>
  <si>
    <t>12/17/2019 14:20:00</t>
  </si>
  <si>
    <t>12/17/2019 14:21:21</t>
  </si>
  <si>
    <t>12/17/2019 14:20:19</t>
  </si>
  <si>
    <t>12/17/2019 14:19:32</t>
  </si>
  <si>
    <t>12/17/2019 14:20:02</t>
  </si>
  <si>
    <t>12/17/2019 14:16:55</t>
  </si>
  <si>
    <t>63c70d9a-d086-4b05-b614-373dff7977e1.tmp</t>
  </si>
  <si>
    <t>\\acsfs\profiles$\joycemmdl\Downloads\63c70d9a-d086-4b05-b614-373dff7977e1.tmp</t>
  </si>
  <si>
    <t>12/17/2019 14:21:39</t>
  </si>
  <si>
    <t>12/17/2019 14:22:21</t>
  </si>
  <si>
    <t>12/17/2019 14:20:39</t>
  </si>
  <si>
    <t>12/17/2019 14:18:54</t>
  </si>
  <si>
    <t>12/17/2019 14:18:20</t>
  </si>
  <si>
    <t>12/17/2019 14:23:21</t>
  </si>
  <si>
    <t>12/17/2019 14:18:50</t>
  </si>
  <si>
    <t>12/17/2019 14:19:50</t>
  </si>
  <si>
    <t>12/17/2019 14:22:20</t>
  </si>
  <si>
    <t>12/17/2019 14:23:14</t>
  </si>
  <si>
    <t>aa47533f-3927-424d-ad26-719dabf1f5fc.tmp</t>
  </si>
  <si>
    <t>\\acsfs\profiles$\geovannasm\Downloads\aa47533f-3927-424d-ad26-719dabf1f5fc.tmp</t>
  </si>
  <si>
    <t>12/17/2019 14:20:43</t>
  </si>
  <si>
    <t>12/17/2019 14:24:20</t>
  </si>
  <si>
    <t>e8934800-7eb3-421b-8be8-1c5bacf711f2.tmp</t>
  </si>
  <si>
    <t>\\acsfs\profiles$\alinepp\Downloads\e8934800-7eb3-421b-8be8-1c5bacf711f2.tmp</t>
  </si>
  <si>
    <t>12/17/2019 14:20:48</t>
  </si>
  <si>
    <t>7ba8fb49-483a-4d14-afc2-94af89d0501d.tmp</t>
  </si>
  <si>
    <t>\\acsfs\profiles$\alinepp\Downloads\7ba8fb49-483a-4d14-afc2-94af89d0501d.tmp</t>
  </si>
  <si>
    <t>12/17/2019 14:21:04</t>
  </si>
  <si>
    <t>12/17/2019 14:22:04</t>
  </si>
  <si>
    <t>12/17/2019 14:21:08</t>
  </si>
  <si>
    <t>12/17/2019 14:25:21</t>
  </si>
  <si>
    <t>Vendas Dezembro - OFICIAL2 (2).xlsx</t>
  </si>
  <si>
    <t>12/17/2019 14:19:55</t>
  </si>
  <si>
    <t>12/17/2019 14:23:35</t>
  </si>
  <si>
    <t>12/17/2019 14:24:06</t>
  </si>
  <si>
    <t>12/17/2019 14:26:21</t>
  </si>
  <si>
    <t>5729632e-5f07-41af-8afb-92266bff3b48.tmp</t>
  </si>
  <si>
    <t>\\acsfs\profiles$\valeriasda\Downloads\5729632e-5f07-41af-8afb-92266bff3b48.tmp</t>
  </si>
  <si>
    <t>12/17/2019 14:24:12</t>
  </si>
  <si>
    <t>77cac3be-e5b0-4a77-968f-2fecf1abc8fc.tmp</t>
  </si>
  <si>
    <t>\\acsfs\profiles$\valeriasda\Downloads\77cac3be-e5b0-4a77-968f-2fecf1abc8fc.tmp</t>
  </si>
  <si>
    <t>12/17/2019 14:24:17</t>
  </si>
  <si>
    <t>87455c71-eb91-4b72-93ef-bb253be3c70c.tmp</t>
  </si>
  <si>
    <t>\\acsfs\profiles$\valeriasda\Downloads\87455c71-eb91-4b72-93ef-bb253be3c70c.tmp</t>
  </si>
  <si>
    <t>12/17/2019 14:20:51</t>
  </si>
  <si>
    <t>12/17/2019 14:21:16</t>
  </si>
  <si>
    <t>NEXT 2019 E 2020.xls</t>
  </si>
  <si>
    <t>12/17/2019 14:23:55</t>
  </si>
  <si>
    <t>12/17/2019 14:22:39</t>
  </si>
  <si>
    <t>12/17/2019 14:27:21</t>
  </si>
  <si>
    <t>philipegsf</t>
  </si>
  <si>
    <t>\\acsfs\profiles$\philipegsf\Downloads\</t>
  </si>
  <si>
    <t>e83807a8-9021-48e2-b416-6bedcd6bf34e.tmp</t>
  </si>
  <si>
    <t>\\acsfs\profiles$\philipegsf\Downloads\e83807a8-9021-48e2-b416-6bedcd6bf34e.tmp</t>
  </si>
  <si>
    <t>12/17/2019 14:24:48</t>
  </si>
  <si>
    <t>4740a956-4385-4be0-a323-d371ef339801.tmp</t>
  </si>
  <si>
    <t>\\acsfs\profiles$\philipegsf\Downloads\4740a956-4385-4be0-a323-d371ef339801.tmp</t>
  </si>
  <si>
    <t>12/17/2019 14:18:49</t>
  </si>
  <si>
    <t>12/17/2019 14:28:21</t>
  </si>
  <si>
    <t>12/17/2019 14:23:31</t>
  </si>
  <si>
    <t>12/17/2019 14:24:28</t>
  </si>
  <si>
    <t>12/17/2019 14:25:51</t>
  </si>
  <si>
    <t>12/17/2019 14:27:51</t>
  </si>
  <si>
    <t>12/17/2019 14:23:23</t>
  </si>
  <si>
    <t>12/17/2019 14:29:21</t>
  </si>
  <si>
    <t>30bdc038-098d-4d0a-b473-b21c152953f8.tmp</t>
  </si>
  <si>
    <t>\\acsfs\profiles$\geovannasm\Downloads\30bdc038-098d-4d0a-b473-b21c152953f8.tmp</t>
  </si>
  <si>
    <t>12/17/2019 14:25:43</t>
  </si>
  <si>
    <t>ee8988fe-b75e-47ad-8061-91a9c6dee67e.tmp</t>
  </si>
  <si>
    <t>\\acsfs\profiles$\paulohaf\Downloads\ee8988fe-b75e-47ad-8061-91a9c6dee67e.tmp</t>
  </si>
  <si>
    <t>12/17/2019 14:27:04</t>
  </si>
  <si>
    <t>5b85d85f-4641-4bd2-818f-35e5a888ab35.tmp</t>
  </si>
  <si>
    <t>\\acsfs\profiles$\paulohaf\Downloads\5b85d85f-4641-4bd2-818f-35e5a888ab35.tmp</t>
  </si>
  <si>
    <t>12/17/2019 14:27:20</t>
  </si>
  <si>
    <t>c34255e6-0c4b-4b76-b473-815440ddb719.tmp</t>
  </si>
  <si>
    <t>\\acsfs\profiles$\paulohaf\Downloads\c34255e6-0c4b-4b76-b473-815440ddb719.tmp</t>
  </si>
  <si>
    <t>12/17/2019 14:27:52</t>
  </si>
  <si>
    <t>fe2e619a-853e-4572-b98a-8563bdc1df57.tmp</t>
  </si>
  <si>
    <t>\\acsfs\profiles$\paulohaf\Downloads\fe2e619a-853e-4572-b98a-8563bdc1df57.tmp</t>
  </si>
  <si>
    <t>12/17/2019 14:28:04</t>
  </si>
  <si>
    <t>12/17/2019 14:29:16</t>
  </si>
  <si>
    <t>12/17/2019 14:31:21</t>
  </si>
  <si>
    <t>12/17/2019 14:28:07</t>
  </si>
  <si>
    <t>fc6e78f8-2ce2-4943-a86f-0ac2b50300f7.tmp</t>
  </si>
  <si>
    <t>\\acsfs\profiles$\gabrielarb\Downloads\fc6e78f8-2ce2-4943-a86f-0ac2b50300f7.tmp</t>
  </si>
  <si>
    <t>12/17/2019 14:28:28</t>
  </si>
  <si>
    <t>12/17/2019 14:30:10</t>
  </si>
  <si>
    <t>12/17/2019 14:32:21</t>
  </si>
  <si>
    <t>973dbca1-100a-4b3e-a54b-8906b0153f8e.tmp</t>
  </si>
  <si>
    <t>\\acsfs\profiles$\deboraaa\Downloads\973dbca1-100a-4b3e-a54b-8906b0153f8e.tmp</t>
  </si>
  <si>
    <t>12/17/2019 14:33:21</t>
  </si>
  <si>
    <t>12/17/2019 14:28:22</t>
  </si>
  <si>
    <t>12/17/2019 14:29:22</t>
  </si>
  <si>
    <t>12/17/2019 14:29:52</t>
  </si>
  <si>
    <t>12/17/2019 14:30:22</t>
  </si>
  <si>
    <t>12/17/2019 14:30:52</t>
  </si>
  <si>
    <t>12/17/2019 14:34:20</t>
  </si>
  <si>
    <t>12/17/2019 14:33:04</t>
  </si>
  <si>
    <t>12/17/2019 14:31:28</t>
  </si>
  <si>
    <t>12/17/2019 14:35:21</t>
  </si>
  <si>
    <t>12/17/2019 14:33:51</t>
  </si>
  <si>
    <t>12/17/2019 14:36:21</t>
  </si>
  <si>
    <t>c322f98f-36df-4837-bed2-b3095ac13e89.tmp</t>
  </si>
  <si>
    <t>\\acsfs\profiles$\adrielyas\Downloads\c322f98f-36df-4837-bed2-b3095ac13e89.tmp</t>
  </si>
  <si>
    <t>12/17/2019 14:32:49</t>
  </si>
  <si>
    <t>12/17/2019 14:33:05</t>
  </si>
  <si>
    <t>12/17/2019 14:37:26</t>
  </si>
  <si>
    <t>12/17/2019 14:39:21</t>
  </si>
  <si>
    <t>5f7ee870-8243-447b-8a1b-f2c56a231b8d.tmp</t>
  </si>
  <si>
    <t>\\acsfs\profiles$\geovannasm\Downloads\5f7ee870-8243-447b-8a1b-f2c56a231b8d.tmp</t>
  </si>
  <si>
    <t>12/17/2019 14:36:37</t>
  </si>
  <si>
    <t>12/17/2019 14:34:05</t>
  </si>
  <si>
    <t>12/17/2019 14:40:44</t>
  </si>
  <si>
    <t>12/17/2019 14:41:21</t>
  </si>
  <si>
    <t>12/17/2019 14:37:10</t>
  </si>
  <si>
    <t>12/17/2019 14:39:07</t>
  </si>
  <si>
    <t>mail.google.com/sync/u/0/i/s?hl=pt-BR&amp;c=515</t>
  </si>
  <si>
    <t>12/17/2019 14:38:54</t>
  </si>
  <si>
    <t>12/17/2019 14:42:21</t>
  </si>
  <si>
    <t>402f3581-7100-4746-a392-df30ea76d26d.tmp</t>
  </si>
  <si>
    <t>\\acsfs\profiles$\erichds\Downloads\402f3581-7100-4746-a392-df30ea76d26d.tmp</t>
  </si>
  <si>
    <t>12/17/2019 14:40:20</t>
  </si>
  <si>
    <t>8e8ec838-2f5e-45ee-802e-a3d98d8e5be7.tmp</t>
  </si>
  <si>
    <t>\\acsfs\profiles$\erichds\Downloads\8e8ec838-2f5e-45ee-802e-a3d98d8e5be7.tmp</t>
  </si>
  <si>
    <t>12/17/2019 14:40:30</t>
  </si>
  <si>
    <t>cd7b2387-0dd6-4d68-8729-c34953626f66.tmp</t>
  </si>
  <si>
    <t>\\acsfs\profiles$\erichds\Downloads\cd7b2387-0dd6-4d68-8729-c34953626f66.tmp</t>
  </si>
  <si>
    <t>12/17/2019 14:39:53</t>
  </si>
  <si>
    <t>12/17/2019 14:43:21</t>
  </si>
  <si>
    <t>12/17/2019 14:44:21</t>
  </si>
  <si>
    <t>12/17/2019 14:39:05</t>
  </si>
  <si>
    <t>12/17/2019 14:40:05</t>
  </si>
  <si>
    <t>12/17/2019 14:40:19</t>
  </si>
  <si>
    <t>12/17/2019 14:45:21</t>
  </si>
  <si>
    <t>12/17/2019 14:42:26</t>
  </si>
  <si>
    <t>12/17/2019 14:42:34</t>
  </si>
  <si>
    <t>1594e69d-1506-4f17-80e8-a3b2e284bcfb.tmp</t>
  </si>
  <si>
    <t>\\acsfs\profiles$\rosileiam\Downloads\1594e69d-1506-4f17-80e8-a3b2e284bcfb.tmp</t>
  </si>
  <si>
    <t>12/17/2019 14:43:50</t>
  </si>
  <si>
    <t>27920176-aea0-494e-8a16-1ec58127490c.tmp</t>
  </si>
  <si>
    <t>\\acsfs\profiles$\rosileiam\Downloads\27920176-aea0-494e-8a16-1ec58127490c.tmp</t>
  </si>
  <si>
    <t>12/17/2019 14:44:05</t>
  </si>
  <si>
    <t>12/17/2019 14:46:21</t>
  </si>
  <si>
    <t>8f5d3602-e019-4973-b5d6-9286299b51b4.tmp</t>
  </si>
  <si>
    <t>\\acsfs\profiles$\wenderbnm\Downloads\8f5d3602-e019-4973-b5d6-9286299b51b4.tmp</t>
  </si>
  <si>
    <t>12/17/2019 14:44:44</t>
  </si>
  <si>
    <t>mail.google.com/sync/u/0/i/s?hl=pt-BR&amp;c=533</t>
  </si>
  <si>
    <t>12/17/2019 14:44:48</t>
  </si>
  <si>
    <t>mail.google.com/sync/u/0/i/s?hl=pt-BR&amp;c=535</t>
  </si>
  <si>
    <t>12/17/2019 14:45:09</t>
  </si>
  <si>
    <t>12/17/2019 14:45:06</t>
  </si>
  <si>
    <t>12/17/2019 14:47:21</t>
  </si>
  <si>
    <t>3cafff68-19cf-4bdd-b86e-bad6b90d5b5f.tmp</t>
  </si>
  <si>
    <t>\\acsfs\profiles$\philipegsf\Downloads\3cafff68-19cf-4bdd-b86e-bad6b90d5b5f.tmp</t>
  </si>
  <si>
    <t>12/17/2019 14:43:17</t>
  </si>
  <si>
    <t>12/17/2019 14:48:21</t>
  </si>
  <si>
    <t>CARGA HFM - OFICIAL 2020 - CONSOLIDADO.xlsm</t>
  </si>
  <si>
    <t>12/17/2019 14:46:04</t>
  </si>
  <si>
    <t>ENC: Volume Gerenciadas Amex e Visa - 17/12</t>
  </si>
  <si>
    <t>12/17/2019 14:45:24</t>
  </si>
  <si>
    <t>12/17/2019 14:46:24</t>
  </si>
  <si>
    <t>12/17/2019 14:46:54</t>
  </si>
  <si>
    <t>12/17/2019 14:47:24</t>
  </si>
  <si>
    <t>12/17/2019 14:49:21</t>
  </si>
  <si>
    <t>12/17/2019 14:45:05</t>
  </si>
  <si>
    <t>12/17/2019 14:46:05</t>
  </si>
  <si>
    <t>12/17/2019 14:48:57</t>
  </si>
  <si>
    <t>12/17/2019 14:51:22</t>
  </si>
  <si>
    <t>12/17/2019 14:50:02</t>
  </si>
  <si>
    <t>ae22d2f8-4f8a-41bf-bfab-789665084b64.tmp</t>
  </si>
  <si>
    <t>\\acsfs\profiles$\brendadsl\Downloads\ae22d2f8-4f8a-41bf-bfab-789665084b64.tmp</t>
  </si>
  <si>
    <t>12/17/2019 14:46:26</t>
  </si>
  <si>
    <t>mail.google.com/sync/u/0/i/s?hl=pt-BR&amp;c=539</t>
  </si>
  <si>
    <t>kesiadof@algartech.com;marianerdo@algartech.com;thiagordu@algartech.com;</t>
  </si>
  <si>
    <t>kesiadof@algartech.com,marianerdo@algartech.com,thiagordu@algartech.com</t>
  </si>
  <si>
    <t>12/17/2019 14:46:29</t>
  </si>
  <si>
    <t>mail.google.com/sync/u/0/i/s?hl=pt-BR&amp;c=541</t>
  </si>
  <si>
    <t>kesiadof@algartech.com;marianerdo@algartech.com;talmaiardo@algartech.com;thiagordu@algartech.com;</t>
  </si>
  <si>
    <t>kesiadof@algartech.com,marianerdo@algartech.com,talmaiardo@algartech.com,thiagordu@algartech.com</t>
  </si>
  <si>
    <t>12/17/2019 14:46:38</t>
  </si>
  <si>
    <t>mail.google.com/sync/u/0/i/s?hl=pt-BR&amp;c=543</t>
  </si>
  <si>
    <t>12/17/2019 14:46:43</t>
  </si>
  <si>
    <t>mail.google.com/sync/u/0/i/s?hl=pt-BR&amp;c=545</t>
  </si>
  <si>
    <t>12/17/2019 14:46:49</t>
  </si>
  <si>
    <t>12/17/2019 14:47:04</t>
  </si>
  <si>
    <t>mail.google.com/sync/u/0/i/s?hl=pt-BR&amp;c=551</t>
  </si>
  <si>
    <t>12/17/2019 14:47:25</t>
  </si>
  <si>
    <t>JOYCE MARIA MENDES DIAS LOPES_1_6766005957365408365_1_32.wav</t>
  </si>
  <si>
    <t>\\acsfs\DEPTOS\EDUCACAO EMPRESARIAL\Ligaçoes para MUTANT seg ciclo DEZEMBRO\JOYCE MARIA MENDES DIAS LOPES_1_6766005957365408365_1_32.wav</t>
  </si>
  <si>
    <t>12/17/2019 14:48:58</t>
  </si>
  <si>
    <t>mail.google.com/_/upload?authuser=0&amp;dcp=asu-n&amp;upload_id=AEnB2Uqy5XoOZCnfl3dcbxJ0gsKtQESoDNd8u1sADRG6Y8k96RmF9qgvazeYQV48AYXz4qy2ITtd1C13Qnp9X0DQiWdU-qSrqUKqt4ir3ERmuiYUwVNdxJ4&amp;upload_protocol=resumable</t>
  </si>
  <si>
    <t>12/17/2019 14:49:03</t>
  </si>
  <si>
    <t>mail.google.com/sync/u/0/i/s?hl=pt-BR&amp;c=555</t>
  </si>
  <si>
    <t>bianca.boari@dxc.com;bvs-centralcartoes@bv.com.br;fernandorsju@algartech.com;kesiadof@algartech.com;marianeps@algartech.com;marianerdo@algartech.com;mirianppb@algartech.com;talmaiardo@algartech.com;thiagordu@algartech.com;</t>
  </si>
  <si>
    <t>bianca.boari@dxc.com,bvs-centralcartoes@bv.com.br,fernandorsju@algartech.com,kesiadof@algartech.com,marianeps@algartech.com,marianerdo@algartech.com,mirianppb@algartech.com,talmaiardo@algartech.com,thiagordu@algartech.com</t>
  </si>
  <si>
    <t>12/17/2019 14:50:37</t>
  </si>
  <si>
    <t>12/17/2019 14:48:09</t>
  </si>
  <si>
    <t>03a7c136-56df-4ddb-8d33-0b81e109acb8.tmp</t>
  </si>
  <si>
    <t>\\acsfs\profiles$\brunalas\Downloads\03a7c136-56df-4ddb-8d33-0b81e109acb8.tmp</t>
  </si>
  <si>
    <t>12/17/2019 14:50:28</t>
  </si>
  <si>
    <t>06c386ab-1f76-41cf-b14a-e7050611bdfc.tmp</t>
  </si>
  <si>
    <t>\\acsfs\profiles$\brunalas\Downloads\06c386ab-1f76-41cf-b14a-e7050611bdfc.tmp</t>
  </si>
  <si>
    <t>12/17/2019 14:49:17</t>
  </si>
  <si>
    <t>12/17/2019 14:52:21</t>
  </si>
  <si>
    <t>12/17/2019 14:50:25</t>
  </si>
  <si>
    <t>12/17/2019 14:53:22</t>
  </si>
  <si>
    <t>12/17/2019 14:51:25</t>
  </si>
  <si>
    <t>12/17/2019 14:51:55</t>
  </si>
  <si>
    <t>12/17/2019 14:52:56</t>
  </si>
  <si>
    <t>12/17/2019 14:52:51</t>
  </si>
  <si>
    <t>12/17/2019 14:54:21</t>
  </si>
  <si>
    <t>https://udpwfmniceap02/web/guest/home?p_auth=jp3ywgpo&amp;p_p_id=58&amp;p_p_lifecycle=1&amp;p_p_state=maximized&amp;p_p_mode=view&amp;savelastpath=0&amp;_58_struts_action=/login/forgot_password</t>
  </si>
  <si>
    <t>12/17/2019 14:53:43</t>
  </si>
  <si>
    <t>mail.google.com/_/upload?authuser=2&amp;dcp=asu-n&amp;upload_id=AEnB2UrNG1TbEs8j_y7AFSGUtSVwupT9CAHro6_mEGr8SvzghCPsLqAjsL5Ec8XoCV3LHl0PlWchIpkj8JqL6TgCW7mWSbBHz7AUoXdwPZL-c1dUFVUbx78&amp;upload_protocol=resumable</t>
  </si>
  <si>
    <t>Dados Algar.xlsx</t>
  </si>
  <si>
    <t>12/17/2019 14:51:05</t>
  </si>
  <si>
    <t>12/17/2019 14:52:05</t>
  </si>
  <si>
    <t>12/17/2019 14:52:04</t>
  </si>
  <si>
    <t>12/17/2019 14:55:20</t>
  </si>
  <si>
    <t>Base Auxiliar de VQ's - URA Whirlpool 27.11.19.xlsx</t>
  </si>
  <si>
    <t>12/17/2019 14:52:08</t>
  </si>
  <si>
    <t>12/17/2019 14:56:21</t>
  </si>
  <si>
    <t>3a9c56db-578a-4ac9-9420-b5f27744dbe3.tmp</t>
  </si>
  <si>
    <t>\\acsfs\profiles$\gabrielamdp\Downloads\3a9c56db-578a-4ac9-9420-b5f27744dbe3.tmp</t>
  </si>
  <si>
    <t>12/17/2019 14:53:46</t>
  </si>
  <si>
    <t>12/17/2019 14:51:18</t>
  </si>
  <si>
    <t>12/17/2019 14:56:25</t>
  </si>
  <si>
    <t>12/17/2019 14:57:22</t>
  </si>
  <si>
    <t>10.200.67.136</t>
  </si>
  <si>
    <t>74-86-7A-FB-18-C1</t>
  </si>
  <si>
    <t>VOTORANT-GB006</t>
  </si>
  <si>
    <t>tainaralg</t>
  </si>
  <si>
    <t>\\acsfs\profiles$\tainaralg\Desktop\</t>
  </si>
  <si>
    <t>Bloco de notas senhas 2.txt</t>
  </si>
  <si>
    <t>\\acsfs\profiles$\tainaralg\Desktop\Bloco de notas senhas 2.txt</t>
  </si>
  <si>
    <t>12/17/2019 14:54:19</t>
  </si>
  <si>
    <t>12/17/2019 14:54:40</t>
  </si>
  <si>
    <t>59091ab9-b880-40b5-86e5-70c9a8e5b3ef.tmp</t>
  </si>
  <si>
    <t>\\acsfs\profiles$\erichds\Downloads\59091ab9-b880-40b5-86e5-70c9a8e5b3ef.tmp</t>
  </si>
  <si>
    <t>12/17/2019 14:55:33</t>
  </si>
  <si>
    <t>12/17/2019 14:58:21</t>
  </si>
  <si>
    <t>12/17/2019 14:54:14</t>
  </si>
  <si>
    <t>D:\OneDrive\AlgarTech\Pré-Vendas\Cliente\2019\Algar Telecom\XXXXX - Migração SAP - Alliag\</t>
  </si>
  <si>
    <t>12/17/2019 14:54:15</t>
  </si>
  <si>
    <t>12/17/2019 14:53:26</t>
  </si>
  <si>
    <t>12/17/2019 14:53:56</t>
  </si>
  <si>
    <t>12/17/2019 14:56:17</t>
  </si>
  <si>
    <t>12/17/2019 14:59:21</t>
  </si>
  <si>
    <t>4c698964-8edb-41f1-98ef-1b2787a55c29.tmp</t>
  </si>
  <si>
    <t>\\acsfs\profiles$\yurics\Downloads\4c698964-8edb-41f1-98ef-1b2787a55c29.tmp</t>
  </si>
  <si>
    <t>12/17/2019 14:57:05</t>
  </si>
  <si>
    <t>12/17/2019 14:58:05</t>
  </si>
  <si>
    <t>12/17/2019 14:58:54</t>
  </si>
  <si>
    <t>12/17/2019 15:00:21</t>
  </si>
  <si>
    <t>6038d727-e8ea-4a03-88f2-9c1eccb05c41.tmp</t>
  </si>
  <si>
    <t>\\acsfs\profiles$\vivianibfs\Downloads\6038d727-e8ea-4a03-88f2-9c1eccb05c41.tmp</t>
  </si>
  <si>
    <t>12/17/2019 14:54:55</t>
  </si>
  <si>
    <t>12/17/2019 14:54:56</t>
  </si>
  <si>
    <t>lu115642rmjmp.tmp</t>
  </si>
  <si>
    <t>\\acsfs\profiles$\jonatanls\My Documents\lu115642rmjmp.tmp</t>
  </si>
  <si>
    <t>12/17/2019 14:59:45</t>
  </si>
  <si>
    <t>12/17/2019 15:01:21</t>
  </si>
  <si>
    <t>12/17/2019 14:59:56</t>
  </si>
  <si>
    <t>12/17/2019 15:00:25</t>
  </si>
  <si>
    <t>12/17/2019 15:00:42</t>
  </si>
  <si>
    <t>6ae1d45a-42e9-4ab2-8978-0111c0745e06.tmp</t>
  </si>
  <si>
    <t>\\acsfs\profiles$\brendadsl\Downloads\6ae1d45a-42e9-4ab2-8978-0111c0745e06.tmp</t>
  </si>
  <si>
    <t>12/17/2019 14:57:58</t>
  </si>
  <si>
    <t>12/17/2019 15:00:17</t>
  </si>
  <si>
    <t>12/17/2019 15:02:20</t>
  </si>
  <si>
    <t>943b4c94-d167-4782-8cc2-8d549493b3fb.tmp</t>
  </si>
  <si>
    <t>\\acsfs\profiles$\larissaad\Downloads\943b4c94-d167-4782-8cc2-8d549493b3fb.tmp</t>
  </si>
  <si>
    <t>12/17/2019 15:00:30</t>
  </si>
  <si>
    <t>12/17/2019 15:00:49</t>
  </si>
  <si>
    <t>\\acsfs.acs.com.br\deptos\asyst\comercial\02 - faturamento\base gat\gat - documentos diversos clientes\contrato fujitsu\</t>
  </si>
  <si>
    <t>23313 invoice fujitsu.xlsx</t>
  </si>
  <si>
    <t>12/17/2019 15:00:51</t>
  </si>
  <si>
    <t>12/17/2019 15:03:21</t>
  </si>
  <si>
    <t>ENC: preencher planilha pls</t>
  </si>
  <si>
    <t>PAINEL CASOS ESCALADOS 10-12.xlsm</t>
  </si>
  <si>
    <t>12/17/2019 15:01:01</t>
  </si>
  <si>
    <t>lista de presença next- (18-12-2019).xlsx</t>
  </si>
  <si>
    <t>12/17/2019 15:01:17</t>
  </si>
  <si>
    <t>lista de presença ilha digital bradesco- (18-12-2019).xls</t>
  </si>
  <si>
    <t>12/17/2019 14:59:27</t>
  </si>
  <si>
    <t>12/17/2019 14:59:57</t>
  </si>
  <si>
    <t>12/17/2019 15:00:27</t>
  </si>
  <si>
    <t>12/17/2019 15:04:21</t>
  </si>
  <si>
    <t>12/17/2019 15:03:05</t>
  </si>
  <si>
    <t>12/17/2019 15:00:18</t>
  </si>
  <si>
    <t>12/17/2019 15:05:21</t>
  </si>
  <si>
    <t>c14e3e95-3952-437a-a53a-7a45fab728fc.tmp</t>
  </si>
  <si>
    <t>\\acsfs\profiles$\vivianibfs\Downloads\c14e3e95-3952-437a-a53a-7a45fab728fc.tmp</t>
  </si>
  <si>
    <t>8719eb8c-3f7a-40ec-8084-948c18ba6266.tmp</t>
  </si>
  <si>
    <t>\\acsfs\profiles$\vivianibfs\Downloads\8719eb8c-3f7a-40ec-8084-948c18ba6266.tmp</t>
  </si>
  <si>
    <t>2b4fa370-6296-49a3-afae-1e13ded2c51d.tmp</t>
  </si>
  <si>
    <t>\\acsfs\profiles$\vivianibfs\Downloads\2b4fa370-6296-49a3-afae-1e13ded2c51d.tmp</t>
  </si>
  <si>
    <t>12/17/2019 15:04:33</t>
  </si>
  <si>
    <t>78dd428a-1217-46bb-8d54-10bd062fe4c9.tmp</t>
  </si>
  <si>
    <t>\\acsfs\profiles$\paulovadc\Downloads\78dd428a-1217-46bb-8d54-10bd062fe4c9.tmp</t>
  </si>
  <si>
    <t>12/17/2019 15:03:11</t>
  </si>
  <si>
    <t>521a9f59-fb82-481d-9faa-faf1ee3bf8a3.tmp</t>
  </si>
  <si>
    <t>\\acsfs\profiles$\ayalabfi\Downloads\521a9f59-fb82-481d-9faa-faf1ee3bf8a3.tmp</t>
  </si>
  <si>
    <t>12/17/2019 13:23:25</t>
  </si>
  <si>
    <t>12/17/2019 15:06:21</t>
  </si>
  <si>
    <t>416340a7-a468-4ca3-b774-5287cfde4186.tmp</t>
  </si>
  <si>
    <t>\\acsfs\profiles$\KARENDSR\Downloads\416340a7-a468-4ca3-b774-5287cfde4186.tmp</t>
  </si>
  <si>
    <t>12/17/2019 13:23:52</t>
  </si>
  <si>
    <t>6d5f063c-2c99-4c3c-8dfc-99191db70529.tmp</t>
  </si>
  <si>
    <t>\\acsfs\profiles$\KARENDSR\Downloads\6d5f063c-2c99-4c3c-8dfc-99191db70529.tmp</t>
  </si>
  <si>
    <t>12/17/2019 15:01:25</t>
  </si>
  <si>
    <t>42187462-2b69-406f-9160-28a1f948ba01.tmp</t>
  </si>
  <si>
    <t>\\acsfs\profiles$\brendadsl\Downloads\42187462-2b69-406f-9160-28a1f948ba01.tmp</t>
  </si>
  <si>
    <t>12/17/2019 15:01:44</t>
  </si>
  <si>
    <t>5d11347b-8bbb-47c4-bedb-2fa966e46294.tmp</t>
  </si>
  <si>
    <t>\\acsfs\profiles$\brendadsl\Downloads\5d11347b-8bbb-47c4-bedb-2fa966e46294.tmp</t>
  </si>
  <si>
    <t>12/17/2019 15:03:20</t>
  </si>
  <si>
    <t>12/17/2019 15:04:39</t>
  </si>
  <si>
    <t>12/17/2019 15:04:29</t>
  </si>
  <si>
    <t>mail.google.com/sync/u/0/i/s?hl=pt-BR&amp;c=572</t>
  </si>
  <si>
    <t>12/17/2019 15:04:36</t>
  </si>
  <si>
    <t>12/17/2019 15:04:41</t>
  </si>
  <si>
    <t>mail.google.com/sync/u/0/i/s?hl=pt-BR&amp;c=577</t>
  </si>
  <si>
    <t>12/17/2019 15:04:02</t>
  </si>
  <si>
    <t>12/17/2019 15:03:25</t>
  </si>
  <si>
    <t>12/17/2019 15:07:21</t>
  </si>
  <si>
    <t>26699aba-498c-440b-84d9-c76ff78bb299.tmp</t>
  </si>
  <si>
    <t>\\acsfs\profiles$\larissaad\Downloads\26699aba-498c-440b-84d9-c76ff78bb299.tmp</t>
  </si>
  <si>
    <t>12/17/2019 15:06:57</t>
  </si>
  <si>
    <t>maxmillianosv@bv.algartech.com</t>
  </si>
  <si>
    <t>https://udpmailboxap01.acs.com.br:8443/h/search?si=0&amp;so=0&amp;sc=46672&amp;sfi=2&amp;st=conversation&amp;action=compose&amp;paction=paneview</t>
  </si>
  <si>
    <t>keillecdasp@bv.algartech.com;</t>
  </si>
  <si>
    <t>https://keillecdasp@bv.algartech.com</t>
  </si>
  <si>
    <t>12/17/2019 15:05:13</t>
  </si>
  <si>
    <t>12/17/2019 15:08:21</t>
  </si>
  <si>
    <t>12/17/2019 15:09:21</t>
  </si>
  <si>
    <t>12/17/2019 15:04:05</t>
  </si>
  <si>
    <t>12/17/2019 15:08:32</t>
  </si>
  <si>
    <t>12/17/2019 15:11:21</t>
  </si>
  <si>
    <t>12/17/2019 15:01:59</t>
  </si>
  <si>
    <t>Processo seletivo.xlsx</t>
  </si>
  <si>
    <t>12/17/2019 15:08:56</t>
  </si>
  <si>
    <t>32f9119f-2287-444c-a993-8e4dbca6d004.tmp</t>
  </si>
  <si>
    <t>\\acsfs\profiles$\KARENDSR\Downloads\32f9119f-2287-444c-a993-8e4dbca6d004.tmp</t>
  </si>
  <si>
    <t>12/17/2019 15:09:06</t>
  </si>
  <si>
    <t>12/17/2019 15:06:05</t>
  </si>
  <si>
    <t>12/17/2019 15:06:45</t>
  </si>
  <si>
    <t>12/17/2019 15:08:25</t>
  </si>
  <si>
    <t>JANAYNA TEREZA ROCHA ONOFRE_1_6765651833016884436_1_32.wav</t>
  </si>
  <si>
    <t>\\acsfs\DEPTOS\EDUCACAO EMPRESARIAL\Ligaçoes para MUTANT seg ciclo DEZEMBRO\JANAYNA TEREZA ROCHA ONOFRE_1_6765651833016884436_1_32.wav</t>
  </si>
  <si>
    <t>12/17/2019 15:08:28</t>
  </si>
  <si>
    <t>12/17/2019 15:12:21</t>
  </si>
  <si>
    <t>12/17/2019 15:12:05</t>
  </si>
  <si>
    <t>12/17/2019 15:13:21</t>
  </si>
  <si>
    <t>jussaragp@algartech.com;patricia.amaral@temposervicos.com.br;</t>
  </si>
  <si>
    <t>ENC: Régua BackOffice Agências</t>
  </si>
  <si>
    <t>jussaragp@algartech.com,patricia.amaral@temposervicos.com.br</t>
  </si>
  <si>
    <t>12/17/2019 15:10:29</t>
  </si>
  <si>
    <t>12/17/2019 15:10:59</t>
  </si>
  <si>
    <t>12/17/2019 15:11:29</t>
  </si>
  <si>
    <t>12/17/2019 15:14:21</t>
  </si>
  <si>
    <t>12/17/2019 15:09:05</t>
  </si>
  <si>
    <t>12/17/2019 15:10:05</t>
  </si>
  <si>
    <t>12/17/2019 15:11:19</t>
  </si>
  <si>
    <t>12/17/2019 15:15:21</t>
  </si>
  <si>
    <t>12/17/2019 15:11:33</t>
  </si>
  <si>
    <t>mail.google.com/sync/u/0/i/s?hl=pt-BR&amp;c=233</t>
  </si>
  <si>
    <t>12/17/2019 15:11:43</t>
  </si>
  <si>
    <t>12/17/2019 15:12:06</t>
  </si>
  <si>
    <t>12/17/2019 15:12:16</t>
  </si>
  <si>
    <t>mail.google.com/sync/u/0/i/s?hl=pt-BR&amp;c=240</t>
  </si>
  <si>
    <t>12/17/2019 15:12:29</t>
  </si>
  <si>
    <t>12/17/2019 15:12:46</t>
  </si>
  <si>
    <t>12/17/2019 15:13:10</t>
  </si>
  <si>
    <t>mail.google.com/sync/u/0/i/s?hl=pt-BR&amp;c=247</t>
  </si>
  <si>
    <t>12/17/2019 15:12:22</t>
  </si>
  <si>
    <t>12/17/2019 15:16:21</t>
  </si>
  <si>
    <t>d7e611c1-538b-4219-b202-8c09da4eaf66.tmp</t>
  </si>
  <si>
    <t>\\acsfs\profiles$\gabrielafs\Downloads\d7e611c1-538b-4219-b202-8c09da4eaf66.tmp</t>
  </si>
  <si>
    <t>12/17/2019 15:12:27</t>
  </si>
  <si>
    <t>3aff191c-cf56-4b60-9273-334b3fae08fa.tmp</t>
  </si>
  <si>
    <t>\\acsfs\profiles$\gabrielafs\Downloads\3aff191c-cf56-4b60-9273-334b3fae08fa.tmp</t>
  </si>
  <si>
    <t>12/17/2019 15:10:52</t>
  </si>
  <si>
    <t>c55b2dd7-4a3c-4765-93fa-61aa33791910.tmp</t>
  </si>
  <si>
    <t>\\acsfs\profiles$\KARENDSR\Downloads\c55b2dd7-4a3c-4765-93fa-61aa33791910.tmp</t>
  </si>
  <si>
    <t>12/17/2019 15:12:32</t>
  </si>
  <si>
    <t>12/17/2019 15:12:44</t>
  </si>
  <si>
    <t>12/17/2019 15:13:26</t>
  </si>
  <si>
    <t>e7c29f07-e8d6-4c60-b6cd-5a4216c8aa65.tmp</t>
  </si>
  <si>
    <t>\\acsfs\profiles$\brendadsl\Downloads\e7c29f07-e8d6-4c60-b6cd-5a4216c8aa65.tmp</t>
  </si>
  <si>
    <t>12/17/2019 15:15:31</t>
  </si>
  <si>
    <t>6d33e721-4d69-47b6-9c74-d7428af70495.tmp</t>
  </si>
  <si>
    <t>\\acsfs\profiles$\deborahsi\Downloads\6d33e721-4d69-47b6-9c74-d7428af70495.tmp</t>
  </si>
  <si>
    <t>12/17/2019 15:13:14</t>
  </si>
  <si>
    <t>12/17/2019 15:14:23</t>
  </si>
  <si>
    <t>12/17/2019 15:12:58</t>
  </si>
  <si>
    <t>12/17/2019 15:17:21</t>
  </si>
  <si>
    <t>leticia.albuquerque@bradesco.com.br;lorena.r.silva@bradesco.com.br;</t>
  </si>
  <si>
    <t>acoes.xlsx</t>
  </si>
  <si>
    <t>leticia.albuquerque@bradesco.com.br,lorena.r.silva@bradesco.com.br</t>
  </si>
  <si>
    <t>12/17/2019 15:13:44</t>
  </si>
  <si>
    <t>12/17/2019 15:18:21</t>
  </si>
  <si>
    <t>12/17/2019 15:19:21</t>
  </si>
  <si>
    <t>12/17/2019 15:15:05</t>
  </si>
  <si>
    <t>12/17/2019 15:16:05</t>
  </si>
  <si>
    <t>12/17/2019 15:14:36</t>
  </si>
  <si>
    <t>12/17/2019 15:20:21</t>
  </si>
  <si>
    <t>12/17/2019 15:14:42</t>
  </si>
  <si>
    <t>12/17/2019 15:14:58</t>
  </si>
  <si>
    <t>12/17/2019 15:15:11</t>
  </si>
  <si>
    <t>12/17/2019 15:15:23</t>
  </si>
  <si>
    <t>12/17/2019 15:15:45</t>
  </si>
  <si>
    <t>mail.google.com/sync/u/0/i/s?hl=pt-BR&amp;c=263</t>
  </si>
  <si>
    <t>12/17/2019 15:16:06</t>
  </si>
  <si>
    <t>mail.google.com/sync/u/0/i/s?hl=pt-BR&amp;c=265</t>
  </si>
  <si>
    <t>12/17/2019 15:16:15</t>
  </si>
  <si>
    <t>12/17/2019 15:16:22</t>
  </si>
  <si>
    <t>mail.google.com/sync/u/0/i/s?hl=pt-BR&amp;c=271</t>
  </si>
  <si>
    <t>12/17/2019 15:16:28</t>
  </si>
  <si>
    <t>12/17/2019 15:16:57</t>
  </si>
  <si>
    <t>12/17/2019 15:17:08</t>
  </si>
  <si>
    <t>12/17/2019 15:17:20</t>
  </si>
  <si>
    <t>mail.google.com/sync/u/0/i/s?hl=pt-BR&amp;c=282</t>
  </si>
  <si>
    <t>mail.google.com/sync/u/0/i/s?hl=pt-BR&amp;c=284</t>
  </si>
  <si>
    <t>12/17/2019 15:16:41</t>
  </si>
  <si>
    <t>12/17/2019 15:21:21</t>
  </si>
  <si>
    <t>12/17/2019 15:19:53</t>
  </si>
  <si>
    <t>12/17/2019 15:16:34</t>
  </si>
  <si>
    <t>12/17/2019 15:20:37</t>
  </si>
  <si>
    <t>12/17/2019 15:20:26</t>
  </si>
  <si>
    <t>mail.google.com/_/upload?authuser=0&amp;dcp=asu-n&amp;upload_id=AEnB2Uo33liqDzllI4oQBsiOWa7e3lLio_iaDADIAHepIXh_1rzWyMqc3t2eEBa5G_tCeZtoFEr0juujQQZiKZUH4VXrnSgkvhyddoT5E79knfM2dlfWoq4&amp;upload_protocol=resumable</t>
  </si>
  <si>
    <t>12/17/2019 15:19:36</t>
  </si>
  <si>
    <t>12/17/2019 15:22:20</t>
  </si>
  <si>
    <t>e52d270a-68f0-467e-9e38-6ac5a780bf48.tmp</t>
  </si>
  <si>
    <t>\\acsfs\profiles$\alexandrapp\Downloads\e52d270a-68f0-467e-9e38-6ac5a780bf48.tmp</t>
  </si>
  <si>
    <t>12/17/2019 15:19:37</t>
  </si>
  <si>
    <t>Q29udHJvbGxlci5FeHBsb3Jlcl8x.ica:Zone.Identifier</t>
  </si>
  <si>
    <t>\\acsfs\profiles$\alexandrapp\Downloads\Q29udHJvbGxlci5FeHBsb3Jlcl8x.ica:Zone.Identifier</t>
  </si>
  <si>
    <t>12/17/2019 15:18:37</t>
  </si>
  <si>
    <t>12/17/2019 15:18:33</t>
  </si>
  <si>
    <t>12/17/2019 15:24:20</t>
  </si>
  <si>
    <t>56e44915-3326-4fc5-a842-3e91b2dc4eea.tmp</t>
  </si>
  <si>
    <t>\\acsfs\profiles$\alinepp\Downloads\56e44915-3326-4fc5-a842-3e91b2dc4eea.tmp</t>
  </si>
  <si>
    <t>12/17/2019 15:21:05</t>
  </si>
  <si>
    <t>12/17/2019 15:22:05</t>
  </si>
  <si>
    <t>mail.google.com/_/upload?authuser=2&amp;dcp=asu-n&amp;upload_id=AEnB2UrsYAHfcqJzYrbCdet3Q2C5DcICwDD6pOKe8f2yEqKnsnNuPsYSXRu--c7t-uZ7_Jbe746XtpIo48l_ia7taRrKMJ4qT72w2fSDrBBzsRNoMcgHs9k&amp;upload_protocol=resumable</t>
  </si>
  <si>
    <t>Serviços por Canais Whp.xlsx</t>
  </si>
  <si>
    <t>12/17/2019 15:19:34</t>
  </si>
  <si>
    <t>12/17/2019 15:25:20</t>
  </si>
  <si>
    <t>65b1a553-0fe0-418a-9e0b-a2040ebefe64.tmp</t>
  </si>
  <si>
    <t>\\acsfs\profiles$\rosileiam\Downloads\65b1a553-0fe0-418a-9e0b-a2040ebefe64.tmp</t>
  </si>
  <si>
    <t>12/17/2019 15:23:40</t>
  </si>
  <si>
    <t>12/17/2019 15:26:21</t>
  </si>
  <si>
    <t>299f0b1a-7156-46f6-a6bb-c1cb21cb2a33.tmp</t>
  </si>
  <si>
    <t>\\acsfs\profiles$\gabrielafs\Downloads\299f0b1a-7156-46f6-a6bb-c1cb21cb2a33.tmp</t>
  </si>
  <si>
    <t>12/17/2019 15:22:40</t>
  </si>
  <si>
    <t>C:\Users\andersonrm\Desktop\</t>
  </si>
  <si>
    <t>Relatorio de Vendas - Auditoria BV Cartoes (Dezembro)7a.xlsx</t>
  </si>
  <si>
    <t>\\acsfs\DEPTOS\Operacao\Banco_Votorantim\Qualidade\Anderson\Jose\Relatorio de Vendas - Auditoria BV Cartoes (Dezembro)7a.xlsx</t>
  </si>
  <si>
    <t>12/17/2019 15:26:02</t>
  </si>
  <si>
    <t>12/17/2019 15:28:21</t>
  </si>
  <si>
    <t>12/17/2019 15:26:33</t>
  </si>
  <si>
    <t>12/17/2019 15:27:33</t>
  </si>
  <si>
    <t>12/17/2019 15:28:03</t>
  </si>
  <si>
    <t>12/17/2019 15:29:20</t>
  </si>
  <si>
    <t>12/17/2019 15:27:05</t>
  </si>
  <si>
    <t>12/17/2019 15:28:05</t>
  </si>
  <si>
    <t>12/17/2019 15:27:41</t>
  </si>
  <si>
    <t>12/17/2019 15:30:21</t>
  </si>
  <si>
    <t>e6d1329f-1dc7-4c72-9f7e-b595780fc82b.tmp</t>
  </si>
  <si>
    <t>\\acsfs\profiles$\gabrielamdp\Downloads\e6d1329f-1dc7-4c72-9f7e-b595780fc82b.tmp</t>
  </si>
  <si>
    <t>12/17/2019 15:28:47</t>
  </si>
  <si>
    <t>12/17/2019 15:31:21</t>
  </si>
  <si>
    <t>12/17/2019 15:28:52</t>
  </si>
  <si>
    <t>12/17/2019 15:25:59</t>
  </si>
  <si>
    <t>c656c8e3-bf6d-413f-bdf6-3ebf5e0dbd5a.tmp</t>
  </si>
  <si>
    <t>\\acsfs\profiles$\deborahsi\Downloads\c656c8e3-bf6d-413f-bdf6-3ebf5e0dbd5a.tmp</t>
  </si>
  <si>
    <t>12/17/2019 15:28:44</t>
  </si>
  <si>
    <t>\\acsfs\profiles$\kellzylenneasr\My Documents\</t>
  </si>
  <si>
    <t>\\acsfs\profiles$\kellzylenneasr\My Documents\.~lock.Sem título 1.ods#</t>
  </si>
  <si>
    <t>12/17/2019 15:28:45</t>
  </si>
  <si>
    <t>lu1034414lz4.tmp</t>
  </si>
  <si>
    <t>\\acsfs\profiles$\kellzylenneasr\My Documents\lu1034414lz4.tmp</t>
  </si>
  <si>
    <t>\\acsfs\profiles$\kellzylenneasr\My Documents\lu1034414lz4.tmp\</t>
  </si>
  <si>
    <t>\\acsfs\profiles$\kellzylenneasr\My Documents\lu1034414lz4.tmp\META-INF\</t>
  </si>
  <si>
    <t>\\acsfs\profiles$\kellzylenneasr\My Documents\lu1034414lz4.tmp\Thumbnails\</t>
  </si>
  <si>
    <t>12/17/2019 15:29:45</t>
  </si>
  <si>
    <t>12/17/2019 15:28:33</t>
  </si>
  <si>
    <t>12/17/2019 15:33:21</t>
  </si>
  <si>
    <t>12/17/2019 15:29:33</t>
  </si>
  <si>
    <t>12/17/2019 15:31:03</t>
  </si>
  <si>
    <t>12/17/2019 15:31:34</t>
  </si>
  <si>
    <t>12/17/2019 15:32:04</t>
  </si>
  <si>
    <t>12/17/2019 15:30:48</t>
  </si>
  <si>
    <t>12/17/2019 15:34:20</t>
  </si>
  <si>
    <t>12/17/2019 15:33:05</t>
  </si>
  <si>
    <t>12/17/2019 15:31:01</t>
  </si>
  <si>
    <t>12/17/2019 15:35:21</t>
  </si>
  <si>
    <t>12/17/2019 15:31:09</t>
  </si>
  <si>
    <t>12/17/2019 15:36:20</t>
  </si>
  <si>
    <t>85c9d002-7001-45dc-902d-9e517e1701f9.tmp</t>
  </si>
  <si>
    <t>\\acsfs\profiles$\gabrielarb\Downloads\85c9d002-7001-45dc-902d-9e517e1701f9.tmp</t>
  </si>
  <si>
    <t>12/17/2019 15:32:25</t>
  </si>
  <si>
    <t>12/17/2019 15:35:16</t>
  </si>
  <si>
    <t>f462fa71-ba37-4a01-8ad7-1b095f5b0411.tmp</t>
  </si>
  <si>
    <t>\\acsfs\profiles$\laurandos\Downloads\f462fa71-ba37-4a01-8ad7-1b095f5b0411.tmp</t>
  </si>
  <si>
    <t>c112e7c2-fc07-42c2-bcb3-79cb2d1daa11.tmp</t>
  </si>
  <si>
    <t>\\acsfs\profiles$\laurandos\Downloads\c112e7c2-fc07-42c2-bcb3-79cb2d1daa11.tmp</t>
  </si>
  <si>
    <t>12/17/2019 15:35:25</t>
  </si>
  <si>
    <t>7cf29fa0-ed55-4d7b-9423-bbfb763eb306.tmp</t>
  </si>
  <si>
    <t>\\acsfs\profiles$\laurandos\Downloads\7cf29fa0-ed55-4d7b-9423-bbfb763eb306.tmp</t>
  </si>
  <si>
    <t>12/17/2019 15:34:45</t>
  </si>
  <si>
    <t>Talita Fernandes da Costa_1_6768079571870881874_1_32.wav</t>
  </si>
  <si>
    <t>\\acsfs\DEPTOS\EDUCACAO EMPRESARIAL\Ligaçoes para MUTANT seg ciclo DEZEMBRO\Talita Fernandes da Costa_1_6768079571870881874_1_32.wav</t>
  </si>
  <si>
    <t>12/17/2019 15:38:21</t>
  </si>
  <si>
    <t>12/17/2019 15:37:41</t>
  </si>
  <si>
    <t>12/17/2019 15:39:21</t>
  </si>
  <si>
    <t>2c6b0c80-c3e8-4247-8ab8-8685110aaa24.tmp</t>
  </si>
  <si>
    <t>\\acsfs\profiles$\paulohaf\Downloads\2c6b0c80-c3e8-4247-8ab8-8685110aaa24.tmp</t>
  </si>
  <si>
    <t>12/17/2019 15:34:05</t>
  </si>
  <si>
    <t>12/17/2019 15:38:35</t>
  </si>
  <si>
    <t>12/17/2019 15:40:21</t>
  </si>
  <si>
    <t>Relatorio N1 Speaking.xlsx</t>
  </si>
  <si>
    <t>12/17/2019 15:39:03</t>
  </si>
  <si>
    <t>12/17/2019 15:41:21</t>
  </si>
  <si>
    <t>965f7cf2-b456-4f16-8f24-f28259fff38e.tmp</t>
  </si>
  <si>
    <t>\\acsfs\profiles$\adrielyas\Downloads\965f7cf2-b456-4f16-8f24-f28259fff38e.tmp</t>
  </si>
  <si>
    <t>12/17/2019 15:36:50</t>
  </si>
  <si>
    <t>12/17/2019 15:36:32</t>
  </si>
  <si>
    <t>eed45320-35a1-488a-a250-229e4185ffcf.tmp</t>
  </si>
  <si>
    <t>\\acsfs\profiles$\laurandos\Downloads\eed45320-35a1-488a-a250-229e4185ffcf.tmp</t>
  </si>
  <si>
    <t>12/17/2019 15:40:10</t>
  </si>
  <si>
    <t>12/17/2019 15:43:21</t>
  </si>
  <si>
    <t>12/17/2019 15:40:29</t>
  </si>
  <si>
    <t>12/17/2019 15:41:26</t>
  </si>
  <si>
    <t>12/17/2019 15:41:39</t>
  </si>
  <si>
    <t>12/17/2019 15:41:40</t>
  </si>
  <si>
    <t>12/17/2019 15:41:47</t>
  </si>
  <si>
    <t>12/17/2019 15:41:48</t>
  </si>
  <si>
    <t>12/17/2019 15:41:50</t>
  </si>
  <si>
    <t>12/17/2019 15:41:51</t>
  </si>
  <si>
    <t>12/17/2019 15:41:54</t>
  </si>
  <si>
    <t>12/17/2019 15:41:55</t>
  </si>
  <si>
    <t>12/17/2019 15:41:56</t>
  </si>
  <si>
    <t>12/17/2019 15:42:00</t>
  </si>
  <si>
    <t>12/17/2019 15:42:01</t>
  </si>
  <si>
    <t>12/17/2019 15:42:02</t>
  </si>
  <si>
    <t>12/17/2019 15:42:03</t>
  </si>
  <si>
    <t>12/17/2019 15:42:05</t>
  </si>
  <si>
    <t>12/17/2019 15:42:08</t>
  </si>
  <si>
    <t>12/17/2019 15:42:09</t>
  </si>
  <si>
    <t>12/17/2019 15:42:10</t>
  </si>
  <si>
    <t>12/17/2019 15:42:11</t>
  </si>
  <si>
    <t>12/17/2019 15:42:14</t>
  </si>
  <si>
    <t>12/17/2019 15:42:15</t>
  </si>
  <si>
    <t>12/17/2019 15:42:17</t>
  </si>
  <si>
    <t>12/17/2019 15:42:18</t>
  </si>
  <si>
    <t>12/17/2019 15:42:19</t>
  </si>
  <si>
    <t>12/17/2019 15:42:20</t>
  </si>
  <si>
    <t>12/17/2019 15:42:21</t>
  </si>
  <si>
    <t>12/17/2019 15:42:22</t>
  </si>
  <si>
    <t>12/17/2019 15:42:23</t>
  </si>
  <si>
    <t>12/17/2019 15:42:24</t>
  </si>
  <si>
    <t>12/17/2019 15:42:25</t>
  </si>
  <si>
    <t>12/17/2019 15:42:26</t>
  </si>
  <si>
    <t>12/17/2019 15:42:27</t>
  </si>
  <si>
    <t>12/17/2019 15:42:29</t>
  </si>
  <si>
    <t>12/17/2019 15:42:30</t>
  </si>
  <si>
    <t>12/17/2019 15:42:31</t>
  </si>
  <si>
    <t>12/17/2019 15:42:32</t>
  </si>
  <si>
    <t>12/17/2019 15:42:33</t>
  </si>
  <si>
    <t>12/17/2019 15:42:34</t>
  </si>
  <si>
    <t>12/17/2019 15:42:36</t>
  </si>
  <si>
    <t>12/17/2019 15:42:37</t>
  </si>
  <si>
    <t>12/17/2019 15:43:01</t>
  </si>
  <si>
    <t>12/17/2019 15:39:05</t>
  </si>
  <si>
    <t>12/17/2019 15:44:21</t>
  </si>
  <si>
    <t>12/17/2019 15:40:05</t>
  </si>
  <si>
    <t>12/17/2019 15:42:52</t>
  </si>
  <si>
    <t>12/17/2019 15:45:21</t>
  </si>
  <si>
    <t>12/17/2019 15:43:50</t>
  </si>
  <si>
    <t>12/17/2019 15:43:51</t>
  </si>
  <si>
    <t>12/17/2019 15:43:52</t>
  </si>
  <si>
    <t>12/17/2019 15:43:53</t>
  </si>
  <si>
    <t>12/17/2019 15:43:54</t>
  </si>
  <si>
    <t>12/17/2019 15:43:55</t>
  </si>
  <si>
    <t>12/17/2019 15:43:56</t>
  </si>
  <si>
    <t>12/17/2019 15:43:57</t>
  </si>
  <si>
    <t>12/17/2019 15:43:58</t>
  </si>
  <si>
    <t>12/17/2019 15:43:59</t>
  </si>
  <si>
    <t>12/17/2019 15:44:00</t>
  </si>
  <si>
    <t>12/17/2019 15:44:01</t>
  </si>
  <si>
    <t>12/17/2019 15:44:02</t>
  </si>
  <si>
    <t>12/17/2019 15:44:03</t>
  </si>
  <si>
    <t>12/17/2019 15:44:04</t>
  </si>
  <si>
    <t>12/17/2019 15:44:05</t>
  </si>
  <si>
    <t>12/17/2019 15:44:06</t>
  </si>
  <si>
    <t>12/17/2019 15:43:40</t>
  </si>
  <si>
    <t>56ea64e8-9ae8-47ca-8493-6ae349f34760.tmp</t>
  </si>
  <si>
    <t>\\acsfs\profiles$\paulovadc\Downloads\56ea64e8-9ae8-47ca-8493-6ae349f34760.tmp</t>
  </si>
  <si>
    <t>12/17/2019 15:45:17</t>
  </si>
  <si>
    <t>12/17/2019 15:46:21</t>
  </si>
  <si>
    <t>12/17/2019 15:48:02</t>
  </si>
  <si>
    <t>12/17/2019 15:48:21</t>
  </si>
  <si>
    <t>12/17/2019 15:48:05</t>
  </si>
  <si>
    <t>XLOG_vanessacgs_17122019_075346.log</t>
  </si>
  <si>
    <t>\\acsfs\profiles$\vanessacgs\My Documents\xworkcenter\logs\XLOG_vanessacgs_17122019_075346.log</t>
  </si>
  <si>
    <t>12/17/2019 15:45:05</t>
  </si>
  <si>
    <t>12/17/2019 15:49:21</t>
  </si>
  <si>
    <t>12/17/2019 15:46:05</t>
  </si>
  <si>
    <t>12/17/2019 15:49:11</t>
  </si>
  <si>
    <t>12/17/2019 15:50:20</t>
  </si>
  <si>
    <t>f;thiagordu@algartech.com;</t>
  </si>
  <si>
    <t>f,thiagordu@algartech.com</t>
  </si>
  <si>
    <t>12/17/2019 15:49:28</t>
  </si>
  <si>
    <t>mail.google.com/sync/u/0/i/s?hl=pt-BR&amp;c=383</t>
  </si>
  <si>
    <t>12/17/2019 15:49:31</t>
  </si>
  <si>
    <t>mail.google.com/sync/u/0/i/s?hl=pt-BR&amp;c=388</t>
  </si>
  <si>
    <t>12/17/2019 15:49:32</t>
  </si>
  <si>
    <t>12/17/2019 15:45:51</t>
  </si>
  <si>
    <t>12/17/2019 15:45:52</t>
  </si>
  <si>
    <t>lu115642rmjn7.tmp</t>
  </si>
  <si>
    <t>\\acsfs\profiles$\jonatanls\My Documents\lu115642rmjn7.tmp</t>
  </si>
  <si>
    <t>12/17/2019 15:46:07</t>
  </si>
  <si>
    <t>lu115642rmjnd.tmp</t>
  </si>
  <si>
    <t>\\acsfs\profiles$\jonatanls\My Documents\lu115642rmjnd.tmp</t>
  </si>
  <si>
    <t>12/17/2019 15:47:10</t>
  </si>
  <si>
    <t>12/17/2019 15:48:36</t>
  </si>
  <si>
    <t>12/17/2019 15:51:21</t>
  </si>
  <si>
    <t>ACC - 3º Aditivo 4º Mútuo JUR.xlsx</t>
  </si>
  <si>
    <t>12/17/2019 15:49:48</t>
  </si>
  <si>
    <t>4f7caeec-22f1-436d-bc34-ee5255f071fb.tmp</t>
  </si>
  <si>
    <t>\\acsfs\profiles$\gabrielafs\Downloads\4f7caeec-22f1-436d-bc34-ee5255f071fb.tmp</t>
  </si>
  <si>
    <t>bcb874c2-ae12-4f28-ada6-e4cf32ca4e37.tmp</t>
  </si>
  <si>
    <t>\\acsfs\profiles$\kamilamrc\Downloads\bcb874c2-ae12-4f28-ada6-e4cf32ca4e37.tmp</t>
  </si>
  <si>
    <t>12/17/2019 15:49:44</t>
  </si>
  <si>
    <t>d51f5434-25a0-4788-9496-b05bbaa45bbd.tmp</t>
  </si>
  <si>
    <t>\\acsfs\profiles$\kamilamrc\Downloads\d51f5434-25a0-4788-9496-b05bbaa45bbd.tmp</t>
  </si>
  <si>
    <t>12/17/2019 15:48:56</t>
  </si>
  <si>
    <t>c8437015-8fe2-4472-912a-d4899521e5e2.tmp</t>
  </si>
  <si>
    <t>\\acsfs\profiles$\adrielyas\Downloads\c8437015-8fe2-4472-912a-d4899521e5e2.tmp</t>
  </si>
  <si>
    <t>12/17/2019 15:47:01</t>
  </si>
  <si>
    <t>04508b52-a3a0-4765-9b94-b94e1bc0a87c.tmp</t>
  </si>
  <si>
    <t>\\acsfs\profiles$\deborahsi\Downloads\04508b52-a3a0-4765-9b94-b94e1bc0a87c.tmp</t>
  </si>
  <si>
    <t>12/17/2019 15:50:15</t>
  </si>
  <si>
    <t>ligações mutant primeiro ciclo dezembro_1_6763258161843473842_1_32.wav</t>
  </si>
  <si>
    <t>\\acsfs\DEPTOS\EDUCACAO EMPRESARIAL\ligações mutant primeiro ciclo dezembro_1_6763258161843473842_1_32.wav</t>
  </si>
  <si>
    <t>12/17/2019 15:50:31</t>
  </si>
  <si>
    <t>\\acsfs\DEPTOS\EDUCACAO EMPRESARIAL\Videos Febraban\Thumbs.db</t>
  </si>
  <si>
    <t>12/17/2019 15:48:12</t>
  </si>
  <si>
    <t>12/17/2019 15:52:21</t>
  </si>
  <si>
    <t>mail.google.com/_/upload?authuser=0&amp;dcp=asu-n&amp;upload_id=AEnB2UopIbIQnxsuin_KN2duVcwm6p2aBN6-N5ukaXsctyJ08fxCJ3IueSj10hKntT7eRPe7IwLvxJWwdal5QMMrhrF92CnpfRVDNR61xSKTh0BOWbUHstY&amp;upload_protocol=resumable</t>
  </si>
  <si>
    <t>12/17/2019 15:51:45</t>
  </si>
  <si>
    <t>12/17/2019 15:54:20</t>
  </si>
  <si>
    <t>Reajuste 2020.xlsx</t>
  </si>
  <si>
    <t>12/17/2019 15:51:05</t>
  </si>
  <si>
    <t>12/17/2019 15:52:07</t>
  </si>
  <si>
    <t>12/17/2019 15:55:21</t>
  </si>
  <si>
    <t>12/17/2019 15:49:34</t>
  </si>
  <si>
    <t>mail.google.com/sync/u/0/i/s?hl=pt-BR&amp;c=393</t>
  </si>
  <si>
    <t>12/17/2019 15:49:38</t>
  </si>
  <si>
    <t>mail.google.com/sync/u/0/i/s?hl=pt-BR&amp;c=398</t>
  </si>
  <si>
    <t>12/17/2019 15:50:19</t>
  </si>
  <si>
    <t>lu3151237mxsy.tmp</t>
  </si>
  <si>
    <t>\\acsfs\profiles$\jonatanls\My Documents\lu3151237mxsy.tmp</t>
  </si>
  <si>
    <t>12/17/2019 15:51:47</t>
  </si>
  <si>
    <t>12/17/2019 15:51:53</t>
  </si>
  <si>
    <t>12/17/2019 15:51:54</t>
  </si>
  <si>
    <t>12/17/2019 15:51:56</t>
  </si>
  <si>
    <t>12/17/2019 15:51:57</t>
  </si>
  <si>
    <t>12/17/2019 15:52:02</t>
  </si>
  <si>
    <t>12/17/2019 15:52:03</t>
  </si>
  <si>
    <t>12/17/2019 15:52:05</t>
  </si>
  <si>
    <t>12/17/2019 15:52:08</t>
  </si>
  <si>
    <t>12/17/2019 15:52:14</t>
  </si>
  <si>
    <t>12/17/2019 15:52:15</t>
  </si>
  <si>
    <t>12/17/2019 15:52:20</t>
  </si>
  <si>
    <t>12/17/2019 15:52:26</t>
  </si>
  <si>
    <t>12/17/2019 15:52:29</t>
  </si>
  <si>
    <t>12/17/2019 15:52:32</t>
  </si>
  <si>
    <t>12/17/2019 15:52:53</t>
  </si>
  <si>
    <t>12/17/2019 15:52:34</t>
  </si>
  <si>
    <t>12/17/2019 15:56:20</t>
  </si>
  <si>
    <t>\\acsfs\DEPTOS\EDUCACAO EMPRESARIAL\ligação mutant primeiro ciclo MUTANT\</t>
  </si>
  <si>
    <t>ADRIELE DAS GRACAS CARVALHO_1_6763101262393195376_1_32.wav</t>
  </si>
  <si>
    <t>\\acsfs\DEPTOS\EDUCACAO EMPRESARIAL\ligação mutant primeiro ciclo MUTANT\ADRIELE DAS GRACAS CARVALHO_1_6763101262393195376_1_32.wav</t>
  </si>
  <si>
    <t>12/17/2019 15:53:10</t>
  </si>
  <si>
    <t>ADRIELY APARECIDA SILVA_1_6763277914398078131_1_32.wav</t>
  </si>
  <si>
    <t>\\acsfs\DEPTOS\EDUCACAO EMPRESARIAL\ligação mutant primeiro ciclo MUTANT\ADRIELY APARECIDA SILVA_1_6763277914398078131_1_32.wav</t>
  </si>
  <si>
    <t>12/17/2019 15:55:23</t>
  </si>
  <si>
    <t>12/17/2019 15:57:21</t>
  </si>
  <si>
    <t>12/17/2019 15:55:29</t>
  </si>
  <si>
    <t>12/17/2019 15:56:13</t>
  </si>
  <si>
    <t>12/17/2019 15:58:20</t>
  </si>
  <si>
    <t>Preco_215380_V2.xlsb</t>
  </si>
  <si>
    <t>12/17/2019 15:57:20</t>
  </si>
  <si>
    <t>12/17/2019 15:59:21</t>
  </si>
  <si>
    <t>XLOG_ellencds_17122019_080930.log</t>
  </si>
  <si>
    <t>\\acsfs\profiles$\ellencds\My Documents\xworkcenter\logs\XLOG_ellencds_17122019_080930.log</t>
  </si>
  <si>
    <t>12/17/2019 15:57:05</t>
  </si>
  <si>
    <t>12/17/2019 15:58:05</t>
  </si>
  <si>
    <t>12/17/2019 16:00:20</t>
  </si>
  <si>
    <t>12/17/2019 15:58:30</t>
  </si>
  <si>
    <t>a4fa19e9-0d46-478c-b5d3-f9176032f9c8.tmp</t>
  </si>
  <si>
    <t>\\acsfs\profiles$\gabrielamdp\Downloads\a4fa19e9-0d46-478c-b5d3-f9176032f9c8.tmp</t>
  </si>
  <si>
    <t>12/17/2019 15:59:13</t>
  </si>
  <si>
    <t>859d50aa-f406-48c9-afda-4364b3e267bf.tmp</t>
  </si>
  <si>
    <t>\\acsfs\profiles$\gabrielamdp\Downloads\859d50aa-f406-48c9-afda-4364b3e267bf.tmp</t>
  </si>
  <si>
    <t>12/17/2019 15:59:14</t>
  </si>
  <si>
    <t>cf7a5b81-8198-4459-bfb9-08ea2d984c73.tmp</t>
  </si>
  <si>
    <t>\\acsfs\profiles$\gabrielamdp\Downloads\cf7a5b81-8198-4459-bfb9-08ea2d984c73.tmp</t>
  </si>
  <si>
    <t>12/17/2019 15:59:15</t>
  </si>
  <si>
    <t>90f5db80-609c-4874-b23f-f05bf999b055.tmp</t>
  </si>
  <si>
    <t>\\acsfs\profiles$\gabrielamdp\Downloads\90f5db80-609c-4874-b23f-f05bf999b055.tmp</t>
  </si>
  <si>
    <t>12/17/2019 15:59:16</t>
  </si>
  <si>
    <t>41fbc776-cced-4578-9e97-378104c2fbdf.tmp</t>
  </si>
  <si>
    <t>\\acsfs\profiles$\gabrielamdp\Downloads\41fbc776-cced-4578-9e97-378104c2fbdf.tmp</t>
  </si>
  <si>
    <t>12/17/2019 15:59:17</t>
  </si>
  <si>
    <t>d6736006-e74a-4cf6-bf13-53a1ed11e9a4.tmp</t>
  </si>
  <si>
    <t>\\acsfs\profiles$\gabrielamdp\Downloads\d6736006-e74a-4cf6-bf13-53a1ed11e9a4.tmp</t>
  </si>
  <si>
    <t>12/17/2019 15:56:49</t>
  </si>
  <si>
    <t>12/17/2019 16:01:21</t>
  </si>
  <si>
    <t>12/17/2019 15:56:55</t>
  </si>
  <si>
    <t>12/17/2019 15:56:56</t>
  </si>
  <si>
    <t>12/17/2019 15:56:57</t>
  </si>
  <si>
    <t>12/17/2019 15:57:02</t>
  </si>
  <si>
    <t>12/17/2019 15:57:06</t>
  </si>
  <si>
    <t>12/17/2019 15:58:56</t>
  </si>
  <si>
    <t>12/17/2019 16:00:26</t>
  </si>
  <si>
    <t>Lista Confraternização.xlsx</t>
  </si>
  <si>
    <t>12/17/2019 15:56:14</t>
  </si>
  <si>
    <t>ALEXANDRE MILHOMEM MARACAIPE_1_6763597301051106181_1_32.wav</t>
  </si>
  <si>
    <t>\\acsfs\DEPTOS\EDUCACAO EMPRESARIAL\ligação mutant primeiro ciclo MUTANT\ALEXANDRE MILHOMEM MARACAIPE_1_6763597301051106181_1_32.wav</t>
  </si>
  <si>
    <t>12/17/2019 15:57:08</t>
  </si>
  <si>
    <t>ALICE CRISPINA PEREIRA BARBOSA COELHO_1_6763972805746835442_1_32.wav</t>
  </si>
  <si>
    <t>\\acsfs\DEPTOS\EDUCACAO EMPRESARIAL\ligação mutant primeiro ciclo MUTANT\ALICE CRISPINA PEREIRA BARBOSA COELHO_1_6763972805746835442_1_32.wav</t>
  </si>
  <si>
    <t>12/17/2019 15:58:58</t>
  </si>
  <si>
    <t>ALYNY ALVES_1_6763663611051186908_1_32.wav</t>
  </si>
  <si>
    <t>\\acsfs\DEPTOS\EDUCACAO EMPRESARIAL\ligação mutant primeiro ciclo MUTANT\ALYNY ALVES_1_6763663611051186908_1_32.wav</t>
  </si>
  <si>
    <t>12/17/2019 16:00:27</t>
  </si>
  <si>
    <t>12/17/2019 16:02:20</t>
  </si>
  <si>
    <t>mail.google.com/_/upload?authuser=0&amp;dcp=asu-n&amp;upload_id=AEnB2UraQcW3gpD_1d1RglwPFeJVkG1TTBWn1c9esU-uiyVLQ28QZbjNiNF2J6o3dFIxfeeUSROMoEx3bjly0e4LxjpPLiHbnNd7ueDD6lWFAsh6L6za4x0&amp;upload_protocol=resumable</t>
  </si>
  <si>
    <t>2019_12_Gerencial_Qualidade_MPE_Concessão.xlsx</t>
  </si>
  <si>
    <t>12/17/2019 15:55:20</t>
  </si>
  <si>
    <t>12/17/2019 16:03:21</t>
  </si>
  <si>
    <t>12/17/2019 15:56:01</t>
  </si>
  <si>
    <t>12/17/2019 15:59:22</t>
  </si>
  <si>
    <t>c:\users\vanessasara\desktop\</t>
  </si>
  <si>
    <t>avaliação - prodex.xlsx</t>
  </si>
  <si>
    <t>12/17/2019 16:00:13</t>
  </si>
  <si>
    <t>jussaragp@algartech.com;micheless@algartech.com.br;patricia.amaral@temposervicos.com.br;patriciaroa@algartech.com.br;</t>
  </si>
  <si>
    <t>jussaragp@algartech.com,micheless@algartech.com.br,patricia.amaral@temposervicos.com.br,patriciaroa@algartech.com.br</t>
  </si>
  <si>
    <t>12/17/2019 15:59:41</t>
  </si>
  <si>
    <t>12/17/2019 15:59:49</t>
  </si>
  <si>
    <t>17-12.xlsx</t>
  </si>
  <si>
    <t>12/17/2019 16:02:11</t>
  </si>
  <si>
    <t>12/17/2019 16:03:31</t>
  </si>
  <si>
    <t>12/17/2019 16:04:20</t>
  </si>
  <si>
    <t>\\acsfs\Deptos\DME\CME - Coordenacao de Marketing e Estrategia\Gestão de Clientes\Projeto Customer Success\Levantamento Dados - Sensedata\NPS\</t>
  </si>
  <si>
    <t>NPS_171219.xls</t>
  </si>
  <si>
    <t>12/17/2019 16:03:05</t>
  </si>
  <si>
    <t>12/17/2019 16:05:21</t>
  </si>
  <si>
    <t>12/17/2019 16:02:56</t>
  </si>
  <si>
    <t>12/17/2019 16:04:50</t>
  </si>
  <si>
    <t>mail.google.com/_/upload?authuser=0&amp;dcp=asu-n&amp;upload_id=AEnB2UrGA7_Zas_kvX0tKsbdZhyTf7bx-odWxj8sQ-1PLJ0KcspRObXbs8m9DXyKSLRzn4TM2adaeQHw2hXX-0iTIgl9V_rzCnRddAb1vpsbYfYzs2_IKMg&amp;upload_protocol=resumable</t>
  </si>
  <si>
    <t>mmmmoreira@timbrasil.com.br;</t>
  </si>
  <si>
    <t>mmmmoreira@timbrasil.com.br</t>
  </si>
  <si>
    <t>12/17/2019 16:03:28</t>
  </si>
  <si>
    <t>86b8d43d-95de-4b38-bd45-10a972761cc7.tmp</t>
  </si>
  <si>
    <t>\\acsfs\profiles$\ayalabfi\Downloads\86b8d43d-95de-4b38-bd45-10a972761cc7.tmp</t>
  </si>
  <si>
    <t>12/17/2019 16:00:52</t>
  </si>
  <si>
    <t>12/17/2019 16:06:21</t>
  </si>
  <si>
    <t>12/17/2019 16:01:37</t>
  </si>
  <si>
    <t>WELIDI CRISTINA DE JESUS_1_6764026046161423058_1_32.wav</t>
  </si>
  <si>
    <t>\\acsfs\DEPTOS\EDUCACAO EMPRESARIAL\ligação mutant primeiro ciclo MUTANT\WELIDI CRISTINA DE JESUS_1_6764026046161423058_1_32.wav</t>
  </si>
  <si>
    <t>12/17/2019 16:02:34</t>
  </si>
  <si>
    <t>MATHEUS HENRIKO CUNHA BORGES_1_6763288316808867921_1_32.wav</t>
  </si>
  <si>
    <t>\\acsfs\DEPTOS\EDUCACAO EMPRESARIAL\ligação mutant primeiro ciclo MUTANT\MATHEUS HENRIKO CUNHA BORGES_1_6763288316808867921_1_32.wav</t>
  </si>
  <si>
    <t>ANDRESSA GOMES RODRIGUES_1_6763938991469306920_1_32.wav</t>
  </si>
  <si>
    <t>\\acsfs\DEPTOS\EDUCACAO EMPRESARIAL\ligação mutant primeiro ciclo MUTANT\ANDRESSA GOMES RODRIGUES_1_6763938991469306920_1_32.wav</t>
  </si>
  <si>
    <t>12/17/2019 16:04:14</t>
  </si>
  <si>
    <t>ANDRESSA MACEDO FERREIRA_1_6764023164238380311_1_32.wav</t>
  </si>
  <si>
    <t>\\acsfs\DEPTOS\EDUCACAO EMPRESARIAL\ligação mutant primeiro ciclo MUTANT\ANDRESSA MACEDO FERREIRA_1_6764023164238380311_1_32.wav</t>
  </si>
  <si>
    <t>12/17/2019 16:04:56</t>
  </si>
  <si>
    <t>MATEUS DE JESUS MORAIS_1_6763990651335943673_1_32.wav</t>
  </si>
  <si>
    <t>\\acsfs\DEPTOS\EDUCACAO EMPRESARIAL\ligação mutant primeiro ciclo MUTANT\MATEUS DE JESUS MORAIS_1_6763990651335943673_1_32.wav</t>
  </si>
  <si>
    <t>12/17/2019 16:05:41</t>
  </si>
  <si>
    <t>BEATRIZ PEREIRA MENDES DA SILVA_1_6764334996043930115_1_32.wav</t>
  </si>
  <si>
    <t>\\acsfs\DEPTOS\EDUCACAO EMPRESARIAL\ligação mutant primeiro ciclo MUTANT\BEATRIZ PEREIRA MENDES DA SILVA_1_6764334996043930115_1_32.wav</t>
  </si>
  <si>
    <t>12/17/2019 16:05:16</t>
  </si>
  <si>
    <t>12/17/2019 16:08:21</t>
  </si>
  <si>
    <t>12/17/2019 16:03:42</t>
  </si>
  <si>
    <t>12/17/2019 16:07:13</t>
  </si>
  <si>
    <t>12/17/2019 16:07:43</t>
  </si>
  <si>
    <t>12/17/2019 16:08:13</t>
  </si>
  <si>
    <t>12/17/2019 16:07:27</t>
  </si>
  <si>
    <t>12/17/2019 16:09:21</t>
  </si>
  <si>
    <t>12/17/2019 16:04:05</t>
  </si>
  <si>
    <t>12/17/2019 16:07:24</t>
  </si>
  <si>
    <t>12/17/2019 16:10:21</t>
  </si>
  <si>
    <t>12/17/2019 16:06:37</t>
  </si>
  <si>
    <t>fernanda_silva@jltbrasil.com;gustavohs@algartech.com;melanie_ribeiro@jltbrasil.com;nubia@algartech.com;</t>
  </si>
  <si>
    <t>C:\Users\nubiafrsp\Downloads\</t>
  </si>
  <si>
    <t>Proposta para 2020_Agenda Reuniões Mensais (8).xlsx</t>
  </si>
  <si>
    <t>fernanda_silva@jltbrasil.com,gustavohs@algartech.com,melanie_ribeiro@jltbrasil.com,nubia@algartech.com</t>
  </si>
  <si>
    <t>mail.google.com/_/upload?authuser=0&amp;dcp=asu-n&amp;upload_id=AEnB2UqcVwrCw24J2HXDVMyA-B9EMWPn3V8kqfEKY7_19FNW3UYXnHOHlWFlRk2saogCgYj4cMC9767FGeazS_ZnJZQdLtqTUNxUQ8OejXKlBBCKf-5eusM&amp;upload_protocol=resumable</t>
  </si>
  <si>
    <t>12/17/2019 16:05:32</t>
  </si>
  <si>
    <t>12/17/2019 16:11:21</t>
  </si>
  <si>
    <t>12/17/2019 16:05:33</t>
  </si>
  <si>
    <t>12/17/2019 16:05:34</t>
  </si>
  <si>
    <t>12/17/2019 16:09:29</t>
  </si>
  <si>
    <t>12/17/2019 16:05:57</t>
  </si>
  <si>
    <t>12/17/2019 16:08:08</t>
  </si>
  <si>
    <t>12/17/2019 16:10:51</t>
  </si>
  <si>
    <t>12/17/2019 16:06:50</t>
  </si>
  <si>
    <t>BRUNA ASSUNCAO ROSA_1_6763284477108099071_1_32.wav</t>
  </si>
  <si>
    <t>\\acsfs\DEPTOS\EDUCACAO EMPRESARIAL\ligação mutant primeiro ciclo MUTANT\BRUNA ASSUNCAO ROSA_1_6763284477108099071_1_32.wav</t>
  </si>
  <si>
    <t>12/17/2019 16:07:29</t>
  </si>
  <si>
    <t>BRUNO GONCALVES DA SILVA_1_6763673197418189643_1_32.wav</t>
  </si>
  <si>
    <t>\\acsfs\DEPTOS\EDUCACAO EMPRESARIAL\ligação mutant primeiro ciclo MUTANT\BRUNO GONCALVES DA SILVA_1_6763673197418189643_1_32.wav</t>
  </si>
  <si>
    <t>12/17/2019 16:08:35</t>
  </si>
  <si>
    <t>CINTIA DA COSTA FERREIRA_1_6764356698513674872_1_32.wav</t>
  </si>
  <si>
    <t>\\acsfs\DEPTOS\EDUCACAO EMPRESARIAL\ligação mutant primeiro ciclo MUTANT\CINTIA DA COSTA FERREIRA_1_6764356698513674872_1_32.wav</t>
  </si>
  <si>
    <t>12/17/2019 16:09:36</t>
  </si>
  <si>
    <t>CINTIA DE JESUS LIMA_1_6764096492215012089_1_32.wav</t>
  </si>
  <si>
    <t>\\acsfs\DEPTOS\EDUCACAO EMPRESARIAL\ligação mutant primeiro ciclo MUTANT\CINTIA DE JESUS LIMA_1_6764096492215012089_1_32.wav</t>
  </si>
  <si>
    <t>CLAUDIA JANAINA CELESTE DE ANDRADE_1_6763614751503223088_1_32.wav</t>
  </si>
  <si>
    <t>\\acsfs\DEPTOS\EDUCACAO EMPRESARIAL\ligação mutant primeiro ciclo MUTANT\CLAUDIA JANAINA CELESTE DE ANDRADE_1_6763614751503223088_1_32.wav</t>
  </si>
  <si>
    <t>DALVA DE FATIMA BRAGA_1_6763625853993682568_1_32.wav</t>
  </si>
  <si>
    <t>\\acsfs\DEPTOS\EDUCACAO EMPRESARIAL\ligação mutant primeiro ciclo MUTANT\DALVA DE FATIMA BRAGA_1_6763625853993682568_1_32.wav</t>
  </si>
  <si>
    <t>12/17/2019 16:09:20</t>
  </si>
  <si>
    <t>12/17/2019 16:13:22</t>
  </si>
  <si>
    <t>12/17/2019 16:08:43</t>
  </si>
  <si>
    <t>12/17/2019 16:12:55</t>
  </si>
  <si>
    <t>12/17/2019 16:14:22</t>
  </si>
  <si>
    <t>63dba6c0-93c5-4671-9e06-836d7065fd42.tmp</t>
  </si>
  <si>
    <t>\\acsfs\profiles$\geovannasm\Downloads\63dba6c0-93c5-4671-9e06-836d7065fd42.tmp</t>
  </si>
  <si>
    <t>12/17/2019 16:09:05</t>
  </si>
  <si>
    <t>12/17/2019 16:10:05</t>
  </si>
  <si>
    <t>12/17/2019 16:15:22</t>
  </si>
  <si>
    <t>12/17/2019 16:12:46</t>
  </si>
  <si>
    <t>mail.google.com/sync/u/0/i/s?hl=pt-BR&amp;c=500</t>
  </si>
  <si>
    <t>12/17/2019 16:12:47</t>
  </si>
  <si>
    <t>12/17/2019 16:12:33</t>
  </si>
  <si>
    <t>12/17/2019 16:16:22</t>
  </si>
  <si>
    <t>ae924cf3-a599-4142-90a3-bf9109dd0598.tmp</t>
  </si>
  <si>
    <t>\\acsfs\profiles$\wenderbnm\Downloads\ae924cf3-a599-4142-90a3-bf9109dd0598.tmp</t>
  </si>
  <si>
    <t>12/17/2019 16:12:04</t>
  </si>
  <si>
    <t>12/17/2019 16:13:53</t>
  </si>
  <si>
    <t>XLOG_tiagosno_17122019_081210.log</t>
  </si>
  <si>
    <t>\\acsfs\profiles$\tiagosno\My Documents\xworkcenter\logs\XLOG_tiagosno_17122019_081210.log</t>
  </si>
  <si>
    <t>12/17/2019 16:11:37</t>
  </si>
  <si>
    <t>DANIEL MARINHO LIMA DA SILVA_1_6764027639594292020_1_32.wav</t>
  </si>
  <si>
    <t>\\acsfs\DEPTOS\EDUCACAO EMPRESARIAL\ligação mutant primeiro ciclo MUTANT\DANIEL MARINHO LIMA DA SILVA_1_6764027639594292020_1_32.wav</t>
  </si>
  <si>
    <t>12/17/2019 16:12:38</t>
  </si>
  <si>
    <t>DEBORA CARLA TEIXEIRA RODRIGUES_1_6763940237009823692_1_32.wav</t>
  </si>
  <si>
    <t>\\acsfs\DEPTOS\EDUCACAO EMPRESARIAL\ligação mutant primeiro ciclo MUTANT\DEBORA CARLA TEIXEIRA RODRIGUES_1_6763940237009823692_1_32.wav</t>
  </si>
  <si>
    <t>12/17/2019 16:13:07</t>
  </si>
  <si>
    <t>DHIULLIANA NETO APARECIDO DE SOUZA_1_6763573043075820695_1_32.wav</t>
  </si>
  <si>
    <t>\\acsfs\DEPTOS\EDUCACAO EMPRESARIAL\ligação mutant primeiro ciclo MUTANT\DHIULLIANA NETO APARECIDO DE SOUZA_1_6763573043075820695_1_32.wav</t>
  </si>
  <si>
    <t>EDUARDO FREITAS SIMOES_1_6763587194993060534_1_32.wav</t>
  </si>
  <si>
    <t>\\acsfs\DEPTOS\EDUCACAO EMPRESARIAL\ligação mutant primeiro ciclo MUTANT\EDUARDO FREITAS SIMOES_1_6763587194993060534_1_32.wav</t>
  </si>
  <si>
    <t>12/17/2019 16:15:27</t>
  </si>
  <si>
    <t>ERICA LUZIANA SILVA RIBEIRO_1_6764070958634447196_1_32.wav</t>
  </si>
  <si>
    <t>\\acsfs\DEPTOS\EDUCACAO EMPRESARIAL\ligação mutant primeiro ciclo MUTANT\ERICA LUZIANA SILVA RIBEIRO_1_6764070958634447196_1_32.wav</t>
  </si>
  <si>
    <t>12/17/2019 16:15:54</t>
  </si>
  <si>
    <t>FABIANA FONTINELE VERAS_1_6764114853200213347_1_32.wav</t>
  </si>
  <si>
    <t>\\acsfs\DEPTOS\EDUCACAO EMPRESARIAL\ligação mutant primeiro ciclo MUTANT\FABIANA FONTINELE VERAS_1_6764114853200213347_1_32.wav</t>
  </si>
  <si>
    <t>12/17/2019 16:16:17</t>
  </si>
  <si>
    <t>12/17/2019 16:18:21</t>
  </si>
  <si>
    <t>12/17/2019 16:16:13</t>
  </si>
  <si>
    <t>964a705f-cc87-4e1e-a0f7-4711dbf0d464.tmp</t>
  </si>
  <si>
    <t>\\acsfs\profiles$\regisadsa\Downloads\964a705f-cc87-4e1e-a0f7-4711dbf0d464.tmp</t>
  </si>
  <si>
    <t>12/17/2019 16:14:00</t>
  </si>
  <si>
    <t>12/17/2019 16:15:03</t>
  </si>
  <si>
    <t>12/17/2019 16:19:22</t>
  </si>
  <si>
    <t>12/17/2019 16:15:05</t>
  </si>
  <si>
    <t>12/17/2019 16:15:09</t>
  </si>
  <si>
    <t>12/17/2019 16:15:10</t>
  </si>
  <si>
    <t>12/17/2019 16:15:15</t>
  </si>
  <si>
    <t>mail.google.com/sync/u/0/i/s?hl=pt-BR&amp;c=342</t>
  </si>
  <si>
    <t>mail.google.com/sync/u/0/i/s?hl=pt-BR&amp;c=346</t>
  </si>
  <si>
    <t>12/17/2019 16:15:33</t>
  </si>
  <si>
    <t>12/17/2019 16:15:43</t>
  </si>
  <si>
    <t>12/17/2019 16:16:00</t>
  </si>
  <si>
    <t>mail.google.com/sync/u/0/i/s?hl=pt-BR&amp;c=355</t>
  </si>
  <si>
    <t>12/17/2019 16:16:06</t>
  </si>
  <si>
    <t>12/17/2019 16:20:22</t>
  </si>
  <si>
    <t>12/17/2019 16:16:55</t>
  </si>
  <si>
    <t>12/17/2019 16:18:50</t>
  </si>
  <si>
    <t>12/17/2019 16:21:22</t>
  </si>
  <si>
    <t>c83eaa11-09e0-406d-86a6-d27038eea25a.tmp</t>
  </si>
  <si>
    <t>\\acsfs\profiles$\leticiala\Downloads\c83eaa11-09e0-406d-86a6-d27038eea25a.tmp</t>
  </si>
  <si>
    <t>12/17/2019 16:17:29</t>
  </si>
  <si>
    <t>12/17/2019 16:16:24</t>
  </si>
  <si>
    <t>FABIANO BRUNO MENDES FILHO_1_6764108582547957905_1_32.wav</t>
  </si>
  <si>
    <t>\\acsfs\DEPTOS\EDUCACAO EMPRESARIAL\ligação mutant primeiro ciclo MUTANT\FABIANO BRUNO MENDES FILHO_1_6764108582547957905_1_32.wav</t>
  </si>
  <si>
    <t>12/17/2019 16:16:53</t>
  </si>
  <si>
    <t>FELIPE TOMAZ DA SILVA_1_6764403681160922810_1_32.wav</t>
  </si>
  <si>
    <t>\\acsfs\DEPTOS\EDUCACAO EMPRESARIAL\ligação mutant primeiro ciclo MUTANT\FELIPE TOMAZ DA SILVA_1_6764403681160922810_1_32.wav</t>
  </si>
  <si>
    <t>12/17/2019 16:17:21</t>
  </si>
  <si>
    <t>MARIA GABRIELA SILVA GOMES_1_6763305496678047342_1_32.wav</t>
  </si>
  <si>
    <t>\\acsfs\DEPTOS\EDUCACAO EMPRESARIAL\ligação mutant primeiro ciclo MUTANT\MARIA GABRIELA SILVA GOMES_1_6763305496678047342_1_32.wav</t>
  </si>
  <si>
    <t>12/17/2019 16:17:51</t>
  </si>
  <si>
    <t>FLAVIO JUNIO MENDES MOREIRA_1_6764016880701219589_1_32.wav</t>
  </si>
  <si>
    <t>\\acsfs\DEPTOS\EDUCACAO EMPRESARIAL\ligação mutant primeiro ciclo MUTANT\FLAVIO JUNIO MENDES MOREIRA_1_6764016880701219589_1_32.wav</t>
  </si>
  <si>
    <t>12/17/2019 16:18:18</t>
  </si>
  <si>
    <t>FRANCISLAYNE ASSUMPCAO DE SOUSA_1_6764356303376683084_1_32.wav</t>
  </si>
  <si>
    <t>\\acsfs\DEPTOS\EDUCACAO EMPRESARIAL\ligação mutant primeiro ciclo MUTANT\FRANCISLAYNE ASSUMPCAO DE SOUSA_1_6764356303376683084_1_32.wav</t>
  </si>
  <si>
    <t>12/17/2019 16:20:11</t>
  </si>
  <si>
    <t>mail.google.com/sync/u/0/i/s?hl=pt-BR&amp;c=636</t>
  </si>
  <si>
    <t>12/17/2019 16:20:15</t>
  </si>
  <si>
    <t>mail.google.com/sync/u/0/i/s?hl=pt-BR&amp;c=638</t>
  </si>
  <si>
    <t>12/17/2019 16:20:29</t>
  </si>
  <si>
    <t>mail.google.com/sync/u/0/i/s?hl=pt-BR&amp;c=640</t>
  </si>
  <si>
    <t>kesiadof@algartech.com;talmaiardo@algartech.com;</t>
  </si>
  <si>
    <t>kesiadof@algartech.com,talmaiardo@algartech.com</t>
  </si>
  <si>
    <t>12/17/2019 16:20:33</t>
  </si>
  <si>
    <t>mail.google.com/sync/u/0/i/s?hl=pt-BR&amp;c=642</t>
  </si>
  <si>
    <t>kesiadof@algartech.com;mirianppb@algartech.com;talmaiardo@algartech.com;</t>
  </si>
  <si>
    <t>kesiadof@algartech.com,mirianppb@algartech.com,talmaiardo@algartech.com</t>
  </si>
  <si>
    <t>12/17/2019 16:20:36</t>
  </si>
  <si>
    <t>mail.google.com/sync/u/0/i/s?hl=pt-BR&amp;c=644</t>
  </si>
  <si>
    <t>12/17/2019 16:18:08</t>
  </si>
  <si>
    <t>12/17/2019 16:22:23</t>
  </si>
  <si>
    <t>d61511f5-6214-4fe5-94e1-9da60eac1d57.tmp</t>
  </si>
  <si>
    <t>\\acsfs\profiles$\larissaad\Downloads\d61511f5-6214-4fe5-94e1-9da60eac1d57.tmp</t>
  </si>
  <si>
    <t>12/17/2019 16:17:45</t>
  </si>
  <si>
    <t>5b102ed0-ab80-41d3-80cd-df562bfebeb6.tmp</t>
  </si>
  <si>
    <t>\\acsfs\profiles$\gabrielhca\Downloads\5b102ed0-ab80-41d3-80cd-df562bfebeb6.tmp</t>
  </si>
  <si>
    <t>12/17/2019 16:19:18</t>
  </si>
  <si>
    <t>c8871c97-2d85-47fb-b812-4d37086ee263.tmp</t>
  </si>
  <si>
    <t>\\acsfs\profiles$\gabrielhca\Downloads\c8871c97-2d85-47fb-b812-4d37086ee263.tmp</t>
  </si>
  <si>
    <t>12/17/2019 16:21:58</t>
  </si>
  <si>
    <t>12/17/2019 16:20:26</t>
  </si>
  <si>
    <t>12/17/2019 16:24:22</t>
  </si>
  <si>
    <t>andrelpsa@algartech.com;flaviacno@algartech.com;harunams@algartech.com;luizffn@algartech.com;mirianppb@algartech.com;supervisaobancovotorantim@algartech.com;talmaiardo@algartech.com;</t>
  </si>
  <si>
    <t>andrelpsa@algartech.com,flaviacno@algartech.com,harunams@algartech.com,luizffn@algartech.com,mirianppb@algartech.com,supervisaobancovotorantim@algartech.com,talmaiardo@algartech.com</t>
  </si>
  <si>
    <t>12/17/2019 16:21:05</t>
  </si>
  <si>
    <t>12/17/2019 16:21:42</t>
  </si>
  <si>
    <t>12/17/2019 16:21:48</t>
  </si>
  <si>
    <t>mail.google.com/sync/u/0/i/s?hl=pt-BR&amp;c=395</t>
  </si>
  <si>
    <t>12/17/2019 16:21:52</t>
  </si>
  <si>
    <t>12/17/2019 16:21:59</t>
  </si>
  <si>
    <t>mail.google.com/sync/u/0/i/s?hl=pt-BR&amp;c=399</t>
  </si>
  <si>
    <t>12/17/2019 16:22:03</t>
  </si>
  <si>
    <t>mail.google.com/sync/u/0/i/s?hl=pt-BR&amp;c=401</t>
  </si>
  <si>
    <t>12/17/2019 16:22:05</t>
  </si>
  <si>
    <t>12/17/2019 16:22:16</t>
  </si>
  <si>
    <t>mail.google.com/sync/u/0/i/s?hl=pt-BR&amp;c=405</t>
  </si>
  <si>
    <t>12/17/2019 16:23:18</t>
  </si>
  <si>
    <t>mail.google.com/sync/u/0/i/s?hl=pt-BR&amp;c=408</t>
  </si>
  <si>
    <t>12/17/2019 16:23:21</t>
  </si>
  <si>
    <t>mail.google.com/sync/u/0/i/s?hl=pt-BR&amp;c=410</t>
  </si>
  <si>
    <t>12/17/2019 16:23:55</t>
  </si>
  <si>
    <t>12/17/2019 16:24:00</t>
  </si>
  <si>
    <t>12/17/2019 16:23:56</t>
  </si>
  <si>
    <t>12/17/2019 16:25:22</t>
  </si>
  <si>
    <t>12/17/2019 16:23:12</t>
  </si>
  <si>
    <t>80aafff6-46d4-40c8-a263-4240bb3c1cd2.tmp</t>
  </si>
  <si>
    <t>\\acsfs\profiles$\vivianibfs\Downloads\80aafff6-46d4-40c8-a263-4240bb3c1cd2.tmp</t>
  </si>
  <si>
    <t>12/17/2019 16:23:27</t>
  </si>
  <si>
    <t>0cc0941f-f663-4258-8fa5-39a62949280f.tmp</t>
  </si>
  <si>
    <t>\\acsfs\profiles$\vivianibfs\Downloads\0cc0941f-f663-4258-8fa5-39a62949280f.tmp</t>
  </si>
  <si>
    <t>12/17/2019 16:23:08</t>
  </si>
  <si>
    <t>12/17/2019 16:26:22</t>
  </si>
  <si>
    <t>allef.araujo@bv.com.br;andrelpsa@algartech.com;daniela.gomes@bv.com.br;jose.gomes@bv.com.br;mirianppb@algartech.com;talmaiardo@algartech.com;</t>
  </si>
  <si>
    <t>allef.araujo@bv.com.br,andrelpsa@algartech.com,daniela.gomes@bv.com.br,jose.gomes@bv.com.br,mirianppb@algartech.com,talmaiardo@algartech.com</t>
  </si>
  <si>
    <t>12/17/2019 16:23:19</t>
  </si>
  <si>
    <t>12/17/2019 16:23:53</t>
  </si>
  <si>
    <t>Frases XGEN - Migração certo 1147.xlsx</t>
  </si>
  <si>
    <t>MARIA APARECIDA VIEIRA DA SILVA_1_6764590271720137206_1_32.wav</t>
  </si>
  <si>
    <t>\\acsfs\DEPTOS\EDUCACAO EMPRESARIAL\ligação mutant primeiro ciclo MUTANT\MARIA APARECIDA VIEIRA DA SILVA_1_6764590271720137206_1_32.wav</t>
  </si>
  <si>
    <t>12/17/2019 16:23:25</t>
  </si>
  <si>
    <t>mail.google.com/sync/u/0/i/s?hl=pt-BR&amp;c=660</t>
  </si>
  <si>
    <t>kesiadof@algartech.com;lilianls@algartech.com;mirianppb@algartech.com;talmaiardo@algartech.com;thiagordu@algartech.com;</t>
  </si>
  <si>
    <t>kesiadof@algartech.com,lilianls@algartech.com,mirianppb@algartech.com,talmaiardo@algartech.com,thiagordu@algartech.com</t>
  </si>
  <si>
    <t>12/17/2019 16:23:35</t>
  </si>
  <si>
    <t>mail.google.com/sync/u/0/i/s?hl=pt-BR&amp;c=662</t>
  </si>
  <si>
    <t>lilianls@algartech.com;mirianppb@algartech.com;thiagordu@algartech.com;</t>
  </si>
  <si>
    <t>lilianls@algartech.com,mirianppb@algartech.com,thiagordu@algartech.com</t>
  </si>
  <si>
    <t>12/17/2019 16:23:39</t>
  </si>
  <si>
    <t>mail.google.com/sync/u/0/i/s?hl=pt-BR&amp;c=664</t>
  </si>
  <si>
    <t>12/17/2019 16:23:46</t>
  </si>
  <si>
    <t>mail.google.com/sync/u/0/i/s?hl=pt-BR&amp;c=666</t>
  </si>
  <si>
    <t>12/17/2019 16:23:51</t>
  </si>
  <si>
    <t>mail.google.com/sync/u/0/i/s?hl=pt-BR&amp;c=668</t>
  </si>
  <si>
    <t>mail.google.com/sync/u/0/i/s?hl=pt-BR&amp;c=670</t>
  </si>
  <si>
    <t>12/17/2019 16:23:57</t>
  </si>
  <si>
    <t>mail.google.com/sync/u/0/i/s?hl=pt-BR&amp;c=672</t>
  </si>
  <si>
    <t>12/17/2019 16:24:04</t>
  </si>
  <si>
    <t>mail.google.com/sync/u/0/i/s?hl=pt-BR&amp;c=674</t>
  </si>
  <si>
    <t>12/17/2019 16:24:08</t>
  </si>
  <si>
    <t>mail.google.com/sync/u/0/i/s?hl=pt-BR&amp;c=676</t>
  </si>
  <si>
    <t>12/17/2019 16:24:13</t>
  </si>
  <si>
    <t>mail.google.com/sync/u/0/i/s?hl=pt-BR&amp;c=679</t>
  </si>
  <si>
    <t>12/17/2019 16:24:37</t>
  </si>
  <si>
    <t>mail.google.com/sync/u/0/i/s?hl=pt-BR&amp;c=682</t>
  </si>
  <si>
    <t>12/17/2019 16:24:40</t>
  </si>
  <si>
    <t>mail.google.com/sync/u/0/i/s?hl=pt-BR&amp;c=684</t>
  </si>
  <si>
    <t>12/17/2019 16:25:36</t>
  </si>
  <si>
    <t>GABRIELA FERREIRA FRAGA_1_6763239903937503888_1_32.wav</t>
  </si>
  <si>
    <t>\\acsfs\DEPTOS\EDUCACAO EMPRESARIAL\ligação mutant primeiro ciclo MUTANT\GABRIELA FERREIRA FRAGA_1_6763239903937503888_1_32.wav</t>
  </si>
  <si>
    <t>12/17/2019 16:26:11</t>
  </si>
  <si>
    <t>GEOVANA ALINE SANTOS E SILVA_1_6763254536891087117_1_32.wav</t>
  </si>
  <si>
    <t>\\acsfs\DEPTOS\EDUCACAO EMPRESARIAL\ligação mutant primeiro ciclo MUTANT\GEOVANA ALINE SANTOS E SILVA_1_6763254536891087117_1_32.wav</t>
  </si>
  <si>
    <t>12/17/2019 16:26:20</t>
  </si>
  <si>
    <t>12/17/2019 16:27:22</t>
  </si>
  <si>
    <t>12/17/2019 16:26:05</t>
  </si>
  <si>
    <t>ce542ec6-14a2-4b22-ae04-f62c30f2e91f.tmp</t>
  </si>
  <si>
    <t>\\acsfs\profiles$\erichds\Downloads\ce542ec6-14a2-4b22-ae04-f62c30f2e91f.tmp</t>
  </si>
  <si>
    <t>12/17/2019 16:26:15</t>
  </si>
  <si>
    <t>f772927c-e4ea-4f66-9ca3-f3a60fbda37d.tmp</t>
  </si>
  <si>
    <t>\\acsfs\profiles$\erichds\Downloads\f772927c-e4ea-4f66-9ca3-f3a60fbda37d.tmp</t>
  </si>
  <si>
    <t>12/17/2019 16:27:13</t>
  </si>
  <si>
    <t>6af113e2-ed1f-402a-9ffb-ee147eb8d7fd.tmp</t>
  </si>
  <si>
    <t>\\acsfs\profiles$\erichds\Downloads\6af113e2-ed1f-402a-9ffb-ee147eb8d7fd.tmp</t>
  </si>
  <si>
    <t>12/17/2019 16:26:17</t>
  </si>
  <si>
    <t>12/17/2019 16:28:22</t>
  </si>
  <si>
    <t>12/17/2019 16:27:27</t>
  </si>
  <si>
    <t>12/17/2019 16:29:22</t>
  </si>
  <si>
    <t>4aa44a1e-3572-4e9a-a0c5-abbf21733e74.tmp</t>
  </si>
  <si>
    <t>\\acsfs\profiles$\alinepp\Downloads\4aa44a1e-3572-4e9a-a0c5-abbf21733e74.tmp</t>
  </si>
  <si>
    <t>12/17/2019 16:25:35</t>
  </si>
  <si>
    <t>12/17/2019 16:25:49</t>
  </si>
  <si>
    <t>12/17/2019 16:25:58</t>
  </si>
  <si>
    <t>12/17/2019 16:27:06</t>
  </si>
  <si>
    <t>12/17/2019 16:28:06</t>
  </si>
  <si>
    <t>12/17/2019 16:28:35</t>
  </si>
  <si>
    <t>12/17/2019 16:29:00</t>
  </si>
  <si>
    <t>12/17/2019 16:25:27</t>
  </si>
  <si>
    <t>12/17/2019 16:30:21</t>
  </si>
  <si>
    <t>mail.google.com/sync/u/0/i/s?hl=pt-BR&amp;c=403</t>
  </si>
  <si>
    <t>#tec-infraestrutura-citrix@votorantimwm.com.br;andrelps@algartech.com;andrelpsa@algartech.com;daniel.riccetto@bv.com.br;elder.aranha@bv.com.br;jose.gomes@bv.com.br;walter.consiglio@bv.com.br;</t>
  </si>
  <si>
    <t>#tec-infraestrutura-citrix@votorantimwm.com.br,andrelps@algartech.com,andrelpsa@algartech.com,daniel.riccetto@bv.com.br,elder.aranha@bv.com.br,jose.gomes@bv.com.br,walter.consiglio@bv.com.br</t>
  </si>
  <si>
    <t>12/17/2019 16:28:54</t>
  </si>
  <si>
    <t>\\atspl\d$\</t>
  </si>
  <si>
    <t>1111.txt</t>
  </si>
  <si>
    <t>\\atspl\d$\1111.txt</t>
  </si>
  <si>
    <t>12/17/2019 16:30:08</t>
  </si>
  <si>
    <t>12/17/2019 16:31:21</t>
  </si>
  <si>
    <t>de4952a4-8d12-4e60-a715-fb2608f2b06a.tmp</t>
  </si>
  <si>
    <t>\\acsfs\profiles$\leticiala\Downloads\de4952a4-8d12-4e60-a715-fb2608f2b06a.tmp</t>
  </si>
  <si>
    <t>12/17/2019 16:28:59</t>
  </si>
  <si>
    <t>12/17/2019 16:26:56</t>
  </si>
  <si>
    <t>12/17/2019 16:30:10</t>
  </si>
  <si>
    <t>b3538d56-6e20-43c0-b48b-18bb6b2535a4.tmp</t>
  </si>
  <si>
    <t>\\acsfs\profiles$\laurandos\Downloads\b3538d56-6e20-43c0-b48b-18bb6b2535a4.tmp</t>
  </si>
  <si>
    <t>12/17/2019 16:26:47</t>
  </si>
  <si>
    <t>GUSTAVO MOURA RODRIGUES_1_6764067947862369330_1_32.wav</t>
  </si>
  <si>
    <t>\\acsfs\DEPTOS\EDUCACAO EMPRESARIAL\ligação mutant primeiro ciclo MUTANT\GUSTAVO MOURA RODRIGUES_1_6764067947862369330_1_32.wav</t>
  </si>
  <si>
    <t>HENRIQUE HUMBERTO MARCELINO DE OLIVEIRA_1_6764016236456124412_1_32.wav</t>
  </si>
  <si>
    <t>\\acsfs\DEPTOS\EDUCACAO EMPRESARIAL\ligação mutant primeiro ciclo MUTANT\HENRIQUE HUMBERTO MARCELINO DE OLIVEIRA_1_6764016236456124412_1_32.wav</t>
  </si>
  <si>
    <t>12/17/2019 16:31:15</t>
  </si>
  <si>
    <t>12/17/2019 16:32:21</t>
  </si>
  <si>
    <t>12/17/2019 16:29:54</t>
  </si>
  <si>
    <t>12/17/2019 16:34:21</t>
  </si>
  <si>
    <t>12/17/2019 16:29:57</t>
  </si>
  <si>
    <t>12/17/2019 16:30:00</t>
  </si>
  <si>
    <t>12/17/2019 16:30:03</t>
  </si>
  <si>
    <t>12/17/2019 16:30:12</t>
  </si>
  <si>
    <t>12/17/2019 16:30:44</t>
  </si>
  <si>
    <t>12/17/2019 16:32:13</t>
  </si>
  <si>
    <t>12/17/2019 16:32:53</t>
  </si>
  <si>
    <t>12/17/2019 16:33:05</t>
  </si>
  <si>
    <t>12/17/2019 16:33:16</t>
  </si>
  <si>
    <t>12/17/2019 16:33:23</t>
  </si>
  <si>
    <t>12/17/2019 16:33:41</t>
  </si>
  <si>
    <t>mail.google.com/sync/u/0/i/s?hl=pt-BR&amp;c=477</t>
  </si>
  <si>
    <t>12/17/2019 16:34:05</t>
  </si>
  <si>
    <t>12/17/2019 16:34:17</t>
  </si>
  <si>
    <t>12/17/2019 16:35:21</t>
  </si>
  <si>
    <t>Validação FUPs (2).xlsx</t>
  </si>
  <si>
    <t>12/17/2019 16:33:01</t>
  </si>
  <si>
    <t>12/17/2019 16:36:21</t>
  </si>
  <si>
    <t>mail.google.com/sync/u/0/i/s?hl=pt-BR&amp;c=212</t>
  </si>
  <si>
    <t>12/17/2019 16:33:08</t>
  </si>
  <si>
    <t>mail.google.com/sync/u/0/i/s?hl=pt-BR&amp;c=214</t>
  </si>
  <si>
    <t>12/17/2019 16:33:09</t>
  </si>
  <si>
    <t>12/17/2019 16:35:30</t>
  </si>
  <si>
    <t>12/17/2019 16:32:54</t>
  </si>
  <si>
    <t>ISABEL DIAS SOARES TELES_1_6764016236456124412_1_32.wav</t>
  </si>
  <si>
    <t>\\acsfs\DEPTOS\EDUCACAO EMPRESARIAL\ligação mutant primeiro ciclo MUTANT\ISABEL DIAS SOARES TELES_1_6764016236456124412_1_32.wav</t>
  </si>
  <si>
    <t>12/17/2019 16:33:29</t>
  </si>
  <si>
    <t>ISABELLE GOMES TEIXEIRA DOS SANTOS_1_6764396426961165311_1_32.wav</t>
  </si>
  <si>
    <t>\\acsfs\DEPTOS\EDUCACAO EMPRESARIAL\ligação mutant primeiro ciclo MUTANT\ISABELLE GOMES TEIXEIRA DOS SANTOS_1_6764396426961165311_1_32.wav</t>
  </si>
  <si>
    <t>12/17/2019 16:34:00</t>
  </si>
  <si>
    <t>JALILE BARBARA DA SILVA_1_6763298139399073873_1_32.wav</t>
  </si>
  <si>
    <t>\\acsfs\DEPTOS\EDUCACAO EMPRESARIAL\ligação mutant primeiro ciclo MUTANT\JALILE BARBARA DA SILVA_1_6763298139399073873_1_32.wav</t>
  </si>
  <si>
    <t>12/17/2019 16:34:32</t>
  </si>
  <si>
    <t>JAQUELINE COIMBRA PERES_1_6763324360174406748_1_32.wav</t>
  </si>
  <si>
    <t>\\acsfs\DEPTOS\EDUCACAO EMPRESARIAL\ligação mutant primeiro ciclo MUTANT\JAQUELINE COIMBRA PERES_1_6763324360174406748_1_32.wav</t>
  </si>
  <si>
    <t>12/17/2019 16:35:11</t>
  </si>
  <si>
    <t>JESSICA FERREIRA CARVALHO_1_6763969971068415974_1_32.wav</t>
  </si>
  <si>
    <t>\\acsfs\DEPTOS\EDUCACAO EMPRESARIAL\ligação mutant primeiro ciclo MUTANT\JESSICA FERREIRA CARVALHO_1_6763969971068415974_1_32.wav</t>
  </si>
  <si>
    <t>12/17/2019 16:36:09</t>
  </si>
  <si>
    <t>JONATAN LOURENCO DE SOUZA_1_6763571071685830177_1_32.wav</t>
  </si>
  <si>
    <t>\\acsfs\DEPTOS\EDUCACAO EMPRESARIAL\ligação mutant primeiro ciclo MUTANT\JONATAN LOURENCO DE SOUZA_1_6763571071685830177_1_32.wav</t>
  </si>
  <si>
    <t>12/17/2019 16:33:44</t>
  </si>
  <si>
    <t>12/17/2019 16:37:21</t>
  </si>
  <si>
    <t>f2002bc2-470d-4c57-9e11-d7b92a15d3a5.tmp</t>
  </si>
  <si>
    <t>\\acsfs\profiles$\larissaad\Downloads\f2002bc2-470d-4c57-9e11-d7b92a15d3a5.tmp</t>
  </si>
  <si>
    <t>12/17/2019 16:34:59</t>
  </si>
  <si>
    <t>77a2224a-c009-4237-9427-2e9f87ac2133.tmp</t>
  </si>
  <si>
    <t>\\acsfs\profiles$\larissaad\Downloads\77a2224a-c009-4237-9427-2e9f87ac2133.tmp</t>
  </si>
  <si>
    <t>12/17/2019 16:32:39</t>
  </si>
  <si>
    <t>XLOG_anacdos_17122019_081556.log</t>
  </si>
  <si>
    <t>\\acsfs\profiles$\anacdos\My Documents\xworkcenter\logs\XLOG_anacdos_17122019_081556.log</t>
  </si>
  <si>
    <t>12/17/2019 16:33:00</t>
  </si>
  <si>
    <t>XLOG_anacdos_17122019_081541.log</t>
  </si>
  <si>
    <t>\\acsfs\profiles$\anacdos\My Documents\xworkcenter\logs\XLOG_anacdos_17122019_081541.log</t>
  </si>
  <si>
    <t>12/17/2019 16:33:17</t>
  </si>
  <si>
    <t>12/17/2019 16:38:21</t>
  </si>
  <si>
    <t>\\acsfs\Deptos\CAS - Coordenação de Arquitetura de Soluções\Projetos\2019\Santander\218417 - Esfera Fidelidade\</t>
  </si>
  <si>
    <t>218417 - Esfera Fidelidade - Backups.xlsb</t>
  </si>
  <si>
    <t>\\acsfs\Deptos\CAS - Coordenação de Arquitetura de Soluções\Projetos\2019\Santander\218417 - Esfera Fidelidade\218417 - Esfera Fidelidade - Backups.xlsb\</t>
  </si>
  <si>
    <t>12/17/2019 16:34:08</t>
  </si>
  <si>
    <t>12/17/2019 16:39:22</t>
  </si>
  <si>
    <t>10.200.67.67</t>
  </si>
  <si>
    <t>74-86-7A-FB-17-15</t>
  </si>
  <si>
    <t>VOTORANT-GB003</t>
  </si>
  <si>
    <t>it.manager</t>
  </si>
  <si>
    <t>C:\Users\it.manager.VOTORANT-GB003\Downloads\</t>
  </si>
  <si>
    <t>CitrixWorkspaceApp.exe</t>
  </si>
  <si>
    <t>\\atspl\d$\_Novo Citrix BV\CitrixWorkspaceApp.exe</t>
  </si>
  <si>
    <t>12/17/2019 16:34:18</t>
  </si>
  <si>
    <t>\\atspl\d$\_Novo Citrix BV\CitrixWorkspaceApp.exe\</t>
  </si>
  <si>
    <t>\\atspl\d$\_Novo Citrix BV\CitrixWorkspaceApp.exe\:Zone.Identifier:$DATA</t>
  </si>
  <si>
    <t>12/17/2019 16:34:11</t>
  </si>
  <si>
    <t>087e49ae-a696-4c98-ac44-494096b20497.tmp</t>
  </si>
  <si>
    <t>\\acsfs\profiles$\KARENJSS\Downloads\087e49ae-a696-4c98-ac44-494096b20497.tmp</t>
  </si>
  <si>
    <t>12/17/2019 16:37:25</t>
  </si>
  <si>
    <t>mail.google.com/sync/u/0/i/s?hl=pt-BR&amp;c=502</t>
  </si>
  <si>
    <t>12/17/2019 16:37:28</t>
  </si>
  <si>
    <t>mail.google.com/sync/u/0/i/s?hl=pt-BR&amp;c=504</t>
  </si>
  <si>
    <t>12/17/2019 16:37:32</t>
  </si>
  <si>
    <t>mail.google.com/sync/u/0/i/s?hl=pt-BR&amp;c=506</t>
  </si>
  <si>
    <t>12/17/2019 16:38:00</t>
  </si>
  <si>
    <t>12/17/2019 16:38:04</t>
  </si>
  <si>
    <t>12/17/2019 16:39:03</t>
  </si>
  <si>
    <t>12/17/2019 16:39:06</t>
  </si>
  <si>
    <t>12/17/2019 16:35:14</t>
  </si>
  <si>
    <t>12/17/2019 16:40:22</t>
  </si>
  <si>
    <t>andrelpsa@algartech.com;paulacn@algartech.com;</t>
  </si>
  <si>
    <t>andrelpsa@algartech.com,paulacn@algartech.com</t>
  </si>
  <si>
    <t>12/17/2019 16:35:36</t>
  </si>
  <si>
    <t>12/17/2019 16:35:40</t>
  </si>
  <si>
    <t>12/17/2019 16:36:07</t>
  </si>
  <si>
    <t>12/17/2019 16:36:41</t>
  </si>
  <si>
    <t>12/17/2019 16:36:44</t>
  </si>
  <si>
    <t>12/17/2019 16:37:09</t>
  </si>
  <si>
    <t>12/17/2019 16:37:34</t>
  </si>
  <si>
    <t>12/17/2019 16:37:37</t>
  </si>
  <si>
    <t>12/17/2019 16:38:34</t>
  </si>
  <si>
    <t>12/17/2019 16:38:45</t>
  </si>
  <si>
    <t>12/17/2019 16:39:27</t>
  </si>
  <si>
    <t>12/17/2019 16:38:41</t>
  </si>
  <si>
    <t>12/17/2019 16:39:16</t>
  </si>
  <si>
    <t>12/17/2019 16:41:22</t>
  </si>
  <si>
    <t>10.200.67.147</t>
  </si>
  <si>
    <t>78-2B-CB-C1-07-ED</t>
  </si>
  <si>
    <t>VOTORANT-LB006</t>
  </si>
  <si>
    <t>keillecdasp</t>
  </si>
  <si>
    <t>12/17/2019 16:37:11</t>
  </si>
  <si>
    <t>12/17/2019 16:36:43</t>
  </si>
  <si>
    <t>JOSE ROSA DE SOUZA NETO_1_6763673815893481115_1_32.wav</t>
  </si>
  <si>
    <t>\\acsfs\DEPTOS\EDUCACAO EMPRESARIAL\ligação mutant primeiro ciclo MUTANT\JOSE ROSA DE SOUZA NETO_1_6763673815893481115_1_32.wav</t>
  </si>
  <si>
    <t>12/17/2019 16:37:18</t>
  </si>
  <si>
    <t>LAYLA APARECIDA MACEDO SILVEIRA_1_6763666351240326042_1_32.wav</t>
  </si>
  <si>
    <t>\\acsfs\DEPTOS\EDUCACAO EMPRESARIAL\ligação mutant primeiro ciclo MUTANT\LAYLA APARECIDA MACEDO SILVEIRA_1_6763666351240326042_1_32.wav</t>
  </si>
  <si>
    <t>12/17/2019 16:38:05</t>
  </si>
  <si>
    <t>KAMILLA CAROLINA RODRIGUES_1_6763666351240326042_1_32.wav</t>
  </si>
  <si>
    <t>\\acsfs\DEPTOS\EDUCACAO EMPRESARIAL\ligação mutant primeiro ciclo MUTANT\KAMILLA CAROLINA RODRIGUES_1_6763666351240326042_1_32.wav</t>
  </si>
  <si>
    <t>12/17/2019 16:39:20</t>
  </si>
  <si>
    <t>LUCAS NASCIMENTO SILVA_1_6764320135457083524_1_32.wav</t>
  </si>
  <si>
    <t>\\acsfs\DEPTOS\EDUCACAO EMPRESARIAL\ligação mutant primeiro ciclo MUTANT\LUCAS NASCIMENTO SILVA_1_6764320135457083524_1_32.wav</t>
  </si>
  <si>
    <t>12/17/2019 16:39:58</t>
  </si>
  <si>
    <t>KELLZYLENNE APARECIDA SILVA RABELO_1_6764034155059689411_1_32.wav</t>
  </si>
  <si>
    <t>\\acsfs\DEPTOS\EDUCACAO EMPRESARIAL\ligação mutant primeiro ciclo MUTANT\KELLZYLENNE APARECIDA SILVA RABELO_1_6764034155059689411_1_32.wav</t>
  </si>
  <si>
    <t>12/17/2019 16:40:36</t>
  </si>
  <si>
    <t>FERNANDO FREITAS SILVA_1_6764415187378309398_1_32.wav</t>
  </si>
  <si>
    <t>\\acsfs\DEPTOS\EDUCACAO EMPRESARIAL\ligação mutant primeiro ciclo MUTANT\FERNANDO FREITAS SILVA_1_6764415187378309398_1_32.wav</t>
  </si>
  <si>
    <t>12/17/2019 16:40:06</t>
  </si>
  <si>
    <t>12/17/2019 16:44:22</t>
  </si>
  <si>
    <t>12/17/2019 16:43:55</t>
  </si>
  <si>
    <t>12/17/2019 16:45:22</t>
  </si>
  <si>
    <t>12/17/2019 16:42:59</t>
  </si>
  <si>
    <t>12/17/2019 16:46:22</t>
  </si>
  <si>
    <t>12/17/2019 16:45:18</t>
  </si>
  <si>
    <t>12/17/2019 16:45:23</t>
  </si>
  <si>
    <t>12/17/2019 16:45:27</t>
  </si>
  <si>
    <t>12/17/2019 16:43:59</t>
  </si>
  <si>
    <t>12/17/2019 16:47:22</t>
  </si>
  <si>
    <t>12/17/2019 16:42:07</t>
  </si>
  <si>
    <t>12/17/2019 16:48:22</t>
  </si>
  <si>
    <t>10.200.32.5</t>
  </si>
  <si>
    <t>54-BF-64-F5-56-19</t>
  </si>
  <si>
    <t>Ondas-Automacao-HUB_LINUX-WINDOWS.xlsx</t>
  </si>
  <si>
    <t>12/17/2019 16:45:06</t>
  </si>
  <si>
    <t>12/17/2019 16:49:22</t>
  </si>
  <si>
    <t>12/17/2019 16:45:12</t>
  </si>
  <si>
    <t>mail.google.com/sync/u/0/i/s?hl=pt-BR&amp;c=526</t>
  </si>
  <si>
    <t>12/17/2019 16:45:14</t>
  </si>
  <si>
    <t>mail.google.com/sync/u/0/i/s?hl=pt-BR&amp;c=528</t>
  </si>
  <si>
    <t>mail.google.com/sync/u/0/i/s?hl=pt-BR&amp;c=530</t>
  </si>
  <si>
    <t>12/17/2019 16:45:29</t>
  </si>
  <si>
    <t>mail.google.com/sync/u/0/i/s?hl=pt-BR&amp;c=532</t>
  </si>
  <si>
    <t>12/17/2019 16:46:06</t>
  </si>
  <si>
    <t>12/17/2019 16:48:49</t>
  </si>
  <si>
    <t>12/17/2019 16:49:02</t>
  </si>
  <si>
    <t>mail.google.com/_/upload?authuser=0&amp;dcp=asu-n&amp;upload_id=AEnB2UqsNz-gjJfIZVDf-WLzJ9ysbvv_X9UsCtkmN1NzLnhT7yFweBOmO0-5YJI3VK8JxjeICEwWvWELEn0i5bLqlR2ZTl2Yf8Barpy7Jk6OEPa0gW2u1yc&amp;upload_protocol=resumable</t>
  </si>
  <si>
    <t>C:\Users\raicdf\Documents\Fechamento Novembro\</t>
  </si>
  <si>
    <t>D-1 POR OPERADOR - BV - NOV (VERSÃO LEVE) (version 1).xlsb</t>
  </si>
  <si>
    <t>12/17/2019 16:46:32</t>
  </si>
  <si>
    <t>12/17/2019 16:50:22</t>
  </si>
  <si>
    <t>12/17/2019 16:46:01</t>
  </si>
  <si>
    <t>12/17/2019 16:47:41</t>
  </si>
  <si>
    <t>12/17/2019 16:51:22</t>
  </si>
  <si>
    <t>2a2fb080-bebc-43dd-bdc6-96f0eaeaec81.tmp</t>
  </si>
  <si>
    <t>\\acsfs\profiles$\brendadsl\Downloads\2a2fb080-bebc-43dd-bdc6-96f0eaeaec81.tmp</t>
  </si>
  <si>
    <t>12/17/2019 16:47:05</t>
  </si>
  <si>
    <t>12/17/2019 16:52:22</t>
  </si>
  <si>
    <t>12/17/2019 16:50:48</t>
  </si>
  <si>
    <t>12/17/2019 16:53:22</t>
  </si>
  <si>
    <t>ricardoft@algartech.com</t>
  </si>
  <si>
    <t>\\acsfs\Deptos\CAS - Coordenação de Arquitetura de Soluções\Projetos\2019\FMC\219395 - Recusos de SAP S4\1. Precificação\</t>
  </si>
  <si>
    <t>Perfis.xlsx</t>
  </si>
  <si>
    <t>12/17/2019 16:49:33</t>
  </si>
  <si>
    <t>12/17/2019 16:54:22</t>
  </si>
  <si>
    <t>Fechamento Equipe.xls</t>
  </si>
  <si>
    <t>Fechamento por operador.xls</t>
  </si>
  <si>
    <t>12/17/2019 16:49:37</t>
  </si>
  <si>
    <t>Acompanhamento de Qualidade_Novembro (1).xlsx</t>
  </si>
  <si>
    <t>12/17/2019 16:49:54</t>
  </si>
  <si>
    <t>12/17/2019 16:50:08</t>
  </si>
  <si>
    <t>C:\Users\raicdf\Documents\Fechamento Novembro\NPS CRBV (2).xlsb\</t>
  </si>
  <si>
    <t>NPS CRBV (2).xlsb</t>
  </si>
  <si>
    <t>12/17/2019 16:50:42</t>
  </si>
  <si>
    <t>12/17/2019 16:50:46</t>
  </si>
  <si>
    <t>mail.google.com/sync/u/0/i/s?hl=pt-BR&amp;c=563</t>
  </si>
  <si>
    <t>12/17/2019 16:51:06</t>
  </si>
  <si>
    <t>12/17/2019 16:51:18</t>
  </si>
  <si>
    <t>12/17/2019 16:51:19</t>
  </si>
  <si>
    <t>12/17/2019 16:51:50</t>
  </si>
  <si>
    <t>12/17/2019 16:52:07</t>
  </si>
  <si>
    <t>12/17/2019 16:50:45</t>
  </si>
  <si>
    <t>12/17/2019 16:55:22</t>
  </si>
  <si>
    <t>15fd94ae-2fc5-44d1-8ada-9ca69af23007.tmp</t>
  </si>
  <si>
    <t>\\acsfs\profiles$\rosileiam\Downloads\15fd94ae-2fc5-44d1-8ada-9ca69af23007.tmp</t>
  </si>
  <si>
    <t>12/17/2019 16:54:47</t>
  </si>
  <si>
    <t>12/17/2019 16:53:06</t>
  </si>
  <si>
    <t>12/17/2019 16:56:22</t>
  </si>
  <si>
    <t>12/17/2019 16:56:05</t>
  </si>
  <si>
    <t>12/17/2019 16:58:22</t>
  </si>
  <si>
    <t>12/17/2019 16:55:55</t>
  </si>
  <si>
    <t>12/17/2019 16:59:22</t>
  </si>
  <si>
    <t>12/17/2019 16:57:06</t>
  </si>
  <si>
    <t>12/17/2019 16:58:06</t>
  </si>
  <si>
    <t>12/17/2019 16:56:49</t>
  </si>
  <si>
    <t>12/17/2019 17:00:22</t>
  </si>
  <si>
    <t>12/17/2019 16:56:54</t>
  </si>
  <si>
    <t>12/17/2019 16:57:11</t>
  </si>
  <si>
    <t>12/17/2019 16:57:27</t>
  </si>
  <si>
    <t>12/17/2019 16:57:38</t>
  </si>
  <si>
    <t>12/17/2019 16:57:43</t>
  </si>
  <si>
    <t>12/17/2019 16:57:46</t>
  </si>
  <si>
    <t>12/17/2019 16:55:24</t>
  </si>
  <si>
    <t>12/17/2019 17:01:22</t>
  </si>
  <si>
    <t>12/17/2019 16:58:42</t>
  </si>
  <si>
    <t>56062156-10d2-4e8b-b8df-a1e3b04f790d.tmp</t>
  </si>
  <si>
    <t>\\acsfs\profiles$\kamilamrc\Downloads\56062156-10d2-4e8b-b8df-a1e3b04f790d.tmp</t>
  </si>
  <si>
    <t>12/17/2019 16:56:48</t>
  </si>
  <si>
    <t>12/17/2019 17:03:06</t>
  </si>
  <si>
    <t>12/17/2019 17:04:22</t>
  </si>
  <si>
    <t>12/17/2019 17:04:06</t>
  </si>
  <si>
    <t>12/17/2019 17:02:10</t>
  </si>
  <si>
    <t>12/17/2019 17:05:22</t>
  </si>
  <si>
    <t>12/17/2019 17:02:12</t>
  </si>
  <si>
    <t>12/17/2019 17:03:00</t>
  </si>
  <si>
    <t>12/17/2019 17:03:02</t>
  </si>
  <si>
    <t>12/17/2019 17:01:19</t>
  </si>
  <si>
    <t>12/17/2019 17:06:22</t>
  </si>
  <si>
    <t>12/17/2019 17:01:20</t>
  </si>
  <si>
    <t>12/17/2019 17:01:21</t>
  </si>
  <si>
    <t>12/17/2019 17:01:28</t>
  </si>
  <si>
    <t>12/17/2019 17:01:29</t>
  </si>
  <si>
    <t>12/17/2019 17:01:33</t>
  </si>
  <si>
    <t>12/17/2019 17:03:40</t>
  </si>
  <si>
    <t>12/17/2019 17:04:00</t>
  </si>
  <si>
    <t>12/17/2019 17:04:10</t>
  </si>
  <si>
    <t>12/17/2019 17:07:06</t>
  </si>
  <si>
    <t>12/17/2019 17:08:22</t>
  </si>
  <si>
    <t>10.200.66.121</t>
  </si>
  <si>
    <t>889b08ca-99f8-4d80-8655-2146c3ececef.tmp</t>
  </si>
  <si>
    <t>\\acsfs\profiles$\anafaes\Downloads\889b08ca-99f8-4d80-8655-2146c3ececef.tmp</t>
  </si>
  <si>
    <t>12/17/2019 17:07:07</t>
  </si>
  <si>
    <t>825ffeec-31c9-4cdf-bd63-0efcaf66a4b7.tmp</t>
  </si>
  <si>
    <t>\\acsfs\profiles$\anafaes\Downloads\825ffeec-31c9-4cdf-bd63-0efcaf66a4b7.tmp</t>
  </si>
  <si>
    <t>12/17/2019 17:07:14</t>
  </si>
  <si>
    <t>4c88a2f4-c60b-4b45-a6ee-65dab3dd5966.tmp</t>
  </si>
  <si>
    <t>\\acsfs\profiles$\anafaes\Downloads\4c88a2f4-c60b-4b45-a6ee-65dab3dd5966.tmp</t>
  </si>
  <si>
    <t>12/17/2019 17:09:06</t>
  </si>
  <si>
    <t>12/17/2019 17:09:22</t>
  </si>
  <si>
    <t>12/17/2019 17:07:41</t>
  </si>
  <si>
    <t>12/17/2019 17:10:22</t>
  </si>
  <si>
    <t>ae555ab9-ad2b-402a-a7d0-632f731f4ca3.tmp</t>
  </si>
  <si>
    <t>\\acsfs\profiles$\alexandrapp\Downloads\ae555ab9-ad2b-402a-a7d0-632f731f4ca3.tmp</t>
  </si>
  <si>
    <t>12/17/2019 17:07:42</t>
  </si>
  <si>
    <t>a8a268c0-6a3b-481e-95dd-4bf9aa965e8a.tmp</t>
  </si>
  <si>
    <t>\\acsfs\profiles$\alexandrapp\Downloads\a8a268c0-6a3b-481e-95dd-4bf9aa965e8a.tmp</t>
  </si>
  <si>
    <t>12/17/2019 17:06:37</t>
  </si>
  <si>
    <t>4db334c0-0a55-415f-863f-04913d5a2dd8.tmp</t>
  </si>
  <si>
    <t>\\acsfs\profiles$\gabrielamdp\Downloads\4db334c0-0a55-415f-863f-04913d5a2dd8.tmp</t>
  </si>
  <si>
    <t>12/17/2019 17:08:24</t>
  </si>
  <si>
    <t>12/17/2019 17:11:22</t>
  </si>
  <si>
    <t>df5f94dd-2d44-4213-a7bf-bacfc2e45cc6.tmp</t>
  </si>
  <si>
    <t>\\acsfs\profiles$\victorgl\Downloads\df5f94dd-2d44-4213-a7bf-bacfc2e45cc6.tmp</t>
  </si>
  <si>
    <t>12/17/2019 17:10:15</t>
  </si>
  <si>
    <t>12/17/2019 17:06:17</t>
  </si>
  <si>
    <t>12/17/2019 17:07:40</t>
  </si>
  <si>
    <t>mail.google.com/sync/u/0/i/s?hl=pt-BR&amp;c=722</t>
  </si>
  <si>
    <t>backofficebv@dxc.com;bvs-centralcartoes@bv.com.br;fabianacscg@algartech.com;fernandorsju@algartech.com;jean.loiola@bv.com.br;jose.ric.dos-santos@dxc.com;larissa.alcantara@bv.com.br;mirianppb@algartech.com;mttechne.voliveira@bv.com.br;talmaiardo@algartech.com;thiagordu@algartech.com;</t>
  </si>
  <si>
    <t>backofficebv@dxc.com,bvs-centralcartoes@bv.com.br,fabianacscg@algartech.com,fernandorsju@algartech.com,jean.loiola@bv.com.br,jose.ric.dos-santos@dxc.com,larissa.alcantara@bv.com.br,mirianppb@algartech.com,mttechne.voliveira@bv.com.br,talmaiardo@algartech.com,thiagordu@algartech.com</t>
  </si>
  <si>
    <t>12/17/2019 17:07:56</t>
  </si>
  <si>
    <t>mail.google.com/sync/u/0/i/s?hl=pt-BR&amp;c=725</t>
  </si>
  <si>
    <t>12/17/2019 17:08:41</t>
  </si>
  <si>
    <t>mail.google.com/sync/u/0/i/s?hl=pt-BR&amp;c=727</t>
  </si>
  <si>
    <t>12/17/2019 17:08:42</t>
  </si>
  <si>
    <t>12/17/2019 17:08:49</t>
  </si>
  <si>
    <t>mail.google.com/sync/u/0/i/s?hl=pt-BR&amp;c=729</t>
  </si>
  <si>
    <t>12/17/2019 17:09:01</t>
  </si>
  <si>
    <t>anavbg@algartech.com;backofficebv@dxc.com;bvs-centralcartoes@bv.com.br;fabianacscg@algartech.com;fernandorsju@algartech.com;jean.loiola@bv.com.br;jose.ric.dos-santos@dxc.com;larissa.alcantara@bv.com.br;mirianppb@algartech.com;mttechne.voliveira@bv.com.br;talmaiardo@algartech.com;thiagordu@algartech.com;</t>
  </si>
  <si>
    <t>anavbg@algartech.com,backofficebv@dxc.com,bvs-centralcartoes@bv.com.br,fabianacscg@algartech.com,fernandorsju@algartech.com,jean.loiola@bv.com.br,jose.ric.dos-santos@dxc.com,larissa.alcantara@bv.com.br,mirianppb@algartech.com,mttechne.voliveira@bv.com.br,talmaiardo@algartech.com,thiagordu@algartech.com</t>
  </si>
  <si>
    <t>12/17/2019 17:08:03</t>
  </si>
  <si>
    <t>12/17/2019 17:13:22</t>
  </si>
  <si>
    <t>f10c9510-63f4-4198-a836-6a95cddd2c74.tmp</t>
  </si>
  <si>
    <t>\\acsfs\profiles$\anafaes\Downloads\f10c9510-63f4-4198-a836-6a95cddd2c74.tmp</t>
  </si>
  <si>
    <t>12/17/2019 17:08:06</t>
  </si>
  <si>
    <t>2ad7f5ec-2c82-4e25-811a-55d9facde777.tmp</t>
  </si>
  <si>
    <t>\\acsfs\profiles$\anafaes\Downloads\2ad7f5ec-2c82-4e25-811a-55d9facde777.tmp</t>
  </si>
  <si>
    <t>12/17/2019 17:10:00</t>
  </si>
  <si>
    <t>4af7b101-c20b-4f56-a98d-1f740d1f0b41.tmp</t>
  </si>
  <si>
    <t>\\acsfs\profiles$\anafaes\Downloads\4af7b101-c20b-4f56-a98d-1f740d1f0b41.tmp</t>
  </si>
  <si>
    <t>12/17/2019 17:10:06</t>
  </si>
  <si>
    <t>12/17/2019 17:14:22</t>
  </si>
  <si>
    <t>12/17/2019 17:09:28</t>
  </si>
  <si>
    <t>12/17/2019 17:15:22</t>
  </si>
  <si>
    <t>12/17/2019 17:13:34</t>
  </si>
  <si>
    <t>12/17/2019 17:11:53</t>
  </si>
  <si>
    <t>12/17/2019 17:11:55</t>
  </si>
  <si>
    <t>12/17/2019 17:11:57</t>
  </si>
  <si>
    <t>12/17/2019 17:13:45</t>
  </si>
  <si>
    <t>3098639f-2498-4645-8636-28351713a7a2.tmp</t>
  </si>
  <si>
    <t>\\acsfs\profiles$\gabrielamdp\Downloads\3098639f-2498-4645-8636-28351713a7a2.tmp</t>
  </si>
  <si>
    <t>12/17/2019 17:12:31</t>
  </si>
  <si>
    <t>12/17/2019 17:16:22</t>
  </si>
  <si>
    <t>12/17/2019 17:12:34</t>
  </si>
  <si>
    <t>mail.google.com/sync/u/0/i/s?hl=pt-BR&amp;c=249</t>
  </si>
  <si>
    <t>12/17/2019 17:13:47</t>
  </si>
  <si>
    <t>12/17/2019 17:15:23</t>
  </si>
  <si>
    <t>mail.google.com/sync/u/0/i/s?hl=pt-BR&amp;c=752</t>
  </si>
  <si>
    <t>eduardo.santana@bv.com.br;talmaiardo@algartech.com;thiagordu@algartech.com;</t>
  </si>
  <si>
    <t>eduardo.santana@bv.com.br,talmaiardo@algartech.com,thiagordu@algartech.com</t>
  </si>
  <si>
    <t>12/17/2019 17:14:02</t>
  </si>
  <si>
    <t>12/17/2019 17:18:22</t>
  </si>
  <si>
    <t>12/17/2019 17:15:06</t>
  </si>
  <si>
    <t>12/17/2019 17:19:22</t>
  </si>
  <si>
    <t>12/17/2019 17:16:06</t>
  </si>
  <si>
    <t>12/17/2019 17:19:33</t>
  </si>
  <si>
    <t>12/17/2019 17:20:22</t>
  </si>
  <si>
    <t>dc713d03-c72e-48ea-8aeb-13ec54677eee.tmp</t>
  </si>
  <si>
    <t>\\acsfs\profiles$\alexandrapp\Downloads\dc713d03-c72e-48ea-8aeb-13ec54677eee.tmp</t>
  </si>
  <si>
    <t>12/17/2019 17:17:03</t>
  </si>
  <si>
    <t>12/17/2019 17:21:22</t>
  </si>
  <si>
    <t>12/17/2019 17:18:59</t>
  </si>
  <si>
    <t>mail.google.com/sync/u/0/i/s?hl=pt-BR&amp;c=790</t>
  </si>
  <si>
    <t>12/17/2019 17:20:06</t>
  </si>
  <si>
    <t>mail.google.com/sync/u/0/i/s?hl=pt-BR&amp;c=811</t>
  </si>
  <si>
    <t>12/17/2019 17:20:14</t>
  </si>
  <si>
    <t>mail.google.com/sync/u/0/i/s?hl=pt-BR&amp;c=816</t>
  </si>
  <si>
    <t>backofficebv@dxc.com;bvs-centralcartoes@bv.com.br;eduardo.santana@bv.com.br;fabianacscg@algartech.com;fernandorsju@algartech.com;jean.loiola@bv.com.br;jose.ric.dos-santos@dxc.com;larissa.alcantara@bv.com.br;mirianppb@algartech.com;mttechne.voliveira@bv.com.br;talmaiardo@algartech.com;thiagordu@algartech.com;</t>
  </si>
  <si>
    <t>backofficebv@dxc.com,bvs-centralcartoes@bv.com.br,eduardo.santana@bv.com.br,fabianacscg@algartech.com,fernandorsju@algartech.com,jean.loiola@bv.com.br,jose.ric.dos-santos@dxc.com,larissa.alcantara@bv.com.br,mirianppb@algartech.com,mttechne.voliveira@bv.com.br,talmaiardo@algartech.com,thiagordu@algartech.com</t>
  </si>
  <si>
    <t>12/17/2019 17:20:15</t>
  </si>
  <si>
    <t>12/17/2019 17:21:07</t>
  </si>
  <si>
    <t>mail.google.com/sync/u/0/i/s?hl=pt-BR&amp;c=838</t>
  </si>
  <si>
    <t>12/17/2019 17:21:05</t>
  </si>
  <si>
    <t>12/17/2019 17:22:22</t>
  </si>
  <si>
    <t>mail.google.com/_/upload?authuser=1&amp;dcp=asu-n&amp;upload_id=AEnB2Uo8p7_P-3bRJ-j1td-OThcUDgrSvW2sNjQ1-K8dodXRcBrm7WMZA3SHYR_UmCrpaicYKRe0menQdeVvofDs9S21Qr9eMYuSDazTMrxCmT7cM0iG46U&amp;upload_protocol=resumable</t>
  </si>
  <si>
    <t>C:\_Marco Tulio\0 - Coach\2 - Qualidade\01 - Estrategico\07 - Plano Tatico\2019\02 - Speech\Analises Fornecedor\Análise de Alto Atrito_Julho.pptx\</t>
  </si>
  <si>
    <t>12/17/2019 17:21:06</t>
  </si>
  <si>
    <t>12/17/2019 17:24:22</t>
  </si>
  <si>
    <t>12/17/2019 17:22:06</t>
  </si>
  <si>
    <t>12/17/2019 17:21:13</t>
  </si>
  <si>
    <t>12/17/2019 17:25:22</t>
  </si>
  <si>
    <t>12/17/2019 17:21:16</t>
  </si>
  <si>
    <t>mail.google.com/sync/u/0/i/s?hl=pt-BR&amp;c=198</t>
  </si>
  <si>
    <t>12/17/2019 17:24:34</t>
  </si>
  <si>
    <t>12/17/2019 17:21:55</t>
  </si>
  <si>
    <t>12/17/2019 17:26:22</t>
  </si>
  <si>
    <t>mail.google.com/sync/u/0/i/s?hl=pt-BR&amp;c=852</t>
  </si>
  <si>
    <t>eduardo.santana@bv.com.br;jean.loiola@bv.com.br;jose.ric.dos-santos@dxc.com;talmaiardo@algartech.com;thiagordu@algartech.com;</t>
  </si>
  <si>
    <t>eduardo.santana@bv.com.br,jean.loiola@bv.com.br,jose.ric.dos-santos@dxc.com,talmaiardo@algartech.com,thiagordu@algartech.com</t>
  </si>
  <si>
    <t>12/17/2019 17:22:19</t>
  </si>
  <si>
    <t>mail.google.com/sync/u/0/i/s?hl=pt-BR&amp;c=857</t>
  </si>
  <si>
    <t>12/17/2019 17:22:23</t>
  </si>
  <si>
    <t>mail.google.com/sync/u/0/i/s?hl=pt-BR&amp;c=861</t>
  </si>
  <si>
    <t>12/17/2019 17:22:39</t>
  </si>
  <si>
    <t>mail.google.com/sync/u/0/i/s?hl=pt-BR&amp;c=868</t>
  </si>
  <si>
    <t>12/17/2019 17:22:53</t>
  </si>
  <si>
    <t>mail.google.com/sync/u/0/i/s?hl=pt-BR&amp;c=874</t>
  </si>
  <si>
    <t>12/17/2019 17:27:07</t>
  </si>
  <si>
    <t>12/17/2019 17:29:23</t>
  </si>
  <si>
    <t>12/17/2019 17:28:07</t>
  </si>
  <si>
    <t>12/17/2019 17:25:33</t>
  </si>
  <si>
    <t>12/17/2019 17:30:22</t>
  </si>
  <si>
    <t>12/17/2019 17:24:48</t>
  </si>
  <si>
    <t>mail.google.com/sync/u/0/i/s?hl=pt-BR&amp;c=206</t>
  </si>
  <si>
    <t>12/17/2019 17:29:35</t>
  </si>
  <si>
    <t>33c12eab-683c-4916-8656-41fd1857f161.tmp</t>
  </si>
  <si>
    <t>\\acsfs\profiles$\vivianibfs\Downloads\33c12eab-683c-4916-8656-41fd1857f161.tmp</t>
  </si>
  <si>
    <t>12/17/2019 17:25:52</t>
  </si>
  <si>
    <t>709425ae-dae3-4084-8b5f-3b9d6140b462.tmp</t>
  </si>
  <si>
    <t>\\acsfs\profiles$\gabrielamdp\Downloads\709425ae-dae3-4084-8b5f-3b9d6140b462.tmp</t>
  </si>
  <si>
    <t>12/17/2019 17:25:11</t>
  </si>
  <si>
    <t>10d5aa9c-92c9-4ebc-8ec0-ff798c2662ab.tmp</t>
  </si>
  <si>
    <t>\\acsfs\profiles$\higorss\Downloads\10d5aa9c-92c9-4ebc-8ec0-ff798c2662ab.tmp</t>
  </si>
  <si>
    <t>12/17/2019 17:25:24</t>
  </si>
  <si>
    <t>b9bb1b9c-179d-4b5e-a57e-e1b9cefb5702.tmp</t>
  </si>
  <si>
    <t>\\acsfs\profiles$\higorss\Downloads\b9bb1b9c-179d-4b5e-a57e-e1b9cefb5702.tmp</t>
  </si>
  <si>
    <t>12/17/2019 17:26:07</t>
  </si>
  <si>
    <t>ebed7dc1-1211-4324-87c9-a553b3dd4118.tmp</t>
  </si>
  <si>
    <t>\\acsfs\profiles$\higorss\Downloads\ebed7dc1-1211-4324-87c9-a553b3dd4118.tmp</t>
  </si>
  <si>
    <t>12/17/2019 17:26:43</t>
  </si>
  <si>
    <t>12/17/2019 17:29:42</t>
  </si>
  <si>
    <t>12/17/2019 17:31:23</t>
  </si>
  <si>
    <t>12/17/2019 17:26:39</t>
  </si>
  <si>
    <t>12/17/2019 17:26:52</t>
  </si>
  <si>
    <t>12/17/2019 17:32:35</t>
  </si>
  <si>
    <t>12/17/2019 17:33:23</t>
  </si>
  <si>
    <t>12/17/2019 17:29:56</t>
  </si>
  <si>
    <t>12/17/2019 17:34:22</t>
  </si>
  <si>
    <t>12/17/2019 17:33:07</t>
  </si>
  <si>
    <t>12/17/2019 17:34:07</t>
  </si>
  <si>
    <t>12/17/2019 17:32:44</t>
  </si>
  <si>
    <t>12/17/2019 17:35:23</t>
  </si>
  <si>
    <t>57280f14-2da9-4f85-9acb-e4cab6d54db5.tmp</t>
  </si>
  <si>
    <t>\\acsfs\profiles$\rosileiam\Downloads\57280f14-2da9-4f85-9acb-e4cab6d54db5.tmp</t>
  </si>
  <si>
    <t>12/17/2019 17:33:34</t>
  </si>
  <si>
    <t>fa86c2b6-602f-484e-9a05-381351e12971.tmp</t>
  </si>
  <si>
    <t>\\acsfs\profiles$\rosileiam\Downloads\fa86c2b6-602f-484e-9a05-381351e12971.tmp</t>
  </si>
  <si>
    <t>12/17/2019 17:35:42</t>
  </si>
  <si>
    <t>12/17/2019 17:36:22</t>
  </si>
  <si>
    <t>12/17/2019 17:31:27</t>
  </si>
  <si>
    <t>LUCAS BARBOSA DA SILVA_1_6764397655321813861_1_32.wav</t>
  </si>
  <si>
    <t>\\acsfs\DEPTOS\EDUCACAO EMPRESARIAL\ligação mutant primeiro ciclo MUTANT\LUCAS BARBOSA DA SILVA_1_6764397655321813861_1_32.wav</t>
  </si>
  <si>
    <t>12/17/2019 17:32:10</t>
  </si>
  <si>
    <t>LEANDRO MORAIS SANTOS_1_6764515092612580714_1_32.wav</t>
  </si>
  <si>
    <t>\\acsfs\DEPTOS\EDUCACAO EMPRESARIAL\ligação mutant primeiro ciclo MUTANT\LEANDRO MORAIS SANTOS_1_6764515092612580714_1_32.wav</t>
  </si>
  <si>
    <t>12/17/2019 17:32:41</t>
  </si>
  <si>
    <t>LEONARDO COSTA BARROS_1_6763348746998721619_1_32.wav</t>
  </si>
  <si>
    <t>\\acsfs\DEPTOS\EDUCACAO EMPRESARIAL\ligação mutant primeiro ciclo MUTANT\LEONARDO COSTA BARROS_1_6763348746998721619_1_32.wav</t>
  </si>
  <si>
    <t>12/17/2019 17:33:18</t>
  </si>
  <si>
    <t>LORRAYNE VALENTINO AMANCIO_1_6764007818320216196_1_32.wav</t>
  </si>
  <si>
    <t>\\acsfs\DEPTOS\EDUCACAO EMPRESARIAL\ligação mutant primeiro ciclo MUTANT\LORRAYNE VALENTINO AMANCIO_1_6764007818320216196_1_32.wav</t>
  </si>
  <si>
    <t>12/17/2019 17:33:49</t>
  </si>
  <si>
    <t>LUCAS QUITONIO DE SOUZA SILVA_1_6763233255328136404_1_32.wav</t>
  </si>
  <si>
    <t>\\acsfs\DEPTOS\EDUCACAO EMPRESARIAL\ligação mutant primeiro ciclo MUTANT\LUCAS QUITONIO DE SOUZA SILVA_1_6763233255328136404_1_32.wav</t>
  </si>
  <si>
    <t>12/17/2019 17:34:26</t>
  </si>
  <si>
    <t>LUIS PHILIPE LIMA SANTANA_1_6763271188479283907_1_32.wav</t>
  </si>
  <si>
    <t>\\acsfs\DEPTOS\EDUCACAO EMPRESARIAL\ligação mutant primeiro ciclo MUTANT\LUIS PHILIPE LIMA SANTANA_1_6763271188479283907_1_32.wav</t>
  </si>
  <si>
    <t>12/17/2019 17:34:57</t>
  </si>
  <si>
    <t>MARCELLE WENDY DE LIMA_1_6763655991779207637_1_32.wav</t>
  </si>
  <si>
    <t>\\acsfs\DEPTOS\EDUCACAO EMPRESARIAL\ligação mutant primeiro ciclo MUTANT\MARCELLE WENDY DE LIMA_1_6763655991779207637_1_32.wav</t>
  </si>
  <si>
    <t>12/17/2019 17:39:07</t>
  </si>
  <si>
    <t>12/17/2019 17:39:22</t>
  </si>
  <si>
    <t>12/17/2019 17:37:08</t>
  </si>
  <si>
    <t>12/17/2019 17:40:22</t>
  </si>
  <si>
    <t>josycoa@algartech.com;</t>
  </si>
  <si>
    <t>\\acsfs\DEPTOS\Governança da Estratégia\M&amp;A e Parcerias\Buy Side\Avaliações estruturadas\Cobrança\Q&amp;A Alvos\</t>
  </si>
  <si>
    <t>Projeto Victoria - QA 03.12.xlsx</t>
  </si>
  <si>
    <t>josycoa@algartech.com</t>
  </si>
  <si>
    <t>12/17/2019 17:37:10</t>
  </si>
  <si>
    <t>mail.google.com/_/upload?authuser=0&amp;dcp=asu-n&amp;upload_id=AEnB2Upijs4jkrX1YYA9pjNabyHDVm7cfb2Jv4Whv9WbdV3BZlRHRkRMbmmPP6KHIg2fxfmOcO1HB-l2KSO80EKnLkOoBYwgOuyVTIY5XMR_8EGbJnqxlWQ&amp;upload_protocol=resumable</t>
  </si>
  <si>
    <t>12/17/2019 17:37:54</t>
  </si>
  <si>
    <t>12/17/2019 17:38:14</t>
  </si>
  <si>
    <t>12/17/2019 17:38:28</t>
  </si>
  <si>
    <t>12/17/2019 17:39:46</t>
  </si>
  <si>
    <t>12/17/2019 17:39:51</t>
  </si>
  <si>
    <t>12/17/2019 17:39:57</t>
  </si>
  <si>
    <t>12/17/2019 17:41:23</t>
  </si>
  <si>
    <t>bc09c18e-d9b0-4fdb-a9a1-755a9883c5f6.tmp</t>
  </si>
  <si>
    <t>\\acsfs\profiles$\danielta\Downloads\bc09c18e-d9b0-4fdb-a9a1-755a9883c5f6.tmp</t>
  </si>
  <si>
    <t>12/17/2019 17:40:07</t>
  </si>
  <si>
    <t>12/17/2019 17:44:23</t>
  </si>
  <si>
    <t>12/17/2019 17:41:01</t>
  </si>
  <si>
    <t>12/17/2019 17:45:22</t>
  </si>
  <si>
    <t>12/17/2019 17:40:03</t>
  </si>
  <si>
    <t>12/17/2019 17:40:16</t>
  </si>
  <si>
    <t>12/17/2019 17:40:30</t>
  </si>
  <si>
    <t>12/17/2019 17:40:41</t>
  </si>
  <si>
    <t>12/17/2019 17:40:47</t>
  </si>
  <si>
    <t>mail.google.com/sync/u/0/i/s?hl=pt-BR&amp;c=136</t>
  </si>
  <si>
    <t>12/17/2019 17:41:28</t>
  </si>
  <si>
    <t>12/17/2019 17:41:36</t>
  </si>
  <si>
    <t>12/17/2019 17:43:33</t>
  </si>
  <si>
    <t>12/17/2019 17:48:22</t>
  </si>
  <si>
    <t>12/17/2019 17:44:54</t>
  </si>
  <si>
    <t>12/17/2019 17:49:23</t>
  </si>
  <si>
    <t>12/17/2019 17:45:07</t>
  </si>
  <si>
    <t>12/17/2019 17:46:07</t>
  </si>
  <si>
    <t>12/17/2019 17:47:50</t>
  </si>
  <si>
    <t>12/17/2019 17:50:22</t>
  </si>
  <si>
    <t>12/17/2019 17:49:26</t>
  </si>
  <si>
    <t>12/17/2019 17:45:37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</t>
  </si>
  <si>
    <t>IMG_0673.jpg</t>
  </si>
  <si>
    <t>12/17/2019 17:45:41</t>
  </si>
  <si>
    <t>12/17/2019 17:45:59</t>
  </si>
  <si>
    <t>12/17/2019 17:46:09</t>
  </si>
  <si>
    <t>12/17/2019 17:46:15</t>
  </si>
  <si>
    <t>12/17/2019 17:46:22</t>
  </si>
  <si>
    <t>12/17/2019 17:46:49</t>
  </si>
  <si>
    <t>12/17/2019 17:46:43</t>
  </si>
  <si>
    <t>12/17/2019 17:51:23</t>
  </si>
  <si>
    <t>306d4275-bdc6-489e-8bb2-1d117276e69c.tmp</t>
  </si>
  <si>
    <t>\\acsfs\profiles$\victorgl\Downloads\306d4275-bdc6-489e-8bb2-1d117276e69c.tmp</t>
  </si>
  <si>
    <t>12/17/2019 17:46:52</t>
  </si>
  <si>
    <t>MARCELLE WENDY DE LIMA_1_6766633052655396958_1_32.wav</t>
  </si>
  <si>
    <t>\\acsfs\DEPTOS\EDUCACAO EMPRESARIAL\Ligaçoes para MUTANT seg ciclo DEZEMBRO\MARCELLE WENDY DE LIMA_1_6766633052655396958_1_32.wav</t>
  </si>
  <si>
    <t>12/17/2019 17:48:38</t>
  </si>
  <si>
    <t>MARILIA FERNANDES PAES LEME BORGES_1_6766630265221617555_1_32.wav</t>
  </si>
  <si>
    <t>\\acsfs\DEPTOS\EDUCACAO EMPRESARIAL\Ligaçoes para MUTANT seg ciclo DEZEMBRO\MARILIA FERNANDES PAES LEME BORGES_1_6766630265221617555_1_32.wav</t>
  </si>
  <si>
    <t>12/17/2019 17:49:46</t>
  </si>
  <si>
    <t>MARLYANNE GONCALVES DE LIMA SILVA_1_6766790244163462207_1_32.wav</t>
  </si>
  <si>
    <t>\\acsfs\DEPTOS\EDUCACAO EMPRESARIAL\Ligaçoes para MUTANT seg ciclo DEZEMBRO\MARLYANNE GONCALVES DE LIMA SILVA_1_6766790244163462207_1_32.wav</t>
  </si>
  <si>
    <t>12/17/2019 17:50:24</t>
  </si>
  <si>
    <t>ANDREA PAULA DA SILVA GOMES_1_6766671965059091572_1_32.wav</t>
  </si>
  <si>
    <t>\\acsfs\DEPTOS\EDUCACAO EMPRESARIAL\Ligaçoes para MUTANT seg ciclo DEZEMBRO\ANDREA PAULA DA SILVA GOMES_1_6766671965059091572_1_32.wav</t>
  </si>
  <si>
    <t>12/17/2019 17:50:58</t>
  </si>
  <si>
    <t>NATALIA CRISTINA DOS SANTOS LIMA_1_6766178877043715179_1_32.wav</t>
  </si>
  <si>
    <t>\\acsfs\DEPTOS\EDUCACAO EMPRESARIAL\Ligaçoes para MUTANT seg ciclo DEZEMBRO\NATALIA CRISTINA DOS SANTOS LIMA_1_6766178877043715179_1_32.wav</t>
  </si>
  <si>
    <t>12/17/2019 17:47:28</t>
  </si>
  <si>
    <t>12/17/2019 17:52:22</t>
  </si>
  <si>
    <t>7fce6cd2-7ddd-47bd-9073-cc2f97fe3179.tmp</t>
  </si>
  <si>
    <t>\\acsfs\profiles$\erichds\Downloads\7fce6cd2-7ddd-47bd-9073-cc2f97fe3179.tmp</t>
  </si>
  <si>
    <t>12/17/2019 17:54:05</t>
  </si>
  <si>
    <t>12/17/2019 17:54:22</t>
  </si>
  <si>
    <t>12/17/2019 17:51:08</t>
  </si>
  <si>
    <t>12/17/2019 17:52:07</t>
  </si>
  <si>
    <t>12/17/2019 17:50:56</t>
  </si>
  <si>
    <t>12/17/2019 17:55:23</t>
  </si>
  <si>
    <t>IMG_0672.jpg</t>
  </si>
  <si>
    <t>12/17/2019 17:51:22</t>
  </si>
  <si>
    <t>12/17/2019 17:51:04</t>
  </si>
  <si>
    <t>12/17/2019 17:56:22</t>
  </si>
  <si>
    <t>12/17/2019 17:51:41</t>
  </si>
  <si>
    <t>12/17/2019 17:57:23</t>
  </si>
  <si>
    <t>ROGERIO FONSECA DUARTE_1_6766436888614078888_1_32.wav</t>
  </si>
  <si>
    <t>\\acsfs\DEPTOS\EDUCACAO EMPRESARIAL\Ligaçoes para MUTANT seg ciclo DEZEMBRO\ROGERIO FONSECA DUARTE_1_6766436888614078888_1_32.wav</t>
  </si>
  <si>
    <t>12/17/2019 17:52:19</t>
  </si>
  <si>
    <t>PEDRO HENRIQUE ALMEIDA BATISTA_1_6766561322406579403_1_32.wav</t>
  </si>
  <si>
    <t>\\acsfs\DEPTOS\EDUCACAO EMPRESARIAL\Ligaçoes para MUTANT seg ciclo DEZEMBRO\PEDRO HENRIQUE ALMEIDA BATISTA_1_6766561322406579403_1_32.wav</t>
  </si>
  <si>
    <t>12/17/2019 17:53:51</t>
  </si>
  <si>
    <t>PHILIPE GONCALVES SANTOS FERREIRA_1_6766278782277988339_1_32.wav</t>
  </si>
  <si>
    <t>\\acsfs\DEPTOS\EDUCACAO EMPRESARIAL\Ligaçoes para MUTANT seg ciclo DEZEMBRO\PHILIPE GONCALVES SANTOS FERREIRA_1_6766278782277988339_1_32.wav</t>
  </si>
  <si>
    <t>12/17/2019 17:54:59</t>
  </si>
  <si>
    <t>QUINDAIZA APARECIDA GUEDES DA SILVA_1_6766642235295473958_1_32.wav</t>
  </si>
  <si>
    <t>\\acsfs\DEPTOS\EDUCACAO EMPRESARIAL\Ligaçoes para MUTANT seg ciclo DEZEMBRO\QUINDAIZA APARECIDA GUEDES DA SILVA_1_6766642235295473958_1_32.wav</t>
  </si>
  <si>
    <t>12/17/2019 17:56:02</t>
  </si>
  <si>
    <t>RAFAELA MARQUES SOUZA VALIM_1_6766579558837730719_1_32.wav</t>
  </si>
  <si>
    <t>\\acsfs\DEPTOS\EDUCACAO EMPRESARIAL\Ligaçoes para MUTANT seg ciclo DEZEMBRO\RAFAELA MARQUES SOUZA VALIM_1_6766579558837730719_1_32.wav</t>
  </si>
  <si>
    <t>12/17/2019 17:57:06</t>
  </si>
  <si>
    <t>12/17/2019 17:59:22</t>
  </si>
  <si>
    <t>12/17/2019 17:58:06</t>
  </si>
  <si>
    <t>12/17/2019 17:55:12</t>
  </si>
  <si>
    <t>12/17/2019 18:00:22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</t>
  </si>
  <si>
    <t>advertência KAMILLA MARCELA.pdf</t>
  </si>
  <si>
    <t>12/17/2019 17:55:17</t>
  </si>
  <si>
    <t>12/17/2019 17:57:14</t>
  </si>
  <si>
    <t>advertência Thiago Abdao.pdf</t>
  </si>
  <si>
    <t>12/17/2019 17:57:20</t>
  </si>
  <si>
    <t>12/17/2019 17:56:41</t>
  </si>
  <si>
    <t>12/17/2019 18:02:22</t>
  </si>
  <si>
    <t>ROSILEIA MARIA DA CRUZ_1_6766728632857597177_1_32.wav</t>
  </si>
  <si>
    <t>\\acsfs\DEPTOS\EDUCACAO EMPRESARIAL\Ligaçoes para MUTANT seg ciclo DEZEMBRO\ROSILEIA MARIA DA CRUZ_1_6766728632857597177_1_32.wav</t>
  </si>
  <si>
    <t>12/17/2019 17:57:38</t>
  </si>
  <si>
    <t>ROZENCA MAIOLINO_1_6766155177414176069_1_32.wav</t>
  </si>
  <si>
    <t>\\acsfs\DEPTOS\EDUCACAO EMPRESARIAL\Ligaçoes para MUTANT seg ciclo DEZEMBRO\ROZENCA MAIOLINO_1_6766155177414176069_1_32.wav</t>
  </si>
  <si>
    <t>12/17/2019 17:58:11</t>
  </si>
  <si>
    <t>THYAGO SANTANA PASETTO_1_6766231009356750011_1_32.wav</t>
  </si>
  <si>
    <t>\\acsfs\DEPTOS\EDUCACAO EMPRESARIAL\Ligaçoes para MUTANT seg ciclo DEZEMBRO\THYAGO SANTANA PASETTO_1_6766231009356750011_1_32.wav</t>
  </si>
  <si>
    <t>12/17/2019 17:58:53</t>
  </si>
  <si>
    <t>VALERIA SENA DE ARAUJO_1_6766646543147678852_1_32.wav</t>
  </si>
  <si>
    <t>\\acsfs\DEPTOS\EDUCACAO EMPRESARIAL\Ligaçoes para MUTANT seg ciclo DEZEMBRO\VALERIA SENA DE ARAUJO_1_6766646543147678852_1_32.wav</t>
  </si>
  <si>
    <t>12/17/2019 17:59:40</t>
  </si>
  <si>
    <t>VICTORIA KAROLLINE SILVA RODRIGUES_1_6766250701781795252_1_32.wav</t>
  </si>
  <si>
    <t>\\acsfs\DEPTOS\EDUCACAO EMPRESARIAL\Ligaçoes para MUTANT seg ciclo DEZEMBRO\VICTORIA KAROLLINE SILVA RODRIGUES_1_6766250701781795252_1_32.wav</t>
  </si>
  <si>
    <t>12/17/2019 18:00:12</t>
  </si>
  <si>
    <t>VIVIANA LEONEL DA SILVA_1_6765823992485985718_1_32.wav</t>
  </si>
  <si>
    <t>\\acsfs\DEPTOS\EDUCACAO EMPRESARIAL\Ligaçoes para MUTANT seg ciclo DEZEMBRO\VIVIANA LEONEL DA SILVA_1_6765823992485985718_1_32.wav</t>
  </si>
  <si>
    <t>12/17/2019 18:00:52</t>
  </si>
  <si>
    <t>WENDER BRUNO NUNES MENESES_1_6766194081227932295_1_32.wav</t>
  </si>
  <si>
    <t>\\acsfs\DEPTOS\EDUCACAO EMPRESARIAL\Ligaçoes para MUTANT seg ciclo DEZEMBRO\WENDER BRUNO NUNES MENESES_1_6766194081227932295_1_32.wav</t>
  </si>
  <si>
    <t>12/17/2019 17:57:56</t>
  </si>
  <si>
    <t>C:\Users\marcospr\Documents\Fat\</t>
  </si>
  <si>
    <t>1 - Transferencias_JUL_AGO_18.xlsx</t>
  </si>
  <si>
    <t>1b57a595b087747659cc151_u x-goog-authuser: 1 --=====2ut8zx2usige===== content-type: application/http content-transfer-encoding: binary get /drive/v2internal/files/1a0oqeqmgjqjlejblv1ifrvtooltz4910?opendrive=false&amp;reason=102&amp;synctype=0&amp;errorrecovery=false&amp;fields=kind,===== content-type,actionitems,additionalroles,ance,ances,ancest,ancestorhasaugmen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,containsunsubscribedchildren,contentrestrictions(readonly),copyable,createddate,customerid)),displa,displaynam,displayname,domain,emailaddress,emailaddress�,explicitlytrashed,explicitlytrashed�,f9b06d31aaf01c17d8662badbb_u x-goog-authuser: 1 --=====2kmmswkm0cz7===== content-type: application/http content-transfer-encoding: binary get /d</t>
  </si>
  <si>
    <t>12/17/2019 18:03:06</t>
  </si>
  <si>
    <t>12/17/2019 18:04:22</t>
  </si>
  <si>
    <t>12/17/2019 18:04:06</t>
  </si>
  <si>
    <t>12/17/2019 18:02:02</t>
  </si>
  <si>
    <t>12/17/2019 18:06:22</t>
  </si>
  <si>
    <t>12/17/2019 18:02:18</t>
  </si>
  <si>
    <t>hugooc@algartech.com;rodrigodcp@algartech.com;</t>
  </si>
  <si>
    <t>Tempos.xlsx</t>
  </si>
  <si>
    <t>hugooc@algartech.com,rodrigodcp@algartech.com</t>
  </si>
  <si>
    <t>12/17/2019 18:01:51</t>
  </si>
  <si>
    <t>12/17/2019 18:07:23</t>
  </si>
  <si>
    <t>LAIS RIBEIRO_1_6766603718028757674_1_32.wav</t>
  </si>
  <si>
    <t>\\acsfs\DEPTOS\EDUCACAO EMPRESARIAL\Ligaçoes para MUTANT seg ciclo DEZEMBRO\LAIS RIBEIRO_1_6766603718028757674_1_32.wav</t>
  </si>
  <si>
    <t>12/17/2019 18:02:25</t>
  </si>
  <si>
    <t>SUELLEN CARDOSO DA SILVA_1_6766297443910883947_1_32.wav</t>
  </si>
  <si>
    <t>\\acsfs\DEPTOS\EDUCACAO EMPRESARIAL\Ligaçoes para MUTANT seg ciclo DEZEMBRO\SUELLEN CARDOSO DA SILVA_1_6766297443910883947_1_32.wav</t>
  </si>
  <si>
    <t>12/17/2019 18:03:03</t>
  </si>
  <si>
    <t>Talita Fernandes da Costa_1_6768079571870881874_1_32_1_6768079571870881874_1_32.wav</t>
  </si>
  <si>
    <t>\\acsfs\DEPTOS\EDUCACAO EMPRESARIAL\Ligaçoes para MUTANT seg ciclo DEZEMBRO\Talita Fernandes da Costa_1_6768079571870881874_1_32_1_6768079571870881874_1_32.wav</t>
  </si>
  <si>
    <t>12/17/2019 18:03:53</t>
  </si>
  <si>
    <t>CRICIA VITAL DE OLIVEIRA_1_6766159936237940689_1_32.wav</t>
  </si>
  <si>
    <t>\\acsfs\DEPTOS\EDUCACAO EMPRESARIAL\Ligaçoes para MUTANT seg ciclo DEZEMBRO\CRICIA VITAL DE OLIVEIRA_1_6766159936237940689_1_32.wav</t>
  </si>
  <si>
    <t>12/17/2019 18:04:29</t>
  </si>
  <si>
    <t>LUCAS GUBERT PEREIRA_1_6766298143990554136_1_32.wav</t>
  </si>
  <si>
    <t>\\acsfs\DEPTOS\EDUCACAO EMPRESARIAL\Ligaçoes para MUTANT seg ciclo DEZEMBRO\LUCAS GUBERT PEREIRA_1_6766298143990554136_1_32.wav</t>
  </si>
  <si>
    <t>12/17/2019 18:05:27</t>
  </si>
  <si>
    <t>NATHALIA RIOS MODESTO RODRIGUES_1_6766269977595033984_1_32.wav</t>
  </si>
  <si>
    <t>\\acsfs\DEPTOS\EDUCACAO EMPRESARIAL\Ligaçoes para MUTANT seg ciclo DEZEMBRO\NATHALIA RIOS MODESTO RODRIGUES_1_6766269977595033984_1_32.wav</t>
  </si>
  <si>
    <t>12/17/2019 18:06:03</t>
  </si>
  <si>
    <t>DANIELA COSTA_1_6766627314579080365_1_32.wav</t>
  </si>
  <si>
    <t>\\acsfs\DEPTOS\EDUCACAO EMPRESARIAL\Ligaçoes para MUTANT seg ciclo DEZEMBRO\DANIELA COSTA_1_6766627314579080365_1_32.wav</t>
  </si>
  <si>
    <t>12/17/2019 18:05:45</t>
  </si>
  <si>
    <t>749b8e75-837b-4562-9cac-203d73c45144.tmp</t>
  </si>
  <si>
    <t>\\acsfs\profiles$\erichds\Downloads\749b8e75-837b-4562-9cac-203d73c45144.tmp</t>
  </si>
  <si>
    <t>12/17/2019 18:09:06</t>
  </si>
  <si>
    <t>12/17/2019 18:09:23</t>
  </si>
  <si>
    <t>12/17/2019 18:08:22</t>
  </si>
  <si>
    <t>12/17/2019 18:11:23</t>
  </si>
  <si>
    <t>12/17/2019 18:06:48</t>
  </si>
  <si>
    <t>12/17/2019 18:12:22</t>
  </si>
  <si>
    <t>JONATHAN WILLIAM ALVES PEREIRA_1_6765468738561059446_1_32.wav</t>
  </si>
  <si>
    <t>\\acsfs\DEPTOS\EDUCACAO EMPRESARIAL\Ligaçoes para MUTANT seg ciclo DEZEMBRO\JONATHAN WILLIAM ALVES PEREIRA_1_6765468738561059446_1_32.wav</t>
  </si>
  <si>
    <t>12/17/2019 18:07:32</t>
  </si>
  <si>
    <t>LUANA ROSA DE ALMEIDA_1_6766240196291791602_1_32.wav</t>
  </si>
  <si>
    <t>\\acsfs\DEPTOS\EDUCACAO EMPRESARIAL\Ligaçoes para MUTANT seg ciclo DEZEMBRO\LUANA ROSA DE ALMEIDA_1_6766240196291791602_1_32.wav</t>
  </si>
  <si>
    <t>12/17/2019 18:08:21</t>
  </si>
  <si>
    <t>PAULO VICTOR ALCANTARA DE CASTRO_1_6765516532957133904_1_32.wav</t>
  </si>
  <si>
    <t>\\acsfs\DEPTOS\EDUCACAO EMPRESARIAL\Ligaçoes para MUTANT seg ciclo DEZEMBRO\PAULO VICTOR ALCANTARA DE CASTRO_1_6765516532957133904_1_32.wav</t>
  </si>
  <si>
    <t>12/17/2019 18:08:59</t>
  </si>
  <si>
    <t>ANA CLARA MORAES SILVEIRA_1_6768158706643313827_1_32.wav</t>
  </si>
  <si>
    <t>\\acsfs\DEPTOS\EDUCACAO EMPRESARIAL\Ligaçoes para MUTANT seg ciclo DEZEMBRO\ANA CLARA MORAES SILVEIRA_1_6768158706643313827_1_32.wav</t>
  </si>
  <si>
    <t>12/17/2019 18:10:18</t>
  </si>
  <si>
    <t>ERIC HENRIQUE DA SILVA_1_6766337030624449261_1_32.wav</t>
  </si>
  <si>
    <t>\\acsfs\DEPTOS\EDUCACAO EMPRESARIAL\Ligaçoes para MUTANT seg ciclo DEZEMBRO\ERIC HENRIQUE DA SILVA_1_6766337030624449261_1_32.wav</t>
  </si>
  <si>
    <t>12/17/2019 18:11:04</t>
  </si>
  <si>
    <t>FELIPE JHONATAN VELOSO MENDES_1_6766655708607886596_1_32.wav</t>
  </si>
  <si>
    <t>\\acsfs\DEPTOS\EDUCACAO EMPRESARIAL\Ligaçoes para MUTANT seg ciclo DEZEMBRO\FELIPE JHONATAN VELOSO MENDES_1_6766655708607886596_1_32.wav</t>
  </si>
  <si>
    <t>12/17/2019 18:10:41</t>
  </si>
  <si>
    <t>12/17/2019 18:14:22</t>
  </si>
  <si>
    <t>mail.google.com/_/upload?authuser=0&amp;dcp=asu-n&amp;upload_id=AEnB2UqRfmMjJvVFrrGh34iWoGSyUVMds-7BWC4xuWvpjOaBFxAODZ7dWnGPtIdPKlyELB0UGjylaKbSlDn9rWMo6nanaO1xXtYJr8-TOPjJiG-VHQaXDWQ&amp;upload_protocol=resumable</t>
  </si>
  <si>
    <t>Análise Quartil.xlsx</t>
  </si>
  <si>
    <t>12/17/2019 18:10:06</t>
  </si>
  <si>
    <t>12/17/2019 18:13:34</t>
  </si>
  <si>
    <t>12/17/2019 18:15:22</t>
  </si>
  <si>
    <t>XLOG_anakcs_17122019_154344.log</t>
  </si>
  <si>
    <t>\\acsfs\profiles$\anakcs\My Documents\xworkcenter\logs\XLOG_anakcs_17122019_154344.log</t>
  </si>
  <si>
    <t>12/17/2019 18:09:59</t>
  </si>
  <si>
    <t>IMG_0674.jpg</t>
  </si>
  <si>
    <t>12/17/2019 18:13:28</t>
  </si>
  <si>
    <t>12/17/2019 18:16:22</t>
  </si>
  <si>
    <t>12/17/2019 18:11:32</t>
  </si>
  <si>
    <t>12/17/2019 18:17:22</t>
  </si>
  <si>
    <t>JUCELIA OLIVEIRA DE AMORIM_1_6766329149359456846_1_32.wav</t>
  </si>
  <si>
    <t>\\acsfs\DEPTOS\EDUCACAO EMPRESARIAL\Ligaçoes para MUTANT seg ciclo DEZEMBRO\JUCELIA OLIVEIRA DE AMORIM_1_6766329149359456846_1_32.wav</t>
  </si>
  <si>
    <t>12/17/2019 18:12:05</t>
  </si>
  <si>
    <t>LAURA NICOLAU DE OLIVEIRA SANTOS_1_6766308597940947702_1_32.wav</t>
  </si>
  <si>
    <t>\\acsfs\DEPTOS\EDUCACAO EMPRESARIAL\Ligaçoes para MUTANT seg ciclo DEZEMBRO\LAURA NICOLAU DE OLIVEIRA SANTOS_1_6766308597940947702_1_32.wav</t>
  </si>
  <si>
    <t>12/17/2019 18:12:41</t>
  </si>
  <si>
    <t>MYLLENA RIBEIRO DE LIMA_1_6768238292387310826_1_32.wav</t>
  </si>
  <si>
    <t>\\acsfs\DEPTOS\EDUCACAO EMPRESARIAL\Ligaçoes para MUTANT seg ciclo DEZEMBRO\MYLLENA RIBEIRO DE LIMA_1_6768238292387310826_1_32.wav</t>
  </si>
  <si>
    <t>12/17/2019 18:13:16</t>
  </si>
  <si>
    <t>NYCOLLE EDUARDA MARTINS DE JESUS_1_6766706135818906990_1_32.wav</t>
  </si>
  <si>
    <t>\\acsfs\DEPTOS\EDUCACAO EMPRESARIAL\Ligaçoes para MUTANT seg ciclo DEZEMBRO\NYCOLLE EDUARDA MARTINS DE JESUS_1_6766706135818906990_1_32.wav</t>
  </si>
  <si>
    <t>12/17/2019 18:14:08</t>
  </si>
  <si>
    <t>PAMELA MARIA CRISTINA MACEDO DA SILVA GUEDES_1_6766196533654262410_1_32.wav</t>
  </si>
  <si>
    <t>\\acsfs\DEPTOS\EDUCACAO EMPRESARIAL\Ligaçoes para MUTANT seg ciclo DEZEMBRO\PAMELA MARIA CRISTINA MACEDO DA SILVA GUEDES_1_6766196533654262410_1_32.wav</t>
  </si>
  <si>
    <t>12/17/2019 18:14:47</t>
  </si>
  <si>
    <t>RAFAELA CRISTINA DE OLIVEIRA CLEMENTINO_1_6765977829624580071_1_32.wav</t>
  </si>
  <si>
    <t>\\acsfs\DEPTOS\EDUCACAO EMPRESARIAL\Ligaçoes para MUTANT seg ciclo DEZEMBRO\RAFAELA CRISTINA DE OLIVEIRA CLEMENTINO_1_6765977829624580071_1_32.wav</t>
  </si>
  <si>
    <t>12/17/2019 18:15:17</t>
  </si>
  <si>
    <t>ANA PAULA DA SILVA BORGES_1_6766205832258456847_1_32.wav</t>
  </si>
  <si>
    <t>\\acsfs\DEPTOS\EDUCACAO EMPRESARIAL\Ligaçoes para MUTANT seg ciclo DEZEMBRO\ANA PAULA DA SILVA BORGES_1_6766205832258456847_1_32.wav</t>
  </si>
  <si>
    <t>12/17/2019 18:16:04</t>
  </si>
  <si>
    <t>KESIA DE OLIVEIRA FERNANDES_1_6765429465380101838_1_32.wav</t>
  </si>
  <si>
    <t>\\acsfs\DEPTOS\EDUCACAO EMPRESARIAL\Ligaçoes para MUTANT seg ciclo DEZEMBRO\KESIA DE OLIVEIRA FERNANDES_1_6765429465380101838_1_32.wav</t>
  </si>
  <si>
    <t>12/17/2019 18:13:33</t>
  </si>
  <si>
    <t>12/17/2019 18:18:23</t>
  </si>
  <si>
    <t>12/17/2019 18:15:06</t>
  </si>
  <si>
    <t>12/17/2019 18:19:23</t>
  </si>
  <si>
    <t>12/17/2019 18:16:06</t>
  </si>
  <si>
    <t>12/17/2019 18:18:19</t>
  </si>
  <si>
    <t>12/17/2019 18:21:22</t>
  </si>
  <si>
    <t>12/17/2019 18:16:34</t>
  </si>
  <si>
    <t>12/17/2019 18:22:22</t>
  </si>
  <si>
    <t>HENRIQUE CASSIANO OLIVEIRA_1_6766667476818278060_1_32.wav</t>
  </si>
  <si>
    <t>\\acsfs\DEPTOS\EDUCACAO EMPRESARIAL\Ligaçoes para MUTANT seg ciclo DEZEMBRO\HENRIQUE CASSIANO OLIVEIRA_1_6766667476818278060_1_32.wav</t>
  </si>
  <si>
    <t>12/17/2019 18:16:26</t>
  </si>
  <si>
    <t>12/17/2019 18:21:07</t>
  </si>
  <si>
    <t>12/17/2019 18:24:22</t>
  </si>
  <si>
    <t>12/17/2019 18:22:07</t>
  </si>
  <si>
    <t>12/17/2019 18:27:07</t>
  </si>
  <si>
    <t>12/17/2019 18:29:23</t>
  </si>
  <si>
    <t>12/17/2019 18:28:07</t>
  </si>
  <si>
    <t>12/17/2019 18:30:15</t>
  </si>
  <si>
    <t>12/17/2019 18:32:22</t>
  </si>
  <si>
    <t>dd7d5696-9d6f-4ffe-b3c1-6f2cf8693597.tmp</t>
  </si>
  <si>
    <t>\\acsfs\profiles$\erichds\Downloads\dd7d5696-9d6f-4ffe-b3c1-6f2cf8693597.tmp</t>
  </si>
  <si>
    <t>12/17/2019 18:27:48</t>
  </si>
  <si>
    <t>mail.google.com/_/upload?authuser=0&amp;dcp=asu-n&amp;upload_id=AEnB2Up1yIY9cR51YK3tf0jMwnKoV9iZkOCGft3araNzq8Q_SyZYYjhgiTIhAdeNqPyCKGVqS6gQ3-nWcvvajHRViF-DDdidJ6LDBNrSKlZ7v_KmAvAxLng&amp;upload_protocol=resumable</t>
  </si>
  <si>
    <t>\\acsfs\DEPTOS\Controladoria\Planejamento\Reuniao Gerencial\2019\4ª Reuger\REUGER\Sicaf\</t>
  </si>
  <si>
    <t>Clientes governo_0811.xlsx</t>
  </si>
  <si>
    <t>12/17/2019 18:33:07</t>
  </si>
  <si>
    <t>12/17/2019 18:34:22</t>
  </si>
  <si>
    <t>12/17/2019 18:34:07</t>
  </si>
  <si>
    <t>12/17/2019 18:36:09</t>
  </si>
  <si>
    <t>12/17/2019 18:37:21</t>
  </si>
  <si>
    <t>10.200.67.178</t>
  </si>
  <si>
    <t>12/17/2019 18:36:12</t>
  </si>
  <si>
    <t>12/17/2019 18:39:07</t>
  </si>
  <si>
    <t>12/17/2019 18:39:22</t>
  </si>
  <si>
    <t>12/17/2019 18:38:12</t>
  </si>
  <si>
    <t>12/17/2019 18:40:23</t>
  </si>
  <si>
    <t>IMG_0574.jpg</t>
  </si>
  <si>
    <t>12/17/2019 18:38:18</t>
  </si>
  <si>
    <t>IMG_0578.jpg</t>
  </si>
  <si>
    <t>12/17/2019 18:38:22</t>
  </si>
  <si>
    <t>12/17/2019 18:41:23</t>
  </si>
  <si>
    <t>12/17/2019 18:40:04</t>
  </si>
  <si>
    <t>7709831b-f578-46d9-a606-6e52fd921d06.tmp</t>
  </si>
  <si>
    <t>\\acsfs\profiles$\brendadsl\Downloads\7709831b-f578-46d9-a606-6e52fd921d06.tmp</t>
  </si>
  <si>
    <t>12/17/2019 18:40:24</t>
  </si>
  <si>
    <t>5701a2b0-c967-425e-9187-d66b511cbbc3.tmp</t>
  </si>
  <si>
    <t>\\acsfs\profiles$\laurandos\Downloads\5701a2b0-c967-425e-9187-d66b511cbbc3.tmp</t>
  </si>
  <si>
    <t>12/17/2019 18:41:03</t>
  </si>
  <si>
    <t>12/17/2019 18:43:23</t>
  </si>
  <si>
    <t>12/17/2019 18:40:07</t>
  </si>
  <si>
    <t>12/17/2019 18:44:22</t>
  </si>
  <si>
    <t>12/17/2019 18:41:26</t>
  </si>
  <si>
    <t>12/17/2019 18:45:23</t>
  </si>
  <si>
    <t>12/17/2019 18:43:25</t>
  </si>
  <si>
    <t>IMG_0677.jpg</t>
  </si>
  <si>
    <t>12/17/2019 18:43:40</t>
  </si>
  <si>
    <t>12/17/2019 18:44:35</t>
  </si>
  <si>
    <t>IMG_0676.jpg</t>
  </si>
  <si>
    <t>12/17/2019 18:44:46</t>
  </si>
  <si>
    <t>12/17/2019 18:43:46</t>
  </si>
  <si>
    <t>12/17/2019 18:46:23</t>
  </si>
  <si>
    <t>12/17/2019 18:44:49</t>
  </si>
  <si>
    <t>12/17/2019 18:45:12</t>
  </si>
  <si>
    <t>12/17/2019 18:45:25</t>
  </si>
  <si>
    <t>12/17/2019 18:46:22</t>
  </si>
  <si>
    <t>12/17/2019 18:47:24</t>
  </si>
  <si>
    <t>d7456c6b-696c-4e43-a25e-e859766cfc72.tmp</t>
  </si>
  <si>
    <t>\\acsfs\profiles$\erichds\Downloads\d7456c6b-696c-4e43-a25e-e859766cfc72.tmp</t>
  </si>
  <si>
    <t>12/17/2019 18:44:59</t>
  </si>
  <si>
    <t>12/17/2019 18:48:23</t>
  </si>
  <si>
    <t>c47ea8c7-3e83-464a-a3a7-7e901752e18d.tmp</t>
  </si>
  <si>
    <t>\\acsfs\profiles$\anafaes\Downloads\c47ea8c7-3e83-464a-a3a7-7e901752e18d.tmp</t>
  </si>
  <si>
    <t>12/17/2019 18:45:07</t>
  </si>
  <si>
    <t>12/17/2019 18:49:24</t>
  </si>
  <si>
    <t>12/17/2019 18:46:07</t>
  </si>
  <si>
    <t>12/17/2019 18:50:23</t>
  </si>
  <si>
    <t>IMG_0675.jpg</t>
  </si>
  <si>
    <t>12/17/2019 18:46:25</t>
  </si>
  <si>
    <t>12/17/2019 18:49:11</t>
  </si>
  <si>
    <t>12/17/2019 18:51:24</t>
  </si>
  <si>
    <t>12/17/2019 18:50:48</t>
  </si>
  <si>
    <t>12/17/2019 18:52:25</t>
  </si>
  <si>
    <t>12/17/2019 18:51:07</t>
  </si>
  <si>
    <t>12/17/2019 18:54:25</t>
  </si>
  <si>
    <t>12/17/2019 18:52:08</t>
  </si>
  <si>
    <t>12/17/2019 18:54:44</t>
  </si>
  <si>
    <t>12/17/2019 18:55:25</t>
  </si>
  <si>
    <t>725c87e0-03aa-4eb4-83a1-b4e24fc9eec6.tmp</t>
  </si>
  <si>
    <t>\\acsfs\profiles$\gabrielamdp\Downloads\725c87e0-03aa-4eb4-83a1-b4e24fc9eec6.tmp</t>
  </si>
  <si>
    <t>12/17/2019 18:53:05</t>
  </si>
  <si>
    <t>12/17/2019 18:56:25</t>
  </si>
  <si>
    <t>12/17/2019 18:54:48</t>
  </si>
  <si>
    <t>12/17/2019 18:52:04</t>
  </si>
  <si>
    <t>12/17/2019 18:57:25</t>
  </si>
  <si>
    <t>12/17/2019 18:52:05</t>
  </si>
  <si>
    <t>12/17/2019 18:52:06</t>
  </si>
  <si>
    <t>12/17/2019 18:52:07</t>
  </si>
  <si>
    <t>12/17/2019 18:52:09</t>
  </si>
  <si>
    <t>12/17/2019 18:52:10</t>
  </si>
  <si>
    <t>12/17/2019 18:52:11</t>
  </si>
  <si>
    <t>12/17/2019 18:52:12</t>
  </si>
  <si>
    <t>12/17/2019 18:52:13</t>
  </si>
  <si>
    <t>12/17/2019 18:52:14</t>
  </si>
  <si>
    <t>12/17/2019 18:52:15</t>
  </si>
  <si>
    <t>12/17/2019 18:52:16</t>
  </si>
  <si>
    <t>12/17/2019 18:52:17</t>
  </si>
  <si>
    <t>12/17/2019 18:52:18</t>
  </si>
  <si>
    <t>12/17/2019 18:52:19</t>
  </si>
  <si>
    <t>12/17/2019 18:52:20</t>
  </si>
  <si>
    <t>12/17/2019 18:52:21</t>
  </si>
  <si>
    <t>12/17/2019 18:57:07</t>
  </si>
  <si>
    <t>12/17/2019 18:59:25</t>
  </si>
  <si>
    <t>12/17/2019 18:58:07</t>
  </si>
  <si>
    <t>12/17/2019 19:00:25</t>
  </si>
  <si>
    <t>12/17/2019 19:03:07</t>
  </si>
  <si>
    <t>12/17/2019 19:04:25</t>
  </si>
  <si>
    <t>12/17/2019 19:04:07</t>
  </si>
  <si>
    <t>12/17/2019 19:02:37</t>
  </si>
  <si>
    <t>12/17/2019 19:05:25</t>
  </si>
  <si>
    <t>12/17/2019 19:03:20</t>
  </si>
  <si>
    <t>12/17/2019 19:06:25</t>
  </si>
  <si>
    <t>37e611f5-cc73-46c5-8ad0-8dcc4aa880e3.tmp</t>
  </si>
  <si>
    <t>\\acsfs\profiles$\brendadsl\Downloads\37e611f5-cc73-46c5-8ad0-8dcc4aa880e3.tmp</t>
  </si>
  <si>
    <t>12/17/2019 19:02:43</t>
  </si>
  <si>
    <t>12/17/2019 19:09:07</t>
  </si>
  <si>
    <t>12/17/2019 19:09:26</t>
  </si>
  <si>
    <t>12/17/2019 19:06:28</t>
  </si>
  <si>
    <t>12/17/2019 19:10:25</t>
  </si>
  <si>
    <t>12/17/2019 19:06:30</t>
  </si>
  <si>
    <t>12/17/2019 19:06:31</t>
  </si>
  <si>
    <t>12/17/2019 19:06:32</t>
  </si>
  <si>
    <t>12/17/2019 19:06:37</t>
  </si>
  <si>
    <t>12/17/2019 19:07:15</t>
  </si>
  <si>
    <t>12/17/2019 19:07:16</t>
  </si>
  <si>
    <t>12/17/2019 19:07:17</t>
  </si>
  <si>
    <t>12/17/2019 19:07:19</t>
  </si>
  <si>
    <t>12/17/2019 19:07:22</t>
  </si>
  <si>
    <t>12/17/2019 19:07:23</t>
  </si>
  <si>
    <t>12/17/2019 19:07:24</t>
  </si>
  <si>
    <t>12/17/2019 19:07:25</t>
  </si>
  <si>
    <t>12/17/2019 19:07:28</t>
  </si>
  <si>
    <t>12/17/2019 19:07:30</t>
  </si>
  <si>
    <t>12/17/2019 19:07:33</t>
  </si>
  <si>
    <t>12/17/2019 19:07:34</t>
  </si>
  <si>
    <t>12/17/2019 19:07:36</t>
  </si>
  <si>
    <t>12/17/2019 19:07:37</t>
  </si>
  <si>
    <t>12/17/2019 19:07:38</t>
  </si>
  <si>
    <t>12/17/2019 19:07:41</t>
  </si>
  <si>
    <t>12/17/2019 19:11:26</t>
  </si>
  <si>
    <t>12/17/2019 19:07:42</t>
  </si>
  <si>
    <t>12/17/2019 19:07:45</t>
  </si>
  <si>
    <t>12/17/2019 19:07:49</t>
  </si>
  <si>
    <t>12/17/2019 19:07:55</t>
  </si>
  <si>
    <t>12/17/2019 19:08:01</t>
  </si>
  <si>
    <t>12/17/2019 19:08:06</t>
  </si>
  <si>
    <t>12/17/2019 19:08:16</t>
  </si>
  <si>
    <t>12/17/2019 19:08:32</t>
  </si>
  <si>
    <t>12/17/2019 19:08:33</t>
  </si>
  <si>
    <t>12/17/2019 19:08:35</t>
  </si>
  <si>
    <t>12/17/2019 19:08:37</t>
  </si>
  <si>
    <t>12/17/2019 19:08:38</t>
  </si>
  <si>
    <t>12/17/2019 19:08:39</t>
  </si>
  <si>
    <t>12/17/2019 19:08:43</t>
  </si>
  <si>
    <t>12/17/2019 19:08:44</t>
  </si>
  <si>
    <t>12/17/2019 19:08:47</t>
  </si>
  <si>
    <t>12/17/2019 19:08:48</t>
  </si>
  <si>
    <t>12/17/2019 19:08:49</t>
  </si>
  <si>
    <t>12/17/2019 19:08:50</t>
  </si>
  <si>
    <t>12/17/2019 19:08:55</t>
  </si>
  <si>
    <t>12/17/2019 19:09:19</t>
  </si>
  <si>
    <t>12/17/2019 19:09:25</t>
  </si>
  <si>
    <t>12/17/2019 19:09:28</t>
  </si>
  <si>
    <t>12/17/2019 19:09:32</t>
  </si>
  <si>
    <t>12/17/2019 19:09:45</t>
  </si>
  <si>
    <t>12/17/2019 19:09:48</t>
  </si>
  <si>
    <t>12/17/2019 19:09:49</t>
  </si>
  <si>
    <t>12/17/2019 19:09:50</t>
  </si>
  <si>
    <t>12/17/2019 19:09:51</t>
  </si>
  <si>
    <t>12/17/2019 19:09:55</t>
  </si>
  <si>
    <t>12/17/2019 19:09:56</t>
  </si>
  <si>
    <t>12/17/2019 19:09:59</t>
  </si>
  <si>
    <t>12/17/2019 19:10:01</t>
  </si>
  <si>
    <t>12/17/2019 19:10:02</t>
  </si>
  <si>
    <t>12/17/2019 19:10:03</t>
  </si>
  <si>
    <t>12/17/2019 19:10:06</t>
  </si>
  <si>
    <t>12/17/2019 19:10:11</t>
  </si>
  <si>
    <t>12/17/2019 19:10:07</t>
  </si>
  <si>
    <t>12/17/2019 19:14:25</t>
  </si>
  <si>
    <t>12/17/2019 19:10:23</t>
  </si>
  <si>
    <t>12/17/2019 19:16:25</t>
  </si>
  <si>
    <t>12/17/2019 19:10:26</t>
  </si>
  <si>
    <t>12/17/2019 19:10:27</t>
  </si>
  <si>
    <t>12/17/2019 19:10:28</t>
  </si>
  <si>
    <t>12/17/2019 19:10:29</t>
  </si>
  <si>
    <t>12/17/2019 19:10:30</t>
  </si>
  <si>
    <t>12/17/2019 19:10:35</t>
  </si>
  <si>
    <t>12/17/2019 19:10:36</t>
  </si>
  <si>
    <t>12/17/2019 19:10:39</t>
  </si>
  <si>
    <t>12/17/2019 19:10:55</t>
  </si>
  <si>
    <t>12/17/2019 19:11:02</t>
  </si>
  <si>
    <t>12/17/2019 19:11:03</t>
  </si>
  <si>
    <t>12/17/2019 19:11:04</t>
  </si>
  <si>
    <t>12/17/2019 19:11:08</t>
  </si>
  <si>
    <t>12/17/2019 19:11:09</t>
  </si>
  <si>
    <t>12/17/2019 19:11:15</t>
  </si>
  <si>
    <t>12/17/2019 19:11:17</t>
  </si>
  <si>
    <t>12/17/2019 19:11:18</t>
  </si>
  <si>
    <t>12/17/2019 19:11:19</t>
  </si>
  <si>
    <t>12/17/2019 19:11:22</t>
  </si>
  <si>
    <t>12/17/2019 19:11:23</t>
  </si>
  <si>
    <t>12/17/2019 19:11:24</t>
  </si>
  <si>
    <t>12/17/2019 19:11:25</t>
  </si>
  <si>
    <t>12/17/2019 19:11:30</t>
  </si>
  <si>
    <t>12/17/2019 19:11:47</t>
  </si>
  <si>
    <t>12/17/2019 19:11:48</t>
  </si>
  <si>
    <t>12/17/2019 19:11:49</t>
  </si>
  <si>
    <t>12/17/2019 19:11:50</t>
  </si>
  <si>
    <t>12/17/2019 19:11:51</t>
  </si>
  <si>
    <t>12/17/2019 19:11:52</t>
  </si>
  <si>
    <t>12/17/2019 19:11:53</t>
  </si>
  <si>
    <t>12/17/2019 19:11:54</t>
  </si>
  <si>
    <t>12/17/2019 19:11:57</t>
  </si>
  <si>
    <t>12/17/2019 19:11:58</t>
  </si>
  <si>
    <t>12/17/2019 19:11:59</t>
  </si>
  <si>
    <t>12/17/2019 19:12:02</t>
  </si>
  <si>
    <t>12/17/2019 19:12:10</t>
  </si>
  <si>
    <t>12/17/2019 19:12:15</t>
  </si>
  <si>
    <t>12/17/2019 19:12:45</t>
  </si>
  <si>
    <t>12/17/2019 19:12:50</t>
  </si>
  <si>
    <t>12/17/2019 19:12:51</t>
  </si>
  <si>
    <t>12/17/2019 19:12:52</t>
  </si>
  <si>
    <t>12/17/2019 19:12:55</t>
  </si>
  <si>
    <t>12/17/2019 19:12:57</t>
  </si>
  <si>
    <t>12/17/2019 19:13:05</t>
  </si>
  <si>
    <t>12/17/2019 19:13:07</t>
  </si>
  <si>
    <t>12/17/2019 19:13:09</t>
  </si>
  <si>
    <t>12/17/2019 19:13:11</t>
  </si>
  <si>
    <t>12/17/2019 19:13:16</t>
  </si>
  <si>
    <t>12/17/2019 19:13:17</t>
  </si>
  <si>
    <t>12/17/2019 19:13:38</t>
  </si>
  <si>
    <t>12/17/2019 19:13:52</t>
  </si>
  <si>
    <t>12/17/2019 19:13:53</t>
  </si>
  <si>
    <t>12/17/2019 19:13:57</t>
  </si>
  <si>
    <t>12/17/2019 19:13:58</t>
  </si>
  <si>
    <t>12/17/2019 19:14:02</t>
  </si>
  <si>
    <t>12/17/2019 19:14:03</t>
  </si>
  <si>
    <t>12/17/2019 19:14:09</t>
  </si>
  <si>
    <t>12/17/2019 19:14:12</t>
  </si>
  <si>
    <t>12/17/2019 19:14:35</t>
  </si>
  <si>
    <t>12/17/2019 19:13:36</t>
  </si>
  <si>
    <t>12/17/2019 19:18:25</t>
  </si>
  <si>
    <t>12/17/2019 19:15:07</t>
  </si>
  <si>
    <t>12/17/2019 19:19:26</t>
  </si>
  <si>
    <t>12/17/2019 19:16:07</t>
  </si>
  <si>
    <t>12/17/2019 19:18:56</t>
  </si>
  <si>
    <t>12/17/2019 19:20:25</t>
  </si>
  <si>
    <t>12/17/2019 19:15:40</t>
  </si>
  <si>
    <t>12/17/2019 19:15:45</t>
  </si>
  <si>
    <t>12/17/2019 19:18:11</t>
  </si>
  <si>
    <t>12/17/2019 19:18:12</t>
  </si>
  <si>
    <t>12/17/2019 19:18:29</t>
  </si>
  <si>
    <t>12/17/2019 19:18:49</t>
  </si>
  <si>
    <t>mail.google.com/sync/u/0/i/s?hl=pt-BR&amp;c=370</t>
  </si>
  <si>
    <t>12/17/2019 19:18:54</t>
  </si>
  <si>
    <t>12/17/2019 19:18:57</t>
  </si>
  <si>
    <t>12/17/2019 19:18:43</t>
  </si>
  <si>
    <t>12/17/2019 19:21:26</t>
  </si>
  <si>
    <t>12/17/2019 19:18:45</t>
  </si>
  <si>
    <t>12/17/2019 19:18:47</t>
  </si>
  <si>
    <t>12/17/2019 19:18:48</t>
  </si>
  <si>
    <t>12/17/2019 19:18:55</t>
  </si>
  <si>
    <t>12/17/2019 19:18:59</t>
  </si>
  <si>
    <t>12/17/2019 19:19:02</t>
  </si>
  <si>
    <t>12/17/2019 19:19:03</t>
  </si>
  <si>
    <t>12/17/2019 19:19:04</t>
  </si>
  <si>
    <t>12/17/2019 19:19:05</t>
  </si>
  <si>
    <t>12/17/2019 19:19:06</t>
  </si>
  <si>
    <t>12/17/2019 19:19:09</t>
  </si>
  <si>
    <t>12/17/2019 19:19:11</t>
  </si>
  <si>
    <t>12/17/2019 19:20:53</t>
  </si>
  <si>
    <t>CERTIFICACOES ERICA TECH.xlsx</t>
  </si>
  <si>
    <t>12/17/2019 19:21:07</t>
  </si>
  <si>
    <t>12/17/2019 19:24:26</t>
  </si>
  <si>
    <t>12/17/2019 19:22:07</t>
  </si>
  <si>
    <t>12/17/2019 19:20:11</t>
  </si>
  <si>
    <t>12/17/2019 19:25:25</t>
  </si>
  <si>
    <t>12/17/2019 19:23:48</t>
  </si>
  <si>
    <t>12/17/2019 19:26:25</t>
  </si>
  <si>
    <t>12/17/2019 19:23:49</t>
  </si>
  <si>
    <t>12/17/2019 19:23:52</t>
  </si>
  <si>
    <t>12/17/2019 19:24:21</t>
  </si>
  <si>
    <t>12/17/2019 19:24:22</t>
  </si>
  <si>
    <t>12/17/2019 19:24:24</t>
  </si>
  <si>
    <t>12/17/2019 19:24:25</t>
  </si>
  <si>
    <t>12/17/2019 19:24:27</t>
  </si>
  <si>
    <t>12/17/2019 19:24:30</t>
  </si>
  <si>
    <t>12/17/2019 19:24:33</t>
  </si>
  <si>
    <t>12/17/2019 19:24:36</t>
  </si>
  <si>
    <t>12/17/2019 19:24:37</t>
  </si>
  <si>
    <t>12/17/2019 19:24:39</t>
  </si>
  <si>
    <t>12/17/2019 19:24:40</t>
  </si>
  <si>
    <t>12/17/2019 19:24:41</t>
  </si>
  <si>
    <t>12/17/2019 19:24:43</t>
  </si>
  <si>
    <t>12/17/2019 19:24:46</t>
  </si>
  <si>
    <t>12/17/2019 19:24:56</t>
  </si>
  <si>
    <t>12/17/2019 19:24:58</t>
  </si>
  <si>
    <t>12/17/2019 19:24:59</t>
  </si>
  <si>
    <t>12/17/2019 19:25:00</t>
  </si>
  <si>
    <t>12/17/2019 19:25:04</t>
  </si>
  <si>
    <t>12/17/2019 19:25:08</t>
  </si>
  <si>
    <t>12/17/2019 19:25:24</t>
  </si>
  <si>
    <t>12/17/2019 19:25:26</t>
  </si>
  <si>
    <t>12/17/2019 19:25:27</t>
  </si>
  <si>
    <t>12/17/2019 19:25:30</t>
  </si>
  <si>
    <t>12/17/2019 19:25:33</t>
  </si>
  <si>
    <t>12/17/2019 19:25:34</t>
  </si>
  <si>
    <t>12/17/2019 19:25:35</t>
  </si>
  <si>
    <t>12/17/2019 19:21:51</t>
  </si>
  <si>
    <t>12/17/2019 19:23:51</t>
  </si>
  <si>
    <t>12/17/2019 19:25:18</t>
  </si>
  <si>
    <t>12/17/2019 19:27:07</t>
  </si>
  <si>
    <t>12/17/2019 19:29:25</t>
  </si>
  <si>
    <t>12/17/2019 19:28:07</t>
  </si>
  <si>
    <t>12/17/2019 19:25:42</t>
  </si>
  <si>
    <t>12/17/2019 19:31:25</t>
  </si>
  <si>
    <t>12/17/2019 19:25:44</t>
  </si>
  <si>
    <t>12/17/2019 19:25:45</t>
  </si>
  <si>
    <t>12/17/2019 19:25:46</t>
  </si>
  <si>
    <t>12/17/2019 19:25:49</t>
  </si>
  <si>
    <t>12/17/2019 19:25:54</t>
  </si>
  <si>
    <t>12/17/2019 19:26:01</t>
  </si>
  <si>
    <t>12/17/2019 19:26:02</t>
  </si>
  <si>
    <t>12/17/2019 19:26:03</t>
  </si>
  <si>
    <t>12/17/2019 19:26:04</t>
  </si>
  <si>
    <t>12/17/2019 19:26:05</t>
  </si>
  <si>
    <t>12/17/2019 19:26:08</t>
  </si>
  <si>
    <t>12/17/2019 19:26:13</t>
  </si>
  <si>
    <t>12/17/2019 19:26:16</t>
  </si>
  <si>
    <t>12/17/2019 19:26:18</t>
  </si>
  <si>
    <t>12/17/2019 19:26:19</t>
  </si>
  <si>
    <t>12/17/2019 19:26:20</t>
  </si>
  <si>
    <t>12/17/2019 19:26:21</t>
  </si>
  <si>
    <t>12/17/2019 19:26:23</t>
  </si>
  <si>
    <t>12/17/2019 19:26:28</t>
  </si>
  <si>
    <t>12/17/2019 19:26:48</t>
  </si>
  <si>
    <t>12/17/2019 19:26:50</t>
  </si>
  <si>
    <t>12/17/2019 19:26:52</t>
  </si>
  <si>
    <t>12/17/2019 19:26:53</t>
  </si>
  <si>
    <t>12/17/2019 19:26:58</t>
  </si>
  <si>
    <t>12/17/2019 19:27:00</t>
  </si>
  <si>
    <t>12/17/2019 19:27:09</t>
  </si>
  <si>
    <t>12/17/2019 19:27:14</t>
  </si>
  <si>
    <t>12/17/2019 19:27:15</t>
  </si>
  <si>
    <t>12/17/2019 19:27:20</t>
  </si>
  <si>
    <t>12/17/2019 19:27:21</t>
  </si>
  <si>
    <t>12/17/2019 19:27:28</t>
  </si>
  <si>
    <t>12/17/2019 19:27:31</t>
  </si>
  <si>
    <t>12/17/2019 19:27:34</t>
  </si>
  <si>
    <t>12/17/2019 19:27:35</t>
  </si>
  <si>
    <t>12/17/2019 19:27:36</t>
  </si>
  <si>
    <t>12/17/2019 19:27:37</t>
  </si>
  <si>
    <t>12/17/2019 19:27:38</t>
  </si>
  <si>
    <t>12/17/2019 19:27:39</t>
  </si>
  <si>
    <t>12/17/2019 19:27:41</t>
  </si>
  <si>
    <t>12/17/2019 19:27:46</t>
  </si>
  <si>
    <t>12/17/2019 19:28:30</t>
  </si>
  <si>
    <t>12/17/2019 19:28:48</t>
  </si>
  <si>
    <t>12/17/2019 19:28:50</t>
  </si>
  <si>
    <t>12/17/2019 19:28:51</t>
  </si>
  <si>
    <t>12/17/2019 19:28:52</t>
  </si>
  <si>
    <t>12/17/2019 19:28:53</t>
  </si>
  <si>
    <t>12/17/2019 19:29:12</t>
  </si>
  <si>
    <t>12/17/2019 19:29:17</t>
  </si>
  <si>
    <t>12/17/2019 19:34:25</t>
  </si>
  <si>
    <t>15632caa-f60a-4974-b621-acaa11c6d10e.tmp</t>
  </si>
  <si>
    <t>\\acsfs\profiles$\alinepp\Downloads\15632caa-f60a-4974-b621-acaa11c6d10e.tmp</t>
  </si>
  <si>
    <t>12/17/2019 19:33:08</t>
  </si>
  <si>
    <t>12/17/2019 19:34:07</t>
  </si>
  <si>
    <t>12/17/2019 19:32:27</t>
  </si>
  <si>
    <t>12/17/2019 19:37:24</t>
  </si>
  <si>
    <t>3d478bfd-02b8-4f6f-971d-ffda19f2e862.tmp</t>
  </si>
  <si>
    <t>\\acsfs\profiles$\bernardopcm\Downloads\3d478bfd-02b8-4f6f-971d-ffda19f2e862.tmp</t>
  </si>
  <si>
    <t>12/17/2019 19:34:08</t>
  </si>
  <si>
    <t>12/17/2019 19:38:24</t>
  </si>
  <si>
    <t>10.200.66.172</t>
  </si>
  <si>
    <t>78-2B-CB-C1-06-92</t>
  </si>
  <si>
    <t>VOTORANT-YB006</t>
  </si>
  <si>
    <t>otaidesadsj</t>
  </si>
  <si>
    <t>12/17/2019 19:39:07</t>
  </si>
  <si>
    <t>12/17/2019 19:39:25</t>
  </si>
  <si>
    <t>12/17/2019 19:39:24</t>
  </si>
  <si>
    <t>12/17/2019 19:42:24</t>
  </si>
  <si>
    <t>12/17/2019 19:40:07</t>
  </si>
  <si>
    <t>12/17/2019 19:44:24</t>
  </si>
  <si>
    <t>12/17/2019 19:43:58</t>
  </si>
  <si>
    <t>12/17/2019 19:45:24</t>
  </si>
  <si>
    <t>12/17/2019 19:41:57</t>
  </si>
  <si>
    <t>12/17/2019 19:46:24</t>
  </si>
  <si>
    <t>12/17/2019 19:45:44</t>
  </si>
  <si>
    <t>12/17/2019 19:47:25</t>
  </si>
  <si>
    <t>12/17/2019 19:45:07</t>
  </si>
  <si>
    <t>12/17/2019 19:49:24</t>
  </si>
  <si>
    <t>12/17/2019 19:46:07</t>
  </si>
  <si>
    <t>12/17/2019 19:49:52</t>
  </si>
  <si>
    <t>12/17/2019 19:50:24</t>
  </si>
  <si>
    <t>12/17/2019 19:48:40</t>
  </si>
  <si>
    <t>12/17/2019 19:51:24</t>
  </si>
  <si>
    <t>0e2f5865-0da7-4858-b8c1-9450c2e89a09;</t>
  </si>
  <si>
    <t>12/17/2019 19:50:14</t>
  </si>
  <si>
    <t>12/17/2019 19:52:24</t>
  </si>
  <si>
    <t>eb7e72ef-2ea1-4f43-ae32-5086def28a43.tmp</t>
  </si>
  <si>
    <t>\\acsfs\profiles$\rosileiam\Downloads\eb7e72ef-2ea1-4f43-ae32-5086def28a43.tmp</t>
  </si>
  <si>
    <t>12/17/2019 19:51:28</t>
  </si>
  <si>
    <t>d8ec92a7-9678-4373-a423-9ed7617fa529.tmp</t>
  </si>
  <si>
    <t>\\acsfs\profiles$\rosileiam\Downloads\d8ec92a7-9678-4373-a423-9ed7617fa529.tmp</t>
  </si>
  <si>
    <t>12/17/2019 19:51:29</t>
  </si>
  <si>
    <t>c0fa97a1-2545-4ea2-b56c-95f40f299fc5.tmp</t>
  </si>
  <si>
    <t>\\acsfs\profiles$\rosileiam\Downloads\c0fa97a1-2545-4ea2-b56c-95f40f299fc5.tmp</t>
  </si>
  <si>
    <t>12/17/2019 19:49:54</t>
  </si>
  <si>
    <t>12/17/2019 19:53:24</t>
  </si>
  <si>
    <t>mail.google.com/_/upload?authuser=0&amp;dcp=asu-n&amp;upload_id=AEnB2UqvXY4u5w0iIqrkg7GTOk9JLz_dcm6eBpQTra-FWgfm9q9T-KOIJAYWaUqu_rtFr6atgyQEYMnkQyzmRr8mJBXlACwZ39p9oPUbtkqgLXfazQLGQJc&amp;upload_protocol=resumable</t>
  </si>
  <si>
    <t>adrielefc@algartech.com;augustocdam@algartech.com;diegorg@algartech.com;juliocedo@algartech.com;</t>
  </si>
  <si>
    <t>\\acsfs\deptos\PMO Governança\STATUS REDIR E RAO\2019\12-2019\18\RAO 18_dezembro.pptx\</t>
  </si>
  <si>
    <t>adrielefc@algartech.com,augustocdam@algartech.com,diegorg@algartech.com,juliocedo@algartech.com</t>
  </si>
  <si>
    <t>12/17/2019 19:49:55</t>
  </si>
  <si>
    <t>12/17/2019 19:51:08</t>
  </si>
  <si>
    <t>12/17/2019 19:54:24</t>
  </si>
  <si>
    <t>12/17/2019 19:52:09</t>
  </si>
  <si>
    <t>12/17/2019 19:52:04</t>
  </si>
  <si>
    <t>12/17/2019 19:57:24</t>
  </si>
  <si>
    <t>f99c49a1-fa3c-41b2-b75a-7e602f21ec6c.tmp</t>
  </si>
  <si>
    <t>\\acsfs\profiles$\rosileiam\Downloads\f99c49a1-fa3c-41b2-b75a-7e602f21ec6c.tmp</t>
  </si>
  <si>
    <t>12/17/2019 19:54:16</t>
  </si>
  <si>
    <t>12/17/2019 19:57:08</t>
  </si>
  <si>
    <t>12/17/2019 19:59:24</t>
  </si>
  <si>
    <t>12/17/2019 19:58:08</t>
  </si>
  <si>
    <t>12/17/2019 20:03:08</t>
  </si>
  <si>
    <t>12/17/2019 20:04:25</t>
  </si>
  <si>
    <t>12/17/2019 20:04:08</t>
  </si>
  <si>
    <t>12/17/2019 20:00:44</t>
  </si>
  <si>
    <t>12/17/2019 20:05:24</t>
  </si>
  <si>
    <t>17-12 TERÇA.txt</t>
  </si>
  <si>
    <t>\\acsfs\profiles$\gabrielamdp\My Documents\17-12 TERÇA.txt</t>
  </si>
  <si>
    <t>12/17/2019 20:00:52</t>
  </si>
  <si>
    <t>12/17/2019 20:01:13</t>
  </si>
  <si>
    <t>dahysdfjhnsfgh.txt</t>
  </si>
  <si>
    <t>\\acsfs\profiles$\gabrielamdp\My Documents\dahysdfjhnsfgh.txt</t>
  </si>
  <si>
    <t>12/17/2019 20:09:08</t>
  </si>
  <si>
    <t>12/17/2019 20:09:25</t>
  </si>
  <si>
    <t>12/17/2019 20:09:12</t>
  </si>
  <si>
    <t>12/17/2019 20:10:24</t>
  </si>
  <si>
    <t>12/17/2019 20:05:25</t>
  </si>
  <si>
    <t>12/17/2019 20:08:33</t>
  </si>
  <si>
    <t>12/17/2019 20:07:35</t>
  </si>
  <si>
    <t>12/17/2019 20:11:25</t>
  </si>
  <si>
    <t>12/17/2019 20:07:01</t>
  </si>
  <si>
    <t>12/17/2019 20:10:08</t>
  </si>
  <si>
    <t>12/17/2019 20:14:24</t>
  </si>
  <si>
    <t>12/17/2019 20:15:45</t>
  </si>
  <si>
    <t>12/17/2019 20:16:25</t>
  </si>
  <si>
    <t>mail.google.com/_/upload?authuser=0&amp;dcp=asu-n&amp;upload_id=AEnB2Uq3N8v_iiM97z8i8doKC8RZcQ6GSiwIWHsctdFxxKojXMAZ2abdWpzDPv945OSIN_wg4AowW1XcBi4ETi2hUEAh9rNgfe_2pyDrmhSgIO5veRmmPgo&amp;upload_protocol=resumable</t>
  </si>
  <si>
    <t>cpc-controldeskavon@algartech.com;emanuellagr@algartech.com;senildapdo@algartech.com;viniciussg@algartech.com;</t>
  </si>
  <si>
    <t>ANÁLISE AHT.xlsx</t>
  </si>
  <si>
    <t>cpc-controldeskavon@algartech.com,emanuellagr@algartech.com,senildapdo@algartech.com,viniciussg@algartech.com</t>
  </si>
  <si>
    <t>12/17/2019 20:15:08</t>
  </si>
  <si>
    <t>12/17/2019 20:19:25</t>
  </si>
  <si>
    <t>12/17/2019 20:16:08</t>
  </si>
  <si>
    <t>12/17/2019 20:14:49</t>
  </si>
  <si>
    <t>12/17/2019 20:20:25</t>
  </si>
  <si>
    <t>12/17/2019 20:17:51</t>
  </si>
  <si>
    <t>\\acsfs\profiles$\marcelacdss\My Documents\xworkcenter\logs\</t>
  </si>
  <si>
    <t>XLOG_marcelacdss_17122019_201746.log</t>
  </si>
  <si>
    <t>\\acsfs\profiles$\marcelacdss\My Documents\xworkcenter\logs\XLOG_marcelacdss_17122019_201746.log</t>
  </si>
  <si>
    <t>12/17/2019 20:18:09</t>
  </si>
  <si>
    <t>\\acsfs\profiles$\karenjss\My Documents\My Pictures\</t>
  </si>
  <si>
    <t>12/17/2019 20:18:10</t>
  </si>
  <si>
    <t>12/17/2019 20:18:11</t>
  </si>
  <si>
    <t>12/17/2019 20:18:12</t>
  </si>
  <si>
    <t>12/17/2019 20:18:13</t>
  </si>
  <si>
    <t>12/17/2019 20:18:14</t>
  </si>
  <si>
    <t>\\acsfs\profiles$\karenjss\My Documents\My Music\</t>
  </si>
  <si>
    <t>12/17/2019 20:18:16</t>
  </si>
  <si>
    <t>\\acsfs\profiles$\karenjss\My Documents\My Videos\</t>
  </si>
  <si>
    <t>12/17/2019 20:16:35</t>
  </si>
  <si>
    <t>12/17/2019 20:21:25</t>
  </si>
  <si>
    <t>12/17/2019 20:21:08</t>
  </si>
  <si>
    <t>12/17/2019 20:24:25</t>
  </si>
  <si>
    <t>12/17/2019 20:22:08</t>
  </si>
  <si>
    <t>12/17/2019 20:25:39</t>
  </si>
  <si>
    <t>12/17/2019 20:26:24</t>
  </si>
  <si>
    <t>12/17/2019 20:22:43</t>
  </si>
  <si>
    <t>12/17/2019 20:22:44</t>
  </si>
  <si>
    <t>12/17/2019 20:22:45</t>
  </si>
  <si>
    <t>12/17/2019 20:22:48</t>
  </si>
  <si>
    <t>12/17/2019 20:22:49</t>
  </si>
  <si>
    <t>12/17/2019 20:22:53</t>
  </si>
  <si>
    <t>12/17/2019 20:23:54</t>
  </si>
  <si>
    <t>12/17/2019 20:27:08</t>
  </si>
  <si>
    <t>12/17/2019 20:29:24</t>
  </si>
  <si>
    <t>12/17/2019 20:28:08</t>
  </si>
  <si>
    <t>12/17/2019 20:33:08</t>
  </si>
  <si>
    <t>12/17/2019 20:34:23</t>
  </si>
  <si>
    <t>12/17/2019 20:34:08</t>
  </si>
  <si>
    <t>12/17/2019 20:39:08</t>
  </si>
  <si>
    <t>12/17/2019 20:39:24</t>
  </si>
  <si>
    <t>12/17/2019 20:35:57</t>
  </si>
  <si>
    <t>12/17/2019 20:40:23</t>
  </si>
  <si>
    <t>vendas dezembro5.txt</t>
  </si>
  <si>
    <t>\\acsfs\profiles$\thaynaracsl\My Documents\vendas dezembro5.txt</t>
  </si>
  <si>
    <t>12/17/2019 20:36:00</t>
  </si>
  <si>
    <t>12/17/2019 20:41:23</t>
  </si>
  <si>
    <t>12/17/2019 20:37:56</t>
  </si>
  <si>
    <t>12/17/2019 20:40:20</t>
  </si>
  <si>
    <t>12/17/2019 20:40:08</t>
  </si>
  <si>
    <t>12/17/2019 20:45:24</t>
  </si>
  <si>
    <t>12/17/2019 20:40:42</t>
  </si>
  <si>
    <t>12/17/2019 20:46:24</t>
  </si>
  <si>
    <t>12/17/2019 20:45:39</t>
  </si>
  <si>
    <t>7680e19d-2f26-4aea-8817-3ee37b14e1ba.tmp</t>
  </si>
  <si>
    <t>\\acsfs\profiles$\victorgl\Downloads\7680e19d-2f26-4aea-8817-3ee37b14e1ba.tmp</t>
  </si>
  <si>
    <t>12/17/2019 20:43:20</t>
  </si>
  <si>
    <t>12/17/2019 20:48:24</t>
  </si>
  <si>
    <t>luis_f_reis_algar@whirlpool.com;luis_f_reis_algar@whirpool.com;</t>
  </si>
  <si>
    <t>Monitoria de Boas Vindas.xlsx</t>
  </si>
  <si>
    <t>luis_f_reis_algar@whirlpool.com,luis_f_reis_algar@whirpool.com</t>
  </si>
  <si>
    <t>12/17/2019 20:45:08</t>
  </si>
  <si>
    <t>12/17/2019 20:50:24</t>
  </si>
  <si>
    <t>12/17/2019 20:46:08</t>
  </si>
  <si>
    <t>12/17/2019 20:45:44</t>
  </si>
  <si>
    <t>9da9c815-14a4-4583-8adb-f9d37667b4d7.tmp</t>
  </si>
  <si>
    <t>\\acsfs\profiles$\gabrielamdp\Downloads\9da9c815-14a4-4583-8adb-f9d37667b4d7.tmp</t>
  </si>
  <si>
    <t>12/17/2019 20:45:45</t>
  </si>
  <si>
    <t>dcd6ec3e-cf97-493b-81b0-7d2aefa3ce00.tmp</t>
  </si>
  <si>
    <t>\\acsfs\profiles$\gabrielamdp\Downloads\dcd6ec3e-cf97-493b-81b0-7d2aefa3ce00.tmp</t>
  </si>
  <si>
    <t>12/17/2019 20:45:46</t>
  </si>
  <si>
    <t>b7c0e870-814c-45e0-82c4-7e2974538146.tmp</t>
  </si>
  <si>
    <t>\\acsfs\profiles$\gabrielamdp\Downloads\b7c0e870-814c-45e0-82c4-7e2974538146.tmp</t>
  </si>
  <si>
    <t>12/17/2019 20:45:47</t>
  </si>
  <si>
    <t>baaefb85-e2f0-4fd1-b63a-4e0935340b1f.tmp</t>
  </si>
  <si>
    <t>\\acsfs\profiles$\gabrielamdp\Downloads\baaefb85-e2f0-4fd1-b63a-4e0935340b1f.tmp</t>
  </si>
  <si>
    <t>fdd7bbca-b7bd-4d11-bfac-ae1066ecec1a.tmp</t>
  </si>
  <si>
    <t>\\acsfs\profiles$\gabrielamdp\Downloads\fdd7bbca-b7bd-4d11-bfac-ae1066ecec1a.tmp</t>
  </si>
  <si>
    <t>12/17/2019 20:52:22</t>
  </si>
  <si>
    <t>12/17/2019 20:53:24</t>
  </si>
  <si>
    <t>12/17/2019 20:52:58</t>
  </si>
  <si>
    <t>12/17/2019 20:51:08</t>
  </si>
  <si>
    <t>12/17/2019 20:55:24</t>
  </si>
  <si>
    <t>12/17/2019 20:52:08</t>
  </si>
  <si>
    <t>12/17/2019 20:54:51</t>
  </si>
  <si>
    <t>12/17/2019 20:57:24</t>
  </si>
  <si>
    <t>12/17/2019 20:54:28</t>
  </si>
  <si>
    <t>12/17/2019 20:57:08</t>
  </si>
  <si>
    <t>12/17/2019 21:00:24</t>
  </si>
  <si>
    <t>12/17/2019 20:58:08</t>
  </si>
  <si>
    <t>12/17/2019 20:58:39</t>
  </si>
  <si>
    <t>12/17/2019 21:01:24</t>
  </si>
  <si>
    <t>12/17/2019 21:01:23</t>
  </si>
  <si>
    <t>12/17/2019 21:03:24</t>
  </si>
  <si>
    <t>12/17/2019 21:03:08</t>
  </si>
  <si>
    <t>12/17/2019 21:05:23</t>
  </si>
  <si>
    <t>12/17/2019 21:04:08</t>
  </si>
  <si>
    <t>12/17/2019 21:02:13</t>
  </si>
  <si>
    <t>12/17/2019 21:06:24</t>
  </si>
  <si>
    <t>12/17/2019 21:02:12</t>
  </si>
  <si>
    <t>12/17/2019 21:03:02</t>
  </si>
  <si>
    <t>12/17/2019 21:05:25</t>
  </si>
  <si>
    <t>12/17/2019 21:07:23</t>
  </si>
  <si>
    <t>5b3f2d17-9d08-419b-8745-e9d982d48f24.tmp</t>
  </si>
  <si>
    <t>\\acsfs\profiles$\gabrielamdp\Downloads\5b3f2d17-9d08-419b-8745-e9d982d48f24.tmp</t>
  </si>
  <si>
    <t>65a791fc-9947-40f7-9a14-4046326f74d5.tmp</t>
  </si>
  <si>
    <t>\\acsfs\profiles$\gabrielamdp\Downloads\65a791fc-9947-40f7-9a14-4046326f74d5.tmp</t>
  </si>
  <si>
    <t>3cc0c261-1585-4086-b5ee-57c83f46e76a.tmp</t>
  </si>
  <si>
    <t>\\acsfs\profiles$\gabrielamdp\Downloads\3cc0c261-1585-4086-b5ee-57c83f46e76a.tmp</t>
  </si>
  <si>
    <t>12/17/2019 21:09:08</t>
  </si>
  <si>
    <t>12/17/2019 21:10:23</t>
  </si>
  <si>
    <t>12/17/2019 21:09:14</t>
  </si>
  <si>
    <t>12/17/2019 21:11:24</t>
  </si>
  <si>
    <t>12/17/2019 21:09:15</t>
  </si>
  <si>
    <t>12/17/2019 21:09:18</t>
  </si>
  <si>
    <t>12/17/2019 21:09:24</t>
  </si>
  <si>
    <t>12/17/2019 21:09:26</t>
  </si>
  <si>
    <t>12/17/2019 21:09:29</t>
  </si>
  <si>
    <t>12/17/2019 21:09:30</t>
  </si>
  <si>
    <t>12/17/2019 21:09:34</t>
  </si>
  <si>
    <t>12/17/2019 21:09:35</t>
  </si>
  <si>
    <t>12/17/2019 21:09:36</t>
  </si>
  <si>
    <t>12/17/2019 21:09:37</t>
  </si>
  <si>
    <t>12/17/2019 21:09:39</t>
  </si>
  <si>
    <t>12/17/2019 21:09:41</t>
  </si>
  <si>
    <t>12/17/2019 21:09:42</t>
  </si>
  <si>
    <t>12/17/2019 21:09:44</t>
  </si>
  <si>
    <t>12/17/2019 21:09:46</t>
  </si>
  <si>
    <t>12/17/2019 21:09:52</t>
  </si>
  <si>
    <t>12/17/2019 21:09:57</t>
  </si>
  <si>
    <t>12/17/2019 21:10:08</t>
  </si>
  <si>
    <t>12/17/2019 21:15:24</t>
  </si>
  <si>
    <t>12/17/2019 21:12:11</t>
  </si>
  <si>
    <t>12/17/2019 21:11:00</t>
  </si>
  <si>
    <t>12/17/2019 21:16:23</t>
  </si>
  <si>
    <t>cb1da62a-dba8-4224-9f3c-aded63065f98.tmp</t>
  </si>
  <si>
    <t>\\acsfs\profiles$\brendadsl\Downloads\cb1da62a-dba8-4224-9f3c-aded63065f98.tmp</t>
  </si>
  <si>
    <t>12/17/2019 21:13:55</t>
  </si>
  <si>
    <t>12/17/2019 21:12:28</t>
  </si>
  <si>
    <t>12/17/2019 21:14:28</t>
  </si>
  <si>
    <t>12/17/2019 21:17:24</t>
  </si>
  <si>
    <t>2fdf0bbe-670b-4dca-9648-1767176cec5b.tmp</t>
  </si>
  <si>
    <t>\\acsfs\profiles$\bernardopcm\Downloads\2fdf0bbe-670b-4dca-9648-1767176cec5b.tmp</t>
  </si>
  <si>
    <t>12/17/2019 21:15:47</t>
  </si>
  <si>
    <t>047241ea-d144-49d6-b981-ced82871445a.tmp</t>
  </si>
  <si>
    <t>\\acsfs\profiles$\bernardopcm\Downloads\047241ea-d144-49d6-b981-ced82871445a.tmp</t>
  </si>
  <si>
    <t>12/17/2019 21:16:02</t>
  </si>
  <si>
    <t>b567d0fc-a5b9-43ff-b50c-edd001b0eae5.tmp</t>
  </si>
  <si>
    <t>\\acsfs\profiles$\bernardopcm\Downloads\b567d0fc-a5b9-43ff-b50c-edd001b0eae5.tmp</t>
  </si>
  <si>
    <t>12/17/2019 21:16:22</t>
  </si>
  <si>
    <t>aaba3a4d-e19b-4da1-968b-0c334bea9d32.tmp</t>
  </si>
  <si>
    <t>\\acsfs\profiles$\bernardopcm\Downloads\aaba3a4d-e19b-4da1-968b-0c334bea9d32.tmp</t>
  </si>
  <si>
    <t>12/17/2019 21:16:41</t>
  </si>
  <si>
    <t>e8988f8c-9338-4e24-b59a-63c67db010ac.tmp</t>
  </si>
  <si>
    <t>\\acsfs\profiles$\bernardopcm\Downloads\e8988f8c-9338-4e24-b59a-63c67db010ac.tmp</t>
  </si>
  <si>
    <t>12/17/2019 21:15:44</t>
  </si>
  <si>
    <t>XLOG_anakcs_17122019_185158.log</t>
  </si>
  <si>
    <t>\\acsfs\profiles$\anakcs\My Documents\xworkcenter\logs\XLOG_anakcs_17122019_185158.log</t>
  </si>
  <si>
    <t>12/17/2019 21:15:08</t>
  </si>
  <si>
    <t>12/17/2019 21:20:24</t>
  </si>
  <si>
    <t>12/17/2019 21:16:08</t>
  </si>
  <si>
    <t>12/17/2019 21:16:47</t>
  </si>
  <si>
    <t>12/17/2019 21:21:24</t>
  </si>
  <si>
    <t>1125b9af-d1ed-4f4a-854a-acc7ea2f9372.tmp</t>
  </si>
  <si>
    <t>\\acsfs\profiles$\laurandos\Downloads\1125b9af-d1ed-4f4a-854a-acc7ea2f9372.tmp</t>
  </si>
  <si>
    <t>12/17/2019 21:17:14</t>
  </si>
  <si>
    <t>12/17/2019 21:23:24</t>
  </si>
  <si>
    <t>dcd56a62-97ef-44eb-8691-745b590443d5.tmp</t>
  </si>
  <si>
    <t>\\acsfs\profiles$\bernardopcm\Downloads\dcd56a62-97ef-44eb-8691-745b590443d5.tmp</t>
  </si>
  <si>
    <t>12/17/2019 21:21:45</t>
  </si>
  <si>
    <t>12/17/2019 21:21:08</t>
  </si>
  <si>
    <t>12/17/2019 21:25:24</t>
  </si>
  <si>
    <t>12/17/2019 21:22:08</t>
  </si>
  <si>
    <t>12/17/2019 21:24:26</t>
  </si>
  <si>
    <t>12/17/2019 21:26:24</t>
  </si>
  <si>
    <t>12/17/2019 21:27:06</t>
  </si>
  <si>
    <t>12/17/2019 21:28:23</t>
  </si>
  <si>
    <t>90c17e92-095e-4316-9ee3-9028509c09e5.tmp</t>
  </si>
  <si>
    <t>\\acsfs\profiles$\bernardopcm\Downloads\90c17e92-095e-4316-9ee3-9028509c09e5.tmp</t>
  </si>
  <si>
    <t>12/17/2019 21:27:08</t>
  </si>
  <si>
    <t>12/17/2019 21:30:24</t>
  </si>
  <si>
    <t>12/17/2019 21:28:08</t>
  </si>
  <si>
    <t>12/17/2019 21:29:17</t>
  </si>
  <si>
    <t>12/17/2019 21:29:18</t>
  </si>
  <si>
    <t>12/17/2019 21:26:09</t>
  </si>
  <si>
    <t>12/17/2019 21:31:24</t>
  </si>
  <si>
    <t>12/17/2019 21:26:25</t>
  </si>
  <si>
    <t>12/17/2019 21:28:56</t>
  </si>
  <si>
    <t>12/17/2019 21:33:24</t>
  </si>
  <si>
    <t>12/17/2019 21:29:38</t>
  </si>
  <si>
    <t>12/17/2019 21:35:24</t>
  </si>
  <si>
    <t>12/17/2019 21:29:39</t>
  </si>
  <si>
    <t>12/17/2019 21:29:51</t>
  </si>
  <si>
    <t>12/17/2019 21:29:53</t>
  </si>
  <si>
    <t>12/17/2019 21:29:55</t>
  </si>
  <si>
    <t>12/17/2019 21:29:56</t>
  </si>
  <si>
    <t>12/17/2019 21:29:57</t>
  </si>
  <si>
    <t>12/17/2019 21:33:08</t>
  </si>
  <si>
    <t>12/17/2019 21:35:08</t>
  </si>
  <si>
    <t>12/17/2019 21:40:24</t>
  </si>
  <si>
    <t>12/17/2019 21:39:08</t>
  </si>
  <si>
    <t>12/17/2019 21:37:45</t>
  </si>
  <si>
    <t>12/17/2019 21:41:24</t>
  </si>
  <si>
    <t>d8f02992-71e0-40e5-8096-d7fd36b9be4f.tmp</t>
  </si>
  <si>
    <t>\\acsfs\profiles$\victorgl\Downloads\d8f02992-71e0-40e5-8096-d7fd36b9be4f.tmp</t>
  </si>
  <si>
    <t>12/17/2019 21:37:54</t>
  </si>
  <si>
    <t>8aaa3321-3670-4487-a7f5-b7d83a878990.tmp</t>
  </si>
  <si>
    <t>\\acsfs\profiles$\victorgl\Downloads\8aaa3321-3670-4487-a7f5-b7d83a878990.tmp</t>
  </si>
  <si>
    <t>12/17/2019 21:40:22</t>
  </si>
  <si>
    <t>12/17/2019 21:44:24</t>
  </si>
  <si>
    <t>12/17/2019 21:41:08</t>
  </si>
  <si>
    <t>12/17/2019 21:45:24</t>
  </si>
  <si>
    <t>12/17/2019 21:41:57</t>
  </si>
  <si>
    <t>12/17/2019 21:44:00</t>
  </si>
  <si>
    <t>12/17/2019 21:47:24</t>
  </si>
  <si>
    <t>12/17/2019 21:45:08</t>
  </si>
  <si>
    <t>12/17/2019 21:50:25</t>
  </si>
  <si>
    <t>12/17/2019 21:47:08</t>
  </si>
  <si>
    <t>12/17/2019 21:47:58</t>
  </si>
  <si>
    <t>12/17/2019 21:51:08</t>
  </si>
  <si>
    <t>12/17/2019 21:55:25</t>
  </si>
  <si>
    <t>12/17/2019 21:53:09</t>
  </si>
  <si>
    <t>12/17/2019 21:55:30</t>
  </si>
  <si>
    <t>12/17/2019 21:57:25</t>
  </si>
  <si>
    <t>12/17/2019 21:54:11</t>
  </si>
  <si>
    <t>12/17/2019 21:58:24</t>
  </si>
  <si>
    <t>12/17/2019 21:54:46</t>
  </si>
  <si>
    <t>12/17/2019 22:00:25</t>
  </si>
  <si>
    <t>12/17/2019 21:54:47</t>
  </si>
  <si>
    <t>12/17/2019 21:57:08</t>
  </si>
  <si>
    <t>12/17/2019 22:00:08</t>
  </si>
  <si>
    <t>12/17/2019 22:05:24</t>
  </si>
  <si>
    <t>12/17/2019 22:03:08</t>
  </si>
  <si>
    <t>12/17/2019 22:04:43</t>
  </si>
  <si>
    <t>12/17/2019 22:06:25</t>
  </si>
  <si>
    <t>12/17/2019 22:01:00</t>
  </si>
  <si>
    <t>12/17/2019 22:01:55</t>
  </si>
  <si>
    <t>12/17/2019 22:05:54</t>
  </si>
  <si>
    <t>ee4cd987-8129-45a3-8243-c5ed0350d92d.tmp</t>
  </si>
  <si>
    <t>\\acsfs\profiles$\joycemmdl\Downloads\ee4cd987-8129-45a3-8243-c5ed0350d92d.tmp</t>
  </si>
  <si>
    <t>12/17/2019 22:06:08</t>
  </si>
  <si>
    <t>12/17/2019 22:10:25</t>
  </si>
  <si>
    <t>12/17/2019 22:09:08</t>
  </si>
  <si>
    <t>12/17/2019 22:12:08</t>
  </si>
  <si>
    <t>12/17/2019 22:15:24</t>
  </si>
  <si>
    <t>12/17/2019 22:11:26</t>
  </si>
  <si>
    <t>12/17/2019 22:15:08</t>
  </si>
  <si>
    <t>12/17/2019 22:20:25</t>
  </si>
  <si>
    <t>12/17/2019 22:18:08</t>
  </si>
  <si>
    <t>12/17/2019 22:16:54</t>
  </si>
  <si>
    <t>12/17/2019 22:21:08</t>
  </si>
  <si>
    <t>12/17/2019 22:25:24</t>
  </si>
  <si>
    <t>12/17/2019 22:24:09</t>
  </si>
  <si>
    <t>12/17/2019 22:27:09</t>
  </si>
  <si>
    <t>12/17/2019 22:30:23</t>
  </si>
  <si>
    <t>12/17/2019 22:31:05</t>
  </si>
  <si>
    <t>12/17/2019 22:31:24</t>
  </si>
  <si>
    <t>12/17/2019 22:30:09</t>
  </si>
  <si>
    <t>12/17/2019 22:35:24</t>
  </si>
  <si>
    <t>12/17/2019 22:33:09</t>
  </si>
  <si>
    <t>12/17/2019 22:36:09</t>
  </si>
  <si>
    <t>12/17/2019 22:40:25</t>
  </si>
  <si>
    <t>12/17/2019 22:39:09</t>
  </si>
  <si>
    <t>12/17/2019 22:42:09</t>
  </si>
  <si>
    <t>12/17/2019 22:45:25</t>
  </si>
  <si>
    <t>12/17/2019 22:45:09</t>
  </si>
  <si>
    <t>12/17/2019 22:50:25</t>
  </si>
  <si>
    <t>12/17/2019 22:48:09</t>
  </si>
  <si>
    <t>12/17/2019 22:48:28</t>
  </si>
  <si>
    <t>12/17/2019 22:47:36</t>
  </si>
  <si>
    <t>12/17/2019 22:49:39</t>
  </si>
  <si>
    <t>12/17/2019 22:53:25</t>
  </si>
  <si>
    <t>12/17/2019 22:51:09</t>
  </si>
  <si>
    <t>12/17/2019 22:55:24</t>
  </si>
  <si>
    <t>12/17/2019 22:54:10</t>
  </si>
  <si>
    <t>12/17/2019 22:57:09</t>
  </si>
  <si>
    <t>12/17/2019 23:00:25</t>
  </si>
  <si>
    <t>12/17/2019 22:56:35</t>
  </si>
  <si>
    <t>12/17/2019 23:01:25</t>
  </si>
  <si>
    <t>12/17/2019 23:00:09</t>
  </si>
  <si>
    <t>12/17/2019 23:05:24</t>
  </si>
  <si>
    <t>12/17/2019 23:03:09</t>
  </si>
  <si>
    <t>12/17/2019 23:02:56</t>
  </si>
  <si>
    <t>12/17/2019 23:07:25</t>
  </si>
  <si>
    <t>12/17/2019 23:04:40</t>
  </si>
  <si>
    <t>12/17/2019 23:09:25</t>
  </si>
  <si>
    <t>12/17/2019 23:06:09</t>
  </si>
  <si>
    <t>12/17/2019 23:10:24</t>
  </si>
  <si>
    <t>12/17/2019 23:09:09</t>
  </si>
  <si>
    <t>12/17/2019 23:12:09</t>
  </si>
  <si>
    <t>12/17/2019 23:15:24</t>
  </si>
  <si>
    <t>12/17/2019 23:13:41</t>
  </si>
  <si>
    <t>12/17/2019 23:17:24</t>
  </si>
  <si>
    <t>12/17/2019 23:16:51</t>
  </si>
  <si>
    <t>12/17/2019 23:15:09</t>
  </si>
  <si>
    <t>12/17/2019 23:20:25</t>
  </si>
  <si>
    <t>12/17/2019 23:18:09</t>
  </si>
  <si>
    <t>12/17/2019 23:22:10</t>
  </si>
  <si>
    <t>12/17/2019 23:25:25</t>
  </si>
  <si>
    <t>12/17/2019 23:21:09</t>
  </si>
  <si>
    <t>12/17/2019 23:24:09</t>
  </si>
  <si>
    <t>12/17/2019 23:27:09</t>
  </si>
  <si>
    <t>12/17/2019 23:30:25</t>
  </si>
  <si>
    <t>12/17/2019 23:28:18</t>
  </si>
  <si>
    <t>12/17/2019 23:30:09</t>
  </si>
  <si>
    <t>12/17/2019 23:35:25</t>
  </si>
  <si>
    <t>12/17/2019 23:33:09</t>
  </si>
  <si>
    <t>12/17/2019 23:36:09</t>
  </si>
  <si>
    <t>12/17/2019 23:40:25</t>
  </si>
  <si>
    <t>12/17/2019 23:39:10</t>
  </si>
  <si>
    <t>12/17/2019 23:42:10</t>
  </si>
  <si>
    <t>12/17/2019 23:45:25</t>
  </si>
  <si>
    <t>12/17/2019 23:45:10</t>
  </si>
  <si>
    <t>12/17/2019 23:50:25</t>
  </si>
  <si>
    <t>12/17/2019 23:47:44</t>
  </si>
  <si>
    <t>12/17/2019 23:47:45</t>
  </si>
  <si>
    <t>12/17/2019 23:47:51</t>
  </si>
  <si>
    <t>12/17/2019 23:47:52</t>
  </si>
  <si>
    <t>12/17/2019 23:47:53</t>
  </si>
  <si>
    <t>12/17/2019 23:47:55</t>
  </si>
  <si>
    <t>12/17/2019 23:47:56</t>
  </si>
  <si>
    <t>12/17/2019 23:48:01</t>
  </si>
  <si>
    <t>12/17/2019 23:46:13</t>
  </si>
  <si>
    <t>12/17/2019 23:49:13</t>
  </si>
  <si>
    <t>12/17/2019 23:51:25</t>
  </si>
  <si>
    <t>12/17/2019 23:53:58</t>
  </si>
  <si>
    <t>12/17/2019 23:55:24</t>
  </si>
  <si>
    <t>12/17/2019 23:54:50</t>
  </si>
  <si>
    <t>12/17/2019 23:56:25</t>
  </si>
  <si>
    <t>12/18/2019 00:03:58</t>
  </si>
  <si>
    <t>12/18/2019 00:05:25</t>
  </si>
  <si>
    <t>12/17/2019 23:59:58</t>
  </si>
  <si>
    <t>12/18/2019 00:03:04</t>
  </si>
  <si>
    <t>12/18/2019 00:03:11</t>
  </si>
  <si>
    <t>12/18/2019 00:05:58</t>
  </si>
  <si>
    <t>12/18/2019 00:10:25</t>
  </si>
  <si>
    <t>12/18/2019 00:09:58</t>
  </si>
  <si>
    <t>12/18/2019 00:12:25</t>
  </si>
  <si>
    <t>12/18/2019 00:11:48</t>
  </si>
  <si>
    <t>12/18/2019 00:13:25</t>
  </si>
  <si>
    <t>12/18/2019 00:12:35</t>
  </si>
  <si>
    <t>12/18/2019 00:14:25</t>
  </si>
  <si>
    <t>12/18/2019 00:13:31</t>
  </si>
  <si>
    <t>12/18/2019 00:15:25</t>
  </si>
  <si>
    <t>12/18/2019 00:10:52</t>
  </si>
  <si>
    <t>12/18/2019 00:11:58</t>
  </si>
  <si>
    <t>12/18/2019 00:14:34</t>
  </si>
  <si>
    <t>12/18/2019 00:13:58</t>
  </si>
  <si>
    <t>12/18/2019 00:11:02</t>
  </si>
  <si>
    <t>12/18/2019 00:16:25</t>
  </si>
  <si>
    <t>12/18/2019 00:14:37</t>
  </si>
  <si>
    <t>12/18/2019 00:10:48</t>
  </si>
  <si>
    <t>12/18/2019 00:15:24</t>
  </si>
  <si>
    <t>12/18/2019 00:17:25</t>
  </si>
  <si>
    <t>12/18/2019 00:17:58</t>
  </si>
  <si>
    <t>12/18/2019 00:20:26</t>
  </si>
  <si>
    <t>12/18/2019 00:18:25</t>
  </si>
  <si>
    <t>12/18/2019 00:23:58</t>
  </si>
  <si>
    <t>12/18/2019 00:25:26</t>
  </si>
  <si>
    <t>12/18/2019 00:23:48</t>
  </si>
  <si>
    <t>12/18/2019 00:26:09</t>
  </si>
  <si>
    <t>12/18/2019 00:30:26</t>
  </si>
  <si>
    <t>12/18/2019 00:29:58</t>
  </si>
  <si>
    <t>12/18/2019 00:35:26</t>
  </si>
  <si>
    <t>12/18/2019 00:33:59</t>
  </si>
  <si>
    <t>12/18/2019 00:36:07</t>
  </si>
  <si>
    <t>12/18/2019 00:37:26</t>
  </si>
  <si>
    <t>12/18/2019 00:35:36</t>
  </si>
  <si>
    <t>12/18/2019 00:39:27</t>
  </si>
  <si>
    <t>12/18/2019 00:35:58</t>
  </si>
  <si>
    <t>12/18/2019 00:40:26</t>
  </si>
  <si>
    <t>12/18/2019 00:41:47</t>
  </si>
  <si>
    <t>12/18/2019 00:45:28</t>
  </si>
  <si>
    <t>12/18/2019 00:41:58</t>
  </si>
  <si>
    <t>12/18/2019 00:47:58</t>
  </si>
  <si>
    <t>12/18/2019 00:50:28</t>
  </si>
  <si>
    <t>12/18/2019 00:49:17</t>
  </si>
  <si>
    <t>12/18/2019 00:48:59</t>
  </si>
  <si>
    <t>12/18/2019 00:50:32</t>
  </si>
  <si>
    <t>12/18/2019 00:51:27</t>
  </si>
  <si>
    <t>12/18/2019 00:53:58</t>
  </si>
  <si>
    <t>12/18/2019 00:55:27</t>
  </si>
  <si>
    <t>12/18/2019 00:53:08</t>
  </si>
  <si>
    <t>12/18/2019 00:57:04</t>
  </si>
  <si>
    <t>12/18/2019 01:00:26</t>
  </si>
  <si>
    <t>12/18/2019 01:02:35</t>
  </si>
  <si>
    <t>12/18/2019 01:15:25</t>
  </si>
  <si>
    <t>12/18/2019 00:59:58</t>
  </si>
  <si>
    <t>12/18/2019 01:06:50</t>
  </si>
  <si>
    <t>12/18/2019 01:04:53</t>
  </si>
  <si>
    <t>12/18/2019 01:05:58</t>
  </si>
  <si>
    <t>12/18/2019 01:17:25</t>
  </si>
  <si>
    <t>12/18/2019 01:14:28</t>
  </si>
  <si>
    <t>12/18/2019 01:18:26</t>
  </si>
  <si>
    <t>12/18/2019 01:19:25</t>
  </si>
  <si>
    <t>12/18/2019 01:11:58</t>
  </si>
  <si>
    <t>12/18/2019 01:12:25</t>
  </si>
  <si>
    <t>12/18/2019 01:17:58</t>
  </si>
  <si>
    <t>12/18/2019 01:15:11</t>
  </si>
  <si>
    <t>12/18/2019 01:20:26</t>
  </si>
  <si>
    <t>12/18/2019 01:19:56</t>
  </si>
  <si>
    <t>12/18/2019 01:24:26</t>
  </si>
  <si>
    <t>12/18/2019 01:26:07</t>
  </si>
  <si>
    <t>12/18/2019 01:27:25</t>
  </si>
  <si>
    <t>12/18/2019 01:23:58</t>
  </si>
  <si>
    <t>12/18/2019 01:29:25</t>
  </si>
  <si>
    <t>12/18/2019 01:27:58</t>
  </si>
  <si>
    <t>12/18/2019 01:29:58</t>
  </si>
  <si>
    <t>12/18/2019 01:34:25</t>
  </si>
  <si>
    <t>12/18/2019 01:35:48</t>
  </si>
  <si>
    <t>12/18/2019 01:39:25</t>
  </si>
  <si>
    <t>12/18/2019 01:35:58</t>
  </si>
  <si>
    <t>12/18/2019 01:38:32</t>
  </si>
  <si>
    <t>12/18/2019 01:38:33</t>
  </si>
  <si>
    <t>12/18/2019 01:38:34</t>
  </si>
  <si>
    <t>12/18/2019 01:38:39</t>
  </si>
  <si>
    <t>12/18/2019 01:44:24</t>
  </si>
  <si>
    <t>12/18/2019 01:38:42</t>
  </si>
  <si>
    <t>12/18/2019 01:38:44</t>
  </si>
  <si>
    <t>12/18/2019 01:38:45</t>
  </si>
  <si>
    <t>12/18/2019 01:38:46</t>
  </si>
  <si>
    <t>12/18/2019 01:38:47</t>
  </si>
  <si>
    <t>12/18/2019 01:38:48</t>
  </si>
  <si>
    <t>12/18/2019 01:44:40</t>
  </si>
  <si>
    <t>12/18/2019 01:49:26</t>
  </si>
  <si>
    <t>12/18/2019 01:46:34</t>
  </si>
  <si>
    <t>12/18/2019 01:50:50</t>
  </si>
  <si>
    <t>12/18/2019 01:52:26</t>
  </si>
  <si>
    <t>12/18/2019 01:50:40</t>
  </si>
  <si>
    <t>12/18/2019 01:54:26</t>
  </si>
  <si>
    <t>12/18/2019 01:54:05</t>
  </si>
  <si>
    <t>12/18/2019 01:59:26</t>
  </si>
  <si>
    <t>12/18/2019 01:56:40</t>
  </si>
  <si>
    <t>12/18/2019 02:01:37</t>
  </si>
  <si>
    <t>12/18/2019 02:04:25</t>
  </si>
  <si>
    <t>12/18/2019 02:02:40</t>
  </si>
  <si>
    <t>12/18/2019 02:08:40</t>
  </si>
  <si>
    <t>12/18/2019 02:14:25</t>
  </si>
  <si>
    <t>12/18/2019 02:09:08</t>
  </si>
  <si>
    <t>12/18/2019 02:14:40</t>
  </si>
  <si>
    <t>12/18/2019 02:19:25</t>
  </si>
  <si>
    <t>12/18/2019 02:16:53</t>
  </si>
  <si>
    <t>12/18/2019 02:20:40</t>
  </si>
  <si>
    <t>12/18/2019 02:24:25</t>
  </si>
  <si>
    <t>12/18/2019 02:24:43</t>
  </si>
  <si>
    <t>12/18/2019 02:29:25</t>
  </si>
  <si>
    <t>12/18/2019 02:26:40</t>
  </si>
  <si>
    <t>12/18/2019 02:32:28</t>
  </si>
  <si>
    <t>12/18/2019 02:34:25</t>
  </si>
  <si>
    <t>12/18/2019 02:32:40</t>
  </si>
  <si>
    <t>12/18/2019 02:32:37</t>
  </si>
  <si>
    <t>12/18/2019 02:36:25</t>
  </si>
  <si>
    <t>12/18/2019 02:35:59</t>
  </si>
  <si>
    <t>12/18/2019 02:37:25</t>
  </si>
  <si>
    <t>12/18/2019 02:36:33</t>
  </si>
  <si>
    <t>12/18/2019 02:39:25</t>
  </si>
  <si>
    <t>12/18/2019 02:38:40</t>
  </si>
  <si>
    <t>12/18/2019 02:44:26</t>
  </si>
  <si>
    <t>12/18/2019 02:39:59</t>
  </si>
  <si>
    <t>12/18/2019 02:44:40</t>
  </si>
  <si>
    <t>12/18/2019 02:49:25</t>
  </si>
  <si>
    <t>12/18/2019 02:47:47</t>
  </si>
  <si>
    <t>12/18/2019 02:46:47</t>
  </si>
  <si>
    <t>12/18/2019 02:51:25</t>
  </si>
  <si>
    <t>12/18/2019 02:50:40</t>
  </si>
  <si>
    <t>12/18/2019 02:54:26</t>
  </si>
  <si>
    <t>12/18/2019 02:53:44</t>
  </si>
  <si>
    <t>12/18/2019 02:57:25</t>
  </si>
  <si>
    <t>12/18/2019 02:54:29</t>
  </si>
  <si>
    <t>12/18/2019 02:55:35</t>
  </si>
  <si>
    <t>12/18/2019 02:59:26</t>
  </si>
  <si>
    <t>12/18/2019 02:56:40</t>
  </si>
  <si>
    <t>12/18/2019 02:58:40</t>
  </si>
  <si>
    <t>12/18/2019 03:01:26</t>
  </si>
  <si>
    <t>12/18/2019 03:02:42</t>
  </si>
  <si>
    <t>12/18/2019 03:04:25</t>
  </si>
  <si>
    <t>12/18/2019 03:03:07</t>
  </si>
  <si>
    <t>12/18/2019 03:02:34</t>
  </si>
  <si>
    <t>12/18/2019 03:05:26</t>
  </si>
  <si>
    <t>12/18/2019 03:06:50</t>
  </si>
  <si>
    <t>12/18/2019 03:10:25</t>
  </si>
  <si>
    <t>12/18/2019 03:11:12</t>
  </si>
  <si>
    <t>12/18/2019 03:13:25</t>
  </si>
  <si>
    <t>12/18/2019 03:08:41</t>
  </si>
  <si>
    <t>12/18/2019 03:14:26</t>
  </si>
  <si>
    <t>12/18/2019 03:10:52</t>
  </si>
  <si>
    <t>12/18/2019 03:12:10</t>
  </si>
  <si>
    <t>12/18/2019 03:15:25</t>
  </si>
  <si>
    <t>12/18/2019 03:14:06</t>
  </si>
  <si>
    <t>12/18/2019 03:14:41</t>
  </si>
  <si>
    <t>12/18/2019 03:19:25</t>
  </si>
  <si>
    <t>12/18/2019 03:18:42</t>
  </si>
  <si>
    <t>12/18/2019 03:24:25</t>
  </si>
  <si>
    <t>12/18/2019 03:20:41</t>
  </si>
  <si>
    <t>12/18/2019 03:26:30</t>
  </si>
  <si>
    <t>12/18/2019 03:29:26</t>
  </si>
  <si>
    <t>12/18/2019 03:26:41</t>
  </si>
  <si>
    <t>12/18/2019 03:32:41</t>
  </si>
  <si>
    <t>12/18/2019 03:34:25</t>
  </si>
  <si>
    <t>12/18/2019 03:31:20</t>
  </si>
  <si>
    <t>12/18/2019 03:36:25</t>
  </si>
  <si>
    <t>12/18/2019 03:37:24</t>
  </si>
  <si>
    <t>12/18/2019 03:38:25</t>
  </si>
  <si>
    <t>12/18/2019 03:36:20</t>
  </si>
  <si>
    <t>12/18/2019 03:39:25</t>
  </si>
  <si>
    <t>12/18/2019 03:34:01</t>
  </si>
  <si>
    <t>12/18/2019 03:38:41</t>
  </si>
  <si>
    <t>12/18/2019 03:44:26</t>
  </si>
  <si>
    <t>12/18/2019 03:41:32</t>
  </si>
  <si>
    <t>12/18/2019 03:43:48</t>
  </si>
  <si>
    <t>12/18/2019 03:47:25</t>
  </si>
  <si>
    <t>12/18/2019 03:43:58</t>
  </si>
  <si>
    <t>12/18/2019 03:44:41</t>
  </si>
  <si>
    <t>12/18/2019 03:49:26</t>
  </si>
  <si>
    <t>12/18/2019 03:47:26</t>
  </si>
  <si>
    <t>12/18/2019 03:47:27</t>
  </si>
  <si>
    <t>12/18/2019 03:47:29</t>
  </si>
  <si>
    <t>12/18/2019 03:47:30</t>
  </si>
  <si>
    <t>12/18/2019 03:49:41</t>
  </si>
  <si>
    <t>12/18/2019 03:54:25</t>
  </si>
  <si>
    <t>12/18/2019 03:52:41</t>
  </si>
  <si>
    <t>12/18/2019 03:55:25</t>
  </si>
  <si>
    <t>12/18/2019 03:53:28</t>
  </si>
  <si>
    <t>12/18/2019 03:57:26</t>
  </si>
  <si>
    <t>12/18/2019 03:57:35</t>
  </si>
  <si>
    <t>12/18/2019 03:59:26</t>
  </si>
  <si>
    <t>12/18/2019 03:58:41</t>
  </si>
  <si>
    <t>12/18/2019 04:01:13</t>
  </si>
  <si>
    <t>12/18/2019 04:02:25</t>
  </si>
  <si>
    <t>12/18/2019 04:04:42</t>
  </si>
  <si>
    <t>12/18/2019 04:09:25</t>
  </si>
  <si>
    <t>12/18/2019 04:05:08</t>
  </si>
  <si>
    <t>12/18/2019 04:07:42</t>
  </si>
  <si>
    <t>12/18/2019 04:12:25</t>
  </si>
  <si>
    <t>12/18/2019 04:10:42</t>
  </si>
  <si>
    <t>12/18/2019 04:14:25</t>
  </si>
  <si>
    <t>12/18/2019 04:13:01</t>
  </si>
  <si>
    <t>12/18/2019 04:11:46</t>
  </si>
  <si>
    <t>12/18/2019 04:15:24</t>
  </si>
  <si>
    <t>12/18/2019 04:13:25</t>
  </si>
  <si>
    <t>12/18/2019 04:18:25</t>
  </si>
  <si>
    <t>12/18/2019 04:16:42</t>
  </si>
  <si>
    <t>12/18/2019 04:19:25</t>
  </si>
  <si>
    <t>12/18/2019 04:16:52</t>
  </si>
  <si>
    <t>12/18/2019 04:20:25</t>
  </si>
  <si>
    <t>12/18/2019 04:19:35</t>
  </si>
  <si>
    <t>12/18/2019 04:19:44</t>
  </si>
  <si>
    <t>12/18/2019 04:21:25</t>
  </si>
  <si>
    <t>12/18/2019 04:20:42</t>
  </si>
  <si>
    <t>12/18/2019 04:24:25</t>
  </si>
  <si>
    <t>12/18/2019 04:22:42</t>
  </si>
  <si>
    <t>12/18/2019 04:28:29</t>
  </si>
  <si>
    <t>12/18/2019 04:29:26</t>
  </si>
  <si>
    <t>12/18/2019 04:28:42</t>
  </si>
  <si>
    <t>12/18/2019 04:27:05</t>
  </si>
  <si>
    <t>12/18/2019 04:32:25</t>
  </si>
  <si>
    <t>12/18/2019 04:32:41</t>
  </si>
  <si>
    <t>12/18/2019 04:34:26</t>
  </si>
  <si>
    <t>12/18/2019 04:34:42</t>
  </si>
  <si>
    <t>12/18/2019 04:39:26</t>
  </si>
  <si>
    <t>12/18/2019 04:35:20</t>
  </si>
  <si>
    <t>12/18/2019 04:35:21</t>
  </si>
  <si>
    <t>12/18/2019 04:36:37</t>
  </si>
  <si>
    <t>12/18/2019 04:40:42</t>
  </si>
  <si>
    <t>12/18/2019 04:44:25</t>
  </si>
  <si>
    <t>12/18/2019 04:44:10</t>
  </si>
  <si>
    <t>12/18/2019 04:47:27</t>
  </si>
  <si>
    <t>12/18/2019 04:46:26</t>
  </si>
  <si>
    <t>12/18/2019 04:44:41</t>
  </si>
  <si>
    <t>12/18/2019 04:49:26</t>
  </si>
  <si>
    <t>12/18/2019 04:46:42</t>
  </si>
  <si>
    <t>12/18/2019 04:52:31</t>
  </si>
  <si>
    <t>12/18/2019 04:54:26</t>
  </si>
  <si>
    <t>12/18/2019 04:52:42</t>
  </si>
  <si>
    <t>12/18/2019 04:58:42</t>
  </si>
  <si>
    <t>12/18/2019 04:59:26</t>
  </si>
  <si>
    <t>12/18/2019 05:00:03</t>
  </si>
  <si>
    <t>12/18/2019 05:04:26</t>
  </si>
  <si>
    <t>12/18/2019 05:00:22</t>
  </si>
  <si>
    <t>12/18/2019 05:05:25</t>
  </si>
  <si>
    <t>12/18/2019 05:04:42</t>
  </si>
  <si>
    <t>12/18/2019 05:09:25</t>
  </si>
  <si>
    <t>12/18/2019 05:07:49</t>
  </si>
  <si>
    <t>12/18/2019 05:10:42</t>
  </si>
  <si>
    <t>12/18/2019 05:14:25</t>
  </si>
  <si>
    <t>12/18/2019 05:13:36</t>
  </si>
  <si>
    <t>12/18/2019 05:15:25</t>
  </si>
  <si>
    <t>12/18/2019 05:15:19</t>
  </si>
  <si>
    <t>12/18/2019 05:19:25</t>
  </si>
  <si>
    <t>12/18/2019 05:16:42</t>
  </si>
  <si>
    <t>12/18/2019 05:22:42</t>
  </si>
  <si>
    <t>12/18/2019 05:24:25</t>
  </si>
  <si>
    <t>12/18/2019 05:23:10</t>
  </si>
  <si>
    <t>12/18/2019 05:25:11</t>
  </si>
  <si>
    <t>12/18/2019 05:26:25</t>
  </si>
  <si>
    <t>12/18/2019 05:23:50</t>
  </si>
  <si>
    <t>12/18/2019 05:28:25</t>
  </si>
  <si>
    <t>12/18/2019 05:28:42</t>
  </si>
  <si>
    <t>12/18/2019 05:29:25</t>
  </si>
  <si>
    <t>12/18/2019 05:30:53</t>
  </si>
  <si>
    <t>12/18/2019 05:34:25</t>
  </si>
  <si>
    <t>12/18/2019 05:34:42</t>
  </si>
  <si>
    <t>12/18/2019 05:39:25</t>
  </si>
  <si>
    <t>12/18/2019 05:38:43</t>
  </si>
  <si>
    <t>12/18/2019 05:40:42</t>
  </si>
  <si>
    <t>12/18/2019 05:44:25</t>
  </si>
  <si>
    <t>12/18/2019 05:46:30</t>
  </si>
  <si>
    <t>12/18/2019 05:49:25</t>
  </si>
  <si>
    <t>12/18/2019 05:46:42</t>
  </si>
  <si>
    <t>12/18/2019 05:52:42</t>
  </si>
  <si>
    <t>12/18/2019 05:54:26</t>
  </si>
  <si>
    <t>12/18/2019 05:54:01</t>
  </si>
  <si>
    <t>12/18/2019 05:59:26</t>
  </si>
  <si>
    <t>12/18/2019 05:58:42</t>
  </si>
  <si>
    <t>12/18/2019 06:01:49</t>
  </si>
  <si>
    <t>12/18/2019 06:04:25</t>
  </si>
  <si>
    <t>12/18/2019 06:04:36</t>
  </si>
  <si>
    <t>12/18/2019 06:05:26</t>
  </si>
  <si>
    <t>12/18/2019 06:04:42</t>
  </si>
  <si>
    <t>12/18/2019 06:09:25</t>
  </si>
  <si>
    <t>12/18/2019 06:09:38</t>
  </si>
  <si>
    <t>12/18/2019 06:14:24</t>
  </si>
  <si>
    <t>12/18/2019 06:10:42</t>
  </si>
  <si>
    <t>12/18/2019 06:14:14</t>
  </si>
  <si>
    <t>12/18/2019 06:17:24</t>
  </si>
  <si>
    <t>12/18/2019 06:16:42</t>
  </si>
  <si>
    <t>12/18/2019 06:19:25</t>
  </si>
  <si>
    <t>12/18/2019 06:17:09</t>
  </si>
  <si>
    <t>12/18/2019 06:18:08</t>
  </si>
  <si>
    <t>12/18/2019 06:22:25</t>
  </si>
  <si>
    <t>12/18/2019 06:22:42</t>
  </si>
  <si>
    <t>12/18/2019 06:24:25</t>
  </si>
  <si>
    <t>12/18/2019 06:24:51</t>
  </si>
  <si>
    <t>12/18/2019 06:26:25</t>
  </si>
  <si>
    <t>12/18/2019 06:24:55</t>
  </si>
  <si>
    <t>12/18/2019 06:29:26</t>
  </si>
  <si>
    <t>12/18/2019 06:28:42</t>
  </si>
  <si>
    <t>12/18/2019 06:28:14</t>
  </si>
  <si>
    <t>12/18/2019 06:30:25</t>
  </si>
  <si>
    <t>12/18/2019 06:27:31</t>
  </si>
  <si>
    <t>12/18/2019 06:31:26</t>
  </si>
  <si>
    <t>12/18/2019 06:32:43</t>
  </si>
  <si>
    <t>12/18/2019 06:34:26</t>
  </si>
  <si>
    <t>12/18/2019 06:34:42</t>
  </si>
  <si>
    <t>12/18/2019 06:39:26</t>
  </si>
  <si>
    <t>12/18/2019 06:38:21</t>
  </si>
  <si>
    <t>12/18/2019 06:42:26</t>
  </si>
  <si>
    <t>12/18/2019 06:40:32</t>
  </si>
  <si>
    <t>12/18/2019 06:44:26</t>
  </si>
  <si>
    <t>12/18/2019 06:40:42</t>
  </si>
  <si>
    <t>12/18/2019 06:46:42</t>
  </si>
  <si>
    <t>12/18/2019 06:49:26</t>
  </si>
  <si>
    <t>12/18/2019 06:48:03</t>
  </si>
  <si>
    <t>12/18/2019 06:52:42</t>
  </si>
  <si>
    <t>12/18/2019 06:54:26</t>
  </si>
  <si>
    <t>12/18/2019 06:54:10</t>
  </si>
  <si>
    <t>12/18/2019 06:55:27</t>
  </si>
  <si>
    <t>12/18/2019 06:50:37</t>
  </si>
  <si>
    <t>12/18/2019 06:56:26</t>
  </si>
  <si>
    <t>7834dcd5-fea2-476c-a7b8-2571f78148ba.tmp</t>
  </si>
  <si>
    <t>\\acsfs\profiles$\nathaliadf\Downloads\7834dcd5-fea2-476c-a7b8-2571f78148ba.tmp</t>
  </si>
  <si>
    <t>12/18/2019 06:51:36</t>
  </si>
  <si>
    <t>851ff81f-f546-4ffc-8438-12f4127dd54d.tmp</t>
  </si>
  <si>
    <t>\\acsfs\profiles$\nathaliadf\Downloads\851ff81f-f546-4ffc-8438-12f4127dd54d.tmp</t>
  </si>
  <si>
    <t>12/18/2019 06:52:04</t>
  </si>
  <si>
    <t>14b7ea46-2277-47a4-8bf9-507366bc222e.tmp</t>
  </si>
  <si>
    <t>\\acsfs\profiles$\nathaliadf\Downloads\14b7ea46-2277-47a4-8bf9-507366bc222e.tmp</t>
  </si>
  <si>
    <t>12/18/2019 06:52:18</t>
  </si>
  <si>
    <t>594d2fb2-f192-4f88-8ee6-c3831c34f8eb.tmp</t>
  </si>
  <si>
    <t>\\acsfs\profiles$\nathaliadf\Downloads\594d2fb2-f192-4f88-8ee6-c3831c34f8eb.tmp</t>
  </si>
  <si>
    <t>12/18/2019 06:54:23</t>
  </si>
  <si>
    <t>Citrix Receiver.url:favicon</t>
  </si>
  <si>
    <t>\\acsfs\profiles$\brendavdoa\Favorites\Citrix Receiver.url:favicon</t>
  </si>
  <si>
    <t>12/18/2019 06:53:32</t>
  </si>
  <si>
    <t>12/18/2019 06:57:27</t>
  </si>
  <si>
    <t>12/18/2019 06:55:48</t>
  </si>
  <si>
    <t>12/18/2019 06:59:27</t>
  </si>
  <si>
    <t>12/18/2019 06:58:42</t>
  </si>
  <si>
    <t>12/18/2019 06:59:49</t>
  </si>
  <si>
    <t>12/18/2019 07:01:26</t>
  </si>
  <si>
    <t>Welcome - 1 total view.url:favicon</t>
  </si>
  <si>
    <t>\\acsfs\profiles$\brendavdoa\Favorites\Welcome - 1 total view.url:favicon</t>
  </si>
  <si>
    <t>12/18/2019 07:03:38</t>
  </si>
  <si>
    <t>12/18/2019 07:04:27</t>
  </si>
  <si>
    <t>12/18/2019 07:04:42</t>
  </si>
  <si>
    <t>12/18/2019 07:09:26</t>
  </si>
  <si>
    <t>12/18/2019 07:09:43</t>
  </si>
  <si>
    <t>12/18/2019 07:10:27</t>
  </si>
  <si>
    <t>12/18/2019 07:10:42</t>
  </si>
  <si>
    <t>12/18/2019 07:14:25</t>
  </si>
  <si>
    <t>12/18/2019 07:13:29</t>
  </si>
  <si>
    <t>12/18/2019 07:15:26</t>
  </si>
  <si>
    <t>10.200.66.134</t>
  </si>
  <si>
    <t>74-86-7A-FB-14-32</t>
  </si>
  <si>
    <t>VOTORANT-ABB005</t>
  </si>
  <si>
    <t>vivianealda</t>
  </si>
  <si>
    <t>\\acsfs\profiles$\vivianealda\Downloads\</t>
  </si>
  <si>
    <t>956fea21-b82a-4533-ad94-fb9e2d0dae5c.tmp</t>
  </si>
  <si>
    <t>\\acsfs\profiles$\vivianealda\Downloads\956fea21-b82a-4533-ad94-fb9e2d0dae5c.tmp</t>
  </si>
  <si>
    <t>12/18/2019 07:12:29</t>
  </si>
  <si>
    <t>12/18/2019 07:17:27</t>
  </si>
  <si>
    <t>12/18/2019 07:12:30</t>
  </si>
  <si>
    <t>12/18/2019 07:12:46</t>
  </si>
  <si>
    <t>12/18/2019 07:16:43</t>
  </si>
  <si>
    <t>12/18/2019 07:19:26</t>
  </si>
  <si>
    <t>12/18/2019 07:18:55</t>
  </si>
  <si>
    <t>12/18/2019 07:20:17</t>
  </si>
  <si>
    <t>12/18/2019 07:21:27</t>
  </si>
  <si>
    <t>marianadjc</t>
  </si>
  <si>
    <t>https://outlook.office365.com/mapi/emsmdb/?mailboxid=48ad403d-3510-47b8-8f76-3ad496ea7c8c@algartech.com</t>
  </si>
  <si>
    <t>12/18/2019 07:20:18</t>
  </si>
  <si>
    <t>12/18/2019 07:20:19</t>
  </si>
  <si>
    <t>12/18/2019 07:20:22</t>
  </si>
  <si>
    <t>12/18/2019 07:20:27</t>
  </si>
  <si>
    <t>12/18/2019 07:20:31</t>
  </si>
  <si>
    <t>12/18/2019 07:20:35</t>
  </si>
  <si>
    <t>12/18/2019 07:20:39</t>
  </si>
  <si>
    <t>12/18/2019 07:20:43</t>
  </si>
  <si>
    <t>12/18/2019 07:20:47</t>
  </si>
  <si>
    <t>12/18/2019 07:20:51</t>
  </si>
  <si>
    <t>12/18/2019 07:20:55</t>
  </si>
  <si>
    <t>12/18/2019 07:21:00</t>
  </si>
  <si>
    <t>12/18/2019 07:21:04</t>
  </si>
  <si>
    <t>12/18/2019 07:21:08</t>
  </si>
  <si>
    <t>12/18/2019 07:21:12</t>
  </si>
  <si>
    <t>12/18/2019 07:18:01</t>
  </si>
  <si>
    <t>12/18/2019 07:22:26</t>
  </si>
  <si>
    <t>6f61ade9-be00-4c78-9fb4-4307e5b4dfee.tmp</t>
  </si>
  <si>
    <t>\\acsfs\profiles$\deboraaa\Downloads\6f61ade9-be00-4c78-9fb4-4307e5b4dfee.tmp</t>
  </si>
  <si>
    <t>12/18/2019 07:19:43</t>
  </si>
  <si>
    <t>930dcc7b-f4d3-4d19-91f3-3a50b0b5be71.tmp</t>
  </si>
  <si>
    <t>\\acsfs\profiles$\deboraaa\Downloads\930dcc7b-f4d3-4d19-91f3-3a50b0b5be71.tmp</t>
  </si>
  <si>
    <t>12/18/2019 07:21:42</t>
  </si>
  <si>
    <t>a6dd7076-ade6-45d7-a486-77070e5264e8.tmp</t>
  </si>
  <si>
    <t>\\acsfs\profiles$\deboraaa\Downloads\a6dd7076-ade6-45d7-a486-77070e5264e8.tmp</t>
  </si>
  <si>
    <t>12/18/2019 07:22:43</t>
  </si>
  <si>
    <t>12/18/2019 07:24:26</t>
  </si>
  <si>
    <t>12/18/2019 07:25:26</t>
  </si>
  <si>
    <t>390a1275-b321-4129-b8b6-2810b8df57c6.tmp</t>
  </si>
  <si>
    <t>\\acsfs\profiles$\vivianealda\Downloads\390a1275-b321-4129-b8b6-2810b8df57c6.tmp</t>
  </si>
  <si>
    <t>12/18/2019 07:22:07</t>
  </si>
  <si>
    <t>fa60566b-8fa8-418a-8652-3b93b93938e4.tmp</t>
  </si>
  <si>
    <t>\\acsfs\profiles$\vivianealda\Downloads\fa60566b-8fa8-418a-8652-3b93b93938e4.tmp</t>
  </si>
  <si>
    <t>12/18/2019 07:22:59</t>
  </si>
  <si>
    <t>12/18/2019 07:21:16</t>
  </si>
  <si>
    <t>12/18/2019 07:26:26</t>
  </si>
  <si>
    <t>12/18/2019 07:21:20</t>
  </si>
  <si>
    <t>12/18/2019 07:21:24</t>
  </si>
  <si>
    <t>12/18/2019 07:21:28</t>
  </si>
  <si>
    <t>12/18/2019 07:21:33</t>
  </si>
  <si>
    <t>12/18/2019 07:21:37</t>
  </si>
  <si>
    <t>12/18/2019 07:21:41</t>
  </si>
  <si>
    <t>12/18/2019 07:21:45</t>
  </si>
  <si>
    <t>12/18/2019 07:21:49</t>
  </si>
  <si>
    <t>12/18/2019 07:21:54</t>
  </si>
  <si>
    <t>12/18/2019 07:21:58</t>
  </si>
  <si>
    <t>12/18/2019 07:22:04</t>
  </si>
  <si>
    <t>12/18/2019 07:22:08</t>
  </si>
  <si>
    <t>12/18/2019 07:22:12</t>
  </si>
  <si>
    <t>12/18/2019 07:22:16</t>
  </si>
  <si>
    <t>12/18/2019 07:22:20</t>
  </si>
  <si>
    <t>12/18/2019 07:22:25</t>
  </si>
  <si>
    <t>12/18/2019 07:22:29</t>
  </si>
  <si>
    <t>12/18/2019 07:22:33</t>
  </si>
  <si>
    <t>12/18/2019 07:22:37</t>
  </si>
  <si>
    <t>12/18/2019 07:22:40</t>
  </si>
  <si>
    <t>12/18/2019 07:22:44</t>
  </si>
  <si>
    <t>12/18/2019 07:22:48</t>
  </si>
  <si>
    <t>12/18/2019 07:22:53</t>
  </si>
  <si>
    <t>12/18/2019 07:22:57</t>
  </si>
  <si>
    <t>12/18/2019 07:23:01</t>
  </si>
  <si>
    <t>12/18/2019 07:23:05</t>
  </si>
  <si>
    <t>12/18/2019 07:23:10</t>
  </si>
  <si>
    <t>12/18/2019 07:23:14</t>
  </si>
  <si>
    <t>12/18/2019 07:23:19</t>
  </si>
  <si>
    <t>12/18/2019 07:23:28</t>
  </si>
  <si>
    <t>12/18/2019 07:23:37</t>
  </si>
  <si>
    <t>12/18/2019 07:23:45</t>
  </si>
  <si>
    <t>12/18/2019 07:23:54</t>
  </si>
  <si>
    <t>12/18/2019 07:24:04</t>
  </si>
  <si>
    <t>12/18/2019 07:24:14</t>
  </si>
  <si>
    <t>12/18/2019 07:24:23</t>
  </si>
  <si>
    <t>12/18/2019 07:24:34</t>
  </si>
  <si>
    <t>12/18/2019 07:24:43</t>
  </si>
  <si>
    <t>12/18/2019 07:24:52</t>
  </si>
  <si>
    <t>12/18/2019 07:25:00</t>
  </si>
  <si>
    <t>12/18/2019 07:25:08</t>
  </si>
  <si>
    <t>12/18/2019 07:25:17</t>
  </si>
  <si>
    <t>12/18/2019 07:25:34</t>
  </si>
  <si>
    <t>12/18/2019 07:25:35</t>
  </si>
  <si>
    <t>12/18/2019 07:25:44</t>
  </si>
  <si>
    <t>12/18/2019 07:25:53</t>
  </si>
  <si>
    <t>12/18/2019 07:26:02</t>
  </si>
  <si>
    <t>12/18/2019 07:26:11</t>
  </si>
  <si>
    <t>12/18/2019 07:26:20</t>
  </si>
  <si>
    <t>12/18/2019 07:26:42</t>
  </si>
  <si>
    <t>12/18/2019 07:29:26</t>
  </si>
  <si>
    <t>12/18/2019 07:28:43</t>
  </si>
  <si>
    <t>12/18/2019 07:28:50</t>
  </si>
  <si>
    <t>12/18/2019 07:30:26</t>
  </si>
  <si>
    <t>12/18/2019 07:25:48</t>
  </si>
  <si>
    <t>12/18/2019 07:27:52</t>
  </si>
  <si>
    <t>4821a1dd-1458-4c1e-acd6-fa5c71cd8e74.tmp</t>
  </si>
  <si>
    <t>\\acsfs\profiles$\alicecpbc\Downloads\4821a1dd-1458-4c1e-acd6-fa5c71cd8e74.tmp</t>
  </si>
  <si>
    <t>12/18/2019 07:28:11</t>
  </si>
  <si>
    <t>7a12c674-c50e-412f-bc00-04a42dc7f1f5.tmp</t>
  </si>
  <si>
    <t>\\acsfs\profiles$\alicecpbc\Downloads\7a12c674-c50e-412f-bc00-04a42dc7f1f5.tmp</t>
  </si>
  <si>
    <t>12/18/2019 07:29:19</t>
  </si>
  <si>
    <t>a7078926-15ef-4b46-8b3c-ea08cc91f981.tmp</t>
  </si>
  <si>
    <t>\\acsfs\profiles$\alicecpbc\Downloads\a7078926-15ef-4b46-8b3c-ea08cc91f981.tmp</t>
  </si>
  <si>
    <t>12/17/2019 22:31:07</t>
  </si>
  <si>
    <t>12/18/2019 07:28:07</t>
  </si>
  <si>
    <t>5d83bec0-7fa5-4862-a7da-284411eec421.tmp</t>
  </si>
  <si>
    <t>\\acsfs\profiles$\ERICALSR\Downloads\5d83bec0-7fa5-4862-a7da-284411eec421.tmp</t>
  </si>
  <si>
    <t>12/18/2019 07:28:54</t>
  </si>
  <si>
    <t>12/18/2019 07:29:09</t>
  </si>
  <si>
    <t>43e292cf-e942-462f-905a-0b1ed25663c7.tmp</t>
  </si>
  <si>
    <t>\\acsfs\profiles$\ERICALSR\Downloads\43e292cf-e942-462f-905a-0b1ed25663c7.tmp</t>
  </si>
  <si>
    <t>12/18/2019 07:26:28</t>
  </si>
  <si>
    <t>12/18/2019 07:31:26</t>
  </si>
  <si>
    <t>12/18/2019 07:26:38</t>
  </si>
  <si>
    <t>12/18/2019 07:26:47</t>
  </si>
  <si>
    <t>12/18/2019 07:26:58</t>
  </si>
  <si>
    <t>12/18/2019 07:27:07</t>
  </si>
  <si>
    <t>12/18/2019 07:32:26</t>
  </si>
  <si>
    <t>12/18/2019 07:27:16</t>
  </si>
  <si>
    <t>12/18/2019 07:27:25</t>
  </si>
  <si>
    <t>12/18/2019 07:27:34</t>
  </si>
  <si>
    <t>12/18/2019 07:27:46</t>
  </si>
  <si>
    <t>12/18/2019 07:27:56</t>
  </si>
  <si>
    <t>12/18/2019 07:28:03</t>
  </si>
  <si>
    <t>12/18/2019 07:28:12</t>
  </si>
  <si>
    <t>12/18/2019 07:28:16</t>
  </si>
  <si>
    <t>12/18/2019 07:28:20</t>
  </si>
  <si>
    <t>12/18/2019 07:28:24</t>
  </si>
  <si>
    <t>12/18/2019 07:28:29</t>
  </si>
  <si>
    <t>12/18/2019 07:28:36</t>
  </si>
  <si>
    <t>12/18/2019 07:28:46</t>
  </si>
  <si>
    <t>12/18/2019 07:28:52</t>
  </si>
  <si>
    <t>12/18/2019 07:28:56</t>
  </si>
  <si>
    <t>12/18/2019 07:28:59</t>
  </si>
  <si>
    <t>12/18/2019 07:29:03</t>
  </si>
  <si>
    <t>12/18/2019 07:29:07</t>
  </si>
  <si>
    <t>12/18/2019 07:29:12</t>
  </si>
  <si>
    <t>12/18/2019 07:29:16</t>
  </si>
  <si>
    <t>12/18/2019 07:29:20</t>
  </si>
  <si>
    <t>12/18/2019 07:29:25</t>
  </si>
  <si>
    <t>12/18/2019 07:29:36</t>
  </si>
  <si>
    <t>12/18/2019 07:29:45</t>
  </si>
  <si>
    <t>12/18/2019 07:29:54</t>
  </si>
  <si>
    <t>12/18/2019 07:30:00</t>
  </si>
  <si>
    <t>12/18/2019 07:30:04</t>
  </si>
  <si>
    <t>12/18/2019 07:30:08</t>
  </si>
  <si>
    <t>12/18/2019 07:30:13</t>
  </si>
  <si>
    <t>12/18/2019 07:30:23</t>
  </si>
  <si>
    <t>12/18/2019 07:30:29</t>
  </si>
  <si>
    <t>12/18/2019 07:30:35</t>
  </si>
  <si>
    <t>12/18/2019 07:30:38</t>
  </si>
  <si>
    <t>12/18/2019 07:30:40</t>
  </si>
  <si>
    <t>12/18/2019 07:30:44</t>
  </si>
  <si>
    <t>12/18/2019 07:30:48</t>
  </si>
  <si>
    <t>12/18/2019 07:30:52</t>
  </si>
  <si>
    <t>12/18/2019 07:30:56</t>
  </si>
  <si>
    <t>12/18/2019 07:31:00</t>
  </si>
  <si>
    <t>12/18/2019 07:31:04</t>
  </si>
  <si>
    <t>12/18/2019 07:31:08</t>
  </si>
  <si>
    <t>12/18/2019 07:31:13</t>
  </si>
  <si>
    <t>12/18/2019 07:31:17</t>
  </si>
  <si>
    <t>12/18/2019 07:31:21</t>
  </si>
  <si>
    <t>12/18/2019 07:31:01</t>
  </si>
  <si>
    <t>XLOG_matheushds_18122019_073054.log</t>
  </si>
  <si>
    <t>\\acsfs\profiles$\matheushds\My Documents\xworkcenter\logs\XLOG_matheushds_18122019_073054.log</t>
  </si>
  <si>
    <t>12/18/2019 07:31:06</t>
  </si>
  <si>
    <t>a83c3ba6-8c52-44ed-9706-c298beb3c643.tmp</t>
  </si>
  <si>
    <t>\\acsfs\profiles$\deboraaa\Downloads\a83c3ba6-8c52-44ed-9706-c298beb3c643.tmp</t>
  </si>
  <si>
    <t>12/18/2019 07:33:26</t>
  </si>
  <si>
    <t>12/18/2019 07:31:25</t>
  </si>
  <si>
    <t>12/18/2019 07:37:26</t>
  </si>
  <si>
    <t>12/18/2019 07:31:29</t>
  </si>
  <si>
    <t>12/18/2019 07:31:33</t>
  </si>
  <si>
    <t>12/18/2019 07:31:34</t>
  </si>
  <si>
    <t>12/18/2019 07:31:37</t>
  </si>
  <si>
    <t>12/18/2019 07:31:41</t>
  </si>
  <si>
    <t>12/18/2019 07:31:45</t>
  </si>
  <si>
    <t>12/18/2019 07:31:50</t>
  </si>
  <si>
    <t>12/18/2019 07:31:54</t>
  </si>
  <si>
    <t>12/18/2019 07:31:58</t>
  </si>
  <si>
    <t>12/18/2019 07:32:02</t>
  </si>
  <si>
    <t>12/18/2019 07:32:06</t>
  </si>
  <si>
    <t>12/18/2019 07:32:10</t>
  </si>
  <si>
    <t>12/18/2019 07:32:15</t>
  </si>
  <si>
    <t>12/18/2019 07:32:19</t>
  </si>
  <si>
    <t>12/18/2019 07:32:23</t>
  </si>
  <si>
    <t>12/18/2019 07:32:27</t>
  </si>
  <si>
    <t>12/18/2019 07:32:31</t>
  </si>
  <si>
    <t>12/18/2019 07:32:36</t>
  </si>
  <si>
    <t>12/18/2019 07:32:40</t>
  </si>
  <si>
    <t>12/18/2019 07:32:44</t>
  </si>
  <si>
    <t>12/18/2019 07:32:51</t>
  </si>
  <si>
    <t>12/18/2019 07:32:55</t>
  </si>
  <si>
    <t>12/18/2019 07:32:59</t>
  </si>
  <si>
    <t>12/18/2019 07:33:03</t>
  </si>
  <si>
    <t>12/18/2019 07:33:07</t>
  </si>
  <si>
    <t>12/18/2019 07:33:12</t>
  </si>
  <si>
    <t>12/18/2019 07:33:16</t>
  </si>
  <si>
    <t>12/18/2019 07:33:20</t>
  </si>
  <si>
    <t>12/18/2019 07:33:24</t>
  </si>
  <si>
    <t>12/18/2019 07:33:28</t>
  </si>
  <si>
    <t>12/18/2019 07:33:32</t>
  </si>
  <si>
    <t>12/18/2019 07:33:36</t>
  </si>
  <si>
    <t>12/18/2019 07:33:41</t>
  </si>
  <si>
    <t>12/18/2019 07:33:48</t>
  </si>
  <si>
    <t>12/18/2019 07:33:57</t>
  </si>
  <si>
    <t>12/18/2019 07:34:06</t>
  </si>
  <si>
    <t>12/18/2019 07:34:13</t>
  </si>
  <si>
    <t>12/18/2019 07:34:18</t>
  </si>
  <si>
    <t>12/18/2019 07:34:22</t>
  </si>
  <si>
    <t>12/18/2019 07:34:26</t>
  </si>
  <si>
    <t>12/18/2019 07:34:30</t>
  </si>
  <si>
    <t>12/18/2019 07:34:34</t>
  </si>
  <si>
    <t>12/18/2019 07:34:38</t>
  </si>
  <si>
    <t>12/18/2019 07:34:42</t>
  </si>
  <si>
    <t>12/18/2019 07:34:47</t>
  </si>
  <si>
    <t>12/18/2019 07:34:51</t>
  </si>
  <si>
    <t>12/18/2019 07:34:56</t>
  </si>
  <si>
    <t>12/18/2019 07:35:01</t>
  </si>
  <si>
    <t>12/18/2019 07:35:06</t>
  </si>
  <si>
    <t>12/18/2019 07:35:10</t>
  </si>
  <si>
    <t>12/18/2019 07:35:14</t>
  </si>
  <si>
    <t>12/18/2019 07:35:20</t>
  </si>
  <si>
    <t>12/18/2019 07:35:23</t>
  </si>
  <si>
    <t>12/18/2019 07:35:27</t>
  </si>
  <si>
    <t>12/18/2019 07:35:32</t>
  </si>
  <si>
    <t>12/18/2019 07:35:36</t>
  </si>
  <si>
    <t>12/18/2019 07:35:40</t>
  </si>
  <si>
    <t>12/18/2019 07:35:44</t>
  </si>
  <si>
    <t>12/18/2019 07:35:48</t>
  </si>
  <si>
    <t>12/18/2019 07:35:52</t>
  </si>
  <si>
    <t>12/18/2019 07:32:34</t>
  </si>
  <si>
    <t>12/18/2019 07:35:56</t>
  </si>
  <si>
    <t>12/18/2019 07:36:00</t>
  </si>
  <si>
    <t>12/18/2019 07:36:05</t>
  </si>
  <si>
    <t>12/18/2019 07:36:09</t>
  </si>
  <si>
    <t>12/18/2019 07:36:13</t>
  </si>
  <si>
    <t>12/18/2019 07:36:17</t>
  </si>
  <si>
    <t>12/18/2019 07:36:21</t>
  </si>
  <si>
    <t>12/18/2019 07:36:25</t>
  </si>
  <si>
    <t>12/18/2019 07:36:29</t>
  </si>
  <si>
    <t>12/18/2019 07:33:04</t>
  </si>
  <si>
    <t>12/18/2019 07:38:26</t>
  </si>
  <si>
    <t>12/18/2019 07:33:38</t>
  </si>
  <si>
    <t>12/18/2019 07:39:26</t>
  </si>
  <si>
    <t>12/18/2019 07:34:32</t>
  </si>
  <si>
    <t>12/18/2019 07:34:43</t>
  </si>
  <si>
    <t>12/18/2019 07:39:04</t>
  </si>
  <si>
    <t>12/18/2019 07:40:26</t>
  </si>
  <si>
    <t>12/18/2019 07:36:33</t>
  </si>
  <si>
    <t>12/18/2019 07:42:25</t>
  </si>
  <si>
    <t>12/18/2019 07:36:37</t>
  </si>
  <si>
    <t>12/18/2019 07:36:42</t>
  </si>
  <si>
    <t>12/18/2019 07:36:44</t>
  </si>
  <si>
    <t>12/18/2019 07:36:48</t>
  </si>
  <si>
    <t>12/18/2019 07:36:53</t>
  </si>
  <si>
    <t>12/18/2019 07:36:56</t>
  </si>
  <si>
    <t>12/18/2019 07:37:01</t>
  </si>
  <si>
    <t>12/18/2019 07:37:06</t>
  </si>
  <si>
    <t>12/18/2019 07:37:09</t>
  </si>
  <si>
    <t>12/18/2019 07:37:13</t>
  </si>
  <si>
    <t>12/18/2019 07:37:18</t>
  </si>
  <si>
    <t>12/18/2019 07:37:22</t>
  </si>
  <si>
    <t>12/18/2019 07:37:30</t>
  </si>
  <si>
    <t>12/18/2019 07:37:34</t>
  </si>
  <si>
    <t>12/18/2019 07:37:39</t>
  </si>
  <si>
    <t>12/18/2019 07:37:43</t>
  </si>
  <si>
    <t>12/18/2019 07:37:47</t>
  </si>
  <si>
    <t>12/18/2019 07:37:51</t>
  </si>
  <si>
    <t>12/18/2019 07:37:55</t>
  </si>
  <si>
    <t>12/18/2019 07:37:59</t>
  </si>
  <si>
    <t>12/18/2019 07:38:03</t>
  </si>
  <si>
    <t>12/18/2019 07:38:07</t>
  </si>
  <si>
    <t>12/18/2019 07:38:11</t>
  </si>
  <si>
    <t>12/18/2019 07:38:15</t>
  </si>
  <si>
    <t>12/18/2019 07:38:20</t>
  </si>
  <si>
    <t>12/18/2019 07:38:24</t>
  </si>
  <si>
    <t>12/18/2019 07:38:28</t>
  </si>
  <si>
    <t>12/18/2019 07:38:32</t>
  </si>
  <si>
    <t>12/18/2019 07:38:36</t>
  </si>
  <si>
    <t>12/18/2019 07:38:40</t>
  </si>
  <si>
    <t>12/18/2019 07:38:44</t>
  </si>
  <si>
    <t>12/18/2019 07:38:48</t>
  </si>
  <si>
    <t>12/18/2019 07:38:53</t>
  </si>
  <si>
    <t>12/18/2019 07:38:58</t>
  </si>
  <si>
    <t>12/18/2019 07:39:02</t>
  </si>
  <si>
    <t>12/18/2019 07:39:06</t>
  </si>
  <si>
    <t>12/18/2019 07:39:11</t>
  </si>
  <si>
    <t>12/18/2019 07:39:15</t>
  </si>
  <si>
    <t>12/18/2019 07:39:19</t>
  </si>
  <si>
    <t>12/18/2019 07:39:23</t>
  </si>
  <si>
    <t>12/18/2019 07:39:27</t>
  </si>
  <si>
    <t>12/18/2019 07:39:32</t>
  </si>
  <si>
    <t>12/18/2019 07:39:36</t>
  </si>
  <si>
    <t>12/18/2019 07:39:40</t>
  </si>
  <si>
    <t>12/18/2019 07:39:44</t>
  </si>
  <si>
    <t>12/18/2019 07:39:48</t>
  </si>
  <si>
    <t>12/18/2019 07:39:52</t>
  </si>
  <si>
    <t>12/18/2019 07:39:56</t>
  </si>
  <si>
    <t>12/18/2019 07:40:00</t>
  </si>
  <si>
    <t>12/18/2019 07:40:05</t>
  </si>
  <si>
    <t>12/18/2019 07:40:09</t>
  </si>
  <si>
    <t>12/18/2019 07:40:13</t>
  </si>
  <si>
    <t>12/18/2019 07:40:17</t>
  </si>
  <si>
    <t>12/18/2019 07:40:21</t>
  </si>
  <si>
    <t>12/18/2019 07:40:25</t>
  </si>
  <si>
    <t>12/18/2019 07:40:30</t>
  </si>
  <si>
    <t>12/18/2019 07:40:34</t>
  </si>
  <si>
    <t>12/18/2019 07:40:38</t>
  </si>
  <si>
    <t>12/18/2019 07:40:42</t>
  </si>
  <si>
    <t>12/18/2019 07:40:47</t>
  </si>
  <si>
    <t>12/18/2019 07:40:52</t>
  </si>
  <si>
    <t>12/18/2019 07:40:56</t>
  </si>
  <si>
    <t>12/18/2019 07:41:00</t>
  </si>
  <si>
    <t>12/18/2019 07:41:04</t>
  </si>
  <si>
    <t>12/18/2019 07:41:08</t>
  </si>
  <si>
    <t>12/18/2019 07:41:12</t>
  </si>
  <si>
    <t>12/18/2019 07:41:17</t>
  </si>
  <si>
    <t>12/18/2019 07:41:21</t>
  </si>
  <si>
    <t>12/18/2019 07:41:25</t>
  </si>
  <si>
    <t>12/18/2019 07:41:29</t>
  </si>
  <si>
    <t>12/18/2019 07:41:33</t>
  </si>
  <si>
    <t>12/18/2019 07:41:37</t>
  </si>
  <si>
    <t>12/18/2019 07:44:26</t>
  </si>
  <si>
    <t>12/18/2019 07:41:30</t>
  </si>
  <si>
    <t>websondsa</t>
  </si>
  <si>
    <t>\\acsfs\profiles$\websondsa\Downloads\</t>
  </si>
  <si>
    <t>f22c3ac4-4355-4ab8-8617-783df9fdc97a.tmp</t>
  </si>
  <si>
    <t>\\acsfs\profiles$\websondsa\Downloads\f22c3ac4-4355-4ab8-8617-783df9fdc97a.tmp</t>
  </si>
  <si>
    <t>12/18/2019 07:40:43</t>
  </si>
  <si>
    <t>12/18/2019 07:42:03</t>
  </si>
  <si>
    <t>12/18/2019 07:40:12</t>
  </si>
  <si>
    <t>12/18/2019 07:45:26</t>
  </si>
  <si>
    <t>b23c3cd1-f23c-401e-a7a1-e832ed4da93f.tmp</t>
  </si>
  <si>
    <t>\\acsfs\profiles$\alicecpbc\Downloads\b23c3cd1-f23c-401e-a7a1-e832ed4da93f.tmp</t>
  </si>
  <si>
    <t>12/18/2019 07:41:46</t>
  </si>
  <si>
    <t>12/18/2019 07:41:41</t>
  </si>
  <si>
    <t>12/18/2019 07:47:26</t>
  </si>
  <si>
    <t>12/18/2019 07:41:50</t>
  </si>
  <si>
    <t>12/18/2019 07:41:54</t>
  </si>
  <si>
    <t>12/18/2019 07:41:58</t>
  </si>
  <si>
    <t>12/18/2019 07:42:07</t>
  </si>
  <si>
    <t>12/18/2019 07:42:11</t>
  </si>
  <si>
    <t>12/18/2019 07:42:16</t>
  </si>
  <si>
    <t>12/18/2019 07:42:20</t>
  </si>
  <si>
    <t>12/18/2019 07:42:24</t>
  </si>
  <si>
    <t>12/18/2019 07:42:29</t>
  </si>
  <si>
    <t>12/18/2019 07:42:37</t>
  </si>
  <si>
    <t>12/18/2019 07:42:41</t>
  </si>
  <si>
    <t>12/18/2019 07:42:45</t>
  </si>
  <si>
    <t>12/18/2019 07:42:49</t>
  </si>
  <si>
    <t>12/18/2019 07:42:53</t>
  </si>
  <si>
    <t>12/18/2019 07:42:57</t>
  </si>
  <si>
    <t>12/18/2019 07:43:01</t>
  </si>
  <si>
    <t>12/18/2019 07:43:05</t>
  </si>
  <si>
    <t>12/18/2019 07:43:10</t>
  </si>
  <si>
    <t>12/18/2019 07:43:15</t>
  </si>
  <si>
    <t>12/18/2019 07:43:20</t>
  </si>
  <si>
    <t>12/18/2019 07:43:24</t>
  </si>
  <si>
    <t>12/18/2019 07:43:28</t>
  </si>
  <si>
    <t>12/18/2019 07:43:32</t>
  </si>
  <si>
    <t>12/18/2019 07:43:34</t>
  </si>
  <si>
    <t>12/18/2019 07:43:36</t>
  </si>
  <si>
    <t>12/18/2019 07:43:40</t>
  </si>
  <si>
    <t>12/18/2019 07:43:45</t>
  </si>
  <si>
    <t>12/18/2019 07:43:49</t>
  </si>
  <si>
    <t>12/18/2019 07:43:53</t>
  </si>
  <si>
    <t>12/18/2019 07:43:57</t>
  </si>
  <si>
    <t>12/18/2019 07:44:01</t>
  </si>
  <si>
    <t>12/18/2019 07:44:06</t>
  </si>
  <si>
    <t>12/18/2019 07:44:08</t>
  </si>
  <si>
    <t>12/18/2019 07:44:12</t>
  </si>
  <si>
    <t>12/18/2019 07:44:16</t>
  </si>
  <si>
    <t>12/18/2019 07:44:21</t>
  </si>
  <si>
    <t>12/18/2019 07:44:25</t>
  </si>
  <si>
    <t>12/18/2019 07:44:29</t>
  </si>
  <si>
    <t>12/18/2019 07:44:33</t>
  </si>
  <si>
    <t>12/18/2019 07:44:38</t>
  </si>
  <si>
    <t>12/18/2019 07:44:42</t>
  </si>
  <si>
    <t>12/18/2019 07:44:46</t>
  </si>
  <si>
    <t>12/18/2019 07:44:50</t>
  </si>
  <si>
    <t>12/18/2019 07:44:54</t>
  </si>
  <si>
    <t>12/18/2019 07:44:59</t>
  </si>
  <si>
    <t>12/18/2019 07:45:03</t>
  </si>
  <si>
    <t>12/18/2019 07:45:08</t>
  </si>
  <si>
    <t>12/18/2019 07:45:12</t>
  </si>
  <si>
    <t>12/18/2019 07:45:17</t>
  </si>
  <si>
    <t>12/18/2019 07:45:22</t>
  </si>
  <si>
    <t>12/18/2019 07:45:30</t>
  </si>
  <si>
    <t>12/18/2019 07:45:35</t>
  </si>
  <si>
    <t>12/18/2019 07:45:39</t>
  </si>
  <si>
    <t>12/18/2019 07:45:43</t>
  </si>
  <si>
    <t>12/18/2019 07:45:47</t>
  </si>
  <si>
    <t>12/18/2019 07:45:52</t>
  </si>
  <si>
    <t>12/18/2019 07:45:56</t>
  </si>
  <si>
    <t>12/18/2019 07:46:00</t>
  </si>
  <si>
    <t>12/18/2019 07:46:04</t>
  </si>
  <si>
    <t>12/18/2019 07:46:09</t>
  </si>
  <si>
    <t>12/18/2019 07:46:13</t>
  </si>
  <si>
    <t>12/18/2019 07:46:17</t>
  </si>
  <si>
    <t>12/18/2019 07:46:22</t>
  </si>
  <si>
    <t>12/18/2019 07:46:26</t>
  </si>
  <si>
    <t>12/18/2019 07:46:31</t>
  </si>
  <si>
    <t>12/18/2019 07:46:35</t>
  </si>
  <si>
    <t>12/18/2019 07:46:39</t>
  </si>
  <si>
    <t>12/18/2019 07:49:26</t>
  </si>
  <si>
    <t>af22dab7-b90e-405f-939f-5db388bd922a.tmp</t>
  </si>
  <si>
    <t>\\acsfs\profiles$\websondsa\Downloads\af22dab7-b90e-405f-939f-5db388bd922a.tmp</t>
  </si>
  <si>
    <t>12/18/2019 07:47:36</t>
  </si>
  <si>
    <t>1d87c6ab-e678-45a7-b0c6-e5289d9d225b.tmp</t>
  </si>
  <si>
    <t>\\acsfs\profiles$\websondsa\Downloads\1d87c6ab-e678-45a7-b0c6-e5289d9d225b.tmp</t>
  </si>
  <si>
    <t>12/18/2019 07:46:43</t>
  </si>
  <si>
    <t>12/18/2019 07:45:53</t>
  </si>
  <si>
    <t>12/18/2019 07:50:26</t>
  </si>
  <si>
    <t>12/18/2019 07:48:44</t>
  </si>
  <si>
    <t>https://udpwfmniceap02/web/guest/home?p_auth=mri3fvdv&amp;p_p_id=58&amp;p_p_lifecycle=1&amp;p_p_state=maximized&amp;p_p_mode=view&amp;savelastpath=0&amp;_58_struts_action=/login/forgot_password</t>
  </si>
  <si>
    <t>12/18/2019 07:48:04</t>
  </si>
  <si>
    <t>12/18/2019 07:49:13</t>
  </si>
  <si>
    <t>12/18/2019 07:51:26</t>
  </si>
  <si>
    <t>12/18/2019 07:49:06</t>
  </si>
  <si>
    <t>83ee351a-60fe-4028-8561-6a9b8cd92d8a.tmp</t>
  </si>
  <si>
    <t>\\acsfs\profiles$\valeriasda\Downloads\83ee351a-60fe-4028-8561-6a9b8cd92d8a.tmp</t>
  </si>
  <si>
    <t>12/18/2019 07:49:08</t>
  </si>
  <si>
    <t>8cc33461-cfa6-4651-b115-a9a44bdb379b.tmp</t>
  </si>
  <si>
    <t>\\acsfs\profiles$\valeriasda\Downloads\8cc33461-cfa6-4651-b115-a9a44bdb379b.tmp</t>
  </si>
  <si>
    <t>12/18/2019 07:49:32</t>
  </si>
  <si>
    <t>b02b313e-6090-4b04-8ec4-ee8db8f386fb.tmp</t>
  </si>
  <si>
    <t>\\acsfs\profiles$\valeriasda\Downloads\b02b313e-6090-4b04-8ec4-ee8db8f386fb.tmp</t>
  </si>
  <si>
    <t>12/18/2019 07:46:44</t>
  </si>
  <si>
    <t>12/18/2019 07:52:26</t>
  </si>
  <si>
    <t>12/18/2019 07:46:49</t>
  </si>
  <si>
    <t>12/18/2019 07:46:53</t>
  </si>
  <si>
    <t>12/18/2019 07:46:58</t>
  </si>
  <si>
    <t>12/18/2019 07:47:02</t>
  </si>
  <si>
    <t>12/18/2019 07:47:07</t>
  </si>
  <si>
    <t>12/18/2019 07:47:12</t>
  </si>
  <si>
    <t>12/18/2019 07:47:17</t>
  </si>
  <si>
    <t>12/18/2019 07:47:22</t>
  </si>
  <si>
    <t>12/18/2019 07:47:27</t>
  </si>
  <si>
    <t>12/18/2019 07:47:31</t>
  </si>
  <si>
    <t>12/18/2019 07:47:40</t>
  </si>
  <si>
    <t>12/18/2019 07:47:44</t>
  </si>
  <si>
    <t>12/18/2019 07:47:49</t>
  </si>
  <si>
    <t>12/18/2019 07:47:53</t>
  </si>
  <si>
    <t>12/18/2019 07:47:57</t>
  </si>
  <si>
    <t>12/18/2019 07:48:02</t>
  </si>
  <si>
    <t>12/18/2019 07:48:06</t>
  </si>
  <si>
    <t>12/18/2019 07:48:11</t>
  </si>
  <si>
    <t>12/18/2019 07:48:16</t>
  </si>
  <si>
    <t>12/18/2019 07:48:18</t>
  </si>
  <si>
    <t>12/18/2019 07:48:20</t>
  </si>
  <si>
    <t>12/18/2019 07:48:25</t>
  </si>
  <si>
    <t>12/18/2019 07:48:30</t>
  </si>
  <si>
    <t>12/18/2019 07:48:34</t>
  </si>
  <si>
    <t>12/18/2019 07:48:39</t>
  </si>
  <si>
    <t>12/18/2019 07:48:43</t>
  </si>
  <si>
    <t>12/18/2019 07:48:47</t>
  </si>
  <si>
    <t>12/18/2019 07:48:52</t>
  </si>
  <si>
    <t>12/18/2019 07:48:56</t>
  </si>
  <si>
    <t>12/18/2019 07:49:00</t>
  </si>
  <si>
    <t>12/18/2019 07:49:04</t>
  </si>
  <si>
    <t>12/18/2019 07:49:09</t>
  </si>
  <si>
    <t>12/18/2019 07:49:17</t>
  </si>
  <si>
    <t>12/18/2019 07:49:21</t>
  </si>
  <si>
    <t>12/18/2019 07:49:23</t>
  </si>
  <si>
    <t>12/18/2019 07:49:28</t>
  </si>
  <si>
    <t>12/18/2019 07:49:34</t>
  </si>
  <si>
    <t>12/18/2019 07:49:37</t>
  </si>
  <si>
    <t>12/18/2019 07:49:41</t>
  </si>
  <si>
    <t>12/18/2019 07:49:45</t>
  </si>
  <si>
    <t>12/18/2019 07:49:50</t>
  </si>
  <si>
    <t>12/18/2019 07:49:54</t>
  </si>
  <si>
    <t>12/18/2019 07:49:58</t>
  </si>
  <si>
    <t>12/18/2019 07:50:02</t>
  </si>
  <si>
    <t>12/18/2019 07:50:06</t>
  </si>
  <si>
    <t>12/18/2019 07:50:11</t>
  </si>
  <si>
    <t>12/18/2019 07:50:15</t>
  </si>
  <si>
    <t>12/18/2019 07:50:19</t>
  </si>
  <si>
    <t>12/18/2019 07:50:23</t>
  </si>
  <si>
    <t>12/18/2019 07:50:27</t>
  </si>
  <si>
    <t>12/18/2019 07:50:31</t>
  </si>
  <si>
    <t>12/18/2019 07:50:35</t>
  </si>
  <si>
    <t>12/18/2019 07:50:40</t>
  </si>
  <si>
    <t>12/18/2019 07:50:44</t>
  </si>
  <si>
    <t>12/18/2019 07:50:48</t>
  </si>
  <si>
    <t>12/18/2019 07:50:52</t>
  </si>
  <si>
    <t>12/18/2019 07:50:56</t>
  </si>
  <si>
    <t>12/18/2019 07:51:00</t>
  </si>
  <si>
    <t>12/18/2019 07:51:05</t>
  </si>
  <si>
    <t>12/18/2019 07:51:09</t>
  </si>
  <si>
    <t>12/18/2019 07:51:13</t>
  </si>
  <si>
    <t>12/18/2019 07:51:17</t>
  </si>
  <si>
    <t>12/18/2019 07:51:22</t>
  </si>
  <si>
    <t>12/18/2019 07:51:31</t>
  </si>
  <si>
    <t>12/18/2019 07:51:35</t>
  </si>
  <si>
    <t>12/18/2019 07:51:39</t>
  </si>
  <si>
    <t>12/18/2019 07:51:43</t>
  </si>
  <si>
    <t>12/18/2019 07:51:48</t>
  </si>
  <si>
    <t>12/18/2019 07:49:49</t>
  </si>
  <si>
    <t>12/18/2019 07:50:25</t>
  </si>
  <si>
    <t>266fa52e-c060-4047-a2c3-22a14e6f9ea3.tmp</t>
  </si>
  <si>
    <t>\\acsfs\profiles$\marcellewdl\Downloads\266fa52e-c060-4047-a2c3-22a14e6f9ea3.tmp</t>
  </si>
  <si>
    <t>12/18/2019 07:49:57</t>
  </si>
  <si>
    <t>12/18/2019 07:54:27</t>
  </si>
  <si>
    <t>abdf2b47-bd6f-4ba4-bbe0-4bd9fda3ccef.tmp</t>
  </si>
  <si>
    <t>\\acsfs\profiles$\websondsa\Downloads\abdf2b47-bd6f-4ba4-bbe0-4bd9fda3ccef.tmp</t>
  </si>
  <si>
    <t>12/18/2019 07:50:50</t>
  </si>
  <si>
    <t>1fc780a6-2501-4049-b6ec-834cb0c28bdb.tmp</t>
  </si>
  <si>
    <t>\\acsfs\profiles$\websondsa\Downloads\1fc780a6-2501-4049-b6ec-834cb0c28bdb.tmp</t>
  </si>
  <si>
    <t>12/18/2019 07:50:55</t>
  </si>
  <si>
    <t>55d28d7b-2815-45bc-b26f-5b95a1046150.tmp</t>
  </si>
  <si>
    <t>\\acsfs\profiles$\websondsa\Downloads\55d28d7b-2815-45bc-b26f-5b95a1046150.tmp</t>
  </si>
  <si>
    <t>12/18/2019 07:53:18</t>
  </si>
  <si>
    <t>c59fac08-601b-4002-934e-ee4d119df2b3.tmp</t>
  </si>
  <si>
    <t>\\acsfs\profiles$\websondsa\Downloads\c59fac08-601b-4002-934e-ee4d119df2b3.tmp</t>
  </si>
  <si>
    <t>12/18/2019 07:52:43</t>
  </si>
  <si>
    <t>12/18/2019 07:52:33</t>
  </si>
  <si>
    <t>12/18/2019 07:55:26</t>
  </si>
  <si>
    <t>C:\Users\andersonrm\Desktop\Rafaela Marques Souza Valim 3\</t>
  </si>
  <si>
    <t>Caso Rafaela - Print Nice.png</t>
  </si>
  <si>
    <t>\\acsfs\DEPTOS\Operacao\Banco_Votorantim\Qualidade\Anderson\Jose\Rafaela Marques Souza Valim 3\Caso Rafaela - Print Nice.png</t>
  </si>
  <si>
    <t>12/18/2019 07:52:34</t>
  </si>
  <si>
    <t>Caso Rafaela - Print Payware 2.png</t>
  </si>
  <si>
    <t>\\acsfs\DEPTOS\Operacao\Banco_Votorantim\Qualidade\Anderson\Jose\Rafaela Marques Souza Valim 3\Caso Rafaela - Print Payware 2.png</t>
  </si>
  <si>
    <t>Caso Rafaela - Print Payware 3.PNG</t>
  </si>
  <si>
    <t>\\acsfs\DEPTOS\Operacao\Banco_Votorantim\Qualidade\Anderson\Jose\Rafaela Marques Souza Valim 3\Caso Rafaela - Print Payware 3.PNG</t>
  </si>
  <si>
    <t>Caso Rafaela - Print Payware.png</t>
  </si>
  <si>
    <t>\\acsfs\DEPTOS\Operacao\Banco_Votorantim\Qualidade\Anderson\Jose\Rafaela Marques Souza Valim 3\Caso Rafaela - Print Payware.png</t>
  </si>
  <si>
    <t>\\acsfs\DEPTOS\Operacao\Banco_Votorantim\Qualidade\Anderson\Jose\Rafaela Marques Souza Valim 3\Novo Documento de Texto.txt</t>
  </si>
  <si>
    <t>12/18/2019 07:53:51</t>
  </si>
  <si>
    <t>\\acsfs\DEPTOS\Operacao\Banco_Votorantim\Qualidade\Anderson\Jose\Rafaela Marques Souza Valim 3\</t>
  </si>
  <si>
    <t>\\acsfs\DEPTOS\Operacao\Banco_Votorantim\Qualidade\Anderson\Jose\Rafaela Marques Souza Valim 3\Thumbs.db</t>
  </si>
  <si>
    <t>4b14d963-af2b-42ee-bf15-9ef3807a05d9.tmp</t>
  </si>
  <si>
    <t>\\acsfs\profiles$\alicecpbc\Downloads\4b14d963-af2b-42ee-bf15-9ef3807a05d9.tmp</t>
  </si>
  <si>
    <t>12/18/2019 07:50:28</t>
  </si>
  <si>
    <t>fcc9da13-bc98-4ce0-bb0a-df352449ca36.tmp</t>
  </si>
  <si>
    <t>\\acsfs\profiles$\ERICALSR\Downloads\fcc9da13-bc98-4ce0-bb0a-df352449ca36.tmp</t>
  </si>
  <si>
    <t>12/18/2019 07:54:40</t>
  </si>
  <si>
    <t>12/18/2019 07:56:26</t>
  </si>
  <si>
    <t>c356d582-ae94-41ae-a1e9-ac3e25b48c20.tmp</t>
  </si>
  <si>
    <t>\\acsfs\profiles$\gabrielarb\Downloads\c356d582-ae94-41ae-a1e9-ac3e25b48c20.tmp</t>
  </si>
  <si>
    <t>12/18/2019 07:55:05</t>
  </si>
  <si>
    <t>16b62c04-223b-473f-bb90-7e87d8a3c536.tmp</t>
  </si>
  <si>
    <t>\\acsfs\profiles$\gabrielarb\Downloads\16b62c04-223b-473f-bb90-7e87d8a3c536.tmp</t>
  </si>
  <si>
    <t>12/18/2019 07:51:10</t>
  </si>
  <si>
    <t>956cd277-8910-47af-99d6-720eb797f535.tmp</t>
  </si>
  <si>
    <t>\\acsfs\profiles$\valeriasda\Downloads\956cd277-8910-47af-99d6-720eb797f535.tmp</t>
  </si>
  <si>
    <t>12/18/2019 07:51:16</t>
  </si>
  <si>
    <t>7df80b1b-5091-4185-b07f-5b4e74a16df3.tmp</t>
  </si>
  <si>
    <t>\\acsfs\profiles$\valeriasda\Downloads\7df80b1b-5091-4185-b07f-5b4e74a16df3.tmp</t>
  </si>
  <si>
    <t>12/18/2019 07:51:54</t>
  </si>
  <si>
    <t>12/18/2019 07:57:26</t>
  </si>
  <si>
    <t>8681e215-37d7-4e7b-9b64-0b3e468d729b.tmp</t>
  </si>
  <si>
    <t>\\acsfs\profiles$\adrielyas\Downloads\8681e215-37d7-4e7b-9b64-0b3e468d729b.tmp</t>
  </si>
  <si>
    <t>12/18/2019 07:53:24</t>
  </si>
  <si>
    <t>861dca21-7bae-4f54-9c1b-9272c9297ab8.tmp</t>
  </si>
  <si>
    <t>\\acsfs\profiles$\adrielyas\Downloads\861dca21-7bae-4f54-9c1b-9272c9297ab8.tmp</t>
  </si>
  <si>
    <t>12/18/2019 07:51:52</t>
  </si>
  <si>
    <t>12/18/2019 07:51:56</t>
  </si>
  <si>
    <t>12/18/2019 07:52:00</t>
  </si>
  <si>
    <t>12/18/2019 07:52:05</t>
  </si>
  <si>
    <t>12/18/2019 07:52:09</t>
  </si>
  <si>
    <t>12/18/2019 07:52:11</t>
  </si>
  <si>
    <t>12/18/2019 07:52:16</t>
  </si>
  <si>
    <t>12/18/2019 07:52:20</t>
  </si>
  <si>
    <t>12/18/2019 07:52:31</t>
  </si>
  <si>
    <t>12/18/2019 07:52:36</t>
  </si>
  <si>
    <t>12/18/2019 07:52:40</t>
  </si>
  <si>
    <t>12/18/2019 07:52:44</t>
  </si>
  <si>
    <t>12/18/2019 07:52:48</t>
  </si>
  <si>
    <t>12/18/2019 07:52:52</t>
  </si>
  <si>
    <t>12/18/2019 07:52:56</t>
  </si>
  <si>
    <t>12/18/2019 07:53:01</t>
  </si>
  <si>
    <t>12/18/2019 07:53:05</t>
  </si>
  <si>
    <t>12/18/2019 07:53:09</t>
  </si>
  <si>
    <t>12/18/2019 07:53:14</t>
  </si>
  <si>
    <t>12/18/2019 07:53:22</t>
  </si>
  <si>
    <t>12/18/2019 07:53:26</t>
  </si>
  <si>
    <t>12/18/2019 07:53:31</t>
  </si>
  <si>
    <t>12/18/2019 07:53:35</t>
  </si>
  <si>
    <t>12/18/2019 07:53:39</t>
  </si>
  <si>
    <t>12/18/2019 07:53:43</t>
  </si>
  <si>
    <t>12/18/2019 07:53:48</t>
  </si>
  <si>
    <t>12/18/2019 07:53:52</t>
  </si>
  <si>
    <t>12/18/2019 07:53:57</t>
  </si>
  <si>
    <t>12/18/2019 07:52:03</t>
  </si>
  <si>
    <t>d41e70e1-094a-4880-8816-00c25d26e8fa.tmp</t>
  </si>
  <si>
    <t>\\acsfs\profiles$\marcellewdl\Downloads\d41e70e1-094a-4880-8816-00c25d26e8fa.tmp</t>
  </si>
  <si>
    <t>12/18/2019 07:54:02</t>
  </si>
  <si>
    <t>12/18/2019 07:54:07</t>
  </si>
  <si>
    <t>12/18/2019 07:54:11</t>
  </si>
  <si>
    <t>12/18/2019 07:54:16</t>
  </si>
  <si>
    <t>12/18/2019 07:54:21</t>
  </si>
  <si>
    <t>12/18/2019 07:54:25</t>
  </si>
  <si>
    <t>12/18/2019 07:54:29</t>
  </si>
  <si>
    <t>12/18/2019 07:54:34</t>
  </si>
  <si>
    <t>12/18/2019 07:54:38</t>
  </si>
  <si>
    <t>12/18/2019 07:54:42</t>
  </si>
  <si>
    <t>12/18/2019 07:54:47</t>
  </si>
  <si>
    <t>12/18/2019 07:54:51</t>
  </si>
  <si>
    <t>12/18/2019 07:54:56</t>
  </si>
  <si>
    <t>12/18/2019 07:55:00</t>
  </si>
  <si>
    <t>12/18/2019 07:55:10</t>
  </si>
  <si>
    <t>12/18/2019 07:55:14</t>
  </si>
  <si>
    <t>12/18/2019 07:55:18</t>
  </si>
  <si>
    <t>12/18/2019 07:55:22</t>
  </si>
  <si>
    <t>12/18/2019 07:55:27</t>
  </si>
  <si>
    <t>12/18/2019 07:55:31</t>
  </si>
  <si>
    <t>12/18/2019 07:55:34</t>
  </si>
  <si>
    <t>12/18/2019 07:55:35</t>
  </si>
  <si>
    <t>12/18/2019 07:55:39</t>
  </si>
  <si>
    <t>12/18/2019 07:55:44</t>
  </si>
  <si>
    <t>12/18/2019 07:55:48</t>
  </si>
  <si>
    <t>12/18/2019 07:55:56</t>
  </si>
  <si>
    <t>12/18/2019 07:56:01</t>
  </si>
  <si>
    <t>12/18/2019 07:56:06</t>
  </si>
  <si>
    <t>12/18/2019 07:56:10</t>
  </si>
  <si>
    <t>12/18/2019 07:56:15</t>
  </si>
  <si>
    <t>12/18/2019 07:56:19</t>
  </si>
  <si>
    <t>12/18/2019 07:56:24</t>
  </si>
  <si>
    <t>12/18/2019 07:56:29</t>
  </si>
  <si>
    <t>12/18/2019 07:56:32</t>
  </si>
  <si>
    <t>12/18/2019 07:56:37</t>
  </si>
  <si>
    <t>12/18/2019 07:56:40</t>
  </si>
  <si>
    <t>12/18/2019 07:56:45</t>
  </si>
  <si>
    <t>12/18/2019 07:56:49</t>
  </si>
  <si>
    <t>12/18/2019 07:56:53</t>
  </si>
  <si>
    <t>12/18/2019 07:57:19</t>
  </si>
  <si>
    <t>12/18/2019 07:58:27</t>
  </si>
  <si>
    <t>12/18/2019 07:57:20</t>
  </si>
  <si>
    <t>12/18/2019 07:57:21</t>
  </si>
  <si>
    <t>12/18/2019 07:57:22</t>
  </si>
  <si>
    <t>12/18/2019 07:57:23</t>
  </si>
  <si>
    <t>12/18/2019 07:57:24</t>
  </si>
  <si>
    <t>12/18/2019 07:57:25</t>
  </si>
  <si>
    <t>12/18/2019 07:57:27</t>
  </si>
  <si>
    <t>12/18/2019 07:57:28</t>
  </si>
  <si>
    <t>12/18/2019 07:57:29</t>
  </si>
  <si>
    <t>12/18/2019 07:57:30</t>
  </si>
  <si>
    <t>12/18/2019 07:57:31</t>
  </si>
  <si>
    <t>12/18/2019 07:57:32</t>
  </si>
  <si>
    <t>12/18/2019 07:57:33</t>
  </si>
  <si>
    <t>12/18/2019 07:57:34</t>
  </si>
  <si>
    <t>12/18/2019 07:57:35</t>
  </si>
  <si>
    <t>12/18/2019 07:57:36</t>
  </si>
  <si>
    <t>12/18/2019 07:54:44</t>
  </si>
  <si>
    <t>12/18/2019 07:59:26</t>
  </si>
  <si>
    <t>56099439-4f1d-4a4c-b5a3-2d508d1a4109.tmp</t>
  </si>
  <si>
    <t>\\acsfs\profiles$\websondsa\Downloads\56099439-4f1d-4a4c-b5a3-2d508d1a4109.tmp</t>
  </si>
  <si>
    <t>12/18/2019 07:57:37</t>
  </si>
  <si>
    <t>12/18/2019 07:58:43</t>
  </si>
  <si>
    <t>12/18/2019 07:58:38</t>
  </si>
  <si>
    <t>12/18/2019 08:00:26</t>
  </si>
  <si>
    <t>12/18/2019 08:01:26</t>
  </si>
  <si>
    <t>19e770e3-4a4b-43c0-9886-8dfa4e85b27a.tmp</t>
  </si>
  <si>
    <t>\\acsfs\profiles$\gabrielarb\Downloads\19e770e3-4a4b-43c0-9886-8dfa4e85b27a.tmp</t>
  </si>
  <si>
    <t>12/18/2019 08:00:47</t>
  </si>
  <si>
    <t>f307887a-d38c-4194-986e-ba423c7d2c5f.tmp</t>
  </si>
  <si>
    <t>\\acsfs\profiles$\deborahsi\Downloads\f307887a-d38c-4194-986e-ba423c7d2c5f.tmp</t>
  </si>
  <si>
    <t>12/18/2019 07:58:29</t>
  </si>
  <si>
    <t>b0d3a690-8737-4b83-8757-0943ce6e5402.tmp</t>
  </si>
  <si>
    <t>\\acsfs\profiles$\deborahsi\Downloads\b0d3a690-8737-4b83-8757-0943ce6e5402.tmp</t>
  </si>
  <si>
    <t>\\acsfs\profiles$\tiagosno\Favorites\Citrix Receiver.url:favicon</t>
  </si>
  <si>
    <t>12/18/2019 07:58:03</t>
  </si>
  <si>
    <t>Welcome - 1.url:favicon</t>
  </si>
  <si>
    <t>\\acsfs\profiles$\tiagosno\Favorites\Welcome - 1.url:favicon</t>
  </si>
  <si>
    <t>12/17/2019 20:18:17</t>
  </si>
  <si>
    <t>12/18/2019 08:02:26</t>
  </si>
  <si>
    <t>12/17/2019 20:18:19</t>
  </si>
  <si>
    <t>12/17/2019 20:18:20</t>
  </si>
  <si>
    <t>12/17/2019 20:18:23</t>
  </si>
  <si>
    <t>12/17/2019 20:18:25</t>
  </si>
  <si>
    <t>12/17/2019 20:18:26</t>
  </si>
  <si>
    <t>12/17/2019 20:18:27</t>
  </si>
  <si>
    <t>12/17/2019 20:18:30</t>
  </si>
  <si>
    <t>12/17/2019 20:18:31</t>
  </si>
  <si>
    <t>12/17/2019 20:18:33</t>
  </si>
  <si>
    <t>\\acsfs\profiles$\karenjss\My Documents\</t>
  </si>
  <si>
    <t>12/17/2019 20:18:34</t>
  </si>
  <si>
    <t>12/17/2019 20:18:36</t>
  </si>
  <si>
    <t>12/17/2019 20:18:38</t>
  </si>
  <si>
    <t>12/17/2019 20:18:39</t>
  </si>
  <si>
    <t>12/17/2019 20:18:40</t>
  </si>
  <si>
    <t>12/17/2019 20:18:41</t>
  </si>
  <si>
    <t>12/17/2019 20:18:43</t>
  </si>
  <si>
    <t>12/17/2019 20:18:44</t>
  </si>
  <si>
    <t>12/17/2019 20:18:45</t>
  </si>
  <si>
    <t>12/17/2019 20:18:47</t>
  </si>
  <si>
    <t>12/17/2019 20:18:49</t>
  </si>
  <si>
    <t>12/17/2019 20:18:50</t>
  </si>
  <si>
    <t>12/17/2019 20:18:51</t>
  </si>
  <si>
    <t>12/17/2019 20:18:53</t>
  </si>
  <si>
    <t>12/17/2019 20:18:54</t>
  </si>
  <si>
    <t>12/17/2019 20:18:55</t>
  </si>
  <si>
    <t>12/17/2019 20:18:58</t>
  </si>
  <si>
    <t>12/17/2019 20:18:59</t>
  </si>
  <si>
    <t>\\acsfs\profiles$\karenjss\Favorites\</t>
  </si>
  <si>
    <t>12/17/2019 20:19:01</t>
  </si>
  <si>
    <t>12/17/2019 20:19:02</t>
  </si>
  <si>
    <t>12/17/2019 20:19:03</t>
  </si>
  <si>
    <t>12/17/2019 20:19:05</t>
  </si>
  <si>
    <t>12/17/2019 20:19:06</t>
  </si>
  <si>
    <t>12/17/2019 20:19:08</t>
  </si>
  <si>
    <t>\\acsfs\profiles$\karenjss\Downloads\</t>
  </si>
  <si>
    <t>12/17/2019 20:19:09</t>
  </si>
  <si>
    <t>12/17/2019 20:19:29</t>
  </si>
  <si>
    <t>winrt--{S-1-5-21-602162358-764733703-839522115-322459}-.searchconnector-ms</t>
  </si>
  <si>
    <t>\\acsfs\profiles$\KARENJSS\Searches\winrt--{S-1-5-21-602162358-764733703-839522115-322459}-.searchconnector-ms</t>
  </si>
  <si>
    <t>12/18/2019 07:59:56</t>
  </si>
  <si>
    <t>12/18/2019 08:00:25</t>
  </si>
  <si>
    <t>bbf082b2-45fe-4f3a-bb5b-61c2d436db4b.tmp</t>
  </si>
  <si>
    <t>\\acsfs\profiles$\paulovadc\Downloads\bbf082b2-45fe-4f3a-bb5b-61c2d436db4b.tmp</t>
  </si>
  <si>
    <t>12/18/2019 08:01:47</t>
  </si>
  <si>
    <t>9374b727-e587-40eb-a903-1c98a9097a73.tmp</t>
  </si>
  <si>
    <t>\\acsfs\profiles$\paulovadc\Downloads\9374b727-e587-40eb-a903-1c98a9097a73.tmp</t>
  </si>
  <si>
    <t>12/18/2019 07:56:58</t>
  </si>
  <si>
    <t>12/18/2019 07:57:03</t>
  </si>
  <si>
    <t>12/18/2019 07:57:06</t>
  </si>
  <si>
    <t>MARIANA DE JESUS CONCEICAO</t>
  </si>
  <si>
    <t>/o=exchangelabs/ou=exchange administrative group (fydibohf23spdlt)/cn=recipients/cn=066f391e261e41d38723bb6e42c3a6b3-josias cava;/o=exchangelabs/ou=exchange administrative group (fydibohf23spdlt)/cn=recipients/cn=0b12aab521944ecb8b32eb8c0929be5c-rafael gonz;/o=exchangelabs/ou=exchange administrative group (fydibohf23spdlt)/cn=recipients/cn=5af2cae509964078b2026f7f550380b0-andre luis;/o=exchangelabs/ou=exchange administrative group (fydibohf23spdlt)/cn=recipients/cn=a19b321d5b334e5aadd5d63abdb84bd8-karine fern;/o=exchangelabs/ou=exchange administrative group (fydibohf23spdlt)/cn=recipients/cn=eae1d23908f040f9bf7661e0ceec4c8f-paula crist;</t>
  </si>
  <si>
    <t>Ausência FABRICIO JOSE CASTRO MARTINS</t>
  </si>
  <si>
    <t>/o=exchangelabs/ou=exchange administrative group (fydibohf23spdlt)/cn=recipients/cn=066f391e261e41d38723bb6e42c3a6b3-josias cava,/o=exchangelabs/ou=exchange administrative group (fydibohf23spdlt)/cn=recipients/cn=0b12aab521944ecb8b32eb8c0929be5c-rafael gonz,/o=exchangelabs/ou=exchange administrative group (fydibohf23spdlt)/cn=recipients/cn=5af2cae509964078b2026f7f550380b0-andre luis,/o=exchangelabs/ou=exchange administrative group (fydibohf23spdlt)/cn=recipients/cn=a19b321d5b334e5aadd5d63abdb84bd8-karine fern,/o=exchangelabs/ou=exchange administrative group (fydibohf23spdlt)/cn=recipients/cn=eae1d23908f040f9bf7661e0ceec4c8f-paula crist</t>
  </si>
  <si>
    <t>12/18/2019 07:57:10</t>
  </si>
  <si>
    <t>12/18/2019 07:57:13</t>
  </si>
  <si>
    <t>12/18/2019 07:57:14</t>
  </si>
  <si>
    <t>12/18/2019 07:57:18</t>
  </si>
  <si>
    <t>12/18/2019 07:57:40</t>
  </si>
  <si>
    <t>12/18/2019 07:57:44</t>
  </si>
  <si>
    <t>12/18/2019 07:57:49</t>
  </si>
  <si>
    <t>12/18/2019 07:57:53</t>
  </si>
  <si>
    <t>12/18/2019 07:57:57</t>
  </si>
  <si>
    <t>12/18/2019 07:58:02</t>
  </si>
  <si>
    <t>12/18/2019 07:58:06</t>
  </si>
  <si>
    <t>12/18/2019 07:58:10</t>
  </si>
  <si>
    <t>12/18/2019 07:58:14</t>
  </si>
  <si>
    <t>12/18/2019 07:58:18</t>
  </si>
  <si>
    <t>12/18/2019 07:58:22</t>
  </si>
  <si>
    <t>12/18/2019 07:58:26</t>
  </si>
  <si>
    <t>12/18/2019 07:58:30</t>
  </si>
  <si>
    <t>12/18/2019 07:58:34</t>
  </si>
  <si>
    <t>12/18/2019 07:58:39</t>
  </si>
  <si>
    <t>12/18/2019 07:58:47</t>
  </si>
  <si>
    <t>12/18/2019 07:58:51</t>
  </si>
  <si>
    <t>12/18/2019 07:58:55</t>
  </si>
  <si>
    <t>12/18/2019 07:58:59</t>
  </si>
  <si>
    <t>12/18/2019 07:59:03</t>
  </si>
  <si>
    <t>12/18/2019 07:59:07</t>
  </si>
  <si>
    <t>12/18/2019 07:59:12</t>
  </si>
  <si>
    <t>12/18/2019 07:59:16</t>
  </si>
  <si>
    <t>12/18/2019 07:59:20</t>
  </si>
  <si>
    <t>12/18/2019 07:59:24</t>
  </si>
  <si>
    <t>12/18/2019 07:59:29</t>
  </si>
  <si>
    <t>12/18/2019 07:59:33</t>
  </si>
  <si>
    <t>12/18/2019 07:59:37</t>
  </si>
  <si>
    <t>12/18/2019 07:59:41</t>
  </si>
  <si>
    <t>12/18/2019 07:59:45</t>
  </si>
  <si>
    <t>12/18/2019 07:59:49</t>
  </si>
  <si>
    <t>12/18/2019 07:59:53</t>
  </si>
  <si>
    <t>12/18/2019 07:59:57</t>
  </si>
  <si>
    <t>12/18/2019 08:00:02</t>
  </si>
  <si>
    <t>12/18/2019 08:00:08</t>
  </si>
  <si>
    <t>12/18/2019 08:00:12</t>
  </si>
  <si>
    <t>12/18/2019 08:00:16</t>
  </si>
  <si>
    <t>12/18/2019 08:00:20</t>
  </si>
  <si>
    <t>12/18/2019 08:00:24</t>
  </si>
  <si>
    <t>12/18/2019 08:00:28</t>
  </si>
  <si>
    <t>12/18/2019 08:00:32</t>
  </si>
  <si>
    <t>12/18/2019 08:00:36</t>
  </si>
  <si>
    <t>12/18/2019 08:00:40</t>
  </si>
  <si>
    <t>12/18/2019 08:00:44</t>
  </si>
  <si>
    <t>12/18/2019 08:00:48</t>
  </si>
  <si>
    <t>12/18/2019 08:00:53</t>
  </si>
  <si>
    <t>12/18/2019 08:00:58</t>
  </si>
  <si>
    <t>12/18/2019 08:01:03</t>
  </si>
  <si>
    <t>12/18/2019 08:01:09</t>
  </si>
  <si>
    <t>12/18/2019 08:01:13</t>
  </si>
  <si>
    <t>12/18/2019 08:01:17</t>
  </si>
  <si>
    <t>12/18/2019 08:01:21</t>
  </si>
  <si>
    <t>12/18/2019 08:01:25</t>
  </si>
  <si>
    <t>12/18/2019 08:01:29</t>
  </si>
  <si>
    <t>12/18/2019 08:01:33</t>
  </si>
  <si>
    <t>12/18/2019 08:01:34</t>
  </si>
  <si>
    <t>12/18/2019 08:01:38</t>
  </si>
  <si>
    <t>12/18/2019 08:01:42</t>
  </si>
  <si>
    <t>12/18/2019 08:01:46</t>
  </si>
  <si>
    <t>12/18/2019 08:01:50</t>
  </si>
  <si>
    <t>12/18/2019 08:01:54</t>
  </si>
  <si>
    <t>12/18/2019 08:01:58</t>
  </si>
  <si>
    <t>12/18/2019 08:02:02</t>
  </si>
  <si>
    <t>12/18/2019 08:02:06</t>
  </si>
  <si>
    <t>12/18/2019 08:04:26</t>
  </si>
  <si>
    <t>12/18/2019 08:02:37</t>
  </si>
  <si>
    <t>mail.google.com/_/upload?authuser=0&amp;dcp=asu-n&amp;upload_id=AEnB2UoHRe9FYBV82dHtrTw81aiYRPhaBBRX6RIb-Sy5MQDhUpS3p1grEfsmPpsJYmyfAIa2kEMP3I_wpwCjZj9VGWRR5r6CYQe9IvuJ8ZUQts11zK1ShQM&amp;upload_protocol=resumable</t>
  </si>
  <si>
    <t>C:\A2\PAULAO\SOBREAVISO\JANEIRO 2020\</t>
  </si>
  <si>
    <t>SOBRE AVISO 2020.xlsx</t>
  </si>
  <si>
    <t>12/18/2019 08:02:47</t>
  </si>
  <si>
    <t>12/18/2019 08:05:26</t>
  </si>
  <si>
    <t>\\acsfs\DEPTOS\Operacao\Banco_Votorantim\Qualidade\Anderson\Auditoria de Vendas\Thumbs.db</t>
  </si>
  <si>
    <t>12/18/2019 08:04:01</t>
  </si>
  <si>
    <t>\\acsfs\DEPTOS\Operacao\Banco_Votorantim\Qualidade\Anderson\Auditoria de Vendas\Laudo\BV Cartoes\Novembro\Regiz - PP\</t>
  </si>
  <si>
    <t>\\acsfs\DEPTOS\Operacao\Banco_Votorantim\Qualidade\Anderson\Auditoria de Vendas\Laudo\BV Cartoes\Novembro\Regiz - PP\Thumbs.db</t>
  </si>
  <si>
    <t>434453f5-39b9-4f15-80a5-089be5f3e560.tmp</t>
  </si>
  <si>
    <t>\\acsfs\profiles$\luanarda\Downloads\434453f5-39b9-4f15-80a5-089be5f3e560.tmp</t>
  </si>
  <si>
    <t>12/18/2019 08:03:35</t>
  </si>
  <si>
    <t>7bd0efb4-2520-409c-8286-263e20f88809.tmp</t>
  </si>
  <si>
    <t>\\acsfs\profiles$\luanarda\Downloads\7bd0efb4-2520-409c-8286-263e20f88809.tmp</t>
  </si>
  <si>
    <t>12/18/2019 08:02:17</t>
  </si>
  <si>
    <t>12/18/2019 08:03:11</t>
  </si>
  <si>
    <t>fa511946-d2bd-4760-873b-b12eec5ef486.tmp</t>
  </si>
  <si>
    <t>\\acsfs\profiles$\jonatanls\Downloads\fa511946-d2bd-4760-873b-b12eec5ef486.tmp</t>
  </si>
  <si>
    <t>12/18/2019 08:04:03</t>
  </si>
  <si>
    <t>12/18/2019 08:06:26</t>
  </si>
  <si>
    <t>765fa4b9-c1c2-40ad-a7f0-3b8bb024b413.tmp</t>
  </si>
  <si>
    <t>\\acsfs\profiles$\gabrielarb\Downloads\765fa4b9-c1c2-40ad-a7f0-3b8bb024b413.tmp</t>
  </si>
  <si>
    <t>12/18/2019 08:03:37</t>
  </si>
  <si>
    <t>419c65fc-91c9-4f03-bdf5-a24755404aa4.tmp</t>
  </si>
  <si>
    <t>\\acsfs\profiles$\dhiulliananads\Downloads\419c65fc-91c9-4f03-bdf5-a24755404aa4.tmp</t>
  </si>
  <si>
    <t>12/18/2019 08:04:04</t>
  </si>
  <si>
    <t>6b3fe328-25b1-4e0f-b264-4be683cd5ae8.tmp</t>
  </si>
  <si>
    <t>\\acsfs\profiles$\dhiulliananads\Downloads\6b3fe328-25b1-4e0f-b264-4be683cd5ae8.tmp</t>
  </si>
  <si>
    <t>12/18/2019 08:05:09</t>
  </si>
  <si>
    <t>12/18/2019 08:07:26</t>
  </si>
  <si>
    <t>25475fe2-726a-4bfc-9328-c2ca9364bc86.tmp</t>
  </si>
  <si>
    <t>\\acsfs\profiles$\raicabog\Downloads\25475fe2-726a-4bfc-9328-c2ca9364bc86.tmp</t>
  </si>
  <si>
    <t>12/18/2019 08:05:59</t>
  </si>
  <si>
    <t>4a013406-6c2f-4299-9f41-91588f50f57f.tmp</t>
  </si>
  <si>
    <t>\\acsfs\profiles$\raicabog\Downloads\4a013406-6c2f-4299-9f41-91588f50f57f.tmp</t>
  </si>
  <si>
    <t>12/18/2019 08:04:16</t>
  </si>
  <si>
    <t>12/18/2019 08:02:40</t>
  </si>
  <si>
    <t>12/18/2019 08:02:11</t>
  </si>
  <si>
    <t>12/18/2019 08:02:15</t>
  </si>
  <si>
    <t>12/18/2019 08:02:19</t>
  </si>
  <si>
    <t>12/18/2019 08:02:23</t>
  </si>
  <si>
    <t>12/18/2019 08:02:28</t>
  </si>
  <si>
    <t>12/18/2019 08:02:32</t>
  </si>
  <si>
    <t>12/18/2019 08:02:36</t>
  </si>
  <si>
    <t>12/18/2019 08:02:41</t>
  </si>
  <si>
    <t>12/18/2019 08:02:45</t>
  </si>
  <si>
    <t>12/18/2019 08:02:49</t>
  </si>
  <si>
    <t>12/18/2019 08:02:53</t>
  </si>
  <si>
    <t>12/18/2019 08:02:57</t>
  </si>
  <si>
    <t>12/18/2019 08:03:01</t>
  </si>
  <si>
    <t>12/18/2019 08:03:05</t>
  </si>
  <si>
    <t>12/18/2019 08:03:09</t>
  </si>
  <si>
    <t>12/18/2019 08:03:13</t>
  </si>
  <si>
    <t>12/18/2019 08:03:17</t>
  </si>
  <si>
    <t>12/18/2019 08:03:22</t>
  </si>
  <si>
    <t>12/18/2019 08:03:26</t>
  </si>
  <si>
    <t>12/18/2019 08:03:30</t>
  </si>
  <si>
    <t>12/18/2019 08:03:34</t>
  </si>
  <si>
    <t>12/18/2019 08:03:38</t>
  </si>
  <si>
    <t>12/18/2019 08:03:42</t>
  </si>
  <si>
    <t>12/18/2019 08:03:46</t>
  </si>
  <si>
    <t>12/18/2019 08:03:50</t>
  </si>
  <si>
    <t>12/18/2019 08:03:54</t>
  </si>
  <si>
    <t>12/18/2019 08:03:58</t>
  </si>
  <si>
    <t>12/18/2019 08:04:07</t>
  </si>
  <si>
    <t>12/18/2019 08:04:11</t>
  </si>
  <si>
    <t>12/18/2019 08:04:15</t>
  </si>
  <si>
    <t>12/18/2019 08:04:19</t>
  </si>
  <si>
    <t>12/18/2019 08:04:23</t>
  </si>
  <si>
    <t>12/18/2019 08:04:27</t>
  </si>
  <si>
    <t>12/18/2019 08:04:31</t>
  </si>
  <si>
    <t>12/18/2019 08:04:35</t>
  </si>
  <si>
    <t>12/18/2019 08:04:40</t>
  </si>
  <si>
    <t>12/18/2019 08:04:44</t>
  </si>
  <si>
    <t>12/18/2019 08:04:48</t>
  </si>
  <si>
    <t>12/18/2019 08:04:52</t>
  </si>
  <si>
    <t>12/18/2019 08:04:56</t>
  </si>
  <si>
    <t>12/18/2019 08:05:00</t>
  </si>
  <si>
    <t>12/18/2019 08:05:05</t>
  </si>
  <si>
    <t>12/18/2019 08:05:13</t>
  </si>
  <si>
    <t>12/18/2019 08:05:17</t>
  </si>
  <si>
    <t>12/18/2019 08:05:21</t>
  </si>
  <si>
    <t>12/18/2019 08:05:25</t>
  </si>
  <si>
    <t>12/18/2019 08:05:29</t>
  </si>
  <si>
    <t>12/18/2019 08:05:33</t>
  </si>
  <si>
    <t>12/18/2019 08:05:38</t>
  </si>
  <si>
    <t>12/18/2019 08:05:42</t>
  </si>
  <si>
    <t>12/18/2019 08:05:46</t>
  </si>
  <si>
    <t>12/18/2019 08:05:50</t>
  </si>
  <si>
    <t>12/18/2019 08:05:54</t>
  </si>
  <si>
    <t>12/18/2019 08:06:04</t>
  </si>
  <si>
    <t>12/18/2019 08:06:09</t>
  </si>
  <si>
    <t>12/18/2019 08:06:13</t>
  </si>
  <si>
    <t>12/18/2019 08:06:17</t>
  </si>
  <si>
    <t>12/18/2019 08:06:21</t>
  </si>
  <si>
    <t>12/18/2019 08:06:25</t>
  </si>
  <si>
    <t>12/18/2019 08:06:30</t>
  </si>
  <si>
    <t>12/18/2019 08:06:34</t>
  </si>
  <si>
    <t>12/18/2019 08:06:38</t>
  </si>
  <si>
    <t>12/18/2019 08:06:42</t>
  </si>
  <si>
    <t>12/18/2019 08:06:46</t>
  </si>
  <si>
    <t>12/18/2019 08:06:50</t>
  </si>
  <si>
    <t>12/18/2019 08:06:54</t>
  </si>
  <si>
    <t>12/18/2019 08:06:59</t>
  </si>
  <si>
    <t>12/18/2019 08:07:03</t>
  </si>
  <si>
    <t>12/18/2019 08:07:07</t>
  </si>
  <si>
    <t>12/18/2019 08:07:11</t>
  </si>
  <si>
    <t>12/18/2019 08:07:15</t>
  </si>
  <si>
    <t>12/18/2019 08:08:26</t>
  </si>
  <si>
    <t>12/18/2019 08:07:01</t>
  </si>
  <si>
    <t>080bbc40-81ff-46b2-8fa7-666866559d16.tmp</t>
  </si>
  <si>
    <t>\\acsfs\profiles$\vivianalds\Downloads\080bbc40-81ff-46b2-8fa7-666866559d16.tmp</t>
  </si>
  <si>
    <t>12/18/2019 08:05:47</t>
  </si>
  <si>
    <t>12/18/2019 08:06:18</t>
  </si>
  <si>
    <t>c9e06359-3b46-440c-96a5-f501786c3c9c.tmp</t>
  </si>
  <si>
    <t>\\acsfs\profiles$\felipetds\Downloads\c9e06359-3b46-440c-96a5-f501786c3c9c.tmp</t>
  </si>
  <si>
    <t>12/18/2019 08:07:25</t>
  </si>
  <si>
    <t>ecf7f24d-ef81-44eb-90c9-c8c0845ea0d9.tmp</t>
  </si>
  <si>
    <t>\\acsfs\profiles$\felipetds\Downloads\ecf7f24d-ef81-44eb-90c9-c8c0845ea0d9.tmp</t>
  </si>
  <si>
    <t>12/18/2019 08:09:26</t>
  </si>
  <si>
    <t>12/18/2019 08:05:10</t>
  </si>
  <si>
    <t>12/18/2019 08:07:28</t>
  </si>
  <si>
    <t>e07a9511-dafd-4b5d-891c-92402c770b2e.tmp</t>
  </si>
  <si>
    <t>\\acsfs\profiles$\milenaas\Downloads\e07a9511-dafd-4b5d-891c-92402c770b2e.tmp</t>
  </si>
  <si>
    <t>12/18/2019 08:08:53</t>
  </si>
  <si>
    <t>d1f05567-4e60-4550-8cf8-e561d6499eac.tmp</t>
  </si>
  <si>
    <t>\\acsfs\profiles$\milenaas\Downloads\d1f05567-4e60-4550-8cf8-e561d6499eac.tmp</t>
  </si>
  <si>
    <t>12/18/2019 08:10:26</t>
  </si>
  <si>
    <t>03aa5df3-779b-4a5f-8927-e1d1843e586f.tmp</t>
  </si>
  <si>
    <t>\\acsfs\profiles$\luanarda\Downloads\03aa5df3-779b-4a5f-8927-e1d1843e586f.tmp</t>
  </si>
  <si>
    <t>12/18/2019 08:10:05</t>
  </si>
  <si>
    <t>12/18/2019 08:11:26</t>
  </si>
  <si>
    <t>0a36c8a4-f553-4866-b2de-388e37e5dbde.tmp</t>
  </si>
  <si>
    <t>\\acsfs\profiles$\gabrielarb\Downloads\0a36c8a4-f553-4866-b2de-388e37e5dbde.tmp</t>
  </si>
  <si>
    <t>12/18/2019 08:06:33</t>
  </si>
  <si>
    <t>12/18/2019 08:11:10</t>
  </si>
  <si>
    <t>12/18/2019 08:12:26</t>
  </si>
  <si>
    <t>ed1873ab-d752-40a0-b173-9a4ad405382a.tmp</t>
  </si>
  <si>
    <t>\\acsfs\profiles$\raicabog\Downloads\ed1873ab-d752-40a0-b173-9a4ad405382a.tmp</t>
  </si>
  <si>
    <t>12/18/2019 08:10:31</t>
  </si>
  <si>
    <t>518668c6-d822-47aa-8382-d479fbd64b2b.tmp</t>
  </si>
  <si>
    <t>\\acsfs\profiles$\adrielyas\Downloads\518668c6-d822-47aa-8382-d479fbd64b2b.tmp</t>
  </si>
  <si>
    <t>12/18/2019 08:07:04</t>
  </si>
  <si>
    <t>80ebaeda-79a6-4492-a008-11c0de972c78.tmp</t>
  </si>
  <si>
    <t>\\acsfs\profiles$\paulovadc\Downloads\80ebaeda-79a6-4492-a008-11c0de972c78.tmp</t>
  </si>
  <si>
    <t>12/18/2019 08:07:19</t>
  </si>
  <si>
    <t>12/18/2019 08:07:24</t>
  </si>
  <si>
    <t>12/18/2019 08:07:32</t>
  </si>
  <si>
    <t>12/18/2019 08:07:34</t>
  </si>
  <si>
    <t>12/18/2019 08:07:36</t>
  </si>
  <si>
    <t>12/18/2019 08:07:40</t>
  </si>
  <si>
    <t>12/18/2019 08:07:44</t>
  </si>
  <si>
    <t>12/18/2019 08:07:48</t>
  </si>
  <si>
    <t>12/18/2019 08:07:52</t>
  </si>
  <si>
    <t>12/18/2019 08:07:56</t>
  </si>
  <si>
    <t>12/18/2019 08:08:01</t>
  </si>
  <si>
    <t>12/18/2019 08:08:05</t>
  </si>
  <si>
    <t>12/18/2019 08:08:09</t>
  </si>
  <si>
    <t>12/18/2019 08:08:13</t>
  </si>
  <si>
    <t>12/18/2019 08:13:26</t>
  </si>
  <si>
    <t>12/18/2019 08:08:17</t>
  </si>
  <si>
    <t>12/18/2019 08:08:21</t>
  </si>
  <si>
    <t>12/18/2019 08:08:25</t>
  </si>
  <si>
    <t>12/18/2019 08:08:29</t>
  </si>
  <si>
    <t>12/18/2019 08:08:33</t>
  </si>
  <si>
    <t>12/18/2019 08:08:38</t>
  </si>
  <si>
    <t>12/18/2019 08:08:42</t>
  </si>
  <si>
    <t>12/18/2019 08:08:46</t>
  </si>
  <si>
    <t>12/18/2019 08:08:50</t>
  </si>
  <si>
    <t>12/18/2019 08:08:54</t>
  </si>
  <si>
    <t>12/18/2019 08:08:58</t>
  </si>
  <si>
    <t>12/18/2019 08:09:02</t>
  </si>
  <si>
    <t>12/18/2019 08:09:06</t>
  </si>
  <si>
    <t>12/18/2019 08:09:10</t>
  </si>
  <si>
    <t>12/18/2019 08:09:14</t>
  </si>
  <si>
    <t>12/18/2019 08:09:19</t>
  </si>
  <si>
    <t>12/18/2019 08:09:23</t>
  </si>
  <si>
    <t>12/18/2019 08:09:27</t>
  </si>
  <si>
    <t>12/18/2019 08:09:31</t>
  </si>
  <si>
    <t>12/18/2019 08:09:35</t>
  </si>
  <si>
    <t>12/18/2019 08:09:39</t>
  </si>
  <si>
    <t>12/18/2019 08:09:43</t>
  </si>
  <si>
    <t>12/18/2019 08:09:47</t>
  </si>
  <si>
    <t>12/18/2019 08:09:51</t>
  </si>
  <si>
    <t>12/18/2019 08:09:56</t>
  </si>
  <si>
    <t>12/18/2019 08:10:00</t>
  </si>
  <si>
    <t>12/18/2019 08:10:08</t>
  </si>
  <si>
    <t>12/18/2019 08:10:12</t>
  </si>
  <si>
    <t>12/18/2019 08:10:16</t>
  </si>
  <si>
    <t>12/18/2019 08:10:20</t>
  </si>
  <si>
    <t>12/18/2019 08:10:24</t>
  </si>
  <si>
    <t>12/18/2019 08:10:28</t>
  </si>
  <si>
    <t>12/18/2019 08:10:32</t>
  </si>
  <si>
    <t>12/18/2019 08:10:36</t>
  </si>
  <si>
    <t>12/18/2019 08:10:41</t>
  </si>
  <si>
    <t>12/18/2019 08:10:45</t>
  </si>
  <si>
    <t>12/18/2019 08:10:49</t>
  </si>
  <si>
    <t>12/18/2019 08:10:53</t>
  </si>
  <si>
    <t>12/18/2019 08:10:57</t>
  </si>
  <si>
    <t>12/18/2019 08:11:01</t>
  </si>
  <si>
    <t>12/18/2019 08:11:06</t>
  </si>
  <si>
    <t>12/18/2019 08:11:12</t>
  </si>
  <si>
    <t>12/18/2019 08:11:17</t>
  </si>
  <si>
    <t>12/18/2019 08:11:21</t>
  </si>
  <si>
    <t>12/18/2019 08:11:25</t>
  </si>
  <si>
    <t>12/18/2019 08:11:29</t>
  </si>
  <si>
    <t>12/18/2019 08:11:33</t>
  </si>
  <si>
    <t>12/18/2019 08:11:37</t>
  </si>
  <si>
    <t>12/18/2019 08:11:42</t>
  </si>
  <si>
    <t>12/18/2019 08:11:46</t>
  </si>
  <si>
    <t>12/18/2019 08:11:50</t>
  </si>
  <si>
    <t>12/18/2019 08:11:54</t>
  </si>
  <si>
    <t>12/18/2019 08:11:58</t>
  </si>
  <si>
    <t>12/18/2019 08:12:02</t>
  </si>
  <si>
    <t>12/18/2019 08:12:06</t>
  </si>
  <si>
    <t>12/18/2019 08:12:10</t>
  </si>
  <si>
    <t>12/18/2019 08:12:15</t>
  </si>
  <si>
    <t>12/18/2019 08:12:19</t>
  </si>
  <si>
    <t>12/18/2019 08:12:55</t>
  </si>
  <si>
    <t>https://udpmailboxap01.acs.com.br:8443/h/search?si=0&amp;so=0&amp;sc=47156&amp;st=conversation&amp;action=compose&amp;paction=paneview</t>
  </si>
  <si>
    <t>41a99bac-2c02-42b3-8b3d-284c05a22d70.tmp</t>
  </si>
  <si>
    <t>\\acsfs\profiles$\vivianalds\Downloads\41a99bac-2c02-42b3-8b3d-284c05a22d70.tmp</t>
  </si>
  <si>
    <t>12/18/2019 08:10:38</t>
  </si>
  <si>
    <t>12/18/2019 08:14:26</t>
  </si>
  <si>
    <t>12/18/2019 08:10:43</t>
  </si>
  <si>
    <t>12/18/2019 08:12:54</t>
  </si>
  <si>
    <t>12/18/2019 08:09:18</t>
  </si>
  <si>
    <t>b4324f6b-deb8-4311-ab4c-de90e23e3166.tmp</t>
  </si>
  <si>
    <t>\\acsfs\profiles$\milenaas\Downloads\b4324f6b-deb8-4311-ab4c-de90e23e3166.tmp</t>
  </si>
  <si>
    <t>5617513c-f97a-480b-9ced-e8a33f835e31.tmp</t>
  </si>
  <si>
    <t>\\acsfs\profiles$\milenaas\Downloads\5617513c-f97a-480b-9ced-e8a33f835e31.tmp</t>
  </si>
  <si>
    <t>12/18/2019 08:13:28</t>
  </si>
  <si>
    <t>12/18/2019 08:15:25</t>
  </si>
  <si>
    <t>12/18/2019 08:14:21</t>
  </si>
  <si>
    <t>12/18/2019 08:16:26</t>
  </si>
  <si>
    <t>12/18/2019 08:16:19</t>
  </si>
  <si>
    <t>12/18/2019 08:17:25</t>
  </si>
  <si>
    <t>12/18/2019 08:16:20</t>
  </si>
  <si>
    <t>12/18/2019 08:16:21</t>
  </si>
  <si>
    <t>12/18/2019 08:16:22</t>
  </si>
  <si>
    <t>12/18/2019 08:16:23</t>
  </si>
  <si>
    <t>12/18/2019 08:16:24</t>
  </si>
  <si>
    <t>12/18/2019 08:16:25</t>
  </si>
  <si>
    <t>12/18/2019 08:16:27</t>
  </si>
  <si>
    <t>12/18/2019 08:16:28</t>
  </si>
  <si>
    <t>12/18/2019 08:16:29</t>
  </si>
  <si>
    <t>12/18/2019 08:12:18</t>
  </si>
  <si>
    <t>12/18/2019 08:12:45</t>
  </si>
  <si>
    <t>12/18/2019 08:12:23</t>
  </si>
  <si>
    <t>12/18/2019 08:18:26</t>
  </si>
  <si>
    <t>12/18/2019 08:12:27</t>
  </si>
  <si>
    <t>12/18/2019 08:12:31</t>
  </si>
  <si>
    <t>12/18/2019 08:12:35</t>
  </si>
  <si>
    <t>12/18/2019 08:12:39</t>
  </si>
  <si>
    <t>12/18/2019 08:12:43</t>
  </si>
  <si>
    <t>12/18/2019 08:12:48</t>
  </si>
  <si>
    <t>12/18/2019 08:12:52</t>
  </si>
  <si>
    <t>12/18/2019 08:12:56</t>
  </si>
  <si>
    <t>12/18/2019 08:13:00</t>
  </si>
  <si>
    <t>12/18/2019 08:13:04</t>
  </si>
  <si>
    <t>12/18/2019 08:13:08</t>
  </si>
  <si>
    <t>12/18/2019 08:13:12</t>
  </si>
  <si>
    <t>12/18/2019 08:13:16</t>
  </si>
  <si>
    <t>12/18/2019 08:13:21</t>
  </si>
  <si>
    <t>12/18/2019 08:13:25</t>
  </si>
  <si>
    <t>12/18/2019 08:13:29</t>
  </si>
  <si>
    <t>12/18/2019 08:13:33</t>
  </si>
  <si>
    <t>12/18/2019 08:13:34</t>
  </si>
  <si>
    <t>12/18/2019 08:13:37</t>
  </si>
  <si>
    <t>12/18/2019 08:13:41</t>
  </si>
  <si>
    <t>12/18/2019 08:13:45</t>
  </si>
  <si>
    <t>12/18/2019 08:13:49</t>
  </si>
  <si>
    <t>12/18/2019 08:13:53</t>
  </si>
  <si>
    <t>12/18/2019 08:13:57</t>
  </si>
  <si>
    <t>12/18/2019 08:14:02</t>
  </si>
  <si>
    <t>12/18/2019 08:14:06</t>
  </si>
  <si>
    <t>12/18/2019 08:14:10</t>
  </si>
  <si>
    <t>12/18/2019 08:14:14</t>
  </si>
  <si>
    <t>12/18/2019 08:14:18</t>
  </si>
  <si>
    <t>12/18/2019 08:14:22</t>
  </si>
  <si>
    <t>12/18/2019 08:14:30</t>
  </si>
  <si>
    <t>12/18/2019 08:14:34</t>
  </si>
  <si>
    <t>12/18/2019 08:14:39</t>
  </si>
  <si>
    <t>12/18/2019 08:14:43</t>
  </si>
  <si>
    <t>12/18/2019 08:14:47</t>
  </si>
  <si>
    <t>12/18/2019 08:14:51</t>
  </si>
  <si>
    <t>12/18/2019 08:14:55</t>
  </si>
  <si>
    <t>12/18/2019 08:14:59</t>
  </si>
  <si>
    <t>12/18/2019 08:15:04</t>
  </si>
  <si>
    <t>12/18/2019 08:15:08</t>
  </si>
  <si>
    <t>12/18/2019 08:15:13</t>
  </si>
  <si>
    <t>12/18/2019 08:15:17</t>
  </si>
  <si>
    <t>12/18/2019 08:15:21</t>
  </si>
  <si>
    <t>12/18/2019 08:15:29</t>
  </si>
  <si>
    <t>12/18/2019 08:15:33</t>
  </si>
  <si>
    <t>12/18/2019 08:15:37</t>
  </si>
  <si>
    <t>12/18/2019 08:15:41</t>
  </si>
  <si>
    <t>12/18/2019 08:15:45</t>
  </si>
  <si>
    <t>12/18/2019 08:15:49</t>
  </si>
  <si>
    <t>12/18/2019 08:15:54</t>
  </si>
  <si>
    <t>12/18/2019 08:15:58</t>
  </si>
  <si>
    <t>12/18/2019 08:16:02</t>
  </si>
  <si>
    <t>12/18/2019 08:16:06</t>
  </si>
  <si>
    <t>12/18/2019 08:16:10</t>
  </si>
  <si>
    <t>12/18/2019 08:16:15</t>
  </si>
  <si>
    <t>12/18/2019 08:16:33</t>
  </si>
  <si>
    <t>12/18/2019 08:16:38</t>
  </si>
  <si>
    <t>12/18/2019 08:16:42</t>
  </si>
  <si>
    <t>12/18/2019 08:16:46</t>
  </si>
  <si>
    <t>12/18/2019 08:16:50</t>
  </si>
  <si>
    <t>12/18/2019 08:16:54</t>
  </si>
  <si>
    <t>12/18/2019 08:16:58</t>
  </si>
  <si>
    <t>12/18/2019 08:17:03</t>
  </si>
  <si>
    <t>12/18/2019 08:17:08</t>
  </si>
  <si>
    <t>12/18/2019 08:17:12</t>
  </si>
  <si>
    <t>12/18/2019 08:17:16</t>
  </si>
  <si>
    <t>12/18/2019 08:17:20</t>
  </si>
  <si>
    <t>12/18/2019 08:17:24</t>
  </si>
  <si>
    <t>12/18/2019 08:17:29</t>
  </si>
  <si>
    <t>12/18/2019 08:14:25</t>
  </si>
  <si>
    <t>12/18/2019 08:15:10</t>
  </si>
  <si>
    <t>d1450fd1-cbe8-40bc-ae92-2343f136d2ca.tmp</t>
  </si>
  <si>
    <t>\\acsfs\profiles$\geovannasm\Downloads\d1450fd1-cbe8-40bc-ae92-2343f136d2ca.tmp</t>
  </si>
  <si>
    <t>3a858978-a204-4c5c-868d-c66cc6c9c774.tmp</t>
  </si>
  <si>
    <t>\\acsfs\profiles$\geovannasm\Downloads\3a858978-a204-4c5c-868d-c66cc6c9c774.tmp</t>
  </si>
  <si>
    <t>12/18/2019 08:15:32</t>
  </si>
  <si>
    <t>b57a57de-0dd1-479c-a535-34766ebfa8c3.tmp</t>
  </si>
  <si>
    <t>\\acsfs\profiles$\geovannasm\Downloads\b57a57de-0dd1-479c-a535-34766ebfa8c3.tmp</t>
  </si>
  <si>
    <t>12/18/2019 08:17:02</t>
  </si>
  <si>
    <t>36b33e86-c038-4d35-b650-c83c8fe7cac1.tmp</t>
  </si>
  <si>
    <t>\\acsfs\profiles$\geovannasm\Downloads\36b33e86-c038-4d35-b650-c83c8fe7cac1.tmp</t>
  </si>
  <si>
    <t>12/18/2019 08:17:35</t>
  </si>
  <si>
    <t>3d70bd89-8314-4594-a998-dc7e768cdaf6.tmp</t>
  </si>
  <si>
    <t>\\acsfs\profiles$\geovannasm\Downloads\3d70bd89-8314-4594-a998-dc7e768cdaf6.tmp</t>
  </si>
  <si>
    <t>12/18/2019 08:19:26</t>
  </si>
  <si>
    <t>12/18/2019 08:15:00</t>
  </si>
  <si>
    <t>mail.google.com/sync/u/0/i/s?hl=pt-BR&amp;c=783</t>
  </si>
  <si>
    <t>12/18/2019 08:15:26</t>
  </si>
  <si>
    <t>mail.google.com/sync/u/0/i/s?hl=pt-BR&amp;c=785</t>
  </si>
  <si>
    <t>12/18/2019 08:15:31</t>
  </si>
  <si>
    <t>mail.google.com/sync/u/0/i/s?hl=pt-BR&amp;c=787</t>
  </si>
  <si>
    <t>12/18/2019 08:15:47</t>
  </si>
  <si>
    <t>mail.google.com/sync/u/0/i/s?hl=pt-BR&amp;c=791</t>
  </si>
  <si>
    <t>12/18/2019 08:15:55</t>
  </si>
  <si>
    <t>mail.google.com/sync/u/0/i/s?hl=pt-BR&amp;c=793</t>
  </si>
  <si>
    <t>mail.google.com/sync/u/0/i/s?hl=pt-BR&amp;c=795</t>
  </si>
  <si>
    <t>mail.google.com/sync/u/0/i/s?hl=pt-BR&amp;c=797</t>
  </si>
  <si>
    <t>12/18/2019 08:16:35</t>
  </si>
  <si>
    <t>mail.google.com/sync/u/0/i/s?hl=pt-BR&amp;c=799</t>
  </si>
  <si>
    <t>12/18/2019 08:16:43</t>
  </si>
  <si>
    <t>12/18/2019 08:16:53</t>
  </si>
  <si>
    <t>mail.google.com/sync/u/0/i/s?hl=pt-BR&amp;c=802</t>
  </si>
  <si>
    <t>12/18/2019 08:20:48</t>
  </si>
  <si>
    <t>12/18/2019 08:21:26</t>
  </si>
  <si>
    <t>1889f260-125a-4a8f-b5cc-aee728727668.tmp</t>
  </si>
  <si>
    <t>\\acsfs\profiles$\deborahsi\Downloads\1889f260-125a-4a8f-b5cc-aee728727668.tmp</t>
  </si>
  <si>
    <t>12/18/2019 08:20:14</t>
  </si>
  <si>
    <t>12/18/2019 08:20:15</t>
  </si>
  <si>
    <t>12/18/2019 08:20:16</t>
  </si>
  <si>
    <t>12/18/2019 08:20:17</t>
  </si>
  <si>
    <t>12/18/2019 08:20:18</t>
  </si>
  <si>
    <t>12/18/2019 08:20:19</t>
  </si>
  <si>
    <t>12/18/2019 08:20:20</t>
  </si>
  <si>
    <t>12/18/2019 08:20:21</t>
  </si>
  <si>
    <t>12/18/2019 08:20:22</t>
  </si>
  <si>
    <t>12/18/2019 08:20:23</t>
  </si>
  <si>
    <t>12/18/2019 08:20:24</t>
  </si>
  <si>
    <t>12/18/2019 08:20:25</t>
  </si>
  <si>
    <t>12/18/2019 08:20:26</t>
  </si>
  <si>
    <t>12/18/2019 08:20:27</t>
  </si>
  <si>
    <t>12/18/2019 08:20:28</t>
  </si>
  <si>
    <t>12/18/2019 08:20:29</t>
  </si>
  <si>
    <t>12/18/2019 08:20:30</t>
  </si>
  <si>
    <t>12/18/2019 08:20:31</t>
  </si>
  <si>
    <t>12/18/2019 08:20:32</t>
  </si>
  <si>
    <t>12/18/2019 08:20:33</t>
  </si>
  <si>
    <t>12/18/2019 08:20:34</t>
  </si>
  <si>
    <t>12/18/2019 08:20:35</t>
  </si>
  <si>
    <t>12/18/2019 08:20:36</t>
  </si>
  <si>
    <t>12/18/2019 08:19:46</t>
  </si>
  <si>
    <t>12/18/2019 08:22:26</t>
  </si>
  <si>
    <t>75dd8a49-62c6-41c4-940b-cbb0574297fe.tmp</t>
  </si>
  <si>
    <t>\\acsfs\profiles$\larissaad\Downloads\75dd8a49-62c6-41c4-940b-cbb0574297fe.tmp</t>
  </si>
  <si>
    <t>12/18/2019 08:19:51</t>
  </si>
  <si>
    <t>d94596c1-8c66-46f9-9577-ff0378e9456a.tmp</t>
  </si>
  <si>
    <t>\\acsfs\profiles$\larissaad\Downloads\d94596c1-8c66-46f9-9577-ff0378e9456a.tmp</t>
  </si>
  <si>
    <t>12/18/2019 08:21:23</t>
  </si>
  <si>
    <t>d5667c47-84f4-4527-af36-9d73615d2822.tmp</t>
  </si>
  <si>
    <t>\\acsfs\profiles$\larissaad\Downloads\d5667c47-84f4-4527-af36-9d73615d2822.tmp</t>
  </si>
  <si>
    <t>12/18/2019 08:16:30</t>
  </si>
  <si>
    <t>12/18/2019 08:16:31</t>
  </si>
  <si>
    <t>12/18/2019 08:16:32</t>
  </si>
  <si>
    <t>12/18/2019 08:16:34</t>
  </si>
  <si>
    <t>12/18/2019 08:16:36</t>
  </si>
  <si>
    <t>12/18/2019 08:16:37</t>
  </si>
  <si>
    <t>12/18/2019 08:16:39</t>
  </si>
  <si>
    <t>12/18/2019 08:16:40</t>
  </si>
  <si>
    <t>12/18/2019 08:16:41</t>
  </si>
  <si>
    <t>12/18/2019 08:16:44</t>
  </si>
  <si>
    <t>12/18/2019 08:16:45</t>
  </si>
  <si>
    <t>12/17/2019 11:39:17</t>
  </si>
  <si>
    <t>10.16.72.53</t>
  </si>
  <si>
    <t>C:\Users\pauloscr\Downloads\RAO 12-2019 v2 (1).pptx\</t>
  </si>
  <si>
    <t>12/17/2019 11:39:18</t>
  </si>
  <si>
    <t>12/17/2019 11:39:26</t>
  </si>
  <si>
    <t>mail.google.com/_/upload?authuser=0&amp;dcp=asu-n&amp;upload_id=AEnB2UqbZJpnuWLohRurrn5azV4JGmrC94NrvhKJVIe5vt_6W0jkXfNqE-k2-wMtkGqFiwQJB9gan8Hul9SpY6_f7xlBwp04Z7qol3Uv2nOHvLZt6yaV6uQ&amp;upload_protocol=resumable</t>
  </si>
  <si>
    <t>12/17/2019 11:39:27</t>
  </si>
  <si>
    <t>12/18/2019 08:17:33</t>
  </si>
  <si>
    <t>12/18/2019 08:23:26</t>
  </si>
  <si>
    <t>12/18/2019 08:17:37</t>
  </si>
  <si>
    <t>12/18/2019 08:17:41</t>
  </si>
  <si>
    <t>12/18/2019 08:17:46</t>
  </si>
  <si>
    <t>12/18/2019 08:17:50</t>
  </si>
  <si>
    <t>12/18/2019 08:17:54</t>
  </si>
  <si>
    <t>12/18/2019 08:17:58</t>
  </si>
  <si>
    <t>12/18/2019 08:18:03</t>
  </si>
  <si>
    <t>12/18/2019 08:18:07</t>
  </si>
  <si>
    <t>12/18/2019 08:18:11</t>
  </si>
  <si>
    <t>12/18/2019 08:18:15</t>
  </si>
  <si>
    <t>12/18/2019 08:18:19</t>
  </si>
  <si>
    <t>12/18/2019 08:18:23</t>
  </si>
  <si>
    <t>12/18/2019 08:18:28</t>
  </si>
  <si>
    <t>12/18/2019 08:18:32</t>
  </si>
  <si>
    <t>12/18/2019 08:18:36</t>
  </si>
  <si>
    <t>12/18/2019 08:18:40</t>
  </si>
  <si>
    <t>12/18/2019 08:18:45</t>
  </si>
  <si>
    <t>12/18/2019 08:18:49</t>
  </si>
  <si>
    <t>12/18/2019 08:18:53</t>
  </si>
  <si>
    <t>12/18/2019 08:18:57</t>
  </si>
  <si>
    <t>12/18/2019 08:19:01</t>
  </si>
  <si>
    <t>12/18/2019 08:19:05</t>
  </si>
  <si>
    <t>12/18/2019 08:19:09</t>
  </si>
  <si>
    <t>12/18/2019 08:19:13</t>
  </si>
  <si>
    <t>12/18/2019 08:19:20</t>
  </si>
  <si>
    <t>12/18/2019 08:19:23</t>
  </si>
  <si>
    <t>12/18/2019 08:19:27</t>
  </si>
  <si>
    <t>12/18/2019 08:19:31</t>
  </si>
  <si>
    <t>12/18/2019 08:19:35</t>
  </si>
  <si>
    <t>12/18/2019 08:19:39</t>
  </si>
  <si>
    <t>12/18/2019 08:19:43</t>
  </si>
  <si>
    <t>12/18/2019 08:19:48</t>
  </si>
  <si>
    <t>12/18/2019 08:19:52</t>
  </si>
  <si>
    <t>12/18/2019 08:19:56</t>
  </si>
  <si>
    <t>12/18/2019 08:20:00</t>
  </si>
  <si>
    <t>12/18/2019 08:20:04</t>
  </si>
  <si>
    <t>12/18/2019 08:20:08</t>
  </si>
  <si>
    <t>12/18/2019 08:20:12</t>
  </si>
  <si>
    <t>12/18/2019 08:20:37</t>
  </si>
  <si>
    <t>12/18/2019 08:20:41</t>
  </si>
  <si>
    <t>12/18/2019 08:20:45</t>
  </si>
  <si>
    <t>12/18/2019 08:20:49</t>
  </si>
  <si>
    <t>12/18/2019 08:20:53</t>
  </si>
  <si>
    <t>12/18/2019 08:20:58</t>
  </si>
  <si>
    <t>12/18/2019 08:21:02</t>
  </si>
  <si>
    <t>12/18/2019 08:21:06</t>
  </si>
  <si>
    <t>12/18/2019 08:21:10</t>
  </si>
  <si>
    <t>12/18/2019 08:21:15</t>
  </si>
  <si>
    <t>12/18/2019 08:21:19</t>
  </si>
  <si>
    <t>12/18/2019 08:21:25</t>
  </si>
  <si>
    <t>12/18/2019 08:21:30</t>
  </si>
  <si>
    <t>12/18/2019 08:21:34</t>
  </si>
  <si>
    <t>12/18/2019 08:21:38</t>
  </si>
  <si>
    <t>12/18/2019 08:21:42</t>
  </si>
  <si>
    <t>12/18/2019 08:21:46</t>
  </si>
  <si>
    <t>12/18/2019 08:21:50</t>
  </si>
  <si>
    <t>12/18/2019 08:21:54</t>
  </si>
  <si>
    <t>12/18/2019 08:21:59</t>
  </si>
  <si>
    <t>12/18/2019 08:22:03</t>
  </si>
  <si>
    <t>12/18/2019 08:22:07</t>
  </si>
  <si>
    <t>12/18/2019 08:22:11</t>
  </si>
  <si>
    <t>12/18/2019 08:22:15</t>
  </si>
  <si>
    <t>12/18/2019 08:22:19</t>
  </si>
  <si>
    <t>12/18/2019 08:22:23</t>
  </si>
  <si>
    <t>12/18/2019 08:22:27</t>
  </si>
  <si>
    <t>12/18/2019 08:22:33</t>
  </si>
  <si>
    <t>12/18/2019 08:19:25</t>
  </si>
  <si>
    <t>12/18/2019 08:19:55</t>
  </si>
  <si>
    <t>12/18/2019 08:20:55</t>
  </si>
  <si>
    <t>12/18/2019 08:19:29</t>
  </si>
  <si>
    <t>12/18/2019 08:18:31</t>
  </si>
  <si>
    <t>62da9560-869e-4b88-ba9c-c60261419f0c.tmp</t>
  </si>
  <si>
    <t>\\acsfs\profiles$\geovannasm\Downloads\62da9560-869e-4b88-ba9c-c60261419f0c.tmp</t>
  </si>
  <si>
    <t>12/18/2019 08:18:35</t>
  </si>
  <si>
    <t>12/18/2019 08:24:26</t>
  </si>
  <si>
    <t>lu224762itwt3.tmp</t>
  </si>
  <si>
    <t>\\acsfs\profiles$\kamillacr\My Documents\lu224762itwt3.tmp</t>
  </si>
  <si>
    <t>\\acsfs\profiles$\kamillacr\My Documents\lu224762itwt3.tmp\</t>
  </si>
  <si>
    <t>\\acsfs\profiles$\kamillacr\My Documents\lu224762itwt3.tmp\META-INF\</t>
  </si>
  <si>
    <t>\\acsfs\profiles$\kamillacr\My Documents\lu224762itwt3.tmp\Thumbnails\</t>
  </si>
  <si>
    <t>12/18/2019 08:20:47</t>
  </si>
  <si>
    <t>12/18/2019 08:22:43</t>
  </si>
  <si>
    <t>12/18/2019 08:24:20</t>
  </si>
  <si>
    <t>12/18/2019 08:25:25</t>
  </si>
  <si>
    <t>lu3196446gz8h.tmp</t>
  </si>
  <si>
    <t>\\acsfs\profiles$\jonatanls\My Documents\lu3196446gz8h.tmp</t>
  </si>
  <si>
    <t>12/18/2019 08:24:39</t>
  </si>
  <si>
    <t>8249bf22-47a9-44c0-a753-a603cae323a0.tmp</t>
  </si>
  <si>
    <t>\\acsfs\profiles$\ayalabfi\Downloads\8249bf22-47a9-44c0-a753-a603cae323a0.tmp</t>
  </si>
  <si>
    <t>12/18/2019 08:22:08</t>
  </si>
  <si>
    <t>e88e10be-2d17-4671-ba74-94eabafb44a1.tmp</t>
  </si>
  <si>
    <t>\\acsfs\profiles$\ayalabfi\Downloads\e88e10be-2d17-4671-ba74-94eabafb44a1.tmp</t>
  </si>
  <si>
    <t>12/18/2019 08:22:09</t>
  </si>
  <si>
    <t>24973f39-bca4-4e92-a47d-06ba61e7af5e.tmp</t>
  </si>
  <si>
    <t>\\acsfs\profiles$\ayalabfi\Downloads\24973f39-bca4-4e92-a47d-06ba61e7af5e.tmp</t>
  </si>
  <si>
    <t>12/18/2019 08:24:55</t>
  </si>
  <si>
    <t>12/18/2019 08:26:26</t>
  </si>
  <si>
    <t>12/18/2019 08:21:58</t>
  </si>
  <si>
    <t>mail.google.com/_/upload?authuser=0&amp;dcp=asu-n&amp;upload_id=AEnB2UqhgX9TNRQ3Rufdpvdwc0iO4V0IVF_ir1v6Dqw_XIkuiu4OM8-3rCzRdFHKLMbBhO3AMkyJpobZ4hJMn7kjZBjYynSt2gesSokSVHlweZb4zeMxiP4&amp;upload_protocol=resumable</t>
  </si>
  <si>
    <t>12/17/2019 07:57:03</t>
  </si>
  <si>
    <t>10.200.67.13</t>
  </si>
  <si>
    <t>74-86-7A-FB-17-23</t>
  </si>
  <si>
    <t>VOTORANT-OB007</t>
  </si>
  <si>
    <t>laianear</t>
  </si>
  <si>
    <t>\\acsfs\profiles$\laianear\Contacts\</t>
  </si>
  <si>
    <t>LAIANE ANGELINA RIBEIRO (38).contact</t>
  </si>
  <si>
    <t>\\acsfs\profiles$\laianear\Contacts\LAIANE ANGELINA RIBEIRO (38).contact</t>
  </si>
  <si>
    <t>12/18/2019 08:25:42</t>
  </si>
  <si>
    <t>12/18/2019 08:27:26</t>
  </si>
  <si>
    <t>609d9942-52d5-4bb6-b492-13080114122e.tmp</t>
  </si>
  <si>
    <t>\\acsfs\profiles$\cintiadcf\Downloads\609d9942-52d5-4bb6-b492-13080114122e.tmp</t>
  </si>
  <si>
    <t>12/18/2019 08:26:06</t>
  </si>
  <si>
    <t>c730b6d9-0125-4d06-a849-955e3b75746f.tmp</t>
  </si>
  <si>
    <t>\\acsfs\profiles$\cintiadcf\Downloads\c730b6d9-0125-4d06-a849-955e3b75746f.tmp</t>
  </si>
  <si>
    <t>12/18/2019 08:26:07</t>
  </si>
  <si>
    <t>12/18/2019 08:26:23</t>
  </si>
  <si>
    <t>12/18/2019 08:22:37</t>
  </si>
  <si>
    <t>12/18/2019 08:28:26</t>
  </si>
  <si>
    <t>12/18/2019 08:22:57</t>
  </si>
  <si>
    <t>12/18/2019 08:23:01</t>
  </si>
  <si>
    <t>12/18/2019 08:23:07</t>
  </si>
  <si>
    <t>12/18/2019 08:23:12</t>
  </si>
  <si>
    <t>12/18/2019 08:23:16</t>
  </si>
  <si>
    <t>12/18/2019 08:23:20</t>
  </si>
  <si>
    <t>12/18/2019 08:23:23</t>
  </si>
  <si>
    <t>12/18/2019 08:23:25</t>
  </si>
  <si>
    <t>12/18/2019 08:23:29</t>
  </si>
  <si>
    <t>12/18/2019 08:23:33</t>
  </si>
  <si>
    <t>12/18/2019 08:23:37</t>
  </si>
  <si>
    <t>12/18/2019 08:23:41</t>
  </si>
  <si>
    <t>12/18/2019 08:23:45</t>
  </si>
  <si>
    <t>12/18/2019 08:23:49</t>
  </si>
  <si>
    <t>12/18/2019 08:23:54</t>
  </si>
  <si>
    <t>12/18/2019 08:23:58</t>
  </si>
  <si>
    <t>12/18/2019 08:24:02</t>
  </si>
  <si>
    <t>12/18/2019 08:24:04</t>
  </si>
  <si>
    <t>12/18/2019 08:24:05</t>
  </si>
  <si>
    <t>12/18/2019 08:24:06</t>
  </si>
  <si>
    <t>12/18/2019 08:24:10</t>
  </si>
  <si>
    <t>12/18/2019 08:24:11</t>
  </si>
  <si>
    <t>12/18/2019 08:24:12</t>
  </si>
  <si>
    <t>12/18/2019 08:24:13</t>
  </si>
  <si>
    <t>12/18/2019 08:25:35</t>
  </si>
  <si>
    <t>12/18/2019 08:25:54</t>
  </si>
  <si>
    <t>12/18/2019 08:24:25</t>
  </si>
  <si>
    <t>12/18/2019 08:27:55</t>
  </si>
  <si>
    <t>12/18/2019 08:29:26</t>
  </si>
  <si>
    <t>12/18/2019 08:28:32</t>
  </si>
  <si>
    <t>12/18/2019 08:28:43</t>
  </si>
  <si>
    <t>12/18/2019 08:25:05</t>
  </si>
  <si>
    <t>12/18/2019 08:30:26</t>
  </si>
  <si>
    <t>12/18/2019 08:29:45</t>
  </si>
  <si>
    <t>20b43aea-7c01-4585-95e6-bd2bbc9298cc.tmp</t>
  </si>
  <si>
    <t>\\acsfs\profiles$\LUCASNS\Downloads\20b43aea-7c01-4585-95e6-bd2bbc9298cc.tmp</t>
  </si>
  <si>
    <t>12/18/2019 08:26:13</t>
  </si>
  <si>
    <t>12/18/2019 08:26:18</t>
  </si>
  <si>
    <t>12/18/2019 08:26:38</t>
  </si>
  <si>
    <t>12/18/2019 08:31:26</t>
  </si>
  <si>
    <t>\\acsfs\profiles$\sabrinasc\My Documents\</t>
  </si>
  <si>
    <t>\\acsfs\profiles$\sabrinasc\My Documents\Download.pdf</t>
  </si>
  <si>
    <t>12/18/2019 08:30:13</t>
  </si>
  <si>
    <t>12/18/2019 08:30:27</t>
  </si>
  <si>
    <t>12/18/2019 08:30:30</t>
  </si>
  <si>
    <t>12/18/2019 08:26:49</t>
  </si>
  <si>
    <t>Script.txt</t>
  </si>
  <si>
    <t>\\acsfs\profiles$\brendavdoa\My Documents\Script.txt</t>
  </si>
  <si>
    <t>12/18/2019 08:31:12</t>
  </si>
  <si>
    <t>12/18/2019 08:32:26</t>
  </si>
  <si>
    <t>bb475563-aa54-4488-a285-61ab70e599e4.tmp</t>
  </si>
  <si>
    <t>\\acsfs\profiles$\PEDROHAB\Downloads\bb475563-aa54-4488-a285-61ab70e599e4.tmp</t>
  </si>
  <si>
    <t>12/18/2019 08:31:14</t>
  </si>
  <si>
    <t>a58520a2-1f34-46a9-81fb-f0ddc7a0191d.tmp</t>
  </si>
  <si>
    <t>\\acsfs\profiles$\PEDROHAB\Downloads\a58520a2-1f34-46a9-81fb-f0ddc7a0191d.tmp</t>
  </si>
  <si>
    <t>12/18/2019 08:29:35</t>
  </si>
  <si>
    <t>12/18/2019 08:33:26</t>
  </si>
  <si>
    <t>12/18/2019 08:30:00</t>
  </si>
  <si>
    <t>12/18/2019 08:30:16</t>
  </si>
  <si>
    <t>12/18/2019 08:30:32</t>
  </si>
  <si>
    <t>12/18/2019 08:30:33</t>
  </si>
  <si>
    <t>12/18/2019 08:31:35</t>
  </si>
  <si>
    <t>12/18/2019 08:31:50</t>
  </si>
  <si>
    <t>12/18/2019 08:28:25</t>
  </si>
  <si>
    <t>12/18/2019 08:34:26</t>
  </si>
  <si>
    <t>12/18/2019 08:29:55</t>
  </si>
  <si>
    <t>12/18/2019 08:35:26</t>
  </si>
  <si>
    <t>1ab35a4d-b03e-4778-82ed-69823302f8fb.tmp</t>
  </si>
  <si>
    <t>\\acsfs\profiles$\LUCASNS\Downloads\1ab35a4d-b03e-4778-82ed-69823302f8fb.tmp</t>
  </si>
  <si>
    <t>12/18/2019 08:31:09</t>
  </si>
  <si>
    <t>12/18/2019 08:33:34</t>
  </si>
  <si>
    <t>ae63824f-af2c-4019-9f39-282d1e54e8a7.tmp</t>
  </si>
  <si>
    <t>\\acsfs\profiles$\LUCASNS\Downloads\ae63824f-af2c-4019-9f39-282d1e54e8a7.tmp</t>
  </si>
  <si>
    <t>12/18/2019 08:32:39</t>
  </si>
  <si>
    <t>12/18/2019 08:33:17</t>
  </si>
  <si>
    <t>ae0cbbcb-df69-472d-a009-a552460fdf86.tmp</t>
  </si>
  <si>
    <t>\\acsfs\profiles$\alicecpbc\Downloads\ae0cbbcb-df69-472d-a009-a552460fdf86.tmp</t>
  </si>
  <si>
    <t>12/18/2019 08:33:43</t>
  </si>
  <si>
    <t>55d31621-12c8-4e39-851f-81a2940813af.tmp</t>
  </si>
  <si>
    <t>\\acsfs\profiles$\ayalabfi\Downloads\55d31621-12c8-4e39-851f-81a2940813af.tmp</t>
  </si>
  <si>
    <t>\\acsfs\profiles$\pedrohab\My Documents\My Pictures\</t>
  </si>
  <si>
    <t>12/18/2019 08:34:28</t>
  </si>
  <si>
    <t>12/18/2019 08:34:29</t>
  </si>
  <si>
    <t>12/18/2019 08:34:30</t>
  </si>
  <si>
    <t>12/18/2019 08:34:31</t>
  </si>
  <si>
    <t>\\acsfs\profiles$\pedrohab\My Documents\My Music\</t>
  </si>
  <si>
    <t>12/18/2019 08:34:33</t>
  </si>
  <si>
    <t>\\acsfs\profiles$\pedrohab\My Documents\My Videos\</t>
  </si>
  <si>
    <t>12/18/2019 08:34:34</t>
  </si>
  <si>
    <t>12/18/2019 08:34:36</t>
  </si>
  <si>
    <t>12/18/2019 08:34:37</t>
  </si>
  <si>
    <t>12/18/2019 08:34:38</t>
  </si>
  <si>
    <t>12/18/2019 08:34:39</t>
  </si>
  <si>
    <t>12/18/2019 08:34:41</t>
  </si>
  <si>
    <t>12/18/2019 08:34:42</t>
  </si>
  <si>
    <t>\\acsfs\profiles$\pedrohab\My Documents\</t>
  </si>
  <si>
    <t>12/18/2019 08:34:43</t>
  </si>
  <si>
    <t>12/18/2019 08:34:44</t>
  </si>
  <si>
    <t>12/18/2019 08:34:46</t>
  </si>
  <si>
    <t>12/18/2019 08:34:48</t>
  </si>
  <si>
    <t>12/18/2019 08:35:09</t>
  </si>
  <si>
    <t>12/18/2019 08:35:10</t>
  </si>
  <si>
    <t>12/18/2019 08:35:11</t>
  </si>
  <si>
    <t>12/18/2019 08:35:13</t>
  </si>
  <si>
    <t>12/18/2019 08:35:14</t>
  </si>
  <si>
    <t>12/18/2019 08:35:17</t>
  </si>
  <si>
    <t>12/18/2019 08:30:50</t>
  </si>
  <si>
    <t>12/18/2019 08:36:26</t>
  </si>
  <si>
    <t>12/18/2019 08:31:01</t>
  </si>
  <si>
    <t>12/18/2019 08:31:13</t>
  </si>
  <si>
    <t>mail.google.com/sync/u/0/i/s?hl=pt-BR&amp;c=574</t>
  </si>
  <si>
    <t>12/18/2019 08:31:18</t>
  </si>
  <si>
    <t>mail.google.com/sync/u/0/i/s?hl=pt-BR&amp;c=579</t>
  </si>
  <si>
    <t>12/18/2019 08:31:24</t>
  </si>
  <si>
    <t>mail.google.com/sync/u/0/i/s?hl=pt-BR&amp;c=585</t>
  </si>
  <si>
    <t>12/18/2019 08:31:54</t>
  </si>
  <si>
    <t>12/18/2019 08:31:58</t>
  </si>
  <si>
    <t>mail.google.com/sync/u/0/i/s?hl=pt-BR&amp;c=596</t>
  </si>
  <si>
    <t>12/18/2019 08:32:02</t>
  </si>
  <si>
    <t>12/18/2019 08:32:37</t>
  </si>
  <si>
    <t>mail.google.com/sync/u/0/i/s?hl=pt-BR&amp;c=606</t>
  </si>
  <si>
    <t>12/18/2019 08:32:41</t>
  </si>
  <si>
    <t>mail.google.com/sync/u/0/i/s?hl=pt-BR&amp;c=611</t>
  </si>
  <si>
    <t>12/18/2019 08:32:47</t>
  </si>
  <si>
    <t>mail.google.com/sync/u/0/i/s?hl=pt-BR&amp;c=616</t>
  </si>
  <si>
    <t>12/18/2019 08:33:04</t>
  </si>
  <si>
    <t>mail.google.com/sync/u/0/i/s?hl=pt-BR&amp;c=622</t>
  </si>
  <si>
    <t>12/18/2019 08:33:28</t>
  </si>
  <si>
    <t>mail.google.com/sync/u/0/i/s?hl=pt-BR&amp;c=628</t>
  </si>
  <si>
    <t>mail.google.com/sync/u/0/i/s?hl=pt-BR&amp;c=633</t>
  </si>
  <si>
    <t>12/18/2019 08:34:00</t>
  </si>
  <si>
    <t>mail.google.com/sync/u/0/i/s?hl=pt-BR&amp;c=639</t>
  </si>
  <si>
    <t>12/18/2019 08:34:13</t>
  </si>
  <si>
    <t>12/18/2019 08:34:40</t>
  </si>
  <si>
    <t>mail.google.com/sync/u/0/i/s?hl=pt-BR&amp;c=649</t>
  </si>
  <si>
    <t>12/18/2019 08:34:51</t>
  </si>
  <si>
    <t>mail.google.com/sync/u/0/i/s?hl=pt-BR&amp;c=654</t>
  </si>
  <si>
    <t>12/18/2019 08:34:57</t>
  </si>
  <si>
    <t>12/18/2019 08:35:16</t>
  </si>
  <si>
    <t>mail.google.com/sync/u/0/i/s?hl=pt-BR&amp;c=665</t>
  </si>
  <si>
    <t>12/18/2019 08:35:22</t>
  </si>
  <si>
    <t>12/18/2019 08:35:24</t>
  </si>
  <si>
    <t>12/18/2019 08:32:31</t>
  </si>
  <si>
    <t>f9fe11e3-9315-4207-841e-0e38dfbc2d3f.tmp</t>
  </si>
  <si>
    <t>\\acsfs\profiles$\wenderbnm\Downloads\f9fe11e3-9315-4207-841e-0e38dfbc2d3f.tmp</t>
  </si>
  <si>
    <t>c51fb054-2197-469c-9492-2a1044022102.tmp</t>
  </si>
  <si>
    <t>\\acsfs\profiles$\wenderbnm\Downloads\c51fb054-2197-469c-9492-2a1044022102.tmp</t>
  </si>
  <si>
    <t>12/17/2019 16:48:55</t>
  </si>
  <si>
    <t>ADEQUAÇÃO SEDE 8ª ETAPA X FMC - 39 PAS IPO.xlsx</t>
  </si>
  <si>
    <t>12/17/2019 17:00:49</t>
  </si>
  <si>
    <t>base redes 19-20.xlsx</t>
  </si>
  <si>
    <t>12/18/2019 08:34:53</t>
  </si>
  <si>
    <t>d108db26-d584-46a5-ae8e-80a9928b8021.tmp</t>
  </si>
  <si>
    <t>\\acsfs\profiles$\deborahsi\Downloads\d108db26-d584-46a5-ae8e-80a9928b8021.tmp</t>
  </si>
  <si>
    <t>12/18/2019 08:32:18</t>
  </si>
  <si>
    <t>CURVA NORMAL - 17/12/2019</t>
  </si>
  <si>
    <t>10.200.67.143</t>
  </si>
  <si>
    <t>12/18/2019 08:34:11</t>
  </si>
  <si>
    <t>\\acsfs\profiles$\laianear\Downloads\</t>
  </si>
  <si>
    <t>bee1234f-179d-47b1-b28a-87751a37c856.tmp</t>
  </si>
  <si>
    <t>\\acsfs\profiles$\laianear\Downloads\bee1234f-179d-47b1-b28a-87751a37c856.tmp</t>
  </si>
  <si>
    <t>12/18/2019 08:34:16</t>
  </si>
  <si>
    <t>3866d734-addb-4c08-bf30-2c69d94a8c16.tmp</t>
  </si>
  <si>
    <t>\\acsfs\profiles$\laianear\Downloads\3866d734-addb-4c08-bf30-2c69d94a8c16.tmp</t>
  </si>
  <si>
    <t>e7a35e12-525d-453d-8b08-b7a3dcd98601.tmp</t>
  </si>
  <si>
    <t>\\acsfs\profiles$\laianear\Downloads\e7a35e12-525d-453d-8b08-b7a3dcd98601.tmp</t>
  </si>
  <si>
    <t>12/18/2019 08:35:46</t>
  </si>
  <si>
    <t>728f9669-6801-43b0-a618-305abe694231.tmp</t>
  </si>
  <si>
    <t>\\acsfs\profiles$\laianear\Downloads\728f9669-6801-43b0-a618-305abe694231.tmp</t>
  </si>
  <si>
    <t>12/18/2019 08:31:47</t>
  </si>
  <si>
    <t>12/18/2019 08:37:26</t>
  </si>
  <si>
    <t>39c84c6c-031e-4915-b0e4-42c253c4ef1e.tmp</t>
  </si>
  <si>
    <t>\\acsfs\profiles$\larissaad\Downloads\39c84c6c-031e-4915-b0e4-42c253c4ef1e.tmp</t>
  </si>
  <si>
    <t>12/18/2019 08:36:01</t>
  </si>
  <si>
    <t>12/18/2019 08:34:10</t>
  </si>
  <si>
    <t>12/18/2019 08:34:12</t>
  </si>
  <si>
    <t>12/18/2019 08:34:14</t>
  </si>
  <si>
    <t>12/18/2019 08:34:15</t>
  </si>
  <si>
    <t>12/18/2019 08:34:17</t>
  </si>
  <si>
    <t>12/18/2019 08:34:18</t>
  </si>
  <si>
    <t>12/18/2019 08:34:19</t>
  </si>
  <si>
    <t>12/18/2019 08:34:20</t>
  </si>
  <si>
    <t>12/18/2019 08:34:21</t>
  </si>
  <si>
    <t>12/18/2019 08:34:22</t>
  </si>
  <si>
    <t>12/18/2019 08:34:23</t>
  </si>
  <si>
    <t>12/18/2019 08:34:24</t>
  </si>
  <si>
    <t>12/18/2019 08:34:25</t>
  </si>
  <si>
    <t>12/18/2019 08:34:27</t>
  </si>
  <si>
    <t>12/18/2019 08:34:49</t>
  </si>
  <si>
    <t>12/18/2019 08:38:26</t>
  </si>
  <si>
    <t>12/18/2019 08:35:43</t>
  </si>
  <si>
    <t>12/18/2019 08:35:44</t>
  </si>
  <si>
    <t>12/18/2019 08:37:35</t>
  </si>
  <si>
    <t>12/18/2019 08:35:25</t>
  </si>
  <si>
    <t>12/18/2019 08:36:25</t>
  </si>
  <si>
    <t>12/18/2019 08:37:25</t>
  </si>
  <si>
    <t>12/18/2019 08:37:55</t>
  </si>
  <si>
    <t>12/18/2019 08:37:41</t>
  </si>
  <si>
    <t>12/18/2019 08:37:45</t>
  </si>
  <si>
    <t>12/18/2019 08:36:31</t>
  </si>
  <si>
    <t>12/18/2019 08:39:26</t>
  </si>
  <si>
    <t>12/18/2019 08:36:03</t>
  </si>
  <si>
    <t>12/18/2019 08:35:47</t>
  </si>
  <si>
    <t>12/18/2019 08:40:26</t>
  </si>
  <si>
    <t>12/18/2019 08:36:37</t>
  </si>
  <si>
    <t>73ac0a82-4023-4459-8d64-e0bab21f2ef1.tmp</t>
  </si>
  <si>
    <t>\\acsfs\profiles$\YASMINSC\Downloads\73ac0a82-4023-4459-8d64-e0bab21f2ef1.tmp</t>
  </si>
  <si>
    <t>12/18/2019 08:37:43</t>
  </si>
  <si>
    <t>da87f0ad-734b-40f4-8020-fd9ea8eada3f.tmp</t>
  </si>
  <si>
    <t>\\acsfs\profiles$\YASMINSC\Downloads\da87f0ad-734b-40f4-8020-fd9ea8eada3f.tmp</t>
  </si>
  <si>
    <t>12/18/2019 08:37:59</t>
  </si>
  <si>
    <t>10.200.67.131</t>
  </si>
  <si>
    <t>12/18/2019 08:38:00</t>
  </si>
  <si>
    <t>12/18/2019 08:38:01</t>
  </si>
  <si>
    <t>12/18/2019 08:38:02</t>
  </si>
  <si>
    <t>12/18/2019 08:38:03</t>
  </si>
  <si>
    <t>12/18/2019 08:38:04</t>
  </si>
  <si>
    <t>12/18/2019 08:38:05</t>
  </si>
  <si>
    <t>12/18/2019 08:38:06</t>
  </si>
  <si>
    <t>12/18/2019 08:38:07</t>
  </si>
  <si>
    <t>12/18/2019 08:38:08</t>
  </si>
  <si>
    <t>12/18/2019 08:38:09</t>
  </si>
  <si>
    <t>12/18/2019 08:38:10</t>
  </si>
  <si>
    <t>12/18/2019 08:38:11</t>
  </si>
  <si>
    <t>12/18/2019 08:38:12</t>
  </si>
  <si>
    <t>12/18/2019 08:38:13</t>
  </si>
  <si>
    <t>12/18/2019 08:38:14</t>
  </si>
  <si>
    <t>12/18/2019 08:38:15</t>
  </si>
  <si>
    <t>12/18/2019 08:38:16</t>
  </si>
  <si>
    <t>12/18/2019 08:38:17</t>
  </si>
  <si>
    <t>12/18/2019 08:38:18</t>
  </si>
  <si>
    <t>12/18/2019 08:38:19</t>
  </si>
  <si>
    <t>12/18/2019 08:38:20</t>
  </si>
  <si>
    <t>12/18/2019 08:38:21</t>
  </si>
  <si>
    <t>12/18/2019 08:35:19</t>
  </si>
  <si>
    <t>12/18/2019 08:35:20</t>
  </si>
  <si>
    <t>12/18/2019 08:35:21</t>
  </si>
  <si>
    <t>12/18/2019 08:35:23</t>
  </si>
  <si>
    <t>\\acsfs\profiles$\pedrohab\Favorites\</t>
  </si>
  <si>
    <t>12/18/2019 08:35:27</t>
  </si>
  <si>
    <t>12/18/2019 08:35:28</t>
  </si>
  <si>
    <t>12/18/2019 08:35:30</t>
  </si>
  <si>
    <t>12/18/2019 08:35:31</t>
  </si>
  <si>
    <t>12/18/2019 08:35:33</t>
  </si>
  <si>
    <t>\\acsfs\profiles$\pedrohab\Downloads\</t>
  </si>
  <si>
    <t>12/18/2019 08:35:34</t>
  </si>
  <si>
    <t>12/18/2019 08:36:19</t>
  </si>
  <si>
    <t>12/18/2019 08:36:51</t>
  </si>
  <si>
    <t>12/18/2019 08:41:27</t>
  </si>
  <si>
    <t>mail.google.com/sync/u/0/i/s?hl=pt-BR&amp;c=678</t>
  </si>
  <si>
    <t>12/18/2019 08:37:04</t>
  </si>
  <si>
    <t>12/18/2019 08:37:12</t>
  </si>
  <si>
    <t>12/18/2019 08:37:27</t>
  </si>
  <si>
    <t>12/18/2019 08:40:12</t>
  </si>
  <si>
    <t>443bfa67-09b3-4b64-acd4-f2d1ba0e57ae.tmp</t>
  </si>
  <si>
    <t>\\acsfs\profiles$\laianear\Downloads\443bfa67-09b3-4b64-acd4-f2d1ba0e57ae.tmp</t>
  </si>
  <si>
    <t>12/18/2019 08:37:06</t>
  </si>
  <si>
    <t>34425b7c-1b2b-4a8b-9ae3-47b72beb1cbd.tmp</t>
  </si>
  <si>
    <t>\\acsfs\profiles$\laianear\Downloads\34425b7c-1b2b-4a8b-9ae3-47b72beb1cbd.tmp</t>
  </si>
  <si>
    <t>12/18/2019 08:42:26</t>
  </si>
  <si>
    <t>joysi.pereira.k2@youse.com.br;joysi.pereira@youse.com.br;tatiana.varela@youse.com.br;wasleylc@algartech.com;</t>
  </si>
  <si>
    <t>Relatório intra diário - 17/12</t>
  </si>
  <si>
    <t>Intradiário-SAC - V2 - 17-de-Dez.xlsm</t>
  </si>
  <si>
    <t>joysi.pereira.k2@youse.com.br,joysi.pereira@youse.com.br,tatiana.varela@youse.com.br,wasleylc@algartech.com</t>
  </si>
  <si>
    <t>12/18/2019 08:37:20</t>
  </si>
  <si>
    <t>5a9544f5-ed32-4f99-818a-13d161ea49dc.tmp</t>
  </si>
  <si>
    <t>\\acsfs\profiles$\larissaad\Downloads\5a9544f5-ed32-4f99-818a-13d161ea49dc.tmp</t>
  </si>
  <si>
    <t>12/18/2019 08:38:30</t>
  </si>
  <si>
    <t>12/18/2019 08:38:59</t>
  </si>
  <si>
    <t>12/17/2019 13:14:53</t>
  </si>
  <si>
    <t>alessandroam@algartech.com;luizccga@algartech.com;</t>
  </si>
  <si>
    <t>Projeto LGPD - Levantamento Dados Estruturados_v01.xlsx</t>
  </si>
  <si>
    <t>alessandroam@algartech.com,luizccga@algartech.com</t>
  </si>
  <si>
    <t>12/17/2019 14:20:24</t>
  </si>
  <si>
    <t>Projeto LGPD - Levantamento Dados Não Estruturados_v01.xlsx</t>
  </si>
  <si>
    <t>12/17/2019 14:33:59</t>
  </si>
  <si>
    <t>Projeto LGPD - Levantamento Sistemas Algar Tech Ambiente Bradesco_v01.xlsx</t>
  </si>
  <si>
    <t>12/17/2019 14:35:51</t>
  </si>
  <si>
    <t>alessandroam@algartech.com;carlos.florencio@algartech.com;luizccga@algartech.com;reginaldort@algartech.com;</t>
  </si>
  <si>
    <t>alessandroam@algartech.com,carlos.florencio@algartech.com,luizccga@algartech.com,reginaldort@algartech.com</t>
  </si>
  <si>
    <t>12/17/2019 15:44:40</t>
  </si>
  <si>
    <t>12/17/2019 15:45:26</t>
  </si>
  <si>
    <t>12/17/2019 15:46:01</t>
  </si>
  <si>
    <t>12/17/2019 15:46:36</t>
  </si>
  <si>
    <t>12/17/2019 15:47:37</t>
  </si>
  <si>
    <t>12/17/2019 15:50:13</t>
  </si>
  <si>
    <t>12/17/2019 15:50:49</t>
  </si>
  <si>
    <t>12/17/2019 15:51:29</t>
  </si>
  <si>
    <t>12/17/2019 15:52:37</t>
  </si>
  <si>
    <t>12/17/2019 15:53:45</t>
  </si>
  <si>
    <t>12/17/2019 15:54:55</t>
  </si>
  <si>
    <t>12/17/2019 15:56:04</t>
  </si>
  <si>
    <t>12/17/2019 15:56:35</t>
  </si>
  <si>
    <t>12/17/2019 15:57:10</t>
  </si>
  <si>
    <t>12/17/2019 15:57:47</t>
  </si>
  <si>
    <t>12/17/2019 15:58:21</t>
  </si>
  <si>
    <t>12/17/2019 15:59:33</t>
  </si>
  <si>
    <t>12/17/2019 16:00:08</t>
  </si>
  <si>
    <t>12/17/2019 16:02:45</t>
  </si>
  <si>
    <t>12/17/2019 16:03:18</t>
  </si>
  <si>
    <t>12/17/2019 16:03:53</t>
  </si>
  <si>
    <t>12/17/2019 16:04:28</t>
  </si>
  <si>
    <t>12/17/2019 16:08:22</t>
  </si>
  <si>
    <t>12/17/2019 16:08:56</t>
  </si>
  <si>
    <t>12/17/2019 16:10:52</t>
  </si>
  <si>
    <t>12/17/2019 16:11:27</t>
  </si>
  <si>
    <t>12/17/2019 16:12:01</t>
  </si>
  <si>
    <t>12/17/2019 16:12:35</t>
  </si>
  <si>
    <t>12/17/2019 16:13:11</t>
  </si>
  <si>
    <t>12/17/2019 16:17:58</t>
  </si>
  <si>
    <t>12/17/2019 16:18:32</t>
  </si>
  <si>
    <t>12/17/2019 16:19:06</t>
  </si>
  <si>
    <t>12/17/2019 16:19:43</t>
  </si>
  <si>
    <t>12/17/2019 16:21:21</t>
  </si>
  <si>
    <t>12/17/2019 16:22:24</t>
  </si>
  <si>
    <t>12/17/2019 16:22:58</t>
  </si>
  <si>
    <t>12/17/2019 16:23:31</t>
  </si>
  <si>
    <t>12/17/2019 16:48:09</t>
  </si>
  <si>
    <t>12/17/2019 16:48:43</t>
  </si>
  <si>
    <t>12/17/2019 16:49:31</t>
  </si>
  <si>
    <t>12/17/2019 16:50:04</t>
  </si>
  <si>
    <t>12/17/2019 16:50:49</t>
  </si>
  <si>
    <t>12/17/2019 16:52:37</t>
  </si>
  <si>
    <t>12/17/2019 16:53:14</t>
  </si>
  <si>
    <t>12/18/2019 08:42:04</t>
  </si>
  <si>
    <t>12/18/2019 08:41:35</t>
  </si>
  <si>
    <t>12/18/2019 08:43:27</t>
  </si>
  <si>
    <t>12/17/2019 18:16:25</t>
  </si>
  <si>
    <t>Relação de Empresas (6).xlsx</t>
  </si>
  <si>
    <t>12/18/2019 08:38:25</t>
  </si>
  <si>
    <t>12/18/2019 08:41:55</t>
  </si>
  <si>
    <t>12/18/2019 08:42:25</t>
  </si>
  <si>
    <t>12/18/2019 08:44:26</t>
  </si>
  <si>
    <t>12/18/2019 08:40:44</t>
  </si>
  <si>
    <t>12/18/2019 08:43:50</t>
  </si>
  <si>
    <t>12/18/2019 08:42:49</t>
  </si>
  <si>
    <t>12/18/2019 08:45:27</t>
  </si>
  <si>
    <t>12/18/2019 08:45:06</t>
  </si>
  <si>
    <t>96648b98-7912-4f75-b1eb-098b42372223.tmp</t>
  </si>
  <si>
    <t>\\acsfs\profiles$\PEDROHAB\Downloads\96648b98-7912-4f75-b1eb-098b42372223.tmp</t>
  </si>
  <si>
    <t>12/18/2019 08:45:08</t>
  </si>
  <si>
    <t>0ee75f0c-a8b2-4107-9920-ee6f025bad7e.tmp</t>
  </si>
  <si>
    <t>\\acsfs\profiles$\PEDROHAB\Downloads\0ee75f0c-a8b2-4107-9920-ee6f025bad7e.tmp</t>
  </si>
  <si>
    <t>12/18/2019 08:44:15</t>
  </si>
  <si>
    <t>12/18/2019 08:46:26</t>
  </si>
  <si>
    <t>mail.google.com/sync/u/0/i/s?hl=pt-BR&amp;c=704</t>
  </si>
  <si>
    <t>12/18/2019 08:40:52</t>
  </si>
  <si>
    <t>12/18/2019 08:41:48</t>
  </si>
  <si>
    <t>lu10204ro02o.tmp</t>
  </si>
  <si>
    <t>\\acsfs\profiles$\dhiulliananads\My Documents\lu10204ro02o.tmp</t>
  </si>
  <si>
    <t>\\acsfs\profiles$\dhiulliananads\My Documents\lu10204ro02o.tmp\</t>
  </si>
  <si>
    <t>\\acsfs\profiles$\dhiulliananads\My Documents\lu10204ro02o.tmp\META-INF\</t>
  </si>
  <si>
    <t>\\acsfs\profiles$\dhiulliananads\My Documents\lu10204ro02o.tmp\Thumbnails\</t>
  </si>
  <si>
    <t>12/18/2019 08:42:50</t>
  </si>
  <si>
    <t>12/18/2019 08:45:43</t>
  </si>
  <si>
    <t>10.200.66.17</t>
  </si>
  <si>
    <t>C:\Users\Jordanarb\Pictures\</t>
  </si>
  <si>
    <t>image3.jpeg</t>
  </si>
  <si>
    <t>12/18/2019 08:43:25</t>
  </si>
  <si>
    <t>12/18/2019 08:48:27</t>
  </si>
  <si>
    <t>12/18/2019 08:43:26</t>
  </si>
  <si>
    <t>12/18/2019 08:43:28</t>
  </si>
  <si>
    <t>12/18/2019 08:43:35</t>
  </si>
  <si>
    <t>12/18/2019 08:46:23</t>
  </si>
  <si>
    <t>12/18/2019 08:46:24</t>
  </si>
  <si>
    <t>lu2196aivl.tmp</t>
  </si>
  <si>
    <t>\\acsfs\profiles$\VIVIANALDS\My Documents\lu2196aivl.tmp</t>
  </si>
  <si>
    <t>\\acsfs\profiles$\VIVIANALDS\My Documents\lu2196aivl.tmp\</t>
  </si>
  <si>
    <t>\\acsfs\profiles$\VIVIANALDS\My Documents\lu2196aivl.tmp\META-INF\</t>
  </si>
  <si>
    <t>12/18/2019 08:44:46</t>
  </si>
  <si>
    <t>\\acsfs\profiles$\VIVIANALDS\My Documents\lu2196aivl.tmp\Thumbnails\</t>
  </si>
  <si>
    <t>12/18/2019 08:46:29</t>
  </si>
  <si>
    <t>12/18/2019 08:46:30</t>
  </si>
  <si>
    <t>lu2196aivp.tmp</t>
  </si>
  <si>
    <t>\\acsfs\profiles$\VIVIANALDS\My Documents\lu2196aivp.tmp</t>
  </si>
  <si>
    <t>\\acsfs\profiles$\VIVIANALDS\My Documents\lu2196aivp.tmp\</t>
  </si>
  <si>
    <t>\\acsfs\profiles$\VIVIANALDS\My Documents\lu2196aivp.tmp\META-INF\</t>
  </si>
  <si>
    <t>\\acsfs\profiles$\VIVIANALDS\My Documents\lu2196aivp.tmp\Thumbnails\</t>
  </si>
  <si>
    <t>12/18/2019 08:47:47</t>
  </si>
  <si>
    <t>4b43d0e1-d63b-4a3f-a161-4a2093a6b1b4.tmp</t>
  </si>
  <si>
    <t>\\acsfs\profiles$\geovannasm\Downloads\4b43d0e1-d63b-4a3f-a161-4a2093a6b1b4.tmp</t>
  </si>
  <si>
    <t>12/18/2019 08:49:27</t>
  </si>
  <si>
    <t>12/18/2019 08:46:44</t>
  </si>
  <si>
    <t>12/18/2019 08:48:34</t>
  </si>
  <si>
    <t>12/18/2019 08:50:27</t>
  </si>
  <si>
    <t>12/18/2019 08:48:23</t>
  </si>
  <si>
    <t>12/18/2019 08:52:27</t>
  </si>
  <si>
    <t>f5bf3c71-d3e2-40bc-89e8-64a8effd6081.tmp</t>
  </si>
  <si>
    <t>\\acsfs\profiles$\matheushds\Downloads\f5bf3c71-d3e2-40bc-89e8-64a8effd6081.tmp</t>
  </si>
  <si>
    <t>12/18/2019 08:47:05</t>
  </si>
  <si>
    <t>9156a5d9-264c-4789-9ee3-f72c8b18f269.tmp</t>
  </si>
  <si>
    <t>\\acsfs\profiles$\cintiadcf\Downloads\9156a5d9-264c-4789-9ee3-f72c8b18f269.tmp</t>
  </si>
  <si>
    <t>12/18/2019 08:47:07</t>
  </si>
  <si>
    <t>fa5bd0ce-18c7-452b-9807-3c17d0777892.tmp</t>
  </si>
  <si>
    <t>\\acsfs\profiles$\cintiadcf\Downloads\fa5bd0ce-18c7-452b-9807-3c17d0777892.tmp</t>
  </si>
  <si>
    <t>12/18/2019 08:47:58</t>
  </si>
  <si>
    <t>267f21d5-b323-490c-92ea-123082bdf7d0.tmp</t>
  </si>
  <si>
    <t>\\acsfs\profiles$\cintiadcf\Downloads\267f21d5-b323-490c-92ea-123082bdf7d0.tmp</t>
  </si>
  <si>
    <t>12/18/2019 08:48:35</t>
  </si>
  <si>
    <t>12/18/2019 08:53:27</t>
  </si>
  <si>
    <t>12/18/2019 08:49:35</t>
  </si>
  <si>
    <t>12/18/2019 08:48:25</t>
  </si>
  <si>
    <t>12/18/2019 08:48:55</t>
  </si>
  <si>
    <t>12/18/2019 08:49:25</t>
  </si>
  <si>
    <t>12/18/2019 08:49:55</t>
  </si>
  <si>
    <t>12/18/2019 08:50:25</t>
  </si>
  <si>
    <t>12/18/2019 08:50:55</t>
  </si>
  <si>
    <t>12/18/2019 08:51:25</t>
  </si>
  <si>
    <t>12/18/2019 08:51:55</t>
  </si>
  <si>
    <t>12/18/2019 08:52:25</t>
  </si>
  <si>
    <t>12/18/2019 08:54:27</t>
  </si>
  <si>
    <t>12/18/2019 08:49:42</t>
  </si>
  <si>
    <t>eb8b2936-c798-40c9-b9a7-feb9ab07b375.tmp</t>
  </si>
  <si>
    <t>\\acsfs\profiles$\KARENDSR\Downloads\eb8b2936-c798-40c9-b9a7-feb9ab07b375.tmp</t>
  </si>
  <si>
    <t>12/18/2019 08:50:47</t>
  </si>
  <si>
    <t>df101c16-5916-4b0b-8601-08989f6b9849.tmp</t>
  </si>
  <si>
    <t>\\acsfs\profiles$\KARENDSR\Downloads\df101c16-5916-4b0b-8601-08989f6b9849.tmp</t>
  </si>
  <si>
    <t>12/18/2019 08:51:39</t>
  </si>
  <si>
    <t>17040b36-c8a7-414f-99b4-3ff38a3846ef.tmp</t>
  </si>
  <si>
    <t>\\acsfs\profiles$\KARENDSR\Downloads\17040b36-c8a7-414f-99b4-3ff38a3846ef.tmp</t>
  </si>
  <si>
    <t>12/18/2019 08:51:38</t>
  </si>
  <si>
    <t>12/18/2019 08:52:44</t>
  </si>
  <si>
    <t>12/18/2019 08:52:12</t>
  </si>
  <si>
    <t>12/18/2019 08:55:27</t>
  </si>
  <si>
    <t>\\acsfs\DEPTOS\Operacao\Banco_Votorantim\Comum\BVFLIX\</t>
  </si>
  <si>
    <t>\\acsfs\DEPTOS\Operacao\Banco_Votorantim\Comum\BVFLIX\Thumbs.db</t>
  </si>
  <si>
    <t>12/18/2019 08:52:21</t>
  </si>
  <si>
    <t>\\acsfs\DEPTOS\Operacao\Banco_Votorantim\Qualidade\Anderson\Laudo\Joao SPF\</t>
  </si>
  <si>
    <t>\\acsfs\DEPTOS\Operacao\Banco_Votorantim\Qualidade\Anderson\Laudo\Joao SPF\Thumbs.db</t>
  </si>
  <si>
    <t>12/18/2019 08:52:43</t>
  </si>
  <si>
    <t>\\acsfs\DEPTOS\Operacao\Banco_Votorantim\Qualidade\Anderson\Laudo de Vendas\</t>
  </si>
  <si>
    <t>\\acsfs\DEPTOS\Operacao\Banco_Votorantim\Qualidade\Anderson\Laudo de Vendas\Thumbs.db</t>
  </si>
  <si>
    <t>12/18/2019 08:52:46</t>
  </si>
  <si>
    <t>\\acsfs\DEPTOS\Operacao\Banco_Votorantim\Qualidade\Anderson\Auditoria de Vendas\Laudo\BV Cartoes\Dezembro\Isabel dias Soares Teles\</t>
  </si>
  <si>
    <t>\\acsfs\DEPTOS\Operacao\Banco_Votorantim\Qualidade\Anderson\Auditoria de Vendas\Laudo\BV Cartoes\Dezembro\Isabel dias Soares Teles\Thumbs.db</t>
  </si>
  <si>
    <t>\\acsfs\DEPTOS\Operacao\Banco_Votorantim\Qualidade\Anderson\Auditoria de Vendas\Laudo\BV Cartoes\Dezembro\SCARLET\Thumbs.db</t>
  </si>
  <si>
    <t>12/18/2019 08:54:04</t>
  </si>
  <si>
    <t>12/18/2019 08:49:37</t>
  </si>
  <si>
    <t>12/18/2019 08:57:27</t>
  </si>
  <si>
    <t>e4fcf7d5-5345-4f43-a566-fe6f45d9cedf.tmp</t>
  </si>
  <si>
    <t>\\acsfs\profiles$\larissaad\Downloads\e4fcf7d5-5345-4f43-a566-fe6f45d9cedf.tmp</t>
  </si>
  <si>
    <t>12/18/2019 07:31:27</t>
  </si>
  <si>
    <t>C:\Users\yuriifd\Desktop\BV\Base de Dados Set, Out e Nov\</t>
  </si>
  <si>
    <t>FATURAMENTO ALGAR - NOV_2019.xlsb</t>
  </si>
  <si>
    <t>12/18/2019 08:55:29</t>
  </si>
  <si>
    <t>4d922c1f-5634-450a-b221-723459758b58.tmp</t>
  </si>
  <si>
    <t>\\acsfs\profiles$\gabrielhca\Downloads\4d922c1f-5634-450a-b221-723459758b58.tmp</t>
  </si>
  <si>
    <t>12/18/2019 08:53:35</t>
  </si>
  <si>
    <t>12/18/2019 08:57:19</t>
  </si>
  <si>
    <t>FOLGAS NATAL.xlsx</t>
  </si>
  <si>
    <t>12/18/2019 08:54:35</t>
  </si>
  <si>
    <t>12/18/2019 08:58:27</t>
  </si>
  <si>
    <t>12/18/2019 08:55:35</t>
  </si>
  <si>
    <t>https://udpmailboxap01.acs.com.br:8443/h/search?si=2&amp;so=0&amp;sc=47236&amp;st=conversation&amp;action=compose&amp;paction=paneview</t>
  </si>
  <si>
    <t>12/18/2019 08:57:49</t>
  </si>
  <si>
    <t>12/18/2019 08:59:27</t>
  </si>
  <si>
    <t>12/18/2019 08:58:44</t>
  </si>
  <si>
    <t>12/18/2019 08:59:16</t>
  </si>
  <si>
    <t>12/18/2019 08:58:56</t>
  </si>
  <si>
    <t>12/18/2019 09:00:27</t>
  </si>
  <si>
    <t>1a616593-ae6f-4fe7-82cb-d0c6084cb76a.tmp</t>
  </si>
  <si>
    <t>\\acsfs\profiles$\gabrielafs\Downloads\1a616593-ae6f-4fe7-82cb-d0c6084cb76a.tmp</t>
  </si>
  <si>
    <t>12/18/2019 08:58:57</t>
  </si>
  <si>
    <t>09f8ab19-bf78-4ad7-8857-82f8ffe0f797.tmp</t>
  </si>
  <si>
    <t>\\acsfs\profiles$\gabrielafs\Downloads\09f8ab19-bf78-4ad7-8857-82f8ffe0f797.tmp</t>
  </si>
  <si>
    <t>12/18/2019 08:58:58</t>
  </si>
  <si>
    <t>50cef191-ef4a-48ab-a969-56bd9d4670c5.tmp</t>
  </si>
  <si>
    <t>\\acsfs\profiles$\gabrielafs\Downloads\50cef191-ef4a-48ab-a969-56bd9d4670c5.tmp</t>
  </si>
  <si>
    <t>12/18/2019 08:58:59</t>
  </si>
  <si>
    <t>94b96549-ead0-4bfb-aa10-778f6eb65be3.tmp</t>
  </si>
  <si>
    <t>\\acsfs\profiles$\gabrielafs\Downloads\94b96549-ead0-4bfb-aa10-778f6eb65be3.tmp</t>
  </si>
  <si>
    <t>12/18/2019 08:57:20</t>
  </si>
  <si>
    <t>12/18/2019 09:02:28</t>
  </si>
  <si>
    <t>dc572d24-54c0-483f-aae8-1e91a3762805.tmp</t>
  </si>
  <si>
    <t>\\acsfs\profiles$\gabrielhca\Downloads\dc572d24-54c0-483f-aae8-1e91a3762805.tmp</t>
  </si>
  <si>
    <t>12/18/2019 08:57:32</t>
  </si>
  <si>
    <t>425f2bb3-4770-4e1e-9304-ed56441e6944.tmp</t>
  </si>
  <si>
    <t>\\acsfs\profiles$\gabrielhca\Downloads\425f2bb3-4770-4e1e-9304-ed56441e6944.tmp</t>
  </si>
  <si>
    <t>12/18/2019 08:59:49</t>
  </si>
  <si>
    <t>a4a7422d-0681-41b3-bd04-95eeaef69df7.tmp</t>
  </si>
  <si>
    <t>\\acsfs\profiles$\gabrielhca\Downloads\a4a7422d-0681-41b3-bd04-95eeaef69df7.tmp</t>
  </si>
  <si>
    <t>12/18/2019 09:00:35</t>
  </si>
  <si>
    <t>12/18/2019 09:03:27</t>
  </si>
  <si>
    <t>12/18/2019 09:01:35</t>
  </si>
  <si>
    <t>12/18/2019 09:01:46</t>
  </si>
  <si>
    <t>12/18/2019 09:01:47</t>
  </si>
  <si>
    <t>12/18/2019 09:01:48</t>
  </si>
  <si>
    <t>12/18/2019 09:01:50</t>
  </si>
  <si>
    <t>12/18/2019 09:01:52</t>
  </si>
  <si>
    <t>12/18/2019 09:02:45</t>
  </si>
  <si>
    <t>12/18/2019 09:02:46</t>
  </si>
  <si>
    <t>12/18/2019 08:58:19</t>
  </si>
  <si>
    <t>12/18/2019 08:58:49</t>
  </si>
  <si>
    <t>12/18/2019 08:59:19</t>
  </si>
  <si>
    <t>12/18/2019 08:59:32</t>
  </si>
  <si>
    <t>12/18/2019 09:01:25</t>
  </si>
  <si>
    <t>12/18/2019 09:01:55</t>
  </si>
  <si>
    <t>12/18/2019 09:00:11</t>
  </si>
  <si>
    <t>12/18/2019 09:04:28</t>
  </si>
  <si>
    <t>12/18/2019 09:01:27</t>
  </si>
  <si>
    <t>\\acsfs\profiles$\kellzylenneasr\My Documents\My Pictures\</t>
  </si>
  <si>
    <t>\\acsfs\profiles$\kellzylenneasr\My Documents\My Videos\desktop.ini</t>
  </si>
  <si>
    <t>12/18/2019 09:01:29</t>
  </si>
  <si>
    <t>\\acsfs\profiles$\kellzylenneasr\My Documents\My Videos\</t>
  </si>
  <si>
    <t>12/18/2019 09:01:36</t>
  </si>
  <si>
    <t>12/18/2019 09:01:38</t>
  </si>
  <si>
    <t>12/18/2019 09:01:39</t>
  </si>
  <si>
    <t>12/18/2019 09:01:42</t>
  </si>
  <si>
    <t>\\acsfs\profiles$\kellzylenneasr\My Documents\My Music\</t>
  </si>
  <si>
    <t>\\acsfs\profiles$\kellzylenneasr\My Documents\My Pictures\desktop.ini</t>
  </si>
  <si>
    <t>12/18/2019 09:01:43</t>
  </si>
  <si>
    <t>12/18/2019 09:01:45</t>
  </si>
  <si>
    <t>12/18/2019 09:01:49</t>
  </si>
  <si>
    <t>12/18/2019 09:01:54</t>
  </si>
  <si>
    <t>\\acsfs\profiles$\kellzylenneasr\Contacts\</t>
  </si>
  <si>
    <t>\\acsfs\profiles$\kellzylenneasr\Contacts\desktop.ini</t>
  </si>
  <si>
    <t>12/18/2019 09:01:56</t>
  </si>
  <si>
    <t>12/18/2019 09:01:57</t>
  </si>
  <si>
    <t>12/18/2019 09:01:58</t>
  </si>
  <si>
    <t>12/18/2019 09:02:01</t>
  </si>
  <si>
    <t>12/18/2019 09:02:02</t>
  </si>
  <si>
    <t>\\acsfs\profiles$\kellzylenneasr\Favorites\desktop.ini</t>
  </si>
  <si>
    <t>12/18/2019 09:02:05</t>
  </si>
  <si>
    <t>12/18/2019 09:02:08</t>
  </si>
  <si>
    <t>12/18/2019 09:02:10</t>
  </si>
  <si>
    <t>12/18/2019 09:02:12</t>
  </si>
  <si>
    <t>12/18/2019 09:02:14</t>
  </si>
  <si>
    <t>12/18/2019 09:02:16</t>
  </si>
  <si>
    <t>12/18/2019 09:02:19</t>
  </si>
  <si>
    <t>\\acsfs\profiles$\kellzylenneasr\My Documents\My Music\desktop.ini</t>
  </si>
  <si>
    <t>12/18/2019 09:02:20</t>
  </si>
  <si>
    <t>12/18/2019 09:02:22</t>
  </si>
  <si>
    <t>12/18/2019 09:02:24</t>
  </si>
  <si>
    <t>12/18/2019 09:02:26</t>
  </si>
  <si>
    <t>12/18/2019 09:02:29</t>
  </si>
  <si>
    <t>\\acsfs\profiles$\kellzylenneasr\Searches\desktop.ini</t>
  </si>
  <si>
    <t>12/18/2019 09:02:30</t>
  </si>
  <si>
    <t>12/18/2019 09:02:32</t>
  </si>
  <si>
    <t>12/18/2019 09:02:34</t>
  </si>
  <si>
    <t>12/18/2019 09:02:35</t>
  </si>
  <si>
    <t>12/18/2019 09:02:37</t>
  </si>
  <si>
    <t>\\acsfs\profiles$\kellzylenneasr\Downloads\desktop.ini</t>
  </si>
  <si>
    <t>12/18/2019 09:02:38</t>
  </si>
  <si>
    <t>12/18/2019 09:02:42</t>
  </si>
  <si>
    <t>\\acsfs\profiles$\kellzylenneasr\Favorites\</t>
  </si>
  <si>
    <t>\\acsfs\profiles$\kellzylenneasr\My Documents\desktop.ini</t>
  </si>
  <si>
    <t>12/18/2019 09:02:43</t>
  </si>
  <si>
    <t>12/18/2019 09:02:47</t>
  </si>
  <si>
    <t>12/18/2019 09:02:49</t>
  </si>
  <si>
    <t>12/18/2019 09:02:51</t>
  </si>
  <si>
    <t>\\acsfs\profiles$\kellzylenneasr\Saved Games\desktop.ini</t>
  </si>
  <si>
    <t>12/18/2019 09:02:53</t>
  </si>
  <si>
    <t>12/18/2019 09:03:13</t>
  </si>
  <si>
    <t>12/18/2019 09:03:18</t>
  </si>
  <si>
    <t>12/18/2019 08:59:31</t>
  </si>
  <si>
    <t>c79c2f88-2861-460d-ac67-4cd84e04fd88.tmp</t>
  </si>
  <si>
    <t>\\acsfs\profiles$\KARENDSR\Downloads\c79c2f88-2861-460d-ac67-4cd84e04fd88.tmp</t>
  </si>
  <si>
    <t>12/18/2019 00:48:35</t>
  </si>
  <si>
    <t>12/18/2019 09:05:27</t>
  </si>
  <si>
    <t>mail.google.com/_/upload?authuser=0&amp;dcp=asu-n&amp;upload_id=AEnB2UqpHrL2CVI2hvA2Arkdsb7lUnVAIJClYXUW6e1arqM6jzyQmVEdVGSoueEzWpmirUrQNxBY6r3-7BS5UZD8vKm45jda4J4H8ox3_5Xebr4cNJ6VIpI&amp;upload_protocol=resumable</t>
  </si>
  <si>
    <t>Meritocracia DAF_Dez19_V18.12.19.xlsx</t>
  </si>
  <si>
    <t>12/18/2019 00:56:02</t>
  </si>
  <si>
    <t>C:\Users\vilarinho\OneDrive - Grupo Algar\Algar Tech\Orçamento\Orçamento2019\4Reuger_Preclosing e LP\Reunião LATAM 09.12.19 - Gustavo\Revisão_LP_LATAM - ATA.pptx\</t>
  </si>
  <si>
    <t>12/18/2019 09:00:44</t>
  </si>
  <si>
    <t>c1f487ae-fd3e-41b2-978d-0fcacc01e5a9.tmp</t>
  </si>
  <si>
    <t>\\acsfs\profiles$\gabrielafs\Downloads\c1f487ae-fd3e-41b2-978d-0fcacc01e5a9.tmp</t>
  </si>
  <si>
    <t>12/18/2019 09:06:06</t>
  </si>
  <si>
    <t>12/18/2019 09:07:27</t>
  </si>
  <si>
    <t>12/18/2019 09:03:19</t>
  </si>
  <si>
    <t>12/18/2019 09:08:28</t>
  </si>
  <si>
    <t>12/18/2019 09:03:21</t>
  </si>
  <si>
    <t>12/18/2019 09:03:22</t>
  </si>
  <si>
    <t>12/18/2019 09:07:35</t>
  </si>
  <si>
    <t>12/18/2019 09:03:25</t>
  </si>
  <si>
    <t>12/18/2019 09:05:55</t>
  </si>
  <si>
    <t>12/18/2019 09:07:25</t>
  </si>
  <si>
    <t>12/18/2019 09:07:55</t>
  </si>
  <si>
    <t>12/18/2019 09:04:10</t>
  </si>
  <si>
    <t>12/18/2019 09:09:27</t>
  </si>
  <si>
    <t>\\acsfs\profiles$\leydianeamd\Downloads\</t>
  </si>
  <si>
    <t>4d647b0e-3802-4c55-be0c-834893be0ffe.tmp</t>
  </si>
  <si>
    <t>\\acsfs\profiles$\leydianeamd\Downloads\4d647b0e-3802-4c55-be0c-834893be0ffe.tmp</t>
  </si>
  <si>
    <t>12/18/2019 09:04:19</t>
  </si>
  <si>
    <t>Não confirmado 34944.crdownload</t>
  </si>
  <si>
    <t>\\acsfs\profiles$\leydianeamd\Downloads\Não confirmado 34944.crdownload</t>
  </si>
  <si>
    <t>12/18/2019 09:04:43</t>
  </si>
  <si>
    <t>6e484441-469e-471d-98ef-fb8da1f25a23.tmp</t>
  </si>
  <si>
    <t>\\acsfs\profiles$\leydianeamd\Downloads\6e484441-469e-471d-98ef-fb8da1f25a23.tmp</t>
  </si>
  <si>
    <t>12/18/2019 09:06:47</t>
  </si>
  <si>
    <t>c7a0dd12-f3a7-4e12-9001-cc59034cb2d4.tmp</t>
  </si>
  <si>
    <t>\\acsfs\profiles$\kellzylenneasr\Downloads\c7a0dd12-f3a7-4e12-9001-cc59034cb2d4.tmp</t>
  </si>
  <si>
    <t>12/18/2019 09:08:21</t>
  </si>
  <si>
    <t>e2ff9d61-66cc-4bc3-91c5-0f1e23b3db85.tmp</t>
  </si>
  <si>
    <t>\\acsfs\profiles$\kellzylenneasr\Downloads\e2ff9d61-66cc-4bc3-91c5-0f1e23b3db85.tmp</t>
  </si>
  <si>
    <t>12/18/2019 09:04:46</t>
  </si>
  <si>
    <t>12/18/2019 09:06:57</t>
  </si>
  <si>
    <t>12/18/2019 09:05:52</t>
  </si>
  <si>
    <t>12/18/2019 09:10:28</t>
  </si>
  <si>
    <t>12/18/2019 09:07:58</t>
  </si>
  <si>
    <t>12/18/2019 09:11:27</t>
  </si>
  <si>
    <t>12/18/2019 09:07:59</t>
  </si>
  <si>
    <t>lu10204ro02u.tmp</t>
  </si>
  <si>
    <t>\\acsfs\profiles$\dhiulliananads\My Documents\lu10204ro02u.tmp</t>
  </si>
  <si>
    <t>\\acsfs\profiles$\dhiulliananads\My Documents\lu10204ro02u.tmp\</t>
  </si>
  <si>
    <t>\\acsfs\profiles$\dhiulliananads\My Documents\lu10204ro02u.tmp\META-INF\</t>
  </si>
  <si>
    <t>\\acsfs\profiles$\dhiulliananads\My Documents\lu10204ro02u.tmp\Thumbnails\</t>
  </si>
  <si>
    <t>12/18/2019 09:09:48</t>
  </si>
  <si>
    <t>lu10204ro02z.tmp</t>
  </si>
  <si>
    <t>\\acsfs\profiles$\dhiulliananads\My Documents\lu10204ro02z.tmp</t>
  </si>
  <si>
    <t>\\acsfs\profiles$\dhiulliananads\My Documents\lu10204ro02z.tmp\</t>
  </si>
  <si>
    <t>\\acsfs\profiles$\dhiulliananads\My Documents\lu10204ro02z.tmp\META-INF\</t>
  </si>
  <si>
    <t>\\acsfs\profiles$\dhiulliananads\My Documents\lu10204ro02z.tmp\Thumbnails\</t>
  </si>
  <si>
    <t>12/18/2019 09:09:55</t>
  </si>
  <si>
    <t>12/18/2019 09:12:27</t>
  </si>
  <si>
    <t>12/18/2019 09:08:10</t>
  </si>
  <si>
    <t>CompiladoPrecos.xlsx</t>
  </si>
  <si>
    <t>12/18/2019 09:08:15</t>
  </si>
  <si>
    <t>C:\Users\simoneesm\OneDrive - Grupo Algar\Controle\ALGAR\FINANCEIRO\Orçamento Original\2020\1º semestre\PTH\</t>
  </si>
  <si>
    <t>Template Orçamentário Pessoal - 2020_Amanda.xlsx</t>
  </si>
  <si>
    <t>12/18/2019 09:08:24</t>
  </si>
  <si>
    <t>C:\Users\simoneesm\OneDrive - Grupo Algar\Controle\ALGAR\FINANCEIRO\Orçamento Original\2020\1º semestre\PTH\09102019\</t>
  </si>
  <si>
    <t>12/18/2019 09:11:12</t>
  </si>
  <si>
    <t>12/18/2019 09:13:27</t>
  </si>
  <si>
    <t>12/18/2019 09:08:35</t>
  </si>
  <si>
    <t>12/18/2019 09:09:37</t>
  </si>
  <si>
    <t>12/18/2019 09:09:38</t>
  </si>
  <si>
    <t>12/18/2019 09:09:39</t>
  </si>
  <si>
    <t>12/18/2019 09:09:40</t>
  </si>
  <si>
    <t>12/18/2019 09:11:29</t>
  </si>
  <si>
    <t>12/18/2019 09:11:30</t>
  </si>
  <si>
    <t>12/18/2019 09:11:31</t>
  </si>
  <si>
    <t>12/18/2019 09:09:25</t>
  </si>
  <si>
    <t>12/18/2019 09:10:55</t>
  </si>
  <si>
    <t>12/18/2019 09:11:25</t>
  </si>
  <si>
    <t>12/18/2019 09:11:55</t>
  </si>
  <si>
    <t>12/18/2019 09:12:25</t>
  </si>
  <si>
    <t>12/18/2019 09:12:55</t>
  </si>
  <si>
    <t>57d745a2-813c-4c57-a88d-4f77333f5774.tmp</t>
  </si>
  <si>
    <t>\\acsfs\profiles$\felipetds\Downloads\57d745a2-813c-4c57-a88d-4f77333f5774.tmp</t>
  </si>
  <si>
    <t>12/18/2019 09:11:14</t>
  </si>
  <si>
    <t>lu2196aivt.tmp</t>
  </si>
  <si>
    <t>\\acsfs\profiles$\VIVIANALDS\My Documents\lu2196aivt.tmp</t>
  </si>
  <si>
    <t>\\acsfs\profiles$\VIVIANALDS\My Documents\lu2196aivt.tmp\</t>
  </si>
  <si>
    <t>\\acsfs\profiles$\VIVIANALDS\My Documents\lu2196aivt.tmp\META-INF\</t>
  </si>
  <si>
    <t>\\acsfs\profiles$\VIVIANALDS\My Documents\lu2196aivt.tmp\Thumbnails\</t>
  </si>
  <si>
    <t>12/18/2019 09:14:27</t>
  </si>
  <si>
    <t>12/18/2019 09:13:05</t>
  </si>
  <si>
    <t>12/18/2019 09:15:27</t>
  </si>
  <si>
    <t>8909ce76-b0dc-4c87-9718-f70148f2d0f3.tmp</t>
  </si>
  <si>
    <t>\\acsfs\profiles$\PEDROHAB\Downloads\8909ce76-b0dc-4c87-9718-f70148f2d0f3.tmp</t>
  </si>
  <si>
    <t>12/18/2019 09:12:58</t>
  </si>
  <si>
    <t>12/18/2019 09:18:27</t>
  </si>
  <si>
    <t>https://outlook.office365.com/mapi/nspi/?mailboxid=48ad403d-3510-47b8-8f76-3ad496ea7c8c@algartech.com</t>
  </si>
  <si>
    <t>12/18/2019 09:12:59</t>
  </si>
  <si>
    <t>12/18/2019 09:13:35</t>
  </si>
  <si>
    <t>12/18/2019 09:15:15</t>
  </si>
  <si>
    <t>12/18/2019 09:15:32</t>
  </si>
  <si>
    <t>12/18/2019 09:15:34</t>
  </si>
  <si>
    <t>12/18/2019 09:15:35</t>
  </si>
  <si>
    <t>12/18/2019 09:17:09</t>
  </si>
  <si>
    <t>12/18/2019 09:17:11</t>
  </si>
  <si>
    <t>12/18/2019 09:17:12</t>
  </si>
  <si>
    <t>12/18/2019 09:17:51</t>
  </si>
  <si>
    <t>12/18/2019 09:17:53</t>
  </si>
  <si>
    <t>12/18/2019 09:17:54</t>
  </si>
  <si>
    <t>12/18/2019 09:13:25</t>
  </si>
  <si>
    <t>12/18/2019 09:13:55</t>
  </si>
  <si>
    <t>12/18/2019 09:16:08</t>
  </si>
  <si>
    <t>12/18/2019 09:19:27</t>
  </si>
  <si>
    <t>12/18/2019 09:19:31</t>
  </si>
  <si>
    <t>12/18/2019 09:20:27</t>
  </si>
  <si>
    <t>12/18/2019 09:17:48</t>
  </si>
  <si>
    <t>https://outlook.office365.com/owa/qualidadealgarbv@algartech.com/service.svc?action=updateitem&amp;app=mail&amp;n=148</t>
  </si>
  <si>
    <t>12/18/2019 09:18:17</t>
  </si>
  <si>
    <t>https://outlook.office365.com/owa/qualidadealgarbv@algartech.com/service.svc?action=updateitem&amp;app=mail&amp;n=190</t>
  </si>
  <si>
    <t>12/18/2019 09:18:47</t>
  </si>
  <si>
    <t>12/18/2019 09:19:17</t>
  </si>
  <si>
    <t>https://outlook.office365.com/owa/qualidadealgarbv@algartech.com/service.svc?action=updateitem&amp;app=mail&amp;n=235</t>
  </si>
  <si>
    <t>12/18/2019 09:19:26</t>
  </si>
  <si>
    <t>https://outlook.office365.com/owa/qualidadealgarbv@algartech.com/service.svc?action=updateitem&amp;app=mail&amp;n=245</t>
  </si>
  <si>
    <t>12/18/2019 09:18:02</t>
  </si>
  <si>
    <t>2d9e6e84-aa07-4a96-9bc4-bb3163868b6a.tmp</t>
  </si>
  <si>
    <t>\\acsfs\profiles$\JOAOVAL\Downloads\2d9e6e84-aa07-4a96-9bc4-bb3163868b6a.tmp</t>
  </si>
  <si>
    <t>12/18/2019 09:18:04</t>
  </si>
  <si>
    <t>5d6040c9-b0bc-4e52-9155-582a5a483f0c.tmp</t>
  </si>
  <si>
    <t>\\acsfs\profiles$\JOAOVAL\Downloads\5d6040c9-b0bc-4e52-9155-582a5a483f0c.tmp</t>
  </si>
  <si>
    <t>12/18/2019 09:18:20</t>
  </si>
  <si>
    <t>02c38e50-5524-40e9-8ac4-4cedc82269de.tmp</t>
  </si>
  <si>
    <t>\\acsfs\profiles$\JOAOVAL\Downloads\02c38e50-5524-40e9-8ac4-4cedc82269de.tmp</t>
  </si>
  <si>
    <t>12/18/2019 09:18:10</t>
  </si>
  <si>
    <t>12/18/2019 09:21:26</t>
  </si>
  <si>
    <t>12/18/2019 09:18:22</t>
  </si>
  <si>
    <t>12/18/2019 09:18:35</t>
  </si>
  <si>
    <t>12/18/2019 09:18:37</t>
  </si>
  <si>
    <t>12/18/2019 09:18:43</t>
  </si>
  <si>
    <t>12/18/2019 09:18:55</t>
  </si>
  <si>
    <t>12/18/2019 09:19:01</t>
  </si>
  <si>
    <t>12/18/2019 09:19:05</t>
  </si>
  <si>
    <t>12/18/2019 09:19:08</t>
  </si>
  <si>
    <t>12/18/2019 09:19:12</t>
  </si>
  <si>
    <t>12/18/2019 09:19:32</t>
  </si>
  <si>
    <t>12/18/2019 09:19:36</t>
  </si>
  <si>
    <t>12/18/2019 09:19:46</t>
  </si>
  <si>
    <t>12/18/2019 09:19:53</t>
  </si>
  <si>
    <t>fernandaab@algartech.com;mirianppb@algartech.com;thiagord@algartech.com;</t>
  </si>
  <si>
    <t>fernandaab@algartech.com,mirianppb@algartech.com,thiagord@algartech.com</t>
  </si>
  <si>
    <t>12/18/2019 09:19:59</t>
  </si>
  <si>
    <t>12/18/2019 09:20:01</t>
  </si>
  <si>
    <t>fernandaab@algartech.com;marianerdo@algartech.com;mirianppb@algartech.com;thiagord@algartech.com;</t>
  </si>
  <si>
    <t>fernandaab@algartech.com,marianerdo@algartech.com,mirianppb@algartech.com,thiagord@algartech.com</t>
  </si>
  <si>
    <t>12/18/2019 09:20:03</t>
  </si>
  <si>
    <t>12/18/2019 09:22:27</t>
  </si>
  <si>
    <t>8238eac2-ec11-4045-ae38-c8441b2bb525.tmp</t>
  </si>
  <si>
    <t>\\acsfs\profiles$\cintiadcf\Downloads\8238eac2-ec11-4045-ae38-c8441b2bb525.tmp</t>
  </si>
  <si>
    <t>12/17/2019 22:43:02</t>
  </si>
  <si>
    <t>12/18/2019 09:23:26</t>
  </si>
  <si>
    <t>10.201.30.75</t>
  </si>
  <si>
    <t>adrianaafss@algartech.com;alessandrar@algartech.com;luizobfi@algartech.com;patriciaars@algartech.com;rodrigommo@algartech.com;</t>
  </si>
  <si>
    <t>C:\Users\andremg\Desktop\Central de Vendas\Árvore de categorização\</t>
  </si>
  <si>
    <t>ESCOPO-BACKOFFICE SOTREQ.xlsx</t>
  </si>
  <si>
    <t>adrianaafss@algartech.com,alessandrar@algartech.com,luizobfi@algartech.com,patriciaars@algartech.com,rodrigommo@algartech.com</t>
  </si>
  <si>
    <t>12/18/2019 09:18:03</t>
  </si>
  <si>
    <t>12/18/2019 09:18:05</t>
  </si>
  <si>
    <t>12/18/2019 09:18:11</t>
  </si>
  <si>
    <t>12/18/2019 09:18:12</t>
  </si>
  <si>
    <t>12/18/2019 09:19:28</t>
  </si>
  <si>
    <t>12/18/2019 09:19:29</t>
  </si>
  <si>
    <t>12/18/2019 09:19:35</t>
  </si>
  <si>
    <t>12/18/2019 09:20:24</t>
  </si>
  <si>
    <t>12/18/2019 09:20:26</t>
  </si>
  <si>
    <t>12/18/2019 09:20:36</t>
  </si>
  <si>
    <t>12/18/2019 09:21:15</t>
  </si>
  <si>
    <t>12/18/2019 09:22:02</t>
  </si>
  <si>
    <t>12/18/2019 09:22:03</t>
  </si>
  <si>
    <t>12/18/2019 09:22:04</t>
  </si>
  <si>
    <t>12/18/2019 09:20:25</t>
  </si>
  <si>
    <t>12/18/2019 09:20:55</t>
  </si>
  <si>
    <t>12/18/2019 09:22:30</t>
  </si>
  <si>
    <t>12/18/2019 09:24:27</t>
  </si>
  <si>
    <t>12/18/2019 09:22:19</t>
  </si>
  <si>
    <t>12/18/2019 09:25:26</t>
  </si>
  <si>
    <t>12/18/2019 09:20:49</t>
  </si>
  <si>
    <t>7c12cba9-c5f6-475a-a99f-bf4a0743dd3f.tmp</t>
  </si>
  <si>
    <t>\\acsfs\profiles$\JOAOVAL\Downloads\7c12cba9-c5f6-475a-a99f-bf4a0743dd3f.tmp</t>
  </si>
  <si>
    <t>12/18/2019 09:23:36</t>
  </si>
  <si>
    <t>68e7271d-6d44-4e0c-9122-30aebb1ac08c.tmp</t>
  </si>
  <si>
    <t>\\acsfs\profiles$\gabrielafs\Downloads\68e7271d-6d44-4e0c-9122-30aebb1ac08c.tmp</t>
  </si>
  <si>
    <t>12/18/2019 09:20:51</t>
  </si>
  <si>
    <t>12/18/2019 09:26:27</t>
  </si>
  <si>
    <t>12/18/2019 09:21:02</t>
  </si>
  <si>
    <t>mail.google.com/sync/u/0/i/s?hl=pt-BR&amp;c=117</t>
  </si>
  <si>
    <t>12/18/2019 09:24:52</t>
  </si>
  <si>
    <t>6399e788-2883-4d2f-ac12-8acc873c01fd.tmp</t>
  </si>
  <si>
    <t>\\acsfs\profiles$\laianear\Downloads\6399e788-2883-4d2f-ac12-8acc873c01fd.tmp</t>
  </si>
  <si>
    <t>12/18/2019 09:23:19</t>
  </si>
  <si>
    <t>12/18/2019 09:28:27</t>
  </si>
  <si>
    <t>12/18/2019 09:23:20</t>
  </si>
  <si>
    <t>12/18/2019 09:25:35</t>
  </si>
  <si>
    <t>12/18/2019 09:27:15</t>
  </si>
  <si>
    <t>12/18/2019 09:27:21</t>
  </si>
  <si>
    <t>12/18/2019 09:27:22</t>
  </si>
  <si>
    <t>12/18/2019 09:24:25</t>
  </si>
  <si>
    <t>12/18/2019 09:24:55</t>
  </si>
  <si>
    <t>12/18/2019 09:25:25</t>
  </si>
  <si>
    <t>12/18/2019 09:25:55</t>
  </si>
  <si>
    <t>12/18/2019 09:24:13</t>
  </si>
  <si>
    <t>12/18/2019 09:29:27</t>
  </si>
  <si>
    <t>1 CICLO OUTUBRO.txt</t>
  </si>
  <si>
    <t>\\acsfs\DEPTOS\Operacao\Banco_Votorantim\Qualidade\Eliane\Monitoria OUTUBRO\1 CICLO OUTUBRO.txt</t>
  </si>
  <si>
    <t>2° Ciclo Outubro.txt</t>
  </si>
  <si>
    <t>\\acsfs\DEPTOS\Operacao\Banco_Votorantim\Qualidade\Eliane\Monitoria OUTUBRO\2° Ciclo Outubro.txt</t>
  </si>
  <si>
    <t>12/18/2019 09:24:47</t>
  </si>
  <si>
    <t>3° ciclo outubro.txt</t>
  </si>
  <si>
    <t>\\acsfs\DEPTOS\Operacao\Banco_Votorantim\Qualidade\Eliane\Monitoria OUTUBRO\3° ciclo outubro.txt</t>
  </si>
  <si>
    <t>12/18/2019 09:25:04</t>
  </si>
  <si>
    <t>4°Ciclo OUTUBRO.txt</t>
  </si>
  <si>
    <t>\\acsfs\DEPTOS\Operacao\Banco_Votorantim\Qualidade\Eliane\Monitoria OUTUBRO\4°Ciclo OUTUBRO.txt</t>
  </si>
  <si>
    <t>12/18/2019 09:25:42</t>
  </si>
  <si>
    <t>1 ciclo setembro.txt</t>
  </si>
  <si>
    <t>\\acsfs\DEPTOS\Operacao\Banco_Votorantim\Qualidade\Eliane\Monitoria SETEMBRO\1 ciclo setembro.txt</t>
  </si>
  <si>
    <t>12/18/2019 09:26:05</t>
  </si>
  <si>
    <t>2 ciclo setembro.txt</t>
  </si>
  <si>
    <t>\\acsfs\DEPTOS\Operacao\Banco_Votorantim\Qualidade\Eliane\Monitoria SETEMBRO\2 ciclo setembro.txt</t>
  </si>
  <si>
    <t>12/18/2019 09:26:18</t>
  </si>
  <si>
    <t>3° ciclo setembro.txt</t>
  </si>
  <si>
    <t>\\acsfs\DEPTOS\Operacao\Banco_Votorantim\Qualidade\Eliane\Monitoria SETEMBRO\3° ciclo setembro.txt</t>
  </si>
  <si>
    <t>12/18/2019 09:26:58</t>
  </si>
  <si>
    <t>12/18/2019 09:30:26</t>
  </si>
  <si>
    <t>\\acsfs\DEPTOS\EDUCACAO EMPRESARIAL\MATERIAL UNIBRAD\Thumbs.db</t>
  </si>
  <si>
    <t>12/18/2019 09:29:40</t>
  </si>
  <si>
    <t>12/18/2019 09:27:14</t>
  </si>
  <si>
    <t>fad9d0c3-f2bc-45e7-ac2a-551f2c2ce855.tmp</t>
  </si>
  <si>
    <t>\\acsfs\profiles$\gabrielafs\Downloads\fad9d0c3-f2bc-45e7-ac2a-551f2c2ce855.tmp</t>
  </si>
  <si>
    <t>12/18/2019 09:28:37</t>
  </si>
  <si>
    <t>12/18/2019 09:31:27</t>
  </si>
  <si>
    <t>12/17/2019 08:59:18</t>
  </si>
  <si>
    <t>adalbertoms@algartech.com;alexandreapi@algartech.com;camilat@algartech.com;cinthia.guimaraes@algartech.com;danieldom@algartech.com;elisangela.silva@algartech.com;gisele.lopes@algartech.com;hugobsa@algartech.com;jeffersonrdsa@algartech.com;kamiladsv@algartech.com;luiz.m.carvalho@algartech.com;marco.padovani@algartech.com;octavio.vasconcellos@algartech.com;pablomlqu@algartech.com;patriciaf@algartech.com;pedrofs@algartech.com;renata.silva@algartech.com;sgc-th_gat@algartech.com;simoneesm@algartech.com;suenyfo@algartech.com;walter.silva@algartech.com;wesleydal@algartech.com;wilsonaapn@algartech.com;</t>
  </si>
  <si>
    <t>Consolidado HE_028_029_033_01A1612.xlsm</t>
  </si>
  <si>
    <t>adalbertoms@algartech.com,alexandreapi@algartech.com,camilat@algartech.com,cinthia.guimaraes@algartech.com,danieldom@algartech.com,elisangela.silva@algartech.com,gisele.lopes@algartech.com,hugobsa@algartech.com,jeffersonrdsa@algartech.com,kamiladsv@algartech.com,luiz.m.carvalho@algartech.com,marco.padovani@algartech.com,octavio.vasconcellos@algartech.com,pablomlqu@algartech.com,patriciaf@algartech.com,pedrofs@algartech.com,renata.silva@algartech.com,sgc-th_gat@algartech.com,simoneesm@algartech.com,suenyfo@algartech.com,walter.silva@algartech.com,wesleydal@algartech.com,wilsonaapn@algartech.com</t>
  </si>
  <si>
    <t>12/17/2019 15:37:21</t>
  </si>
  <si>
    <t>EQUIPE GAT DEZEMBRO_1612.xlsm</t>
  </si>
  <si>
    <t>12/18/2019 07:55:02</t>
  </si>
  <si>
    <t>mail.google.com/_/upload?authuser=0&amp;dcp=asu-n&amp;upload_id=AEnB2UqALUwTlbY-k9UWZLlj-LNMDZncWhxZK3vaH_PpQASCVNZF1I0qfSQ5Hv90jZQfCJiwerTiDV8N4FhNdRWIvf3OiUNflZQZ-E4-oxuFdNIIK27WWTY&amp;upload_protocol=resumable</t>
  </si>
  <si>
    <t>OCORRENCIAS_028_01A1712.CSV</t>
  </si>
  <si>
    <t>12/18/2019 07:55:03</t>
  </si>
  <si>
    <t>mail.google.com/_/upload?authuser=0&amp;dcp=asu-n&amp;upload_id=AEnB2UpAxfUMedzTQDDZwzz5wdSjuUH6vGa42e9RmGwDKvawhKk35vwXjvkyPUczi61tD4eGpbgxB3VMFJcBqt0rJwOWNC041J0WpsI2oHnd795yKRIqEZE&amp;upload_protocol=resumable</t>
  </si>
  <si>
    <t>OCORRENCIAS_029_01A1712.CSV</t>
  </si>
  <si>
    <t>mail.google.com/_/upload?authuser=0&amp;dcp=asu-n&amp;upload_id=AEnB2UqooKFy2Iv_Gf2PFIYirQquMUlH78h6DHULMOYNX41xDVQRXc5BT442gLIiRs27ZSkYj9SFFSVWMS2fooGkhuhO41y7j5BGAs6kr9qXPdXqkPUsrX4&amp;upload_protocol=resumable</t>
  </si>
  <si>
    <t>OCORRENCIAS_033_01A1712.CSV</t>
  </si>
  <si>
    <t>12/18/2019 09:28:23</t>
  </si>
  <si>
    <t>12/18/2019 09:33:27</t>
  </si>
  <si>
    <t>12/18/2019 09:29:05</t>
  </si>
  <si>
    <t>/o=exchangelabs/ou=exchange administrative group (fydibohf23spdlt)/cn=recipients/cn=a19b321d5b334e5aadd5d63abdb84bd8-karine fern;/o=exchangelabs/ou=exchange administrative group (fydibohf23spdlt)/cn=recipients/cn=be0b59caa4dc43e39afaa089f44ef778-leonardo al;joaopsan@algartech.com;</t>
  </si>
  <si>
    <t>RES: Lançar treinamento</t>
  </si>
  <si>
    <t>/o=exchangelabs/ou=exchange administrative group (fydibohf23spdlt)/cn=recipients/cn=a19b321d5b334e5aadd5d63abdb84bd8-karine fern,/o=exchangelabs/ou=exchange administrative group (fydibohf23spdlt)/cn=recipients/cn=be0b59caa4dc43e39afaa089f44ef778-leonardo al,joaopsan@algartech.com</t>
  </si>
  <si>
    <t>12/18/2019 09:29:07</t>
  </si>
  <si>
    <t>12/18/2019 09:29:08</t>
  </si>
  <si>
    <t>12/18/2019 09:29:10</t>
  </si>
  <si>
    <t>12/18/2019 09:29:11</t>
  </si>
  <si>
    <t>12/18/2019 09:29:12</t>
  </si>
  <si>
    <t>12/18/2019 09:29:25</t>
  </si>
  <si>
    <t>12/18/2019 09:29:28</t>
  </si>
  <si>
    <t>12/18/2019 09:30:00</t>
  </si>
  <si>
    <t>12/18/2019 09:30:01</t>
  </si>
  <si>
    <t>12/18/2019 09:30:06</t>
  </si>
  <si>
    <t>12/18/2019 09:30:08</t>
  </si>
  <si>
    <t>12/18/2019 09:30:09</t>
  </si>
  <si>
    <t>12/18/2019 09:30:11</t>
  </si>
  <si>
    <t>12/18/2019 09:30:37</t>
  </si>
  <si>
    <t>12/18/2019 09:30:39</t>
  </si>
  <si>
    <t>12/18/2019 09:31:35</t>
  </si>
  <si>
    <t>12/18/2019 09:32:21</t>
  </si>
  <si>
    <t>12/18/2019 09:32:22</t>
  </si>
  <si>
    <t>12/18/2019 09:32:28</t>
  </si>
  <si>
    <t>12/18/2019 09:32:30</t>
  </si>
  <si>
    <t>12/18/2019 09:31:56</t>
  </si>
  <si>
    <t>12/18/2019 09:32:26</t>
  </si>
  <si>
    <t>12/18/2019 09:28:48</t>
  </si>
  <si>
    <t>12/18/2019 09:34:26</t>
  </si>
  <si>
    <t>3° ciclo agosto.txt</t>
  </si>
  <si>
    <t>\\acsfs\DEPTOS\Operacao\Banco_Votorantim\Qualidade\Eliane\Monitoria AGOSTO\3° ciclo agosto.txt</t>
  </si>
  <si>
    <t>12/18/2019 09:29:01</t>
  </si>
  <si>
    <t>4° ciclo agosto.txt</t>
  </si>
  <si>
    <t>\\acsfs\DEPTOS\Operacao\Banco_Votorantim\Qualidade\Eliane\Monitoria AGOSTO\4° ciclo agosto.txt</t>
  </si>
  <si>
    <t>12/18/2019 09:33:29</t>
  </si>
  <si>
    <t>12/18/2019 09:35:27</t>
  </si>
  <si>
    <t>Laudo.docx</t>
  </si>
  <si>
    <t>\\acsfs\DEPTOS\Operacao\Banco_Votorantim\Qualidade\Anderson\Jose\Laudo.docx</t>
  </si>
  <si>
    <t>12/18/2019 09:34:24</t>
  </si>
  <si>
    <t>eae3611d-4db0-4a1d-ae26-96e07c53f240.tmp</t>
  </si>
  <si>
    <t>\\acsfs\profiles$\alexandrapp\Downloads\eae3611d-4db0-4a1d-ae26-96e07c53f240.tmp</t>
  </si>
  <si>
    <t>12/18/2019 09:31:17</t>
  </si>
  <si>
    <t>5734c749-b1b3-410d-9a87-d6e35657ed5d.tmp</t>
  </si>
  <si>
    <t>\\acsfs\profiles$\leticiala\Downloads\5734c749-b1b3-410d-9a87-d6e35657ed5d.tmp</t>
  </si>
  <si>
    <t>12/18/2019 09:31:22</t>
  </si>
  <si>
    <t>8b39625a-fd60-4bca-9e05-0c45c51ae79c.tmp</t>
  </si>
  <si>
    <t>\\acsfs\profiles$\leticiala\Downloads\8b39625a-fd60-4bca-9e05-0c45c51ae79c.tmp</t>
  </si>
  <si>
    <t>c6a8e54b-4bb2-4802-a34c-f131706258c2.tmp</t>
  </si>
  <si>
    <t>\\acsfs\profiles$\leticiala\Downloads\c6a8e54b-4bb2-4802-a34c-f131706258c2.tmp</t>
  </si>
  <si>
    <t>12/18/2019 09:34:54</t>
  </si>
  <si>
    <t>9e55e248-7424-4351-a217-8cc654b2d630.tmp</t>
  </si>
  <si>
    <t>\\acsfs\profiles$\leticiala\Downloads\9e55e248-7424-4351-a217-8cc654b2d630.tmp</t>
  </si>
  <si>
    <t>12/18/2019 09:34:11</t>
  </si>
  <si>
    <t>12/18/2019 09:36:26</t>
  </si>
  <si>
    <t>70ac5716-af4f-4207-85c5-b47f68c93874.tmp</t>
  </si>
  <si>
    <t>\\acsfs\profiles$\deborahsi\Downloads\70ac5716-af4f-4207-85c5-b47f68c93874.tmp</t>
  </si>
  <si>
    <t>12/18/2019 09:35:38</t>
  </si>
  <si>
    <t>12/18/2019 09:37:27</t>
  </si>
  <si>
    <t>3950aa9d-067b-466f-9eea-5b6a5bfabd05.tmp</t>
  </si>
  <si>
    <t>\\acsfs\profiles$\KARENDSR\Downloads\3950aa9d-067b-466f-9eea-5b6a5bfabd05.tmp</t>
  </si>
  <si>
    <t>12/18/2019 09:36:48</t>
  </si>
  <si>
    <t>7a33ff0c-bffe-4ec6-80a4-54580d0f180d.tmp</t>
  </si>
  <si>
    <t>\\acsfs\profiles$\KARENDSR\Downloads\7a33ff0c-bffe-4ec6-80a4-54580d0f180d.tmp</t>
  </si>
  <si>
    <t>12/18/2019 09:37:10</t>
  </si>
  <si>
    <t>3e052813-4b87-45f6-a304-71b37fd8cf4c.tmp</t>
  </si>
  <si>
    <t>\\acsfs\profiles$\KARENDSR\Downloads\3e052813-4b87-45f6-a304-71b37fd8cf4c.tmp</t>
  </si>
  <si>
    <t>12/18/2019 09:33:52</t>
  </si>
  <si>
    <t>https://webdir0a.online.lync.com/webticket/webticketservice.svc/oauth</t>
  </si>
  <si>
    <t>12/18/2019 09:34:23</t>
  </si>
  <si>
    <t>12/18/2019 09:34:29</t>
  </si>
  <si>
    <t>12/18/2019 09:35:13</t>
  </si>
  <si>
    <t>12/18/2019 09:35:14</t>
  </si>
  <si>
    <t>12/18/2019 09:35:15</t>
  </si>
  <si>
    <t>12/18/2019 09:35:16</t>
  </si>
  <si>
    <t>12/18/2019 09:35:19</t>
  </si>
  <si>
    <t>12/18/2019 09:35:20</t>
  </si>
  <si>
    <t>12/18/2019 09:35:21</t>
  </si>
  <si>
    <t>12/18/2019 09:35:23</t>
  </si>
  <si>
    <t>12/18/2019 09:35:39</t>
  </si>
  <si>
    <t>12/18/2019 09:35:40</t>
  </si>
  <si>
    <t>12/18/2019 09:35:41</t>
  </si>
  <si>
    <t>12/18/2019 09:35:42</t>
  </si>
  <si>
    <t>12/18/2019 09:35:44</t>
  </si>
  <si>
    <t>12/18/2019 09:33:15</t>
  </si>
  <si>
    <t>12/18/2019 09:38:27</t>
  </si>
  <si>
    <t>12/18/2019 09:33:57</t>
  </si>
  <si>
    <t>12/18/2019 09:33:58</t>
  </si>
  <si>
    <t>12/18/2019 09:34:00</t>
  </si>
  <si>
    <t>12/18/2019 09:35:04</t>
  </si>
  <si>
    <t>12/18/2019 09:35:05</t>
  </si>
  <si>
    <t>12/18/2019 09:35:06</t>
  </si>
  <si>
    <t>12/18/2019 09:35:08</t>
  </si>
  <si>
    <t>12/18/2019 09:36:25</t>
  </si>
  <si>
    <t>12/18/2019 09:36:27</t>
  </si>
  <si>
    <t>12/18/2019 09:36:29</t>
  </si>
  <si>
    <t>12/18/2019 09:36:31</t>
  </si>
  <si>
    <t>12/18/2019 09:36:33</t>
  </si>
  <si>
    <t>12/18/2019 09:36:50</t>
  </si>
  <si>
    <t>12/18/2019 09:36:51</t>
  </si>
  <si>
    <t>12/18/2019 09:37:35</t>
  </si>
  <si>
    <t>12/18/2019 09:33:26</t>
  </si>
  <si>
    <t>12/18/2019 09:33:56</t>
  </si>
  <si>
    <t>12/18/2019 09:34:56</t>
  </si>
  <si>
    <t>12/18/2019 09:36:56</t>
  </si>
  <si>
    <t>12/18/2019 09:37:26</t>
  </si>
  <si>
    <t>12/18/2019 09:37:56</t>
  </si>
  <si>
    <t>12/18/2019 09:36:02</t>
  </si>
  <si>
    <t>12/18/2019 09:39:27</t>
  </si>
  <si>
    <t>74-86-7A-FB-17-67</t>
  </si>
  <si>
    <t>VOTORANT-IB013</t>
  </si>
  <si>
    <t>70c70e71-8f46-4eae-98aa-1d20fa09bb9c.tmp</t>
  </si>
  <si>
    <t>\\acsfs\profiles$\sayharaefs\Downloads\70c70e71-8f46-4eae-98aa-1d20fa09bb9c.tmp</t>
  </si>
  <si>
    <t>12/18/2019 09:36:12</t>
  </si>
  <si>
    <t>28c58409-e735-4237-91ad-430bfca5fde7.tmp</t>
  </si>
  <si>
    <t>\\acsfs\profiles$\sayharaefs\Downloads\28c58409-e735-4237-91ad-430bfca5fde7.tmp</t>
  </si>
  <si>
    <t>12/18/2019 09:33:41</t>
  </si>
  <si>
    <t>12/18/2019 09:36:35</t>
  </si>
  <si>
    <t>Template Tropa - Atalho.lnk</t>
  </si>
  <si>
    <t>\\acsfs\DEPTOS\Operacao\Banco_Votorantim\Qualidade\Eliane\Template Tropa - Atalho.lnk</t>
  </si>
  <si>
    <t>TNC - Reembolso a Cliente por Crédito de Seguradora - Atalho.lnk</t>
  </si>
  <si>
    <t>\\acsfs\DEPTOS\Operacao\Banco_Votorantim\Qualidade\Eliane\TNC - Reembolso a Cliente por Crédito de Seguradora - Atalho.lnk</t>
  </si>
  <si>
    <t>Tô ligado Vertical 2 - Atalho.lnk</t>
  </si>
  <si>
    <t>\\acsfs\DEPTOS\Operacao\Banco_Votorantim\Qualidade\Eliane\Tô ligado Vertical 2 - Atalho.lnk</t>
  </si>
  <si>
    <t>Gravação de saldo 1 - Atalho.lnk</t>
  </si>
  <si>
    <t>\\acsfs\DEPTOS\Operacao\Banco_Votorantim\Qualidade\Eliane\Gravação de saldo 1 - Atalho.lnk</t>
  </si>
  <si>
    <t>Gravação de saldo 1 - Atalho (2).lnk</t>
  </si>
  <si>
    <t>\\acsfs\DEPTOS\Operacao\Banco_Votorantim\Qualidade\Eliane\Gravação de saldo 1 - Atalho (2).lnk</t>
  </si>
  <si>
    <t>12/18/2019 09:36:36</t>
  </si>
  <si>
    <t>Gravação de saldo - Atalho.lnk</t>
  </si>
  <si>
    <t>\\acsfs\DEPTOS\Operacao\Banco_Votorantim\Qualidade\Eliane\Gravação de saldo - Atalho.lnk</t>
  </si>
  <si>
    <t>Histórico reembolso - Atalho.lnk</t>
  </si>
  <si>
    <t>\\acsfs\DEPTOS\Operacao\Banco_Votorantim\Qualidade\Eliane\Histórico reembolso - Atalho.lnk</t>
  </si>
  <si>
    <t>Histórico reembolso - Atalho (2).lnk</t>
  </si>
  <si>
    <t>\\acsfs\DEPTOS\Operacao\Banco_Votorantim\Qualidade\Eliane\Histórico reembolso - Atalho (2).lnk</t>
  </si>
  <si>
    <t>Histórico - Atalho.lnk</t>
  </si>
  <si>
    <t>\\acsfs\DEPTOS\Operacao\Banco_Votorantim\Qualidade\Eliane\Histórico - Atalho.lnk</t>
  </si>
  <si>
    <t>12/18/2019 09:36:37</t>
  </si>
  <si>
    <t>Histórico - Atalho (2).lnk</t>
  </si>
  <si>
    <t>\\acsfs\DEPTOS\Operacao\Banco_Votorantim\Qualidade\Eliane\Histórico - Atalho (2).lnk</t>
  </si>
  <si>
    <t>IMPROCEDÊNCIA MUTANT - Atalho.lnk</t>
  </si>
  <si>
    <t>\\acsfs\DEPTOS\Operacao\Banco_Votorantim\Qualidade\Eliane\IMPROCEDÊNCIA MUTANT - Atalho.lnk</t>
  </si>
  <si>
    <t>Ligação transferida para operadora com dados confirmados - Atalho.lnk</t>
  </si>
  <si>
    <t>\\acsfs\DEPTOS\Operacao\Banco_Votorantim\Qualidade\Eliane\Ligação transferida para operadora com dados confirmados - Atalho.lnk</t>
  </si>
  <si>
    <t>MOLDE Contestação - Atalho.lnk</t>
  </si>
  <si>
    <t>\\acsfs\DEPTOS\Operacao\Banco_Votorantim\Qualidade\Eliane\MOLDE Contestação - Atalho.lnk</t>
  </si>
  <si>
    <t>12/18/2019 09:36:38</t>
  </si>
  <si>
    <t>MOLDE - Atalho.lnk</t>
  </si>
  <si>
    <t>\\acsfs\DEPTOS\Operacao\Banco_Votorantim\Qualidade\Eliane\MOLDE - Atalho.lnk</t>
  </si>
  <si>
    <t>Motivacional-Erros - Atalho.lnk</t>
  </si>
  <si>
    <t>\\acsfs\DEPTOS\Operacao\Banco_Votorantim\Qualidade\Eliane\Motivacional-Erros - Atalho.lnk</t>
  </si>
  <si>
    <t>Parecer erro operacional-SOLANGE ARAUJO DOS SANTOS - Atalho.lnk</t>
  </si>
  <si>
    <t>\\acsfs\DEPTOS\Operacao\Banco_Votorantim\Qualidade\Eliane\Parecer erro operacional-SOLANGE ARAUJO DOS SANTOS - Atalho.lnk</t>
  </si>
  <si>
    <t>Piloto_Soletração - Atalho.lnk</t>
  </si>
  <si>
    <t>\\acsfs\DEPTOS\Operacao\Banco_Votorantim\Qualidade\Eliane\Piloto_Soletração - Atalho.lnk</t>
  </si>
  <si>
    <t>12/18/2019 09:36:39</t>
  </si>
  <si>
    <t>Registro em histórico da operadora PRISCILLA ELLEN DOS SANTOS SOARES - Atalho.lnk</t>
  </si>
  <si>
    <t>\\acsfs\DEPTOS\Operacao\Banco_Votorantim\Qualidade\Eliane\Registro em histórico da operadora PRISCILLA ELLEN DOS SANTOS SOARES - Atalho.lnk</t>
  </si>
  <si>
    <t>Registro em histórico da operadora PRISCILLA ELLEN DOS SANTOS SOARES - Atalho (2).lnk</t>
  </si>
  <si>
    <t>\\acsfs\DEPTOS\Operacao\Banco_Votorantim\Qualidade\Eliane\Registro em histórico da operadora PRISCILLA ELLEN DOS SANTOS SOARES - Atalho (2).lnk</t>
  </si>
  <si>
    <t>Repasse - Atalho.lnk</t>
  </si>
  <si>
    <t>\\acsfs\DEPTOS\Operacao\Banco_Votorantim\Qualidade\Eliane\Repasse - Atalho.lnk</t>
  </si>
  <si>
    <t>Revisão tréplica 3 e 4 ciclo enviado dia 25-10 - Atalho.lnk</t>
  </si>
  <si>
    <t>\\acsfs\DEPTOS\Operacao\Banco_Votorantim\Qualidade\Eliane\Revisão tréplica 3 e 4 ciclo enviado dia 25-10 - Atalho.lnk</t>
  </si>
  <si>
    <t>12/18/2019 09:36:17</t>
  </si>
  <si>
    <t>12/18/2019 09:40:27</t>
  </si>
  <si>
    <t>cb565e7d-ac5b-45dc-a9a3-4bdfbd96ae58.tmp</t>
  </si>
  <si>
    <t>\\acsfs\profiles$\alexandrapp\Downloads\cb565e7d-ac5b-45dc-a9a3-4bdfbd96ae58.tmp</t>
  </si>
  <si>
    <t>12/18/2019 09:37:34</t>
  </si>
  <si>
    <t>12/18/2019 09:41:27</t>
  </si>
  <si>
    <t>a71bb03f-6fcd-4e3c-873e-b5c3d9fc9833.tmp</t>
  </si>
  <si>
    <t>\\acsfs\profiles$\deborahsi\Downloads\a71bb03f-6fcd-4e3c-873e-b5c3d9fc9833.tmp</t>
  </si>
  <si>
    <t>12/18/2019 09:37:39</t>
  </si>
  <si>
    <t>bcc06e01-745b-455b-bb12-98e2a035c5a1.tmp</t>
  </si>
  <si>
    <t>\\acsfs\profiles$\deborahsi\Downloads\bcc06e01-745b-455b-bb12-98e2a035c5a1.tmp</t>
  </si>
  <si>
    <t>12/18/2019 09:39:55</t>
  </si>
  <si>
    <t>c47e9b3d-5518-4c23-bb1f-65ca5e1567da.tmp</t>
  </si>
  <si>
    <t>\\acsfs\profiles$\deborahsi\Downloads\c47e9b3d-5518-4c23-bb1f-65ca5e1567da.tmp</t>
  </si>
  <si>
    <t>12/18/2019 09:40:44</t>
  </si>
  <si>
    <t>12/18/2019 09:42:27</t>
  </si>
  <si>
    <t>12/18/2019 09:41:44</t>
  </si>
  <si>
    <t>12/18/2019 09:42:14</t>
  </si>
  <si>
    <t>12/18/2019 09:39:15</t>
  </si>
  <si>
    <t>12/18/2019 09:43:27</t>
  </si>
  <si>
    <t>12/18/2019 09:39:28</t>
  </si>
  <si>
    <t>12/18/2019 09:40:12</t>
  </si>
  <si>
    <t>12/18/2019 09:40:13</t>
  </si>
  <si>
    <t>12/18/2019 09:42:28</t>
  </si>
  <si>
    <t>12/18/2019 09:39:56</t>
  </si>
  <si>
    <t>12/18/2019 09:40:26</t>
  </si>
  <si>
    <t>12/18/2019 09:38:50</t>
  </si>
  <si>
    <t>12/18/2019 09:44:27</t>
  </si>
  <si>
    <t>Calibração exluida a mando do Fernando-Op Guilhrme Consig.PNG</t>
  </si>
  <si>
    <t>\\acsfs\DEPTOS\Operacao\Banco_Votorantim\Qualidade\Eliane\Evidências PRINT\Calibração exluida a mando do Fernando-Op Guilhrme Consig.PNG</t>
  </si>
  <si>
    <t>12/18/2019 09:38:51</t>
  </si>
  <si>
    <t>12/18/2019 09:39:01</t>
  </si>
  <si>
    <t>Contrato sob gestão dobanco Daycoval.PNG</t>
  </si>
  <si>
    <t>\\acsfs\DEPTOS\Operacao\Banco_Votorantim\Qualidade\Eliane\Evidências PRINT\Contrato sob gestão dobanco Daycoval.PNG</t>
  </si>
  <si>
    <t>12/18/2019 09:39:36</t>
  </si>
  <si>
    <t>\\acsfs\DEPTOS\Operacao\Banco_Votorantim\Qualidade\Eliane\Duvida e atualizações Intra\Atualização Pontuações-MONITORIA.docx</t>
  </si>
  <si>
    <t>\\acsfs\DEPTOS\Operacao\Banco_Votorantim\Qualidade\Eliane\Evidências PRINT\</t>
  </si>
  <si>
    <t>\\acsfs\DEPTOS\Operacao\Banco_Votorantim\Qualidade\Eliane\Evidências PRINT\Thumbs.db</t>
  </si>
  <si>
    <t>12/18/2019 09:42:56</t>
  </si>
  <si>
    <t>12/18/2019 09:45:27</t>
  </si>
  <si>
    <t>401bba98-1635-4abc-8094-08981a09be73.tmp</t>
  </si>
  <si>
    <t>\\acsfs\profiles$\alexandrapp\Downloads\401bba98-1635-4abc-8094-08981a09be73.tmp</t>
  </si>
  <si>
    <t>12/18/2019 09:39:49</t>
  </si>
  <si>
    <t>12/18/2019 09:43:46</t>
  </si>
  <si>
    <t>12/18/2019 09:46:27</t>
  </si>
  <si>
    <t>8eb51598-032b-4f0b-8fe8-d073b43a2870.tmp</t>
  </si>
  <si>
    <t>\\acsfs\profiles$\gabrielarb\Downloads\8eb51598-032b-4f0b-8fe8-d073b43a2870.tmp</t>
  </si>
  <si>
    <t>12/18/2019 09:42:23</t>
  </si>
  <si>
    <t>9ae1aab0-22e4-41a8-9afb-5b5232e5cab6.tmp</t>
  </si>
  <si>
    <t>\\acsfs\profiles$\luanaldsi\Downloads\9ae1aab0-22e4-41a8-9afb-5b5232e5cab6.tmp</t>
  </si>
  <si>
    <t>135e35de-bb9a-409e-bb21-6bb6bf2e750a.tmp</t>
  </si>
  <si>
    <t>\\acsfs\profiles$\luanaldsi\Downloads\135e35de-bb9a-409e-bb21-6bb6bf2e750a.tmp</t>
  </si>
  <si>
    <t>3d63073c-99b2-4b2b-8f94-d7225a311c0a.tmp</t>
  </si>
  <si>
    <t>\\acsfs\profiles$\luanaldsi\Downloads\3d63073c-99b2-4b2b-8f94-d7225a311c0a.tmp</t>
  </si>
  <si>
    <t>12/18/2019 09:46:44</t>
  </si>
  <si>
    <t>12/18/2019 09:47:27</t>
  </si>
  <si>
    <t>12/18/2019 09:43:35</t>
  </si>
  <si>
    <t>12/18/2019 09:48:26</t>
  </si>
  <si>
    <t>12/18/2019 09:44:06</t>
  </si>
  <si>
    <t>12/18/2019 09:45:15</t>
  </si>
  <si>
    <t>12/18/2019 09:45:35</t>
  </si>
  <si>
    <t>12/18/2019 09:45:56</t>
  </si>
  <si>
    <t>12/18/2019 09:46:26</t>
  </si>
  <si>
    <t>12/18/2019 09:49:27</t>
  </si>
  <si>
    <t>12/18/2019 09:49:11</t>
  </si>
  <si>
    <t>12/18/2019 09:47:14</t>
  </si>
  <si>
    <t>12/18/2019 09:50:27</t>
  </si>
  <si>
    <t>484e1f26-4917-4775-9c14-bc5607ee0ffa.tmp</t>
  </si>
  <si>
    <t>\\acsfs\profiles$\LUCASNS\Downloads\484e1f26-4917-4775-9c14-bc5607ee0ffa.tmp</t>
  </si>
  <si>
    <t>12/18/2019 09:45:01</t>
  </si>
  <si>
    <t>YASMIN SOARES COSTA_1_6766635170074277337_1_32.wav</t>
  </si>
  <si>
    <t>\\acsfs\DEPTOS\EDUCACAO EMPRESARIAL\Ligaçoes para MUTANT seg ciclo DEZEMBRO\YASMIN SOARES COSTA_1_6766635170074277337_1_32.wav</t>
  </si>
  <si>
    <t>12/18/2019 09:49:47</t>
  </si>
  <si>
    <t>12/18/2019 09:51:27</t>
  </si>
  <si>
    <t>10.201.28.43</t>
  </si>
  <si>
    <t>c:\users\adrianamac\downloads\</t>
  </si>
  <si>
    <t>entrega panetone.xlsx</t>
  </si>
  <si>
    <t>12/18/2019 09:47:44</t>
  </si>
  <si>
    <t>12/18/2019 09:52:27</t>
  </si>
  <si>
    <t>12/18/2019 09:49:45</t>
  </si>
  <si>
    <t>12/18/2019 09:49:48</t>
  </si>
  <si>
    <t>12/18/2019 09:49:58</t>
  </si>
  <si>
    <t>12/18/2019 09:50:30</t>
  </si>
  <si>
    <t>12/18/2019 09:50:45</t>
  </si>
  <si>
    <t>12/18/2019 09:50:51</t>
  </si>
  <si>
    <t>12/18/2019 09:50:59</t>
  </si>
  <si>
    <t>12/18/2019 09:51:04</t>
  </si>
  <si>
    <t>12/18/2019 09:51:09</t>
  </si>
  <si>
    <t>12/18/2019 09:51:16</t>
  </si>
  <si>
    <t>12/18/2019 09:48:38</t>
  </si>
  <si>
    <t>10.200.58.7</t>
  </si>
  <si>
    <t>12/18/2019 09:49:35</t>
  </si>
  <si>
    <t>12/18/2019 09:53:27</t>
  </si>
  <si>
    <t>12/18/2019 09:50:06</t>
  </si>
  <si>
    <t>12/18/2019 09:50:07</t>
  </si>
  <si>
    <t>12/18/2019 09:50:08</t>
  </si>
  <si>
    <t>12/18/2019 09:50:09</t>
  </si>
  <si>
    <t>12/18/2019 09:51:15</t>
  </si>
  <si>
    <t>12/18/2019 09:51:18</t>
  </si>
  <si>
    <t>12/18/2019 09:51:37</t>
  </si>
  <si>
    <t>12/18/2019 09:49:26</t>
  </si>
  <si>
    <t>12/18/2019 09:49:56</t>
  </si>
  <si>
    <t>12/18/2019 09:50:26</t>
  </si>
  <si>
    <t>12/18/2019 09:50:56</t>
  </si>
  <si>
    <t>12/18/2019 09:54:27</t>
  </si>
  <si>
    <t>12/18/2019 09:54:05</t>
  </si>
  <si>
    <t>12/18/2019 09:55:27</t>
  </si>
  <si>
    <t>3ed851d0-37a6-4a98-b2ab-53e79e6382c6.tmp</t>
  </si>
  <si>
    <t>\\acsfs\profiles$\YASMINSC\Downloads\3ed851d0-37a6-4a98-b2ab-53e79e6382c6.tmp</t>
  </si>
  <si>
    <t>12/18/2019 09:53:46</t>
  </si>
  <si>
    <t>d2246edb-1d02-4c18-bc1d-d4e450c862a3.tmp</t>
  </si>
  <si>
    <t>\\acsfs\profiles$\danielta\Downloads\d2246edb-1d02-4c18-bc1d-d4e450c862a3.tmp</t>
  </si>
  <si>
    <t>12/18/2019 09:54:24</t>
  </si>
  <si>
    <t>12/18/2019 09:56:28</t>
  </si>
  <si>
    <t>dac7fe73-8bb1-4a99-b174-6eaf6e908b95.tmp</t>
  </si>
  <si>
    <t>\\acsfs\profiles$\kamilamrc\Downloads\dac7fe73-8bb1-4a99-b174-6eaf6e908b95.tmp</t>
  </si>
  <si>
    <t>12/18/2019 09:55:02</t>
  </si>
  <si>
    <t>3d37ef0b-c149-4541-b713-f913d7a9bb0a.tmp</t>
  </si>
  <si>
    <t>\\acsfs\profiles$\kamilamrc\Downloads\3d37ef0b-c149-4541-b713-f913d7a9bb0a.tmp</t>
  </si>
  <si>
    <t>12/18/2019 09:53:06</t>
  </si>
  <si>
    <t>12/18/2019 09:51:20</t>
  </si>
  <si>
    <t>equipe graber.xlsx</t>
  </si>
  <si>
    <t>12/18/2019 09:53:50</t>
  </si>
  <si>
    <t>lista de presença oficial - panetones.xls</t>
  </si>
  <si>
    <t>12/18/2019 09:55:13</t>
  </si>
  <si>
    <t>23d377d3-0b40-4bf2-a03b-8f60bdafc911.tmp</t>
  </si>
  <si>
    <t>\\acsfs\profiles$\luanaldsi\Downloads\23d377d3-0b40-4bf2-a03b-8f60bdafc911.tmp</t>
  </si>
  <si>
    <t>12/18/2019 09:53:29</t>
  </si>
  <si>
    <t>12/18/2019 09:57:27</t>
  </si>
  <si>
    <t>12/18/2019 09:52:44</t>
  </si>
  <si>
    <t>12/18/2019 09:53:44</t>
  </si>
  <si>
    <t>12/18/2019 09:55:35</t>
  </si>
  <si>
    <t>12/18/2019 09:58:28</t>
  </si>
  <si>
    <t>12/18/2019 09:56:35</t>
  </si>
  <si>
    <t>12/18/2019 09:57:15</t>
  </si>
  <si>
    <t>12/18/2019 09:53:23</t>
  </si>
  <si>
    <t>12/18/2019 09:54:14</t>
  </si>
  <si>
    <t>12/18/2019 09:59:27</t>
  </si>
  <si>
    <t>\\acsfs\DEPTOS\Operacao\Banco_Votorantim\Qualidade\Eliane\ACESSOS\</t>
  </si>
  <si>
    <t>Acessos e pastas.txt</t>
  </si>
  <si>
    <t>\\acsfs\DEPTOS\Operacao\Banco_Votorantim\Qualidade\Eliane\ACESSOS\Acessos e pastas.txt</t>
  </si>
  <si>
    <t>12/18/2019 09:55:42</t>
  </si>
  <si>
    <t>12/18/2019 09:55:44</t>
  </si>
  <si>
    <t>12/18/2019 09:56:15</t>
  </si>
  <si>
    <t>12/18/2019 10:00:26</t>
  </si>
  <si>
    <t>c3eb62b3-0199-4c34-8fa2-f57eb6208b66.tmp</t>
  </si>
  <si>
    <t>\\acsfs\profiles$\danielta\Downloads\c3eb62b3-0199-4c34-8fa2-f57eb6208b66.tmp</t>
  </si>
  <si>
    <t>12/18/2019 09:58:09</t>
  </si>
  <si>
    <t>12/18/2019 10:01:27</t>
  </si>
  <si>
    <t>e7ff6260-35d3-4d72-9330-9d3d89e09f8a.tmp</t>
  </si>
  <si>
    <t>\\acsfs\profiles$\nathaliadf\Downloads\e7ff6260-35d3-4d72-9330-9d3d89e09f8a.tmp</t>
  </si>
  <si>
    <t>12/18/2019 09:56:02</t>
  </si>
  <si>
    <t>98c1b6ec-2ee5-4133-975e-654725d2a46e.tmp</t>
  </si>
  <si>
    <t>\\acsfs\profiles$\kamilamrc\Downloads\98c1b6ec-2ee5-4133-975e-654725d2a46e.tmp</t>
  </si>
  <si>
    <t>12/18/2019 09:56:06</t>
  </si>
  <si>
    <t>c576f7d4-15be-4305-af83-2f1dcdfd4ab0.tmp</t>
  </si>
  <si>
    <t>\\acsfs\profiles$\kamilamrc\Downloads\c576f7d4-15be-4305-af83-2f1dcdfd4ab0.tmp</t>
  </si>
  <si>
    <t>12/18/2019 09:56:13</t>
  </si>
  <si>
    <t>399e40d9-ae3b-4b13-bfdd-b4de51d71045.tmp</t>
  </si>
  <si>
    <t>\\acsfs\profiles$\kamilamrc\Downloads\399e40d9-ae3b-4b13-bfdd-b4de51d71045.tmp</t>
  </si>
  <si>
    <t>12/18/2019 09:57:18</t>
  </si>
  <si>
    <t>50fbeb95-8e49-4350-b49a-58aeab59d352.tmp</t>
  </si>
  <si>
    <t>\\acsfs\profiles$\kamilamrc\Downloads\50fbeb95-8e49-4350-b49a-58aeab59d352.tmp</t>
  </si>
  <si>
    <t>12/18/2019 09:59:12</t>
  </si>
  <si>
    <t>12/18/2019 10:02:26</t>
  </si>
  <si>
    <t>12/18/2019 09:57:37</t>
  </si>
  <si>
    <t>12/18/2019 09:58:44</t>
  </si>
  <si>
    <t>12/18/2019 09:59:44</t>
  </si>
  <si>
    <t>12/18/2019 10:00:56</t>
  </si>
  <si>
    <t>12/18/2019 10:03:26</t>
  </si>
  <si>
    <t>12/18/2019 09:58:33</t>
  </si>
  <si>
    <t>12/18/2019 09:59:14</t>
  </si>
  <si>
    <t>12/18/2019 09:59:15</t>
  </si>
  <si>
    <t>12/18/2019 09:59:16</t>
  </si>
  <si>
    <t>12/18/2019 10:01:36</t>
  </si>
  <si>
    <t>12/18/2019 10:04:26</t>
  </si>
  <si>
    <t>12/18/2019 10:04:09</t>
  </si>
  <si>
    <t>12/18/2019 10:05:27</t>
  </si>
  <si>
    <t>e9c4dad1-5f8e-414a-a2f5-39ec150cabb4.tmp</t>
  </si>
  <si>
    <t>\\acsfs\profiles$\PEDROHAB\Downloads\e9c4dad1-5f8e-414a-a2f5-39ec150cabb4.tmp</t>
  </si>
  <si>
    <t>12/18/2019 10:05:14</t>
  </si>
  <si>
    <t>12/18/2019 10:06:26</t>
  </si>
  <si>
    <t>61c4ede4-a83f-4d52-8df6-a7657df1397b.tmp</t>
  </si>
  <si>
    <t>\\acsfs\profiles$\leticiala\Downloads\61c4ede4-a83f-4d52-8df6-a7657df1397b.tmp</t>
  </si>
  <si>
    <t>12/18/2019 10:05:23</t>
  </si>
  <si>
    <t>a35ab731-af0b-474a-9068-30d5a08f1bf3.tmp</t>
  </si>
  <si>
    <t>\\acsfs\profiles$\leticiala\Downloads\a35ab731-af0b-474a-9068-30d5a08f1bf3.tmp</t>
  </si>
  <si>
    <t>12/18/2019 10:01:18</t>
  </si>
  <si>
    <t>fernandaab@algartech.com;marianerdo@algartech.com;mirianppb@algartech.com;talmaiardo@algartech.com;thiagord@algartech.com;</t>
  </si>
  <si>
    <t>fernandaab@algartech.com,marianerdo@algartech.com,mirianppb@algartech.com,talmaiardo@algartech.com,thiagord@algartech.com</t>
  </si>
  <si>
    <t>12/18/2019 10:01:32</t>
  </si>
  <si>
    <t>12/18/2019 10:01:55</t>
  </si>
  <si>
    <t>12/18/2019 10:02:06</t>
  </si>
  <si>
    <t>12/18/2019 10:02:21</t>
  </si>
  <si>
    <t>12/18/2019 10:02:40</t>
  </si>
  <si>
    <t>12/18/2019 10:03:00</t>
  </si>
  <si>
    <t>12/18/2019 10:03:27</t>
  </si>
  <si>
    <t>12/18/2019 10:03:46</t>
  </si>
  <si>
    <t>12/18/2019 10:03:50</t>
  </si>
  <si>
    <t>12/18/2019 10:03:54</t>
  </si>
  <si>
    <t>12/18/2019 10:04:03</t>
  </si>
  <si>
    <t>12/18/2019 10:04:33</t>
  </si>
  <si>
    <t>12/18/2019 10:04:38</t>
  </si>
  <si>
    <t>12/18/2019 10:02:30</t>
  </si>
  <si>
    <t>12/18/2019 10:07:26</t>
  </si>
  <si>
    <t>12/18/2019 10:04:44</t>
  </si>
  <si>
    <t>12/18/2019 10:05:44</t>
  </si>
  <si>
    <t>12/18/2019 10:03:15</t>
  </si>
  <si>
    <t>12/18/2019 10:08:26</t>
  </si>
  <si>
    <t>12/18/2019 10:04:36</t>
  </si>
  <si>
    <t>12/18/2019 10:06:14</t>
  </si>
  <si>
    <t>12/18/2019 10:07:36</t>
  </si>
  <si>
    <t>12/18/2019 10:06:57</t>
  </si>
  <si>
    <t>12/18/2019 10:07:27</t>
  </si>
  <si>
    <t>12/18/2019 10:07:57</t>
  </si>
  <si>
    <t>12/18/2019 10:08:03</t>
  </si>
  <si>
    <t>12/18/2019 10:09:26</t>
  </si>
  <si>
    <t>12/18/2019 10:09:06</t>
  </si>
  <si>
    <t>12/18/2019 10:11:25</t>
  </si>
  <si>
    <t>7ee0eb4e-397c-4ae8-8a3c-1aee6b4d1fa6.tmp</t>
  </si>
  <si>
    <t>\\acsfs\profiles$\deborahsi\Downloads\7ee0eb4e-397c-4ae8-8a3c-1aee6b4d1fa6.tmp</t>
  </si>
  <si>
    <t>12/18/2019 10:08:31</t>
  </si>
  <si>
    <t>mail.google.com/sync/u/0/i/s?hl=pt-BR&amp;c=221</t>
  </si>
  <si>
    <t>ccedro@ruedaerueda.com.br;cielo@ruedaerueda.com.br;cobrancajuridica@cielo.com.br;fernandaab@algartech.com;marianerdo@algartech.com;mirianppb@algartech.com;reclamacoescielo@algartech.com;resgatequalidade@atento.com.br;rodrigoasl@algartech.com;ruth.monteiro@atento.com.br;suporteconciliacao@cielo.com.br;suportelogisticaouvidoria@atento.com.br;talmaiardo@algartech.com;thiagord@algartech.com;tratativacielo@callink.com.br;victorvgar@algartech.com;</t>
  </si>
  <si>
    <t>ccedro@ruedaerueda.com.br,cielo@ruedaerueda.com.br,cobrancajuridica@cielo.com.br,fernandaab@algartech.com,marianerdo@algartech.com,mirianppb@algartech.com,reclamacoescielo@algartech.com,resgatequalidade@atento.com.br,rodrigoasl@algartech.com,ruth.monteiro@atento.com.br,suporteconciliacao@cielo.com.br,suportelogisticaouvidoria@atento.com.br,talmaiardo@algartech.com,thiagord@algartech.com,tratativacielo@callink.com.br,victorvgar@algartech.com</t>
  </si>
  <si>
    <t>12/18/2019 10:08:39</t>
  </si>
  <si>
    <t>mail.google.com/sync/u/0/i/s?hl=pt-BR&amp;c=223</t>
  </si>
  <si>
    <t>12/18/2019 10:08:17</t>
  </si>
  <si>
    <t>27fff212-f022-48c8-bca3-d236a8c34f8f.tmp</t>
  </si>
  <si>
    <t>\\acsfs\profiles$\luanaldsi\Downloads\27fff212-f022-48c8-bca3-d236a8c34f8f.tmp</t>
  </si>
  <si>
    <t>12/18/2019 10:10:44</t>
  </si>
  <si>
    <t>12/18/2019 10:12:26</t>
  </si>
  <si>
    <t>12/18/2019 10:11:44</t>
  </si>
  <si>
    <t>12/18/2019 10:10:40</t>
  </si>
  <si>
    <t>12/18/2019 10:13:25</t>
  </si>
  <si>
    <t>12/18/2019 10:08:15</t>
  </si>
  <si>
    <t>12/18/2019 10:09:15</t>
  </si>
  <si>
    <t>12/18/2019 10:10:36</t>
  </si>
  <si>
    <t>12/18/2019 10:10:37</t>
  </si>
  <si>
    <t>12/18/2019 10:10:39</t>
  </si>
  <si>
    <t>12/18/2019 10:10:52</t>
  </si>
  <si>
    <t>12/18/2019 10:10:53</t>
  </si>
  <si>
    <t>12/18/2019 10:11:09</t>
  </si>
  <si>
    <t>12/18/2019 10:11:10</t>
  </si>
  <si>
    <t>12/18/2019 10:08:27</t>
  </si>
  <si>
    <t>12/18/2019 10:08:57</t>
  </si>
  <si>
    <t>12/18/2019 10:10:57</t>
  </si>
  <si>
    <t>12/18/2019 10:11:02</t>
  </si>
  <si>
    <t>feea94ae-2e66-4703-803e-f2e292ca27e2.tmp</t>
  </si>
  <si>
    <t>\\acsfs\profiles$\geovannasm\Downloads\feea94ae-2e66-4703-803e-f2e292ca27e2.tmp</t>
  </si>
  <si>
    <t>12/18/2019 10:14:26</t>
  </si>
  <si>
    <t>12/18/2019 10:10:51</t>
  </si>
  <si>
    <t>12/18/2019 10:15:25</t>
  </si>
  <si>
    <t>mail.google.com/_/upload?authuser=0&amp;dcp=asu-n&amp;upload_id=AEnB2UojHDw-GMGrdM7v_LXU7RhPhiprqiEzbEBs0BSEX0-BZpkenDI-Jm1XCWP63h_UxtFCtqeHUALxqXSjhuGWgjJRf5I3owqfQ00jqCCcJ3mNFxSHBnQ&amp;upload_protocol=resumable</t>
  </si>
  <si>
    <t>12/18/2019 10:11:38</t>
  </si>
  <si>
    <t>646009ee-2a83-4514-87be-41776b57ec1b.tmp</t>
  </si>
  <si>
    <t>\\acsfs\profiles$\danielta\Downloads\646009ee-2a83-4514-87be-41776b57ec1b.tmp</t>
  </si>
  <si>
    <t>12/18/2019 10:14:32</t>
  </si>
  <si>
    <t>12/18/2019 10:16:25</t>
  </si>
  <si>
    <t>eecc3186-cbca-4ec8-9ab0-01ba91ac9c5a.tmp</t>
  </si>
  <si>
    <t>\\acsfs\profiles$\valeriasda\Downloads\eecc3186-cbca-4ec8-9ab0-01ba91ac9c5a.tmp</t>
  </si>
  <si>
    <t>12/18/2019 10:14:36</t>
  </si>
  <si>
    <t>8229104d-3e45-4bd7-b416-391c4a70bf54.tmp</t>
  </si>
  <si>
    <t>\\acsfs\profiles$\valeriasda\Downloads\8229104d-3e45-4bd7-b416-391c4a70bf54.tmp</t>
  </si>
  <si>
    <t>12/18/2019 10:14:46</t>
  </si>
  <si>
    <t>11c19c4d-0c0d-4b23-be27-b3d024e78291.tmp</t>
  </si>
  <si>
    <t>\\acsfs\profiles$\valeriasda\Downloads\11c19c4d-0c0d-4b23-be27-b3d024e78291.tmp</t>
  </si>
  <si>
    <t>12/18/2019 10:14:55</t>
  </si>
  <si>
    <t>b94b2ada-9981-43ca-b312-3e77fd849a73.tmp</t>
  </si>
  <si>
    <t>\\acsfs\profiles$\valeriasda\Downloads\b94b2ada-9981-43ca-b312-3e77fd849a73.tmp</t>
  </si>
  <si>
    <t>12/18/2019 10:14:59</t>
  </si>
  <si>
    <t>ce7b9ea8-29f8-4c22-8b70-34e7dc087c12.tmp</t>
  </si>
  <si>
    <t>\\acsfs\profiles$\valeriasda\Downloads\ce7b9ea8-29f8-4c22-8b70-34e7dc087c12.tmp</t>
  </si>
  <si>
    <t>12/18/2019 10:14:06</t>
  </si>
  <si>
    <t>12/18/2019 10:17:25</t>
  </si>
  <si>
    <t>108f36fe-d8d5-4d16-868f-07a0cb0a9382.tmp</t>
  </si>
  <si>
    <t>\\acsfs\profiles$\larissaad\Downloads\108f36fe-d8d5-4d16-868f-07a0cb0a9382.tmp</t>
  </si>
  <si>
    <t>12/18/2019 10:16:36</t>
  </si>
  <si>
    <t>Planejamento Toyota.xlsx</t>
  </si>
  <si>
    <t>12/18/2019 10:13:07</t>
  </si>
  <si>
    <t>12/18/2019 10:15:58</t>
  </si>
  <si>
    <t>12/18/2019 10:16:44</t>
  </si>
  <si>
    <t>12/18/2019 10:13:36</t>
  </si>
  <si>
    <t>12/18/2019 10:18:25</t>
  </si>
  <si>
    <t>12/18/2019 10:13:45</t>
  </si>
  <si>
    <t>12/18/2019 10:15:15</t>
  </si>
  <si>
    <t>12/18/2019 10:17:02</t>
  </si>
  <si>
    <t>ad82f5fe-10ca-4b4a-bb9f-472b79887191.tmp</t>
  </si>
  <si>
    <t>\\acsfs\profiles$\vivianalds\Downloads\ad82f5fe-10ca-4b4a-bb9f-472b79887191.tmp</t>
  </si>
  <si>
    <t>12/18/2019 10:19:26</t>
  </si>
  <si>
    <t>12/18/2019 10:16:55</t>
  </si>
  <si>
    <t>12/18/2019 10:20:25</t>
  </si>
  <si>
    <t>12/18/2019 10:18:29</t>
  </si>
  <si>
    <t>12/18/2019 10:21:26</t>
  </si>
  <si>
    <t>c29b0feb-eb48-49d7-9522-d0e93ad5e537.tmp</t>
  </si>
  <si>
    <t>\\acsfs\profiles$\gabrielarb\Downloads\c29b0feb-eb48-49d7-9522-d0e93ad5e537.tmp</t>
  </si>
  <si>
    <t>12/18/2019 10:17:24</t>
  </si>
  <si>
    <t>ab642a03-1e51-4f1a-92f3-f6db48e6116f.tmp</t>
  </si>
  <si>
    <t>\\acsfs\profiles$\deborahsi\Downloads\ab642a03-1e51-4f1a-92f3-f6db48e6116f.tmp</t>
  </si>
  <si>
    <t>12/18/2019 10:19:38</t>
  </si>
  <si>
    <t>12/18/2019 10:22:26</t>
  </si>
  <si>
    <t>análise desligamento (2).xlsx</t>
  </si>
  <si>
    <t>12/18/2019 10:17:44</t>
  </si>
  <si>
    <t>12/18/2019 10:18:43</t>
  </si>
  <si>
    <t>12/18/2019 10:23:26</t>
  </si>
  <si>
    <t>12/18/2019 10:18:45</t>
  </si>
  <si>
    <t>12/18/2019 10:18:47</t>
  </si>
  <si>
    <t>12/18/2019 10:18:48</t>
  </si>
  <si>
    <t>12/18/2019 10:18:50</t>
  </si>
  <si>
    <t>12/18/2019 10:18:51</t>
  </si>
  <si>
    <t>12/18/2019 10:18:53</t>
  </si>
  <si>
    <t>12/18/2019 10:19:49</t>
  </si>
  <si>
    <t>12/18/2019 10:19:51</t>
  </si>
  <si>
    <t>12/18/2019 10:20:11</t>
  </si>
  <si>
    <t>12/18/2019 10:20:12</t>
  </si>
  <si>
    <t>12/18/2019 10:20:13</t>
  </si>
  <si>
    <t>12/18/2019 10:20:16</t>
  </si>
  <si>
    <t>12/18/2019 10:20:18</t>
  </si>
  <si>
    <t>12/18/2019 10:21:15</t>
  </si>
  <si>
    <t>12/18/2019 10:24:26</t>
  </si>
  <si>
    <t>10.200.67.50</t>
  </si>
  <si>
    <t>TALITA SANTOS SILVA CASTRO (31935).contact</t>
  </si>
  <si>
    <t>\\acsfs\profiles$\talitassc\Contacts\TALITA SANTOS SILVA CASTRO (31935).contact</t>
  </si>
  <si>
    <t>12/18/2019 10:20:24</t>
  </si>
  <si>
    <t>12/18/2019 10:20:26</t>
  </si>
  <si>
    <t>12/18/2019 10:20:27</t>
  </si>
  <si>
    <t>12/18/2019 10:20:28</t>
  </si>
  <si>
    <t>12/18/2019 10:20:29</t>
  </si>
  <si>
    <t>12/18/2019 10:20:30</t>
  </si>
  <si>
    <t>12/18/2019 10:20:42</t>
  </si>
  <si>
    <t>12/18/2019 10:21:45</t>
  </si>
  <si>
    <t>12/18/2019 10:25:26</t>
  </si>
  <si>
    <t>4d04d25d-abb3-4ef5-8c2e-17b56b75a657.tmp</t>
  </si>
  <si>
    <t>\\acsfs\profiles$\vivianealda\Downloads\4d04d25d-abb3-4ef5-8c2e-17b56b75a657.tmp</t>
  </si>
  <si>
    <t>12/18/2019 10:24:42</t>
  </si>
  <si>
    <t>12/18/2019 10:26:26</t>
  </si>
  <si>
    <t>1d742165-8caf-4d6f-95e6-8939b62f2755.tmp</t>
  </si>
  <si>
    <t>\\acsfs\profiles$\leticiala\Downloads\1d742165-8caf-4d6f-95e6-8939b62f2755.tmp</t>
  </si>
  <si>
    <t>12/18/2019 10:21:53</t>
  </si>
  <si>
    <t>0763ce49-ecb3-4708-b607-b98d3f55cf84.tmp</t>
  </si>
  <si>
    <t>\\acsfs\profiles$\deborahsi\Downloads\0763ce49-ecb3-4708-b607-b98d3f55cf84.tmp</t>
  </si>
  <si>
    <t>12/18/2019 10:22:44</t>
  </si>
  <si>
    <t>12/18/2019 10:27:26</t>
  </si>
  <si>
    <t>12/18/2019 10:23:44</t>
  </si>
  <si>
    <t>12/18/2019 10:25:36</t>
  </si>
  <si>
    <t>12/18/2019 10:28:26</t>
  </si>
  <si>
    <t>12/18/2019 10:27:06</t>
  </si>
  <si>
    <t>12/18/2019 10:27:08</t>
  </si>
  <si>
    <t>12/18/2019 10:27:09</t>
  </si>
  <si>
    <t>12/18/2019 10:27:15</t>
  </si>
  <si>
    <t>12/17/2019 21:58:21</t>
  </si>
  <si>
    <t>mail.google.com/_/upload?authuser=0&amp;dcp=asu-n&amp;upload_id=AEnB2Uq0sv2i0Fzh2OGcHplG9YRXm_SJHM9JwCXpMzXnJZQ7E49z1L9meHXyhpbyMNdF7SYqQbw_t5v9Dv-JK8hd5INn4sdEsjzPgaQ-yc4mcFnv4UMjc38&amp;upload_protocol=resumable</t>
  </si>
  <si>
    <t>C:\Users\lucianabo\Desktop\2019\11 - Novembro\REUNIÃO LUIZ GP WHP 19112019\</t>
  </si>
  <si>
    <t>CONFERÊNCIA PROVISÃO X ESTORNOS - 17-12-2019 SALDO NOV.19.xlsx</t>
  </si>
  <si>
    <t>12/18/2019 10:23:23</t>
  </si>
  <si>
    <t>lu2196aivx.tmp</t>
  </si>
  <si>
    <t>\\acsfs\profiles$\VIVIANALDS\My Documents\lu2196aivx.tmp</t>
  </si>
  <si>
    <t>\\acsfs\profiles$\VIVIANALDS\My Documents\lu2196aivx.tmp\</t>
  </si>
  <si>
    <t>\\acsfs\profiles$\VIVIANALDS\My Documents\lu2196aivx.tmp\META-INF\</t>
  </si>
  <si>
    <t>\\acsfs\profiles$\VIVIANALDS\My Documents\lu2196aivx.tmp\Thumbnails\</t>
  </si>
  <si>
    <t>12/18/2019 10:23:33</t>
  </si>
  <si>
    <t>lu2196aiw1.tmp</t>
  </si>
  <si>
    <t>\\acsfs\profiles$\VIVIANALDS\My Documents\lu2196aiw1.tmp</t>
  </si>
  <si>
    <t>\\acsfs\profiles$\VIVIANALDS\My Documents\lu2196aiw1.tmp\</t>
  </si>
  <si>
    <t>\\acsfs\profiles$\VIVIANALDS\My Documents\lu2196aiw1.tmp\META-INF\</t>
  </si>
  <si>
    <t>\\acsfs\profiles$\VIVIANALDS\My Documents\lu2196aiw1.tmp\Thumbnails\</t>
  </si>
  <si>
    <t>12/18/2019 10:23:36</t>
  </si>
  <si>
    <t>lu2196aiw5.tmp</t>
  </si>
  <si>
    <t>\\acsfs\profiles$\VIVIANALDS\My Documents\lu2196aiw5.tmp</t>
  </si>
  <si>
    <t>\\acsfs\profiles$\VIVIANALDS\My Documents\lu2196aiw5.tmp\</t>
  </si>
  <si>
    <t>\\acsfs\profiles$\VIVIANALDS\My Documents\lu2196aiw5.tmp\META-INF\</t>
  </si>
  <si>
    <t>12/18/2019 10:23:37</t>
  </si>
  <si>
    <t>\\acsfs\profiles$\VIVIANALDS\My Documents\lu2196aiw5.tmp\Thumbnails\</t>
  </si>
  <si>
    <t>12/18/2019 10:29:26</t>
  </si>
  <si>
    <t>12/18/2019 10:27:28</t>
  </si>
  <si>
    <t>12/18/2019 10:30:26</t>
  </si>
  <si>
    <t>08e31cc3-959b-425a-bc48-40877c827ab8.tmp</t>
  </si>
  <si>
    <t>\\acsfs\profiles$\vivianealda\Downloads\08e31cc3-959b-425a-bc48-40877c827ab8.tmp</t>
  </si>
  <si>
    <t>12/18/2019 10:28:02</t>
  </si>
  <si>
    <t>9a69e497-f990-4c9e-977d-ca77f438dce2.tmp</t>
  </si>
  <si>
    <t>\\acsfs\profiles$\vivianealda\Downloads\9a69e497-f990-4c9e-977d-ca77f438dce2.tmp</t>
  </si>
  <si>
    <t>12/18/2019 10:28:41</t>
  </si>
  <si>
    <t>30f1a8b2-07b9-4475-a266-51184b4a81af.tmp</t>
  </si>
  <si>
    <t>\\acsfs\profiles$\vivianealda\Downloads\30f1a8b2-07b9-4475-a266-51184b4a81af.tmp</t>
  </si>
  <si>
    <t>12/18/2019 10:25:20</t>
  </si>
  <si>
    <t>12/18/2019 10:28:47</t>
  </si>
  <si>
    <t>12/18/2019 10:31:26</t>
  </si>
  <si>
    <t>3b9eae1a-c991-4a5a-a403-199327109a32.tmp</t>
  </si>
  <si>
    <t>\\acsfs\profiles$\gabrielarb\Downloads\3b9eae1a-c991-4a5a-a403-199327109a32.tmp</t>
  </si>
  <si>
    <t>12/18/2019 10:28:45</t>
  </si>
  <si>
    <t>12/18/2019 10:32:26</t>
  </si>
  <si>
    <t>12/18/2019 10:29:45</t>
  </si>
  <si>
    <t>12/18/2019 10:28:20</t>
  </si>
  <si>
    <t>12/18/2019 10:33:27</t>
  </si>
  <si>
    <t>12/18/2019 10:28:51</t>
  </si>
  <si>
    <t>12/18/2019 10:31:36</t>
  </si>
  <si>
    <t>12/18/2019 10:32:36</t>
  </si>
  <si>
    <t>12/18/2019 10:28:22</t>
  </si>
  <si>
    <t>12/18/2019 10:28:58</t>
  </si>
  <si>
    <t>12/18/2019 10:29:28</t>
  </si>
  <si>
    <t>12/18/2019 10:29:58</t>
  </si>
  <si>
    <t>12/18/2019 10:32:28</t>
  </si>
  <si>
    <t>12/18/2019 10:29:49</t>
  </si>
  <si>
    <t>12/18/2019 10:30:48</t>
  </si>
  <si>
    <t>Lista Presença 18-12 Imersão Rotinas Lider.xlsx</t>
  </si>
  <si>
    <t>12/18/2019 10:28:49</t>
  </si>
  <si>
    <t>12/18/2019 10:34:26</t>
  </si>
  <si>
    <t>12/18/2019 10:31:52</t>
  </si>
  <si>
    <t>12/18/2019 10:35:27</t>
  </si>
  <si>
    <t>Auditoria operador Evelyn mês 12.xlsx</t>
  </si>
  <si>
    <t>12/18/2019 10:31:53</t>
  </si>
  <si>
    <t>Auditoria Operador GABRIELA RODOVALHO MÊS 12 (1).xlsx</t>
  </si>
  <si>
    <t>12/18/2019 10:30:32</t>
  </si>
  <si>
    <t>4120dc5c-5277-4118-afa9-e1ddbdb905f0.tmp</t>
  </si>
  <si>
    <t>\\acsfs\profiles$\vivianealda\Downloads\4120dc5c-5277-4118-afa9-e1ddbdb905f0.tmp</t>
  </si>
  <si>
    <t>12/18/2019 10:35:34</t>
  </si>
  <si>
    <t>12/18/2019 10:36:26</t>
  </si>
  <si>
    <t>b41cbb9b-3512-46f5-ab85-aafadc688d17.tmp</t>
  </si>
  <si>
    <t>\\acsfs\profiles$\deborahsi\Downloads\b41cbb9b-3512-46f5-ab85-aafadc688d17.tmp</t>
  </si>
  <si>
    <t>12/18/2019 10:34:44</t>
  </si>
  <si>
    <t>12/18/2019 10:38:26</t>
  </si>
  <si>
    <t>12/18/2019 10:35:44</t>
  </si>
  <si>
    <t>12/18/2019 10:37:14</t>
  </si>
  <si>
    <t>12/18/2019 10:33:15</t>
  </si>
  <si>
    <t>12/18/2019 10:33:16</t>
  </si>
  <si>
    <t>12/18/2019 10:33:18</t>
  </si>
  <si>
    <t>12/18/2019 10:35:04</t>
  </si>
  <si>
    <t>12/18/2019 10:35:05</t>
  </si>
  <si>
    <t>12/18/2019 10:35:07</t>
  </si>
  <si>
    <t>12/18/2019 10:36:24</t>
  </si>
  <si>
    <t>12/18/2019 10:37:36</t>
  </si>
  <si>
    <t>12/18/2019 10:33:58</t>
  </si>
  <si>
    <t>12/18/2019 10:34:28</t>
  </si>
  <si>
    <t>12/18/2019 10:35:28</t>
  </si>
  <si>
    <t>12/18/2019 10:39:26</t>
  </si>
  <si>
    <t>12/18/2019 10:35:55</t>
  </si>
  <si>
    <t>12/18/2019 10:40:26</t>
  </si>
  <si>
    <t>JULIANE ARAUJO SILVA_1_6765981080914824911_1_32.wav</t>
  </si>
  <si>
    <t>\\acsfs\DEPTOS\EDUCACAO EMPRESARIAL\Ligaçoes para MUTANT seg ciclo DEZEMBRO\JULIANE ARAUJO SILVA_1_6765981080914824911_1_32.wav</t>
  </si>
  <si>
    <t>12/18/2019 10:38:46</t>
  </si>
  <si>
    <t>12/18/2019 10:41:26</t>
  </si>
  <si>
    <t>12/18/2019 10:38:54</t>
  </si>
  <si>
    <t>12/18/2019 10:39:07</t>
  </si>
  <si>
    <t>mail.google.com/sync/u/0/i/s?hl=pt-BR&amp;c=798</t>
  </si>
  <si>
    <t>12/18/2019 10:36:42</t>
  </si>
  <si>
    <t>d1acc05a-13e1-426f-a926-77e6787ac963.tmp</t>
  </si>
  <si>
    <t>\\acsfs\profiles$\deborahsi\Downloads\d1acc05a-13e1-426f-a926-77e6787ac963.tmp</t>
  </si>
  <si>
    <t>12/18/2019 10:40:44</t>
  </si>
  <si>
    <t>12/18/2019 10:43:25</t>
  </si>
  <si>
    <t>12/18/2019 10:41:45</t>
  </si>
  <si>
    <t>12/18/2019 10:42:18</t>
  </si>
  <si>
    <t>12/18/2019 10:42:19</t>
  </si>
  <si>
    <t>mail.google.com/_/upload?authuser=1&amp;dcp=asu-n&amp;upload_id=AEnB2UowyRSV3vzw_HrlYcD8taICUppBqmqk10ZTQMQRMfZRKmP3QzT-V2M04d5k1MiKuIJ6FaV1Q_jG8bBrBBrvHJnnFjPHWDV4FJuidA2opY022SzBPp8&amp;upload_protocol=resumable</t>
  </si>
  <si>
    <t>12/18/2019 10:39:15</t>
  </si>
  <si>
    <t>12/18/2019 10:40:36</t>
  </si>
  <si>
    <t>12/18/2019 10:39:28</t>
  </si>
  <si>
    <t>12/18/2019 10:39:58</t>
  </si>
  <si>
    <t>12/18/2019 10:40:28</t>
  </si>
  <si>
    <t>12/18/2019 10:45:25</t>
  </si>
  <si>
    <t>12/18/2019 10:44:31</t>
  </si>
  <si>
    <t>Bloco Viviane.txt</t>
  </si>
  <si>
    <t>\\acsfs\profiles$\vivianealda\Downloads\Bloco Viviane.txt</t>
  </si>
  <si>
    <t>12/18/2019 10:42:40</t>
  </si>
  <si>
    <t>Juliane Araujo Silva_1_6765981080914824911_1_32.wav</t>
  </si>
  <si>
    <t>\\acsfs\DEPTOS\EDUCACAO EMPRESARIAL\Ligaçoes para MUTANT seg ciclo DEZEMBRO\Juliane Araujo Silva_1_6765981080914824911_1_32.wav</t>
  </si>
  <si>
    <t>12/18/2019 10:43:21</t>
  </si>
  <si>
    <t>12/18/2019 10:44:05</t>
  </si>
  <si>
    <t>12/18/2019 10:43:40</t>
  </si>
  <si>
    <t>12/18/2019 10:46:26</t>
  </si>
  <si>
    <t>mail.google.com/sync/u/0/i/s?hl=pt-BR&amp;c=339</t>
  </si>
  <si>
    <t>ccedro@ruedaerueda.com.br;cielo@ruedaerueda.com.br;cobrancajuridica@cielo.com.br;reclamacoescielo@algartech.com;resgatequalidade@atento.com.br;rodrigoasl@algartech.com;ruth.monteiro@atento.com.br;suportearv@cielo.com.br;suporteconciliacao@cielo.com.br;suportelogisticaouvidoria@atento.com.br;tratativacielo@callink.com.br;victorvgar@algartech.com;</t>
  </si>
  <si>
    <t>ccedro@ruedaerueda.com.br,cielo@ruedaerueda.com.br,cobrancajuridica@cielo.com.br,reclamacoescielo@algartech.com,resgatequalidade@atento.com.br,rodrigoasl@algartech.com,ruth.monteiro@atento.com.br,suportearv@cielo.com.br,suporteconciliacao@cielo.com.br,suportelogisticaouvidoria@atento.com.br,tratativacielo@callink.com.br,victorvgar@algartech.com</t>
  </si>
  <si>
    <t>12/18/2019 10:43:44</t>
  </si>
  <si>
    <t>12/18/2019 10:46:45</t>
  </si>
  <si>
    <t>12/18/2019 10:48:26</t>
  </si>
  <si>
    <t>12/18/2019 10:43:36</t>
  </si>
  <si>
    <t>12/18/2019 10:45:15</t>
  </si>
  <si>
    <t>12/18/2019 10:46:36</t>
  </si>
  <si>
    <t>12/18/2019 10:47:12</t>
  </si>
  <si>
    <t>12/18/2019 10:49:26</t>
  </si>
  <si>
    <t>C:\Users\t-luciahf\Downloads\Holding - Comissão de Integridade - 18122019.pptx\</t>
  </si>
  <si>
    <t>12/18/2019 10:47:13</t>
  </si>
  <si>
    <t>12/18/2019 10:50:25</t>
  </si>
  <si>
    <t>12/18/2019 10:45:53</t>
  </si>
  <si>
    <t>12/18/2019 10:47:05</t>
  </si>
  <si>
    <t>12/18/2019 10:47:10</t>
  </si>
  <si>
    <t>12/18/2019 10:47:17</t>
  </si>
  <si>
    <t>mail.google.com/_/upload?authuser=0&amp;dcp=asu-n&amp;upload_id=AEnB2Uqm7p6FDX4U-61udB2BOyiZKw6yJf_cN4hLZ0nZqwqBYPZeMZCim_4DX56K90swokRvXHRhzbcYFIm_aQMF533MXZN8jqwjOyZOZcPRD1rUapOFVAs&amp;upload_protocol=resumable</t>
  </si>
  <si>
    <t>12/18/2019 10:47:18</t>
  </si>
  <si>
    <t>12/18/2019 10:47:42</t>
  </si>
  <si>
    <t>mail.google.com/sync/u/0/i/s?hl=pt-BR&amp;c=151</t>
  </si>
  <si>
    <t>12/18/2019 10:49:45</t>
  </si>
  <si>
    <t>12/18/2019 10:51:25</t>
  </si>
  <si>
    <t>camillarl</t>
  </si>
  <si>
    <t>https://outlook.office365.com/mapi/emsmdb/?mailboxid=77162096-c0b3-4a9d-88ca-b9268ce0500f@algartech.com</t>
  </si>
  <si>
    <t>12/18/2019 10:49:46</t>
  </si>
  <si>
    <t>12/18/2019 10:49:47</t>
  </si>
  <si>
    <t>12/18/2019 10:49:48</t>
  </si>
  <si>
    <t>12/18/2019 10:49:49</t>
  </si>
  <si>
    <t>12/18/2019 10:49:50</t>
  </si>
  <si>
    <t>12/18/2019 10:49:51</t>
  </si>
  <si>
    <t>12/18/2019 10:49:52</t>
  </si>
  <si>
    <t>12/18/2019 10:49:53</t>
  </si>
  <si>
    <t>12/18/2019 10:49:54</t>
  </si>
  <si>
    <t>12/18/2019 10:49:55</t>
  </si>
  <si>
    <t>12/18/2019 10:49:57</t>
  </si>
  <si>
    <t>12/18/2019 10:49:58</t>
  </si>
  <si>
    <t>12/18/2019 10:49:59</t>
  </si>
  <si>
    <t>12/18/2019 10:50:00</t>
  </si>
  <si>
    <t>12/18/2019 10:50:01</t>
  </si>
  <si>
    <t>12/18/2019 10:50:02</t>
  </si>
  <si>
    <t>12/18/2019 10:50:03</t>
  </si>
  <si>
    <t>12/18/2019 10:50:04</t>
  </si>
  <si>
    <t>12/18/2019 10:50:05</t>
  </si>
  <si>
    <t>12/18/2019 10:50:06</t>
  </si>
  <si>
    <t>12/18/2019 10:50:07</t>
  </si>
  <si>
    <t>12/18/2019 10:50:08</t>
  </si>
  <si>
    <t>12/18/2019 10:50:09</t>
  </si>
  <si>
    <t>12/18/2019 10:50:10</t>
  </si>
  <si>
    <t>12/18/2019 10:50:11</t>
  </si>
  <si>
    <t>12/18/2019 10:50:12</t>
  </si>
  <si>
    <t>12/18/2019 10:50:13</t>
  </si>
  <si>
    <t>12/18/2019 10:49:38</t>
  </si>
  <si>
    <t>12/18/2019 10:50:14</t>
  </si>
  <si>
    <t>12/18/2019 10:50:15</t>
  </si>
  <si>
    <t>12/18/2019 10:50:16</t>
  </si>
  <si>
    <t>12/18/2019 10:50:17</t>
  </si>
  <si>
    <t>12/18/2019 10:50:18</t>
  </si>
  <si>
    <t>12/18/2019 10:50:19</t>
  </si>
  <si>
    <t>12/18/2019 10:50:20</t>
  </si>
  <si>
    <t>12/18/2019 10:50:21</t>
  </si>
  <si>
    <t>12/18/2019 10:50:22</t>
  </si>
  <si>
    <t>12/18/2019 10:50:23</t>
  </si>
  <si>
    <t>12/18/2019 10:50:24</t>
  </si>
  <si>
    <t>12/18/2019 10:50:26</t>
  </si>
  <si>
    <t>12/18/2019 10:50:27</t>
  </si>
  <si>
    <t>12/18/2019 10:50:28</t>
  </si>
  <si>
    <t>12/18/2019 10:50:29</t>
  </si>
  <si>
    <t>12/18/2019 10:48:50</t>
  </si>
  <si>
    <t>11 - Faturamento Toyota Recall.xlsx</t>
  </si>
  <si>
    <t>12/18/2019 10:48:38</t>
  </si>
  <si>
    <t>12/18/2019 10:52:25</t>
  </si>
  <si>
    <t>C:\Users\yuriifd\Desktop\RPA\RPA.zip\</t>
  </si>
  <si>
    <t>AHT - BOLETO AS IS x TO BE RPA.xlsx</t>
  </si>
  <si>
    <t>Cronoan lise - RPA.xlsx</t>
  </si>
  <si>
    <t>12/18/2019 10:51:41</t>
  </si>
  <si>
    <t>D:\OneDrive\AlgarTech\Pré-Vendas\Cliente\2019\A100\215436 - A100 - SPOF - Option 1\BP A100.eml\</t>
  </si>
  <si>
    <t>Resumo Resultados Financeiros.xlsx</t>
  </si>
  <si>
    <t>12/18/2019 10:48:33</t>
  </si>
  <si>
    <t>mail.google.com/_/upload?authuser=2&amp;dcp=asu-n&amp;upload_id=AEnB2UqIE0GD8JULJuBch5obNWtrbOkLreIxcaJTCoU71wTx55opjueQyfAIUNc8n2dMhjhpzdsrbKxYPL4qvnFdmIXx5TZL1M4HmQzLIfptisEBKwDVVqU&amp;upload_protocol=resumable</t>
  </si>
  <si>
    <t>12/18/2019 10:47:44</t>
  </si>
  <si>
    <t>12/18/2019 10:53:25</t>
  </si>
  <si>
    <t>12/18/2019 10:49:36</t>
  </si>
  <si>
    <t>12/18/2019 10:51:11</t>
  </si>
  <si>
    <t>12/18/2019 10:51:16</t>
  </si>
  <si>
    <t>12/18/2019 10:52:36</t>
  </si>
  <si>
    <t>12/18/2019 10:48:59</t>
  </si>
  <si>
    <t>12/18/2019 10:49:29</t>
  </si>
  <si>
    <t>12/18/2019 10:51:29</t>
  </si>
  <si>
    <t>12/18/2019 10:51:59</t>
  </si>
  <si>
    <t>58271f0e-44a6-4d9b-ad9a-69c350667e81.tmp</t>
  </si>
  <si>
    <t>\\acsfs\profiles$\geovannasm\Downloads\58271f0e-44a6-4d9b-ad9a-69c350667e81.tmp</t>
  </si>
  <si>
    <t>12/18/2019 10:55:25</t>
  </si>
  <si>
    <t>12/18/2019 10:54:20</t>
  </si>
  <si>
    <t>e6c24592-5516-4e48-8fe3-437b0fc1aa08.tmp</t>
  </si>
  <si>
    <t>\\acsfs\profiles$\alicecpbc\Downloads\e6c24592-5516-4e48-8fe3-437b0fc1aa08.tmp</t>
  </si>
  <si>
    <t>12/18/2019 10:50:30</t>
  </si>
  <si>
    <t>12/18/2019 10:56:25</t>
  </si>
  <si>
    <t>12/18/2019 10:50:31</t>
  </si>
  <si>
    <t>12/18/2019 10:50:32</t>
  </si>
  <si>
    <t>12/18/2019 10:50:33</t>
  </si>
  <si>
    <t>12/18/2019 10:50:35</t>
  </si>
  <si>
    <t>12/18/2019 10:50:36</t>
  </si>
  <si>
    <t>12/18/2019 10:50:37</t>
  </si>
  <si>
    <t>12/18/2019 10:50:38</t>
  </si>
  <si>
    <t>12/18/2019 10:50:39</t>
  </si>
  <si>
    <t>12/18/2019 10:50:40</t>
  </si>
  <si>
    <t>12/18/2019 10:50:41</t>
  </si>
  <si>
    <t>12/18/2019 10:50:42</t>
  </si>
  <si>
    <t>12/18/2019 10:50:43</t>
  </si>
  <si>
    <t>12/18/2019 10:50:44</t>
  </si>
  <si>
    <t>12/18/2019 10:50:45</t>
  </si>
  <si>
    <t>12/18/2019 10:50:46</t>
  </si>
  <si>
    <t>12/18/2019 10:50:47</t>
  </si>
  <si>
    <t>12/18/2019 10:50:48</t>
  </si>
  <si>
    <t>12/18/2019 10:50:49</t>
  </si>
  <si>
    <t>12/18/2019 10:50:50</t>
  </si>
  <si>
    <t>12/18/2019 10:50:51</t>
  </si>
  <si>
    <t>12/18/2019 10:50:52</t>
  </si>
  <si>
    <t>12/18/2019 10:50:53</t>
  </si>
  <si>
    <t>12/18/2019 10:50:54</t>
  </si>
  <si>
    <t>12/18/2019 10:50:55</t>
  </si>
  <si>
    <t>12/18/2019 10:50:56</t>
  </si>
  <si>
    <t>12/18/2019 10:50:57</t>
  </si>
  <si>
    <t>12/18/2019 10:50:58</t>
  </si>
  <si>
    <t>12/18/2019 10:50:59</t>
  </si>
  <si>
    <t>12/18/2019 10:51:01</t>
  </si>
  <si>
    <t>12/18/2019 10:51:02</t>
  </si>
  <si>
    <t>12/18/2019 10:51:03</t>
  </si>
  <si>
    <t>12/18/2019 10:51:04</t>
  </si>
  <si>
    <t>12/18/2019 10:51:05</t>
  </si>
  <si>
    <t>12/18/2019 10:51:06</t>
  </si>
  <si>
    <t>12/18/2019 10:51:07</t>
  </si>
  <si>
    <t>12/18/2019 10:51:08</t>
  </si>
  <si>
    <t>12/18/2019 10:51:09</t>
  </si>
  <si>
    <t>12/18/2019 10:51:10</t>
  </si>
  <si>
    <t>12/18/2019 10:51:12</t>
  </si>
  <si>
    <t>12/18/2019 10:51:13</t>
  </si>
  <si>
    <t>12/18/2019 10:51:15</t>
  </si>
  <si>
    <t>12/18/2019 10:51:17</t>
  </si>
  <si>
    <t>12/18/2019 10:51:18</t>
  </si>
  <si>
    <t>12/18/2019 10:51:19</t>
  </si>
  <si>
    <t>12/18/2019 10:51:20</t>
  </si>
  <si>
    <t>12/18/2019 10:51:21</t>
  </si>
  <si>
    <t>12/18/2019 10:51:23</t>
  </si>
  <si>
    <t>12/18/2019 10:51:24</t>
  </si>
  <si>
    <t>12/18/2019 10:51:26</t>
  </si>
  <si>
    <t>12/18/2019 10:51:27</t>
  </si>
  <si>
    <t>12/18/2019 10:51:28</t>
  </si>
  <si>
    <t>12/18/2019 10:51:31</t>
  </si>
  <si>
    <t>12/18/2019 10:51:32</t>
  </si>
  <si>
    <t>12/18/2019 10:51:33</t>
  </si>
  <si>
    <t>12/18/2019 10:51:34</t>
  </si>
  <si>
    <t>12/18/2019 10:51:35</t>
  </si>
  <si>
    <t>12/18/2019 10:51:36</t>
  </si>
  <si>
    <t>12/18/2019 10:51:37</t>
  </si>
  <si>
    <t>12/18/2019 10:51:38</t>
  </si>
  <si>
    <t>12/18/2019 10:51:39</t>
  </si>
  <si>
    <t>12/18/2019 10:51:40</t>
  </si>
  <si>
    <t>12/18/2019 10:51:42</t>
  </si>
  <si>
    <t>12/18/2019 10:51:43</t>
  </si>
  <si>
    <t>12/18/2019 10:51:44</t>
  </si>
  <si>
    <t>12/18/2019 10:51:45</t>
  </si>
  <si>
    <t>12/18/2019 10:51:46</t>
  </si>
  <si>
    <t>12/18/2019 10:51:47</t>
  </si>
  <si>
    <t>12/18/2019 10:51:48</t>
  </si>
  <si>
    <t>12/18/2019 10:51:49</t>
  </si>
  <si>
    <t>12/18/2019 10:51:50</t>
  </si>
  <si>
    <t>12/18/2019 10:51:51</t>
  </si>
  <si>
    <t>12/18/2019 10:51:52</t>
  </si>
  <si>
    <t>12/18/2019 10:51:53</t>
  </si>
  <si>
    <t>12/18/2019 10:51:54</t>
  </si>
  <si>
    <t>12/18/2019 10:51:55</t>
  </si>
  <si>
    <t>12/18/2019 10:51:56</t>
  </si>
  <si>
    <t>12/18/2019 10:51:57</t>
  </si>
  <si>
    <t>12/18/2019 10:51:58</t>
  </si>
  <si>
    <t>12/18/2019 10:52:00</t>
  </si>
  <si>
    <t>12/18/2019 10:52:01</t>
  </si>
  <si>
    <t>12/18/2019 10:52:02</t>
  </si>
  <si>
    <t>12/18/2019 10:52:03</t>
  </si>
  <si>
    <t>12/18/2019 10:52:04</t>
  </si>
  <si>
    <t>12/18/2019 10:52:05</t>
  </si>
  <si>
    <t>12/18/2019 10:52:06</t>
  </si>
  <si>
    <t>12/18/2019 10:52:07</t>
  </si>
  <si>
    <t>12/18/2019 10:52:08</t>
  </si>
  <si>
    <t>12/18/2019 10:52:09</t>
  </si>
  <si>
    <t>12/18/2019 10:52:10</t>
  </si>
  <si>
    <t>12/18/2019 10:52:11</t>
  </si>
  <si>
    <t>12/18/2019 10:52:12</t>
  </si>
  <si>
    <t>12/18/2019 10:52:13</t>
  </si>
  <si>
    <t>12/18/2019 10:52:14</t>
  </si>
  <si>
    <t>12/18/2019 10:52:15</t>
  </si>
  <si>
    <t>12/18/2019 10:52:16</t>
  </si>
  <si>
    <t>12/18/2019 10:52:17</t>
  </si>
  <si>
    <t>12/18/2019 10:52:18</t>
  </si>
  <si>
    <t>12/18/2019 10:52:19</t>
  </si>
  <si>
    <t>12/18/2019 10:52:20</t>
  </si>
  <si>
    <t>12/18/2019 10:52:21</t>
  </si>
  <si>
    <t>12/18/2019 10:52:23</t>
  </si>
  <si>
    <t>12/18/2019 10:52:24</t>
  </si>
  <si>
    <t>12/18/2019 10:52:26</t>
  </si>
  <si>
    <t>12/18/2019 10:52:27</t>
  </si>
  <si>
    <t>12/18/2019 10:52:28</t>
  </si>
  <si>
    <t>12/18/2019 10:52:29</t>
  </si>
  <si>
    <t>12/18/2019 10:52:30</t>
  </si>
  <si>
    <t>12/18/2019 10:52:31</t>
  </si>
  <si>
    <t>12/18/2019 10:52:33</t>
  </si>
  <si>
    <t>12/18/2019 10:52:34</t>
  </si>
  <si>
    <t>12/18/2019 10:52:38</t>
  </si>
  <si>
    <t>12/18/2019 10:52:40</t>
  </si>
  <si>
    <t>12/18/2019 10:52:41</t>
  </si>
  <si>
    <t>12/18/2019 10:52:42</t>
  </si>
  <si>
    <t>12/18/2019 10:52:43</t>
  </si>
  <si>
    <t>12/18/2019 10:52:44</t>
  </si>
  <si>
    <t>12/18/2019 10:52:45</t>
  </si>
  <si>
    <t>12/18/2019 10:52:46</t>
  </si>
  <si>
    <t>12/18/2019 10:52:47</t>
  </si>
  <si>
    <t>12/18/2019 10:52:48</t>
  </si>
  <si>
    <t>12/18/2019 10:52:49</t>
  </si>
  <si>
    <t>12/18/2019 10:52:50</t>
  </si>
  <si>
    <t>12/18/2019 10:52:51</t>
  </si>
  <si>
    <t>12/18/2019 10:52:52</t>
  </si>
  <si>
    <t>12/18/2019 10:52:53</t>
  </si>
  <si>
    <t>12/18/2019 10:52:54</t>
  </si>
  <si>
    <t>12/18/2019 10:52:55</t>
  </si>
  <si>
    <t>12/18/2019 10:52:56</t>
  </si>
  <si>
    <t>12/18/2019 10:52:57</t>
  </si>
  <si>
    <t>12/18/2019 10:52:58</t>
  </si>
  <si>
    <t>12/18/2019 10:52:59</t>
  </si>
  <si>
    <t>12/18/2019 10:53:00</t>
  </si>
  <si>
    <t>12/18/2019 10:53:01</t>
  </si>
  <si>
    <t>12/18/2019 10:53:02</t>
  </si>
  <si>
    <t>12/18/2019 10:53:03</t>
  </si>
  <si>
    <t>12/18/2019 10:53:04</t>
  </si>
  <si>
    <t>12/18/2019 10:53:05</t>
  </si>
  <si>
    <t>12/18/2019 10:53:06</t>
  </si>
  <si>
    <t>12/18/2019 10:53:07</t>
  </si>
  <si>
    <t>12/18/2019 10:53:08</t>
  </si>
  <si>
    <t>12/18/2019 10:53:09</t>
  </si>
  <si>
    <t>12/18/2019 10:53:18</t>
  </si>
  <si>
    <t>12/18/2019 10:53:19</t>
  </si>
  <si>
    <t>12/18/2019 10:53:20</t>
  </si>
  <si>
    <t>12/18/2019 10:53:21</t>
  </si>
  <si>
    <t>12/18/2019 10:53:22</t>
  </si>
  <si>
    <t>12/18/2019 10:53:23</t>
  </si>
  <si>
    <t>12/18/2019 10:53:24</t>
  </si>
  <si>
    <t>12/18/2019 10:53:26</t>
  </si>
  <si>
    <t>12/18/2019 10:53:27</t>
  </si>
  <si>
    <t>12/18/2019 10:53:28</t>
  </si>
  <si>
    <t>12/18/2019 10:53:30</t>
  </si>
  <si>
    <t>12/18/2019 10:53:31</t>
  </si>
  <si>
    <t>12/18/2019 10:53:56</t>
  </si>
  <si>
    <t>12/18/2019 10:53:57</t>
  </si>
  <si>
    <t>12/18/2019 10:53:59</t>
  </si>
  <si>
    <t>12/18/2019 10:54:11</t>
  </si>
  <si>
    <t>12/18/2019 10:54:21</t>
  </si>
  <si>
    <t>12/18/2019 10:54:22</t>
  </si>
  <si>
    <t>12/18/2019 10:54:24</t>
  </si>
  <si>
    <t>12/18/2019 10:55:24</t>
  </si>
  <si>
    <t>12/18/2019 10:53:53</t>
  </si>
  <si>
    <t>12/18/2019 10:57:26</t>
  </si>
  <si>
    <t>12/18/2019 10:58:25</t>
  </si>
  <si>
    <t>12/18/2019 10:53:45</t>
  </si>
  <si>
    <t>12/18/2019 10:55:45</t>
  </si>
  <si>
    <t>mail.google.com/sync/u/0/i/s?hl=pt-BR&amp;c=244</t>
  </si>
  <si>
    <t>12/18/2019 10:55:51</t>
  </si>
  <si>
    <t>12/18/2019 10:55:55</t>
  </si>
  <si>
    <t>12/18/2019 10:55:58</t>
  </si>
  <si>
    <t>12/18/2019 10:56:18</t>
  </si>
  <si>
    <t>12/18/2019 10:56:24</t>
  </si>
  <si>
    <t>12/18/2019 10:56:47</t>
  </si>
  <si>
    <t>12/18/2019 10:56:55</t>
  </si>
  <si>
    <t>12/18/2019 10:57:14</t>
  </si>
  <si>
    <t>12/18/2019 10:57:18</t>
  </si>
  <si>
    <t>mail.google.com/sync/u/0/i/s?hl=pt-BR&amp;c=264</t>
  </si>
  <si>
    <t>12/18/2019 10:55:36</t>
  </si>
  <si>
    <t>12/18/2019 10:56:56</t>
  </si>
  <si>
    <t>12/18/2019 10:56:58</t>
  </si>
  <si>
    <t>12/18/2019 10:56:59</t>
  </si>
  <si>
    <t>12/18/2019 10:57:15</t>
  </si>
  <si>
    <t>12/18/2019 11:00:25</t>
  </si>
  <si>
    <t>12/18/2019 11:01:26</t>
  </si>
  <si>
    <t>12/18/2019 10:57:00</t>
  </si>
  <si>
    <t>12/18/2019 10:57:02</t>
  </si>
  <si>
    <t>12/18/2019 10:57:03</t>
  </si>
  <si>
    <t>12/18/2019 10:57:20</t>
  </si>
  <si>
    <t>12/18/2019 10:57:21</t>
  </si>
  <si>
    <t>12/18/2019 10:57:22</t>
  </si>
  <si>
    <t>12/18/2019 10:58:42</t>
  </si>
  <si>
    <t>https://outlook.office365.com/mapi/nspi/?mailboxid=77162096-c0b3-4a9d-88ca-b9268ce0500f@algartech.com</t>
  </si>
  <si>
    <t>12/18/2019 10:59:48</t>
  </si>
  <si>
    <t>12/18/2019 10:59:49</t>
  </si>
  <si>
    <t>12/18/2019 10:59:50</t>
  </si>
  <si>
    <t>12/18/2019 10:59:52</t>
  </si>
  <si>
    <t>12/18/2019 10:59:53</t>
  </si>
  <si>
    <t>12/18/2019 10:59:55</t>
  </si>
  <si>
    <t>12/18/2019 10:57:56</t>
  </si>
  <si>
    <t>12/18/2019 11:02:25</t>
  </si>
  <si>
    <t>12/18/2019 10:58:12</t>
  </si>
  <si>
    <t>8df16fe6-9019-46a5-9b4d-707a8be7ba05.tmp</t>
  </si>
  <si>
    <t>\\acsfs\profiles$\larissaad\Downloads\8df16fe6-9019-46a5-9b4d-707a8be7ba05.tmp</t>
  </si>
  <si>
    <t>12/18/2019 11:00:28</t>
  </si>
  <si>
    <t>9814c3f4-714c-4d82-a2c3-55546c70ccac.tmp</t>
  </si>
  <si>
    <t>\\acsfs\profiles$\larissaad\Downloads\9814c3f4-714c-4d82-a2c3-55546c70ccac.tmp</t>
  </si>
  <si>
    <t>12/18/2019 11:00:56</t>
  </si>
  <si>
    <t>D:\OneDrive\AlgarTech\Pré-Vendas\Cliente\2019\A100\215436 - A100 - SPOF - Option 1\Precificacao_BPFinanceiro\</t>
  </si>
  <si>
    <t>12/18/2019 10:57:05</t>
  </si>
  <si>
    <t>\\acsfs\profiles$\katiahmdj\Downloads\</t>
  </si>
  <si>
    <t>1f5c0ab0-8682-4b65-9c04-548a54a11d96.tmp</t>
  </si>
  <si>
    <t>\\acsfs\profiles$\katiahmdj\Downloads\1f5c0ab0-8682-4b65-9c04-548a54a11d96.tmp</t>
  </si>
  <si>
    <t>12/18/2019 10:57:52</t>
  </si>
  <si>
    <t>e25d0f43-16ec-44e6-aa02-408bd7d018ca.tmp</t>
  </si>
  <si>
    <t>\\acsfs\profiles$\katiahmdj\Downloads\e25d0f43-16ec-44e6-aa02-408bd7d018ca.tmp</t>
  </si>
  <si>
    <t>12/18/2019 10:58:16</t>
  </si>
  <si>
    <t>b039ffdf-81d8-41f6-8dc2-8c2d4d88d7cd.tmp</t>
  </si>
  <si>
    <t>\\acsfs\profiles$\katiahmdj\Downloads\b039ffdf-81d8-41f6-8dc2-8c2d4d88d7cd.tmp</t>
  </si>
  <si>
    <t>12/18/2019 10:58:23</t>
  </si>
  <si>
    <t>d513376e-1a5d-4cfd-aef0-ba3a3981dea2.tmp</t>
  </si>
  <si>
    <t>\\acsfs\profiles$\katiahmdj\Downloads\d513376e-1a5d-4cfd-aef0-ba3a3981dea2.tmp</t>
  </si>
  <si>
    <t>12/18/2019 10:59:02</t>
  </si>
  <si>
    <t>c71ca49d-6a46-4191-b176-43a6e31eb91e.tmp</t>
  </si>
  <si>
    <t>\\acsfs\profiles$\katiahmdj\Downloads\c71ca49d-6a46-4191-b176-43a6e31eb91e.tmp</t>
  </si>
  <si>
    <t>12/18/2019 11:00:11</t>
  </si>
  <si>
    <t>29d0c2f2-d484-4966-8036-3bf063cbf814.tmp</t>
  </si>
  <si>
    <t>\\acsfs\profiles$\katiahmdj\Downloads\29d0c2f2-d484-4966-8036-3bf063cbf814.tmp</t>
  </si>
  <si>
    <t>12/18/2019 11:00:29</t>
  </si>
  <si>
    <t>c9c6d034-6cae-40af-9573-92c1b19176a0.tmp</t>
  </si>
  <si>
    <t>\\acsfs\profiles$\katiahmdj\Downloads\c9c6d034-6cae-40af-9573-92c1b19176a0.tmp</t>
  </si>
  <si>
    <t>12/18/2019 11:01:05</t>
  </si>
  <si>
    <t>7fa5fae7-6613-447e-b0e3-5c9e5dca53ff.tmp</t>
  </si>
  <si>
    <t>\\acsfs\profiles$\katiahmdj\Downloads\7fa5fae7-6613-447e-b0e3-5c9e5dca53ff.tmp</t>
  </si>
  <si>
    <t>12/18/2019 11:01:44</t>
  </si>
  <si>
    <t>8fd9a81f-ec34-460c-bed2-c5c4a07a734f.tmp</t>
  </si>
  <si>
    <t>\\acsfs\profiles$\katiahmdj\Downloads\8fd9a81f-ec34-460c-bed2-c5c4a07a734f.tmp</t>
  </si>
  <si>
    <t>12/18/2019 11:03:25</t>
  </si>
  <si>
    <t>12/18/2019 10:57:31</t>
  </si>
  <si>
    <t>12/18/2019 10:57:39</t>
  </si>
  <si>
    <t>12/18/2019 10:57:51</t>
  </si>
  <si>
    <t>mail.google.com/sync/u/0/i/s?hl=pt-BR&amp;c=273</t>
  </si>
  <si>
    <t>12/18/2019 10:58:14</t>
  </si>
  <si>
    <t>mail.google.com/sync/u/0/i/s?hl=pt-BR&amp;c=276</t>
  </si>
  <si>
    <t>12/18/2019 10:58:37</t>
  </si>
  <si>
    <t>mail.google.com/sync/u/0/i/s?hl=pt-BR&amp;c=278</t>
  </si>
  <si>
    <t>12/18/2019 10:58:45</t>
  </si>
  <si>
    <t>12/18/2019 10:59:22</t>
  </si>
  <si>
    <t>mail.google.com/sync/u/0/i/s?hl=pt-BR&amp;c=281</t>
  </si>
  <si>
    <t>12/18/2019 10:59:32</t>
  </si>
  <si>
    <t>mail.google.com/sync/u/0/i/s?hl=pt-BR&amp;c=283</t>
  </si>
  <si>
    <t>12/18/2019 10:59:45</t>
  </si>
  <si>
    <t>12/18/2019 11:00:17</t>
  </si>
  <si>
    <t>12/18/2019 11:01:10</t>
  </si>
  <si>
    <t>12/18/2019 11:01:21</t>
  </si>
  <si>
    <t>mail.google.com/sync/u/0/i/s?hl=pt-BR&amp;c=292</t>
  </si>
  <si>
    <t>12/18/2019 11:01:36</t>
  </si>
  <si>
    <t>12/18/2019 11:02:36</t>
  </si>
  <si>
    <t>12/18/2019 10:58:30</t>
  </si>
  <si>
    <t>12/18/2019 10:59:00</t>
  </si>
  <si>
    <t>12/18/2019 10:59:30</t>
  </si>
  <si>
    <t>12/18/2019 11:00:00</t>
  </si>
  <si>
    <t>12/18/2019 11:00:30</t>
  </si>
  <si>
    <t>12/18/2019 11:03:00</t>
  </si>
  <si>
    <t>12/18/2019 11:02:17</t>
  </si>
  <si>
    <t>12/18/2019 11:04:26</t>
  </si>
  <si>
    <t>12/18/2019 11:03:24</t>
  </si>
  <si>
    <t>12/18/2019 11:05:26</t>
  </si>
  <si>
    <t>12/18/2019 11:00:20</t>
  </si>
  <si>
    <t>12/18/2019 11:01:03</t>
  </si>
  <si>
    <t>12/18/2019 11:01:24</t>
  </si>
  <si>
    <t>12/18/2019 11:06:26</t>
  </si>
  <si>
    <t>12/18/2019 11:05:24</t>
  </si>
  <si>
    <t>12/18/2019 11:03:33</t>
  </si>
  <si>
    <t>12/18/2019 11:07:25</t>
  </si>
  <si>
    <t>12/18/2019 11:02:33</t>
  </si>
  <si>
    <t>12/18/2019 11:08:26</t>
  </si>
  <si>
    <t>12/18/2019 11:04:45</t>
  </si>
  <si>
    <t>12/18/2019 11:05:45</t>
  </si>
  <si>
    <t>12/18/2019 11:03:15</t>
  </si>
  <si>
    <t>12/18/2019 11:05:06</t>
  </si>
  <si>
    <t>12/18/2019 11:05:07</t>
  </si>
  <si>
    <t>12/18/2019 11:05:09</t>
  </si>
  <si>
    <t>12/18/2019 11:06:48</t>
  </si>
  <si>
    <t>12/18/2019 11:06:53</t>
  </si>
  <si>
    <t>12/18/2019 11:07:36</t>
  </si>
  <si>
    <t>12/18/2019 11:08:01</t>
  </si>
  <si>
    <t>12/18/2019 11:08:03</t>
  </si>
  <si>
    <t>12/18/2019 11:08:04</t>
  </si>
  <si>
    <t>12/18/2019 11:03:30</t>
  </si>
  <si>
    <t>12/18/2019 11:06:30</t>
  </si>
  <si>
    <t>12/18/2019 11:07:38</t>
  </si>
  <si>
    <t>9dda2edf-2453-4d70-9a61-479b7baf0a9d.tmp</t>
  </si>
  <si>
    <t>\\acsfs\profiles$\geovannasm\Downloads\9dda2edf-2453-4d70-9a61-479b7baf0a9d.tmp</t>
  </si>
  <si>
    <t>12/18/2019 11:10:26</t>
  </si>
  <si>
    <t>12/18/2019 11:07:26</t>
  </si>
  <si>
    <t>mail.google.com/_/upload?authuser=2&amp;dcp=asu-n&amp;upload_id=AEnB2UpXiCxnxVTwuGAo29TY_ycvcW5yOWcrnYpQzVaaQUleuHVs7NeO2jhcH0mzJNh5EzPY8B8uZmBOqeq_qa2b3r1_Q3-uxDLeGmnEWGsOHgGYjykYxMc&amp;upload_protocol=resumable</t>
  </si>
  <si>
    <t>12/18/2019 11:06:35</t>
  </si>
  <si>
    <t>12/18/2019 11:11:26</t>
  </si>
  <si>
    <t>12/18/2019 11:06:36</t>
  </si>
  <si>
    <t>12/18/2019 11:06:55</t>
  </si>
  <si>
    <t>12/18/2019 11:06:56</t>
  </si>
  <si>
    <t>12/18/2019 11:10:42</t>
  </si>
  <si>
    <t>12/18/2019 11:10:43</t>
  </si>
  <si>
    <t>12/18/2019 11:10:45</t>
  </si>
  <si>
    <t>12/18/2019 11:13:26</t>
  </si>
  <si>
    <t>12/18/2019 11:11:45</t>
  </si>
  <si>
    <t>12/18/2019 11:08:35</t>
  </si>
  <si>
    <t>mail.google.com/_/upload?authuser=0&amp;dcp=asu-n&amp;upload_id=AEnB2UqjYDChmcePMPY48Xq2wKWiqDawu_TwmVehnv0ecohnp4gAc1I7in80zvlVdqTDppdvBheULIZCSN7UDDIGg2MllSGTBVyFX9GqxCTiCTtHIxZF8e8&amp;upload_protocol=resumable</t>
  </si>
  <si>
    <t>\\acsfs\deptos\CAS - Coordenação de Arquitetura de Soluções\Negócios\B.O.P.E\OKRs\</t>
  </si>
  <si>
    <t>Lista de Vendas.xlsx</t>
  </si>
  <si>
    <t>12/18/2019 11:11:44</t>
  </si>
  <si>
    <t>12/18/2019 11:11:46</t>
  </si>
  <si>
    <t>12/18/2019 11:11:47</t>
  </si>
  <si>
    <t>12/18/2019 11:11:48</t>
  </si>
  <si>
    <t>12/18/2019 11:11:49</t>
  </si>
  <si>
    <t>12/18/2019 11:11:50</t>
  </si>
  <si>
    <t>12/18/2019 11:11:51</t>
  </si>
  <si>
    <t>12/18/2019 11:11:52</t>
  </si>
  <si>
    <t>12/18/2019 11:11:53</t>
  </si>
  <si>
    <t>12/18/2019 11:11:54</t>
  </si>
  <si>
    <t>12/18/2019 11:11:55</t>
  </si>
  <si>
    <t>12/18/2019 11:11:56</t>
  </si>
  <si>
    <t>12/18/2019 11:11:57</t>
  </si>
  <si>
    <t>12/18/2019 11:11:58</t>
  </si>
  <si>
    <t>12/18/2019 11:11:59</t>
  </si>
  <si>
    <t>12/18/2019 11:09:16</t>
  </si>
  <si>
    <t>12/18/2019 11:10:19</t>
  </si>
  <si>
    <t>12/18/2019 11:10:21</t>
  </si>
  <si>
    <t>12/18/2019 11:10:22</t>
  </si>
  <si>
    <t>12/18/2019 11:10:37</t>
  </si>
  <si>
    <t>12/18/2019 11:10:39</t>
  </si>
  <si>
    <t>12/18/2019 11:11:14</t>
  </si>
  <si>
    <t>12/18/2019 11:11:16</t>
  </si>
  <si>
    <t>12/18/2019 11:11:32</t>
  </si>
  <si>
    <t>12/18/2019 11:11:33</t>
  </si>
  <si>
    <t>12/18/2019 11:12:56</t>
  </si>
  <si>
    <t>12/18/2019 11:12:57</t>
  </si>
  <si>
    <t>12/18/2019 11:12:59</t>
  </si>
  <si>
    <t>12/18/2019 11:13:01</t>
  </si>
  <si>
    <t>12/18/2019 11:09:15</t>
  </si>
  <si>
    <t>lu2196aiw9.tmp</t>
  </si>
  <si>
    <t>\\acsfs\profiles$\VIVIANALDS\My Documents\lu2196aiw9.tmp</t>
  </si>
  <si>
    <t>\\acsfs\profiles$\VIVIANALDS\My Documents\lu2196aiw9.tmp\</t>
  </si>
  <si>
    <t>\\acsfs\profiles$\VIVIANALDS\My Documents\lu2196aiw9.tmp\META-INF\</t>
  </si>
  <si>
    <t>\\acsfs\profiles$\VIVIANALDS\My Documents\lu2196aiw9.tmp\Thumbnails\</t>
  </si>
  <si>
    <t>lu2196aiwd.tmp</t>
  </si>
  <si>
    <t>\\acsfs\profiles$\VIVIANALDS\My Documents\lu2196aiwd.tmp</t>
  </si>
  <si>
    <t>\\acsfs\profiles$\VIVIANALDS\My Documents\lu2196aiwd.tmp\</t>
  </si>
  <si>
    <t>\\acsfs\profiles$\VIVIANALDS\My Documents\lu2196aiwd.tmp\META-INF\</t>
  </si>
  <si>
    <t>\\acsfs\profiles$\VIVIANALDS\My Documents\lu2196aiwd.tmp\Thumbnails\</t>
  </si>
  <si>
    <t>12/18/2019 11:12:18</t>
  </si>
  <si>
    <t>lu2196aiwh.tmp</t>
  </si>
  <si>
    <t>\\acsfs\profiles$\VIVIANALDS\My Documents\lu2196aiwh.tmp</t>
  </si>
  <si>
    <t>\\acsfs\profiles$\VIVIANALDS\My Documents\lu2196aiwh.tmp\</t>
  </si>
  <si>
    <t>\\acsfs\profiles$\VIVIANALDS\My Documents\lu2196aiwh.tmp\META-INF\</t>
  </si>
  <si>
    <t>\\acsfs\profiles$\VIVIANALDS\My Documents\lu2196aiwh.tmp\Thumbnails\</t>
  </si>
  <si>
    <t>12/18/2019 11:15:26</t>
  </si>
  <si>
    <t>12/18/2019 11:14:09</t>
  </si>
  <si>
    <t>mail.google.com/sync/u/0/i/s?hl=pt-BR&amp;c=4</t>
  </si>
  <si>
    <t>12/18/2019 11:14:25</t>
  </si>
  <si>
    <t>12/18/2019 11:14:39</t>
  </si>
  <si>
    <t>12/18/2019 11:14:44</t>
  </si>
  <si>
    <t>mail.google.com/_/upload?authuser=0&amp;dcp=asu-n&amp;upload_id=AEnB2UpUTkPcxMB7lf7d0ZhxXW2CAM6eCQTZpAC7clMWhuTe3m17aOexuUOVPTgyUqZsGgc1z4q6ddCfkUKpfom4aYgvZtPdtgxLcoirM_mxO0EL33YYW3A&amp;upload_protocol=resumable</t>
  </si>
  <si>
    <t>C:\Users\paulotdsf\Desktop\</t>
  </si>
  <si>
    <t>Holerite_112019_2106361 (1).pdf</t>
  </si>
  <si>
    <t>12/18/2019 11:14:45</t>
  </si>
  <si>
    <t>12/18/2019 11:14:47</t>
  </si>
  <si>
    <t>12/18/2019 11:10:24</t>
  </si>
  <si>
    <t>eliamardo@algartech.com.br;flaviamas@algartech.com.br;iarasp@algartech.com.br;jessicapdsi@algartech.com.br;jessicarr@algartech.com.br;pollyanafm@algartech.com.br;</t>
  </si>
  <si>
    <t>ENC: Categorizações Next Ativo - 10/12 a 17/12</t>
  </si>
  <si>
    <t>Categorização Ativo - 10_12 a 17_12.xlsx</t>
  </si>
  <si>
    <t>eliamardo@algartech.com.br,flaviamas@algartech.com.br,iarasp@algartech.com.br,jessicapdsi@algartech.com.br,jessicarr@algartech.com.br,pollyanafm@algartech.com.br</t>
  </si>
  <si>
    <t>12/18/2019 11:12:44</t>
  </si>
  <si>
    <t>12/18/2019 11:13:21</t>
  </si>
  <si>
    <t>12/18/2019 11:15:23</t>
  </si>
  <si>
    <t>12/18/2019 11:16:25</t>
  </si>
  <si>
    <t>71510e27-d474-4326-b4f5-387367aa967e.tmp</t>
  </si>
  <si>
    <t>\\acsfs\profiles$\gabrielarb\Downloads\71510e27-d474-4326-b4f5-387367aa967e.tmp</t>
  </si>
  <si>
    <t>209a4b05-7b60-4b87-b703-f1eda754df57.tmp</t>
  </si>
  <si>
    <t>\\acsfs\profiles$\valeriasda\Downloads\209a4b05-7b60-4b87-b703-f1eda754df57.tmp</t>
  </si>
  <si>
    <t>12/18/2019 11:11:20</t>
  </si>
  <si>
    <t>4a98922c-768a-4bc9-a7bf-75bfdadd6877.tmp</t>
  </si>
  <si>
    <t>\\acsfs\profiles$\valeriasda\Downloads\4a98922c-768a-4bc9-a7bf-75bfdadd6877.tmp</t>
  </si>
  <si>
    <t>12/18/2019 11:12:29</t>
  </si>
  <si>
    <t>12/18/2019 11:12:42</t>
  </si>
  <si>
    <t>12/18/2019 11:12:53</t>
  </si>
  <si>
    <t>mail.google.com/sync/u/0/i/s?hl=pt-BR&amp;c=922</t>
  </si>
  <si>
    <t>12/18/2019 11:13:07</t>
  </si>
  <si>
    <t>mail.google.com/sync/u/0/i/s?hl=pt-BR&amp;c=925</t>
  </si>
  <si>
    <t>12/18/2019 11:13:24</t>
  </si>
  <si>
    <t>mail.google.com/sync/u/0/i/s?hl=pt-BR&amp;c=927</t>
  </si>
  <si>
    <t>12/18/2019 11:13:28</t>
  </si>
  <si>
    <t>mail.google.com/sync/u/0/i/s?hl=pt-BR&amp;c=932</t>
  </si>
  <si>
    <t>12/18/2019 11:13:33</t>
  </si>
  <si>
    <t>mail.google.com/sync/u/0/i/s?hl=pt-BR&amp;c=934</t>
  </si>
  <si>
    <t>12/18/2019 11:13:35</t>
  </si>
  <si>
    <t>mail.google.com/sync/u/0/i/s?hl=pt-BR&amp;c=936</t>
  </si>
  <si>
    <t>12/18/2019 11:14:00</t>
  </si>
  <si>
    <t>12/18/2019 11:14:08</t>
  </si>
  <si>
    <t>12/18/2019 11:14:15</t>
  </si>
  <si>
    <t>mail.google.com/sync/u/0/i/s?hl=pt-BR&amp;c=950</t>
  </si>
  <si>
    <t>12/18/2019 11:15:03</t>
  </si>
  <si>
    <t>mail.google.com/sync/u/0/i/s?hl=pt-BR&amp;c=957</t>
  </si>
  <si>
    <t>12/18/2019 11:15:21</t>
  </si>
  <si>
    <t>mail.google.com/sync/u/0/i/s?hl=pt-BR&amp;c=959</t>
  </si>
  <si>
    <t>12/18/2019 11:15:28</t>
  </si>
  <si>
    <t>mail.google.com/sync/u/0/i/s?hl=pt-BR&amp;c=961</t>
  </si>
  <si>
    <t>12/18/2019 11:12:12</t>
  </si>
  <si>
    <t>12/18/2019 11:12:13</t>
  </si>
  <si>
    <t>12/18/2019 11:12:14</t>
  </si>
  <si>
    <t>12/18/2019 11:12:15</t>
  </si>
  <si>
    <t>12/18/2019 11:12:16</t>
  </si>
  <si>
    <t>12/18/2019 11:12:17</t>
  </si>
  <si>
    <t>12/18/2019 11:12:19</t>
  </si>
  <si>
    <t>12/18/2019 11:13:25</t>
  </si>
  <si>
    <t>12/18/2019 11:14:16</t>
  </si>
  <si>
    <t>12/18/2019 11:13:54</t>
  </si>
  <si>
    <t>12/18/2019 11:17:26</t>
  </si>
  <si>
    <t>d43756be-04a5-47d6-b3a4-69c1a9686e6f.tmp</t>
  </si>
  <si>
    <t>\\acsfs\profiles$\paulovadc\Downloads\d43756be-04a5-47d6-b3a4-69c1a9686e6f.tmp</t>
  </si>
  <si>
    <t>12/18/2019 11:16:21</t>
  </si>
  <si>
    <t>mail.google.com/_/upload?authuser=0&amp;dcp=asu-n&amp;upload_id=AEnB2UqGfEmMlDCPTwy-lPONe2BcavyZTYElWWbBl74J55uJ3vsz0uwYPjXHg13BTumreoetyg2SK60lKtilx1UJJJVSwoptCLxtiB7XmJp8zg0GPP35HnM&amp;upload_protocol=resumable</t>
  </si>
  <si>
    <t>\\acsfs\engeset\FINANCEIRO_ULA\FATURAMENTO\22. Controle TIM\1. Acompanhamento de Faturamento\2019\</t>
  </si>
  <si>
    <t>12_19- Acompanhamento Faturamento.xlsb</t>
  </si>
  <si>
    <t>12/18/2019 11:16:45</t>
  </si>
  <si>
    <t>12/18/2019 11:18:25</t>
  </si>
  <si>
    <t>12/18/2019 11:13:36</t>
  </si>
  <si>
    <t>12/18/2019 11:14:14</t>
  </si>
  <si>
    <t>12/18/2019 11:14:20</t>
  </si>
  <si>
    <t>12/18/2019 11:15:16</t>
  </si>
  <si>
    <t>12/18/2019 11:16:32</t>
  </si>
  <si>
    <t>12/18/2019 11:17:16</t>
  </si>
  <si>
    <t>12/18/2019 11:15:01</t>
  </si>
  <si>
    <t>12/18/2019 11:15:31</t>
  </si>
  <si>
    <t>12/18/2019 11:16:01</t>
  </si>
  <si>
    <t>12/18/2019 11:16:31</t>
  </si>
  <si>
    <t>12/18/2019 11:20:26</t>
  </si>
  <si>
    <t>12/18/2019 11:18:38</t>
  </si>
  <si>
    <t>NAYARA NERY ARAUJO OLIVEIRA_1_6766669319359250178_1_32.wav</t>
  </si>
  <si>
    <t>\\acsfs\DEPTOS\EDUCACAO EMPRESARIAL\ligação mutant primeiro ciclo MUTANT\NAYARA NERY ARAUJO OLIVEIRA_1_6766669319359250178_1_32.wav</t>
  </si>
  <si>
    <t>12/18/2019 11:15:46</t>
  </si>
  <si>
    <t>12/18/2019 11:21:26</t>
  </si>
  <si>
    <t>mail.google.com/sync/u/0/i/s?hl=pt-BR&amp;c=963</t>
  </si>
  <si>
    <t>12/18/2019 11:16:03</t>
  </si>
  <si>
    <t>mail.google.com/sync/u/0/i/s?hl=pt-BR&amp;c=970</t>
  </si>
  <si>
    <t>12/18/2019 11:16:19</t>
  </si>
  <si>
    <t>mail.google.com/sync/u/0/i/s?hl=pt-BR&amp;c=972</t>
  </si>
  <si>
    <t>12/18/2019 11:16:38</t>
  </si>
  <si>
    <t>mail.google.com/sync/u/0/i/s?hl=pt-BR&amp;c=974</t>
  </si>
  <si>
    <t>12/18/2019 11:16:40</t>
  </si>
  <si>
    <t>12/18/2019 11:16:48</t>
  </si>
  <si>
    <t>mail.google.com/sync/u/0/i/s?hl=pt-BR&amp;c=982</t>
  </si>
  <si>
    <t>12/18/2019 11:17:01</t>
  </si>
  <si>
    <t>mail.google.com/sync/u/0/i/s?hl=pt-BR&amp;c=984</t>
  </si>
  <si>
    <t>12/18/2019 11:17:04</t>
  </si>
  <si>
    <t>mail.google.com/sync/u/0/i/s?hl=pt-BR&amp;c=987</t>
  </si>
  <si>
    <t>mail.google.com/sync/u/0/i/s?hl=pt-BR&amp;c=989</t>
  </si>
  <si>
    <t>12/18/2019 11:17:24</t>
  </si>
  <si>
    <t>mail.google.com/sync/u/0/i/s?hl=pt-BR&amp;c=991</t>
  </si>
  <si>
    <t>12/18/2019 11:17:46</t>
  </si>
  <si>
    <t>mail.google.com/sync/u/0/i/s?hl=pt-BR&amp;c=997</t>
  </si>
  <si>
    <t>12/18/2019 11:17:51</t>
  </si>
  <si>
    <t>12/18/2019 11:17:58</t>
  </si>
  <si>
    <t>mail.google.com/sync/u/0/i/s?hl=pt-BR&amp;c=1002</t>
  </si>
  <si>
    <t>12/18/2019 11:18:14</t>
  </si>
  <si>
    <t>mail.google.com/sync/u/0/i/s?hl=pt-BR&amp;c=1004</t>
  </si>
  <si>
    <t>12/18/2019 11:18:34</t>
  </si>
  <si>
    <t>mail.google.com/sync/u/0/i/s?hl=pt-BR&amp;c=1010</t>
  </si>
  <si>
    <t>12/18/2019 11:18:39</t>
  </si>
  <si>
    <t>mail.google.com/sync/u/0/i/s?hl=pt-BR&amp;c=1012</t>
  </si>
  <si>
    <t>12/18/2019 11:18:52</t>
  </si>
  <si>
    <t>12/18/2019 11:19:16</t>
  </si>
  <si>
    <t>mail.google.com/sync/u/0/i/s?hl=pt-BR&amp;c=1018</t>
  </si>
  <si>
    <t>12/18/2019 11:19:33</t>
  </si>
  <si>
    <t>mail.google.com/sync/u/0/i/s?hl=pt-BR&amp;c=1023</t>
  </si>
  <si>
    <t>12/18/2019 11:19:45</t>
  </si>
  <si>
    <t>mail.google.com/sync/u/0/i/s?hl=pt-BR&amp;c=1025</t>
  </si>
  <si>
    <t>12/18/2019 11:20:05</t>
  </si>
  <si>
    <t>mail.google.com/sync/u/0/i/s?hl=pt-BR&amp;c=1028</t>
  </si>
  <si>
    <t>12/18/2019 11:20:12</t>
  </si>
  <si>
    <t>mail.google.com/sync/u/0/i/s?hl=pt-BR&amp;c=1036</t>
  </si>
  <si>
    <t>12/18/2019 11:20:31</t>
  </si>
  <si>
    <t>mail.google.com/sync/u/0/i/s?hl=pt-BR&amp;c=1038</t>
  </si>
  <si>
    <t>12/18/2019 11:20:34</t>
  </si>
  <si>
    <t>mail.google.com/sync/u/0/i/s?hl=pt-BR&amp;c=1040</t>
  </si>
  <si>
    <t>12/18/2019 11:20:39</t>
  </si>
  <si>
    <t>mail.google.com/sync/u/0/i/s?hl=pt-BR&amp;c=1042</t>
  </si>
  <si>
    <t>12/18/2019 11:17:25</t>
  </si>
  <si>
    <t>12/18/2019 11:19:25</t>
  </si>
  <si>
    <t>12/18/2019 11:19:54</t>
  </si>
  <si>
    <t>mail.google.com/_/upload?authuser=0&amp;dcp=asu-n&amp;upload_id=AEnB2UoSxMaSqX7apSb0Pjd1S4KCy9adrmDkb3W3nnRLGhoi0fzG4MvCfTX89Kx4NWwyLIpey2bmISMsO6ZZMciIsmDteB7AGjIuOqntitc2XGPHAVcMDro&amp;upload_protocol=resumable</t>
  </si>
  <si>
    <t>eunice.pimenta@algartech.com;gustavodopt@algartech.com;karinars@algartech.com;rodrigombu@algartech.com;viniciussg@algartech.com;</t>
  </si>
  <si>
    <t>Estrutura Prevista_Janeiro 2020 2.xlsx</t>
  </si>
  <si>
    <t>eunice.pimenta@algartech.com,gustavodopt@algartech.com,karinars@algartech.com,rodrigombu@algartech.com,viniciussg@algartech.com</t>
  </si>
  <si>
    <t>12/18/2019 11:18:55</t>
  </si>
  <si>
    <t>12/18/2019 11:22:25</t>
  </si>
  <si>
    <t>inacioaf@algartech.com.br;</t>
  </si>
  <si>
    <t>intradiário youse</t>
  </si>
  <si>
    <t>Intradiário-SAC - V2 - 18-de-Dez.xlsm</t>
  </si>
  <si>
    <t>inacioaf@algartech.com.br</t>
  </si>
  <si>
    <t>12/18/2019 11:22:12</t>
  </si>
  <si>
    <t>ENC: RES: RES: Clonagem ocorrida em Mar/2019 || Luana Rebizzi || Company 058995 CRM:000230003669</t>
  </si>
  <si>
    <t>wo iqvia.xlsx</t>
  </si>
  <si>
    <t>12/18/2019 11:17:45</t>
  </si>
  <si>
    <t>12/18/2019 11:23:26</t>
  </si>
  <si>
    <t>12/18/2019 11:19:36</t>
  </si>
  <si>
    <t>12/18/2019 11:20:10</t>
  </si>
  <si>
    <t>12/18/2019 11:20:11</t>
  </si>
  <si>
    <t>12/18/2019 11:20:14</t>
  </si>
  <si>
    <t>12/18/2019 11:20:15</t>
  </si>
  <si>
    <t>12/18/2019 11:21:16</t>
  </si>
  <si>
    <t>12/18/2019 11:22:34</t>
  </si>
  <si>
    <t>12/18/2019 11:20:02</t>
  </si>
  <si>
    <t>12/18/2019 11:25:26</t>
  </si>
  <si>
    <t>12/18/2019 11:20:51</t>
  </si>
  <si>
    <t>12/18/2019 11:26:27</t>
  </si>
  <si>
    <t>mail.google.com/sync/u/0/i/s?hl=pt-BR&amp;c=1045</t>
  </si>
  <si>
    <t>12/18/2019 11:21:32</t>
  </si>
  <si>
    <t>mail.google.com/sync/u/0/i/s?hl=pt-BR&amp;c=1054</t>
  </si>
  <si>
    <t>12/18/2019 11:21:40</t>
  </si>
  <si>
    <t>mail.google.com/sync/u/0/i/s?hl=pt-BR&amp;c=1056</t>
  </si>
  <si>
    <t>12/18/2019 11:21:57</t>
  </si>
  <si>
    <t>mail.google.com/sync/u/0/i/s?hl=pt-BR&amp;c=1065</t>
  </si>
  <si>
    <t>12/18/2019 11:22:02</t>
  </si>
  <si>
    <t>mail.google.com/sync/u/0/i/s?hl=pt-BR&amp;c=1067</t>
  </si>
  <si>
    <t>12/18/2019 11:22:23</t>
  </si>
  <si>
    <t>mail.google.com/sync/u/0/i/s?hl=pt-BR&amp;c=1069</t>
  </si>
  <si>
    <t>12/18/2019 11:22:28</t>
  </si>
  <si>
    <t>mail.google.com/sync/u/0/i/s?hl=pt-BR&amp;c=1071</t>
  </si>
  <si>
    <t>12/18/2019 11:21:55</t>
  </si>
  <si>
    <t>12/18/2019 11:27:12</t>
  </si>
  <si>
    <t>12/18/2019 11:27:26</t>
  </si>
  <si>
    <t>mail.google.com/_/upload?authuser=0&amp;dcp=asu-n&amp;upload_id=AEnB2UqSQn40-itopS5n2Mh-8mdTO2k_YVB6IhC_6T23u-skRJRwkYesrWJucZ3VJ_iZLr3bANIrQhuke5CLW-RiU2X5qYLHUber3Ky6vvdzYuQKX8gdcFo&amp;upload_protocol=resumable</t>
  </si>
  <si>
    <t>\\acsfs\DEPTOS\TH\05. Cargos e Remuneração\02.Remuneração Fixa\Executivos\</t>
  </si>
  <si>
    <t>Proposta Ajuste + Meritocracia Diretores - dez19.xlsx</t>
  </si>
  <si>
    <t>12/18/2019 11:26:26</t>
  </si>
  <si>
    <t>10.200.66.152</t>
  </si>
  <si>
    <t>KAREN DE SOUZA RODRIGUES (17).contact</t>
  </si>
  <si>
    <t>\\acsfs\profiles$\KARENDSR\Contacts\KAREN DE SOUZA RODRIGUES (17).contact</t>
  </si>
  <si>
    <t>12/18/2019 11:26:38</t>
  </si>
  <si>
    <t>12/18/2019 11:26:39</t>
  </si>
  <si>
    <t>12/18/2019 11:26:40</t>
  </si>
  <si>
    <t>12/18/2019 11:26:41</t>
  </si>
  <si>
    <t>12/18/2019 11:26:42</t>
  </si>
  <si>
    <t>12/18/2019 11:26:43</t>
  </si>
  <si>
    <t>12/18/2019 11:26:44</t>
  </si>
  <si>
    <t>12/18/2019 11:26:45</t>
  </si>
  <si>
    <t>12/18/2019 11:28:27</t>
  </si>
  <si>
    <t>12/18/2019 11:26:46</t>
  </si>
  <si>
    <t>12/18/2019 11:26:57</t>
  </si>
  <si>
    <t>12/18/2019 11:26:58</t>
  </si>
  <si>
    <t>12/18/2019 11:22:45</t>
  </si>
  <si>
    <t>12/18/2019 11:23:45</t>
  </si>
  <si>
    <t>12/18/2019 11:25:36</t>
  </si>
  <si>
    <t>12/18/2019 11:26:19</t>
  </si>
  <si>
    <t>12/18/2019 11:27:16</t>
  </si>
  <si>
    <t>12/18/2019 11:28:11</t>
  </si>
  <si>
    <t>12/18/2019 11:28:13</t>
  </si>
  <si>
    <t>12/18/2019 11:28:14</t>
  </si>
  <si>
    <t>12/18/2019 11:25:03</t>
  </si>
  <si>
    <t>12/18/2019 11:25:33</t>
  </si>
  <si>
    <t>12/18/2019 11:26:03</t>
  </si>
  <si>
    <t>12/18/2019 11:26:33</t>
  </si>
  <si>
    <t>12/18/2019 11:27:03</t>
  </si>
  <si>
    <t>12/18/2019 11:27:33</t>
  </si>
  <si>
    <t>12/18/2019 11:24:21</t>
  </si>
  <si>
    <t>12/18/2019 11:24:22</t>
  </si>
  <si>
    <t>lu2196aiwl.tmp</t>
  </si>
  <si>
    <t>\\acsfs\profiles$\VIVIANALDS\My Documents\lu2196aiwl.tmp</t>
  </si>
  <si>
    <t>\\acsfs\profiles$\VIVIANALDS\My Documents\lu2196aiwl.tmp\</t>
  </si>
  <si>
    <t>\\acsfs\profiles$\VIVIANALDS\My Documents\lu2196aiwl.tmp\META-INF\</t>
  </si>
  <si>
    <t>\\acsfs\profiles$\VIVIANALDS\My Documents\lu2196aiwl.tmp\Thumbnails\</t>
  </si>
  <si>
    <t>12/18/2019 11:24:26</t>
  </si>
  <si>
    <t>lu2196aiwp.tmp</t>
  </si>
  <si>
    <t>\\acsfs\profiles$\VIVIANALDS\My Documents\lu2196aiwp.tmp</t>
  </si>
  <si>
    <t>\\acsfs\profiles$\VIVIANALDS\My Documents\lu2196aiwp.tmp\</t>
  </si>
  <si>
    <t>\\acsfs\profiles$\VIVIANALDS\My Documents\lu2196aiwp.tmp\META-INF\</t>
  </si>
  <si>
    <t>\\acsfs\profiles$\VIVIANALDS\My Documents\lu2196aiwp.tmp\Thumbnails\</t>
  </si>
  <si>
    <t>12/18/2019 11:27:09</t>
  </si>
  <si>
    <t>lu2196aiwt.tmp</t>
  </si>
  <si>
    <t>\\acsfs\profiles$\VIVIANALDS\My Documents\lu2196aiwt.tmp</t>
  </si>
  <si>
    <t>\\acsfs\profiles$\VIVIANALDS\My Documents\lu2196aiwt.tmp\</t>
  </si>
  <si>
    <t>\\acsfs\profiles$\VIVIANALDS\My Documents\lu2196aiwt.tmp\META-INF\</t>
  </si>
  <si>
    <t>\\acsfs\profiles$\VIVIANALDS\My Documents\lu2196aiwt.tmp\Thumbnails\</t>
  </si>
  <si>
    <t>12/18/2019 11:27:46</t>
  </si>
  <si>
    <t>12/18/2019 11:29:26</t>
  </si>
  <si>
    <t>12/18/2019 11:30:27</t>
  </si>
  <si>
    <t>12/18/2019 11:27:31</t>
  </si>
  <si>
    <t>281b2a7b-d612-4ec1-8b44-6362f379007b.tmp</t>
  </si>
  <si>
    <t>\\acsfs\profiles$\PEDROHAB\Downloads\281b2a7b-d612-4ec1-8b44-6362f379007b.tmp</t>
  </si>
  <si>
    <t>12/18/2019 11:25:51</t>
  </si>
  <si>
    <t>ef934d2b-2fd4-418d-8132-e62e9479046c.tmp</t>
  </si>
  <si>
    <t>\\acsfs\profiles$\gabrielafs\Downloads\ef934d2b-2fd4-418d-8132-e62e9479046c.tmp</t>
  </si>
  <si>
    <t>12/18/2019 11:28:07</t>
  </si>
  <si>
    <t>12/18/2019 11:31:26</t>
  </si>
  <si>
    <t>12/18/2019 11:28:43</t>
  </si>
  <si>
    <t>tatiane.rodrigues@algartech.com;</t>
  </si>
  <si>
    <t>C:\Users\rosanapccb\Desktop\TATI\</t>
  </si>
  <si>
    <t>18.12 Cópia de Tatiane - Ferias.xlsx</t>
  </si>
  <si>
    <t>12/18/2019 11:27:08</t>
  </si>
  <si>
    <t>12/18/2019 11:27:10</t>
  </si>
  <si>
    <t>12/18/2019 11:28:17</t>
  </si>
  <si>
    <t>12/18/2019 11:28:18</t>
  </si>
  <si>
    <t>12/18/2019 11:28:32</t>
  </si>
  <si>
    <t>12/18/2019 11:28:33</t>
  </si>
  <si>
    <t>12/18/2019 11:29:28</t>
  </si>
  <si>
    <t>12/18/2019 11:29:29</t>
  </si>
  <si>
    <t>12/18/2019 11:30:13</t>
  </si>
  <si>
    <t>12/18/2019 11:30:14</t>
  </si>
  <si>
    <t>12/18/2019 11:31:34</t>
  </si>
  <si>
    <t>12/18/2019 11:32:27</t>
  </si>
  <si>
    <t>12/18/2019 11:31:49</t>
  </si>
  <si>
    <t>12/18/2019 11:27:55</t>
  </si>
  <si>
    <t>12/18/2019 11:33:27</t>
  </si>
  <si>
    <t>c434608c-5212-487b-aa92-146f6cf9c221.tmp</t>
  </si>
  <si>
    <t>\\acsfs\profiles$\KARENDSR\Downloads\c434608c-5212-487b-aa92-146f6cf9c221.tmp</t>
  </si>
  <si>
    <t>12/18/2019 11:28:44</t>
  </si>
  <si>
    <t>bebda15a-f92b-40b6-b989-06061e6e2cfb.tmp</t>
  </si>
  <si>
    <t>\\acsfs\profiles$\KARENDSR\Downloads\bebda15a-f92b-40b6-b989-06061e6e2cfb.tmp</t>
  </si>
  <si>
    <t>12/18/2019 11:28:53</t>
  </si>
  <si>
    <t>5f30158f-1e93-42aa-9c1b-2f3c99f5d91f.tmp</t>
  </si>
  <si>
    <t>\\acsfs\profiles$\KARENDSR\Downloads\5f30158f-1e93-42aa-9c1b-2f3c99f5d91f.tmp</t>
  </si>
  <si>
    <t>12/18/2019 11:28:19</t>
  </si>
  <si>
    <t>12/18/2019 11:28:45</t>
  </si>
  <si>
    <t>12/18/2019 11:29:45</t>
  </si>
  <si>
    <t>12/18/2019 11:32:39</t>
  </si>
  <si>
    <t>mail.google.com/_/upload?authuser=1&amp;dcp=asu-n&amp;upload_id=AEnB2UrhcS_idj9rWN726-N8sqWtYnC-5cm9We3yG81aX62ux7jtGt6H-sihmsu45VAl0ir6CrxW9afhaDcGVBpH8re4bamVCoubTP2wpNK2YVVx0uHm2Nk&amp;upload_protocol=resumable</t>
  </si>
  <si>
    <t>Lista Office - Manter.xlsx</t>
  </si>
  <si>
    <t>12/18/2019 11:28:26</t>
  </si>
  <si>
    <t>12/18/2019 11:28:28</t>
  </si>
  <si>
    <t>12/18/2019 11:28:50</t>
  </si>
  <si>
    <t>12/18/2019 11:30:32</t>
  </si>
  <si>
    <t>12/18/2019 11:30:33</t>
  </si>
  <si>
    <t>12/18/2019 11:31:37</t>
  </si>
  <si>
    <t>12/18/2019 11:33:16</t>
  </si>
  <si>
    <t>12/18/2019 11:35:27</t>
  </si>
  <si>
    <t>12/18/2019 11:32:54</t>
  </si>
  <si>
    <t>REGIS EZAIAS DA SILVA JUNIOR_1_6766285748714936878_1_32.wav</t>
  </si>
  <si>
    <t>\\acsfs\DEPTOS\EDUCACAO EMPRESARIAL\ligação mutant primeiro ciclo MUTANT\REGIS EZAIAS DA SILVA JUNIOR_1_6766285748714936878_1_32.wav</t>
  </si>
  <si>
    <t>12/18/2019 11:30:10</t>
  </si>
  <si>
    <t>12/18/2019 11:31:04</t>
  </si>
  <si>
    <t>12/18/2019 11:36:28</t>
  </si>
  <si>
    <t>12/18/2019 11:31:05</t>
  </si>
  <si>
    <t>12/18/2019 11:31:25</t>
  </si>
  <si>
    <t>12/18/2019 11:35:58</t>
  </si>
  <si>
    <t>12/18/2019 11:37:27</t>
  </si>
  <si>
    <t>12/18/2019 11:34:45</t>
  </si>
  <si>
    <t>12/18/2019 11:38:28</t>
  </si>
  <si>
    <t>12/18/2019 11:35:45</t>
  </si>
  <si>
    <t>12/18/2019 11:33:42</t>
  </si>
  <si>
    <t>12/18/2019 11:33:43</t>
  </si>
  <si>
    <t>12/18/2019 11:33:44</t>
  </si>
  <si>
    <t>12/18/2019 11:34:52</t>
  </si>
  <si>
    <t>12/18/2019 11:35:06</t>
  </si>
  <si>
    <t>12/18/2019 11:35:07</t>
  </si>
  <si>
    <t>12/18/2019 11:35:09</t>
  </si>
  <si>
    <t>12/18/2019 11:36:15</t>
  </si>
  <si>
    <t>12/18/2019 11:37:36</t>
  </si>
  <si>
    <t>12/18/2019 11:34:34</t>
  </si>
  <si>
    <t>12/18/2019 11:35:04</t>
  </si>
  <si>
    <t>12/18/2019 11:35:34</t>
  </si>
  <si>
    <t>12/18/2019 11:36:04</t>
  </si>
  <si>
    <t>12/18/2019 11:36:34</t>
  </si>
  <si>
    <t>12/18/2019 11:37:04</t>
  </si>
  <si>
    <t>12/18/2019 11:37:34</t>
  </si>
  <si>
    <t>12/18/2019 11:40:28</t>
  </si>
  <si>
    <t>12/18/2019 11:35:21</t>
  </si>
  <si>
    <t>9d43826d-55b9-40c4-b4c2-5b51f7192f4a.tmp</t>
  </si>
  <si>
    <t>\\acsfs\profiles$\alicecpbc\Downloads\9d43826d-55b9-40c4-b4c2-5b51f7192f4a.tmp</t>
  </si>
  <si>
    <t>12/18/2019 11:35:19</t>
  </si>
  <si>
    <t>12/18/2019 11:37:55</t>
  </si>
  <si>
    <t>12/18/2019 11:41:27</t>
  </si>
  <si>
    <t>mail.google.com/_/upload?authuser=0&amp;dcp=asu-n&amp;upload_id=AEnB2Up83ZKsiGWKQut2CxFvneaJMHGGWMpJLb3bAUkWgrLewd6CPBm6pzKe14xQtDuKYxflg6Uy4UsJF0aBIsbCifatGIHiP1Pde_I5LKoqm4zJqXOuGDw&amp;upload_protocol=resumable</t>
  </si>
  <si>
    <t>Manter office - time Fabi.xlsx</t>
  </si>
  <si>
    <t>12/18/2019 11:39:27</t>
  </si>
  <si>
    <t>74314717-d55b-4047-a749-99be7e4f4511.tmp</t>
  </si>
  <si>
    <t>\\acsfs\profiles$\valeriasda\Downloads\74314717-d55b-4047-a749-99be7e4f4511.tmp</t>
  </si>
  <si>
    <t>12/18/2019 11:36:26</t>
  </si>
  <si>
    <t>12/18/2019 11:37:25</t>
  </si>
  <si>
    <t>12/18/2019 11:37:26</t>
  </si>
  <si>
    <t>12/18/2019 11:40:43</t>
  </si>
  <si>
    <t>alessandroam@algartech.com;carlos.florencio@algartech.com;josycoa@algartech.com;luizccga@algartech.com;rafaelmachado@kpmg.com.br;reginaldort@algartech.com;</t>
  </si>
  <si>
    <t>Projeto LGPD - Sistemas Ambientes Corporativo e Bradesco_v01.xlsx</t>
  </si>
  <si>
    <t>alessandroam@algartech.com,carlos.florencio@algartech.com,josycoa@algartech.com,luizccga@algartech.com,rafaelmachado@kpmg.com.br,reginaldort@algartech.com</t>
  </si>
  <si>
    <t>12/18/2019 11:42:28</t>
  </si>
  <si>
    <t>C:\Users\lucianapdre\Downloads\</t>
  </si>
  <si>
    <t>Relatório de Login_Projeto Nimbus_18-12-2019.xlsx</t>
  </si>
  <si>
    <t>12/18/2019 11:40:45</t>
  </si>
  <si>
    <t>12/18/2019 11:43:28</t>
  </si>
  <si>
    <t>12/18/2019 11:41:45</t>
  </si>
  <si>
    <t>12/18/2019 11:38:19</t>
  </si>
  <si>
    <t>12/18/2019 11:39:16</t>
  </si>
  <si>
    <t>12/18/2019 11:39:18</t>
  </si>
  <si>
    <t>12/18/2019 11:39:20</t>
  </si>
  <si>
    <t>12/18/2019 11:45:28</t>
  </si>
  <si>
    <t>12/18/2019 11:41:34</t>
  </si>
  <si>
    <t>12/18/2019 11:46:27</t>
  </si>
  <si>
    <t>mail.google.com/sync/u/0/i/s?hl=pt-BR&amp;c=503</t>
  </si>
  <si>
    <t>12/18/2019 11:42:12</t>
  </si>
  <si>
    <t>12/18/2019 11:42:13</t>
  </si>
  <si>
    <t>12/18/2019 11:42:15</t>
  </si>
  <si>
    <t>12/18/2019 11:42:17</t>
  </si>
  <si>
    <t>12/18/2019 11:43:25</t>
  </si>
  <si>
    <t>12/18/2019 11:43:56</t>
  </si>
  <si>
    <t>12/18/2019 11:41:04</t>
  </si>
  <si>
    <t>12/18/2019 11:43:20</t>
  </si>
  <si>
    <t>12/18/2019 11:47:28</t>
  </si>
  <si>
    <t>12/18/2019 11:43:33</t>
  </si>
  <si>
    <t>diegorbo@algartech.com;fabiolaaca@algartech.com;fernandaap@algartech.com;jeancds@algartech.com;lauanedjs@algartech.com;nilsiosc@algartech.com;victorgar@algartech.com;</t>
  </si>
  <si>
    <t>diegorbo@algartech.com,fabiolaaca@algartech.com,fernandaap@algartech.com,jeancds@algartech.com,lauanedjs@algartech.com,nilsiosc@algartech.com,victorgar@algartech.com</t>
  </si>
  <si>
    <t>12/18/2019 11:42:48</t>
  </si>
  <si>
    <t>12/18/2019 11:44:26</t>
  </si>
  <si>
    <t>12/18/2019 11:43:10</t>
  </si>
  <si>
    <t>12/18/2019 11:48:27</t>
  </si>
  <si>
    <t>2458ed92-93b7-44de-a924-1d5644bc7d38.tmp</t>
  </si>
  <si>
    <t>\\acsfs\profiles$\KARENDSR\Downloads\2458ed92-93b7-44de-a924-1d5644bc7d38.tmp</t>
  </si>
  <si>
    <t>12/18/2019 11:45:47</t>
  </si>
  <si>
    <t>Holerite_112019_2106541-1.pdf</t>
  </si>
  <si>
    <t>12/18/2019 11:46:45</t>
  </si>
  <si>
    <t>12/18/2019 11:41:26</t>
  </si>
  <si>
    <t>mail.google.com/sync/u/0/i/s?hl=pt-BR&amp;c=1233</t>
  </si>
  <si>
    <t>12/18/2019 11:43:37</t>
  </si>
  <si>
    <t>12/18/2019 11:43:46</t>
  </si>
  <si>
    <t>12/18/2019 11:44:37</t>
  </si>
  <si>
    <t>12/18/2019 11:45:16</t>
  </si>
  <si>
    <t>12/18/2019 11:43:35</t>
  </si>
  <si>
    <t>12/18/2019 11:44:05</t>
  </si>
  <si>
    <t>12/18/2019 11:45:35</t>
  </si>
  <si>
    <t>12/18/2019 11:46:05</t>
  </si>
  <si>
    <t>12/18/2019 11:47:58</t>
  </si>
  <si>
    <t>12/18/2019 11:49:28</t>
  </si>
  <si>
    <t>lu224762itwt7.tmp</t>
  </si>
  <si>
    <t>\\acsfs\profiles$\kamillacr\My Documents\lu224762itwt7.tmp</t>
  </si>
  <si>
    <t>\\acsfs\profiles$\kamillacr\My Documents\lu224762itwt7.tmp\</t>
  </si>
  <si>
    <t>\\acsfs\profiles$\kamillacr\My Documents\lu224762itwt7.tmp\META-INF\</t>
  </si>
  <si>
    <t>\\acsfs\profiles$\kamillacr\My Documents\lu224762itwt7.tmp\Thumbnails\</t>
  </si>
  <si>
    <t>12/18/2019 11:45:58</t>
  </si>
  <si>
    <t>mail.google.com/sync/u/0/i/s?hl=pt-BR&amp;c=208</t>
  </si>
  <si>
    <t>12/18/2019 11:46:17</t>
  </si>
  <si>
    <t>mail.google.com/_/upload?authuser=0&amp;dcp=asu-n&amp;upload_id=AEnB2Upd6OcbKX8-iY32ckDrvkehgzH_eVBy1KCveRq-lteRdPu6PxGb-Dp-TaATwPZLFaxZQzxv5hoooHU8TnHPFpFAWfo5aagxYrR-G9GRCCfOE7kiGkQ&amp;upload_protocol=resumable</t>
  </si>
  <si>
    <t>Checklist Brunna.docx</t>
  </si>
  <si>
    <t>12/18/2019 11:46:39</t>
  </si>
  <si>
    <t>12/18/2019 11:47:10</t>
  </si>
  <si>
    <t>12/18/2019 11:47:12</t>
  </si>
  <si>
    <t>12/18/2019 11:47:20</t>
  </si>
  <si>
    <t>12/18/2019 11:47:39</t>
  </si>
  <si>
    <t>mail.google.com/sync/u/0/i/s?hl=pt-BR&amp;c=222</t>
  </si>
  <si>
    <t>12/18/2019 11:47:53</t>
  </si>
  <si>
    <t>12/18/2019 11:48:01</t>
  </si>
  <si>
    <t>12/18/2019 11:48:08</t>
  </si>
  <si>
    <t>mail.google.com/sync/u/0/i/s?hl=pt-BR&amp;c=229</t>
  </si>
  <si>
    <t>12/18/2019 11:48:51</t>
  </si>
  <si>
    <t>12/18/2019 11:49:08</t>
  </si>
  <si>
    <t>mail.google.com/sync/u/0/i/s?hl=pt-BR&amp;c=242</t>
  </si>
  <si>
    <t>00:00:01;</t>
  </si>
  <si>
    <t>12/18/2019 11:50:27</t>
  </si>
  <si>
    <t>12/18/2019 11:49:40</t>
  </si>
  <si>
    <t>12/18/2019 11:51:28</t>
  </si>
  <si>
    <t>12/18/2019 11:46:59</t>
  </si>
  <si>
    <t>12/18/2019 11:47:25</t>
  </si>
  <si>
    <t>12/18/2019 11:49:27</t>
  </si>
  <si>
    <t>12/18/2019 11:47:23</t>
  </si>
  <si>
    <t>12/18/2019 11:52:27</t>
  </si>
  <si>
    <t>12/18/2019 11:50:04</t>
  </si>
  <si>
    <t>C:\Users\brunocs\Desktop\Estrutura\</t>
  </si>
  <si>
    <t>Gsuite.xlsx</t>
  </si>
  <si>
    <t>12/18/2019 11:47:45</t>
  </si>
  <si>
    <t>12/18/2019 11:53:28</t>
  </si>
  <si>
    <t>12/18/2019 11:49:37</t>
  </si>
  <si>
    <t>12/18/2019 11:50:01</t>
  </si>
  <si>
    <t>12/18/2019 11:50:03</t>
  </si>
  <si>
    <t>12/18/2019 11:50:09</t>
  </si>
  <si>
    <t>12/18/2019 11:50:10</t>
  </si>
  <si>
    <t>12/18/2019 11:51:16</t>
  </si>
  <si>
    <t>12/18/2019 11:50:06</t>
  </si>
  <si>
    <t>12/18/2019 11:50:36</t>
  </si>
  <si>
    <t>12/18/2019 11:51:06</t>
  </si>
  <si>
    <t>12/18/2019 11:51:36</t>
  </si>
  <si>
    <t>12/18/2019 11:52:06</t>
  </si>
  <si>
    <t>12/18/2019 11:51:34</t>
  </si>
  <si>
    <t>12/18/2019 11:55:27</t>
  </si>
  <si>
    <t>mail.google.com/_/upload?authuser=0&amp;dcp=asu-n&amp;upload_id=AEnB2UrvyojxU-ix04F027A7rs7TbemhZz8JozbXo0_6wpr7Wud7MAV12rk231W_7mjpbZNwi2q6TI4ED7lVkT8W1xHcVGgXsOamP7FRaFc5nEImivkIMHE&amp;upload_protocol=resumable</t>
  </si>
  <si>
    <t>Checklist Brunna2.docx</t>
  </si>
  <si>
    <t>12/18/2019 11:51:35</t>
  </si>
  <si>
    <t>12/18/2019 11:51:37</t>
  </si>
  <si>
    <t>12/18/2019 11:51:45</t>
  </si>
  <si>
    <t>12/18/2019 11:51:47</t>
  </si>
  <si>
    <t>12/18/2019 11:51:30</t>
  </si>
  <si>
    <t>12/18/2019 11:56:28</t>
  </si>
  <si>
    <t>cee5381c-b9e6-46da-a595-ff108cad2546.tmp</t>
  </si>
  <si>
    <t>\\acsfs\profiles$\leticiala\Downloads\cee5381c-b9e6-46da-a595-ff108cad2546.tmp</t>
  </si>
  <si>
    <t>12/18/2019 11:54:10</t>
  </si>
  <si>
    <t>\\acsfs\profiles$\yasminsc\My Documents\My Pictures\</t>
  </si>
  <si>
    <t>\\acsfs\profiles$\YASMINSC\My Documents\My Videos\desktop.ini</t>
  </si>
  <si>
    <t>12/18/2019 11:54:12</t>
  </si>
  <si>
    <t>\\acsfs\profiles$\YASMINSC\My Documents\My Videos\</t>
  </si>
  <si>
    <t>12/18/2019 11:54:16</t>
  </si>
  <si>
    <t>12/18/2019 11:54:17</t>
  </si>
  <si>
    <t>12/18/2019 11:54:20</t>
  </si>
  <si>
    <t>12/18/2019 11:54:22</t>
  </si>
  <si>
    <t>\\acsfs\profiles$\yasminsc\My Documents\My Music\</t>
  </si>
  <si>
    <t>\\acsfs\profiles$\YASMINSC\My Documents\My Pictures\desktop.ini</t>
  </si>
  <si>
    <t>12/18/2019 11:54:24</t>
  </si>
  <si>
    <t>\\acsfs\profiles$\yasminsc\My Documents\My Videos\</t>
  </si>
  <si>
    <t>12/18/2019 11:54:25</t>
  </si>
  <si>
    <t>12/18/2019 11:54:27</t>
  </si>
  <si>
    <t>12/18/2019 11:54:28</t>
  </si>
  <si>
    <t>12/18/2019 11:54:31</t>
  </si>
  <si>
    <t>\\acsfs\profiles$\YASMINSC\Contacts\</t>
  </si>
  <si>
    <t>\\acsfs\profiles$\YASMINSC\Contacts\desktop.ini</t>
  </si>
  <si>
    <t>12/18/2019 11:54:39</t>
  </si>
  <si>
    <t>12/18/2019 11:54:43</t>
  </si>
  <si>
    <t>12/18/2019 11:54:44</t>
  </si>
  <si>
    <t>12/18/2019 11:54:46</t>
  </si>
  <si>
    <t>12/18/2019 11:54:48</t>
  </si>
  <si>
    <t>12/18/2019 11:54:50</t>
  </si>
  <si>
    <t>\\acsfs\profiles$\yasminsc\My Documents\</t>
  </si>
  <si>
    <t>\\acsfs\profiles$\YASMINSC\Favorites\desktop.ini</t>
  </si>
  <si>
    <t>12/18/2019 11:54:51</t>
  </si>
  <si>
    <t>12/18/2019 11:54:52</t>
  </si>
  <si>
    <t>12/18/2019 11:54:55</t>
  </si>
  <si>
    <t>12/18/2019 11:54:57</t>
  </si>
  <si>
    <t>12/18/2019 11:54:58</t>
  </si>
  <si>
    <t>12/18/2019 11:55:00</t>
  </si>
  <si>
    <t>12/18/2019 11:55:01</t>
  </si>
  <si>
    <t>\\acsfs\profiles$\YASMINSC\My Documents\My Music\desktop.ini</t>
  </si>
  <si>
    <t>12/18/2019 11:55:04</t>
  </si>
  <si>
    <t>\\acsfs\profiles$\YASMINSC\My Documents\My Music\</t>
  </si>
  <si>
    <t>12/18/2019 11:55:05</t>
  </si>
  <si>
    <t>12/18/2019 11:55:07</t>
  </si>
  <si>
    <t>12/18/2019 11:55:10</t>
  </si>
  <si>
    <t>12/18/2019 11:55:13</t>
  </si>
  <si>
    <t>\\acsfs\profiles$\YASMINSC\Searches\desktop.ini</t>
  </si>
  <si>
    <t>12/18/2019 11:55:15</t>
  </si>
  <si>
    <t>12/18/2019 11:55:17</t>
  </si>
  <si>
    <t>12/18/2019 11:55:19</t>
  </si>
  <si>
    <t>12/18/2019 11:55:20</t>
  </si>
  <si>
    <t>12/18/2019 11:55:29</t>
  </si>
  <si>
    <t>\\acsfs\profiles$\YASMINSC\Downloads\desktop.ini</t>
  </si>
  <si>
    <t>12/18/2019 11:55:31</t>
  </si>
  <si>
    <t>12/18/2019 11:55:33</t>
  </si>
  <si>
    <t>\\acsfs\profiles$\YASMINSC\My Documents\desktop.ini</t>
  </si>
  <si>
    <t>12/18/2019 11:55:35</t>
  </si>
  <si>
    <t>\\acsfs\profiles$\YASMINSC\My Documents\</t>
  </si>
  <si>
    <t>12/18/2019 11:51:27</t>
  </si>
  <si>
    <t>12/18/2019 11:53:25</t>
  </si>
  <si>
    <t>12/18/2019 11:55:25</t>
  </si>
  <si>
    <t>12/18/2019 11:52:45</t>
  </si>
  <si>
    <t>12/18/2019 11:57:27</t>
  </si>
  <si>
    <t>12/18/2019 11:58:28</t>
  </si>
  <si>
    <t>12/18/2019 11:53:45</t>
  </si>
  <si>
    <t>12/18/2019 11:55:37</t>
  </si>
  <si>
    <t>12/18/2019 11:57:16</t>
  </si>
  <si>
    <t>12/18/2019 12:00:27</t>
  </si>
  <si>
    <t>12/18/2019 11:55:16</t>
  </si>
  <si>
    <t>12/18/2019 11:55:55</t>
  </si>
  <si>
    <t>12/18/2019 11:56:16</t>
  </si>
  <si>
    <t>12/18/2019 11:56:29</t>
  </si>
  <si>
    <t>12/18/2019 11:57:01</t>
  </si>
  <si>
    <t>12/18/2019 11:55:40</t>
  </si>
  <si>
    <t>12/18/2019 12:01:27</t>
  </si>
  <si>
    <t>12/18/2019 11:55:41</t>
  </si>
  <si>
    <t>12/18/2019 11:55:44</t>
  </si>
  <si>
    <t>12/18/2019 11:55:45</t>
  </si>
  <si>
    <t>\\acsfs\profiles$\yasminsc\Favorites\</t>
  </si>
  <si>
    <t>12/18/2019 11:55:49</t>
  </si>
  <si>
    <t>\\acsfs\profiles$\yasminsc\Downloads\</t>
  </si>
  <si>
    <t>\\acsfs\profiles$\YASMINSC\Saved Games\desktop.ini</t>
  </si>
  <si>
    <t>12/18/2019 11:55:52</t>
  </si>
  <si>
    <t>12/18/2019 11:56:17</t>
  </si>
  <si>
    <t>12/18/2019 11:58:44</t>
  </si>
  <si>
    <t>95d26193-8e90-4f58-b695-e9b2d1fac9c8.tmp</t>
  </si>
  <si>
    <t>\\acsfs\profiles$\YASMINSC\Downloads\95d26193-8e90-4f58-b695-e9b2d1fac9c8.tmp</t>
  </si>
  <si>
    <t>12/18/2019 12:00:15</t>
  </si>
  <si>
    <t>8fbf875e-57ad-43ab-be14-e979da57d893.tmp</t>
  </si>
  <si>
    <t>\\acsfs\profiles$\YASMINSC\Downloads\8fbf875e-57ad-43ab-be14-e979da57d893.tmp</t>
  </si>
  <si>
    <t>12/18/2019 11:57:02</t>
  </si>
  <si>
    <t>12/18/2019 11:57:03</t>
  </si>
  <si>
    <t>12/18/2019 11:57:04</t>
  </si>
  <si>
    <t>12/18/2019 11:57:05</t>
  </si>
  <si>
    <t>12/18/2019 11:57:06</t>
  </si>
  <si>
    <t>12/18/2019 11:57:07</t>
  </si>
  <si>
    <t>12/18/2019 11:57:08</t>
  </si>
  <si>
    <t>12/18/2019 11:57:10</t>
  </si>
  <si>
    <t>12/18/2019 11:57:11</t>
  </si>
  <si>
    <t>12/18/2019 11:57:13</t>
  </si>
  <si>
    <t>12/18/2019 11:57:14</t>
  </si>
  <si>
    <t>12/18/2019 11:57:15</t>
  </si>
  <si>
    <t>12/18/2019 11:57:17</t>
  </si>
  <si>
    <t>12/18/2019 11:57:18</t>
  </si>
  <si>
    <t>12/18/2019 11:57:19</t>
  </si>
  <si>
    <t>12/18/2019 11:59:07</t>
  </si>
  <si>
    <t>12/18/2019 11:59:06</t>
  </si>
  <si>
    <t>46bbb673-3165-4310-b5ad-11ff577ffe39.tmp</t>
  </si>
  <si>
    <t>\\acsfs\profiles$\luanaldsi\Downloads\46bbb673-3165-4310-b5ad-11ff577ffe39.tmp</t>
  </si>
  <si>
    <t>12/18/2019 12:01:42</t>
  </si>
  <si>
    <t>12/18/2019 12:02:27</t>
  </si>
  <si>
    <t>12/18/2019 11:58:42</t>
  </si>
  <si>
    <t>12/18/2019 11:58:45</t>
  </si>
  <si>
    <t>12/18/2019 12:03:27</t>
  </si>
  <si>
    <t>12/18/2019 11:59:45</t>
  </si>
  <si>
    <t>12/18/2019 11:58:21</t>
  </si>
  <si>
    <t>12/18/2019 11:59:28</t>
  </si>
  <si>
    <t>12/18/2019 11:59:33</t>
  </si>
  <si>
    <t>12/18/2019 11:59:34</t>
  </si>
  <si>
    <t>12/18/2019 11:59:50</t>
  </si>
  <si>
    <t>12/18/2019 11:59:52</t>
  </si>
  <si>
    <t>12/18/2019 12:00:06</t>
  </si>
  <si>
    <t>12/18/2019 12:00:07</t>
  </si>
  <si>
    <t>12/18/2019 12:00:09</t>
  </si>
  <si>
    <t>12/18/2019 12:00:30</t>
  </si>
  <si>
    <t>12/18/2019 12:00:31</t>
  </si>
  <si>
    <t>12/18/2019 12:00:33</t>
  </si>
  <si>
    <t>12/18/2019 12:00:34</t>
  </si>
  <si>
    <t>12/18/2019 12:00:36</t>
  </si>
  <si>
    <t>12/18/2019 12:00:54</t>
  </si>
  <si>
    <t>12/18/2019 12:00:55</t>
  </si>
  <si>
    <t>12/18/2019 12:01:37</t>
  </si>
  <si>
    <t>12/18/2019 12:03:16</t>
  </si>
  <si>
    <t>12/18/2019 11:59:47</t>
  </si>
  <si>
    <t>12/18/2019 12:05:26</t>
  </si>
  <si>
    <t>12/18/2019 12:00:24</t>
  </si>
  <si>
    <t>12/18/2019 12:00:25</t>
  </si>
  <si>
    <t>12/18/2019 12:00:50</t>
  </si>
  <si>
    <t>12/18/2019 12:00:56</t>
  </si>
  <si>
    <t>12/18/2019 12:01:00</t>
  </si>
  <si>
    <t>12/18/2019 12:01:05</t>
  </si>
  <si>
    <t>12/18/2019 12:01:11</t>
  </si>
  <si>
    <t>12/18/2019 12:01:23</t>
  </si>
  <si>
    <t>12/18/2019 12:01:32</t>
  </si>
  <si>
    <t>12/18/2019 12:01:36</t>
  </si>
  <si>
    <t>12/18/2019 12:01:41</t>
  </si>
  <si>
    <t>12/18/2019 12:03:22</t>
  </si>
  <si>
    <t>12/18/2019 12:06:27</t>
  </si>
  <si>
    <t>12/18/2019 12:01:44</t>
  </si>
  <si>
    <t>12/18/2019 12:01:52</t>
  </si>
  <si>
    <t>fernandaab@algartech.com;mirianppb@algartech.com;</t>
  </si>
  <si>
    <t>fernandaab@algartech.com,mirianppb@algartech.com</t>
  </si>
  <si>
    <t>12/18/2019 12:02:20</t>
  </si>
  <si>
    <t>12/18/2019 12:02:31</t>
  </si>
  <si>
    <t>12/18/2019 12:02:32</t>
  </si>
  <si>
    <t>12/18/2019 12:02:55</t>
  </si>
  <si>
    <t>12/18/2019 12:03:17</t>
  </si>
  <si>
    <t>12/18/2019 12:03:18</t>
  </si>
  <si>
    <t>12/18/2019 12:03:23</t>
  </si>
  <si>
    <t>12/18/2019 12:03:54</t>
  </si>
  <si>
    <t>12/18/2019 12:04:04</t>
  </si>
  <si>
    <t>12/18/2019 12:01:26</t>
  </si>
  <si>
    <t>12/18/2019 12:02:26</t>
  </si>
  <si>
    <t>12/18/2019 12:02:42</t>
  </si>
  <si>
    <t>12/18/2019 12:07:26</t>
  </si>
  <si>
    <t>919eff2c-0f83-4db4-8fe9-faa947c5dd79.tmp</t>
  </si>
  <si>
    <t>\\acsfs\profiles$\leydianeamd\Downloads\919eff2c-0f83-4db4-8fe9-faa947c5dd79.tmp</t>
  </si>
  <si>
    <t>12/18/2019 12:02:49</t>
  </si>
  <si>
    <t>Não confirmado 275683.crdownload</t>
  </si>
  <si>
    <t>\\acsfs\profiles$\leydianeamd\Downloads\Não confirmado 275683.crdownload</t>
  </si>
  <si>
    <t>0058a34e-8d2b-41e2-b7a9-5055fe8954ba.tmp</t>
  </si>
  <si>
    <t>\\acsfs\profiles$\leydianeamd\Downloads\0058a34e-8d2b-41e2-b7a9-5055fe8954ba.tmp</t>
  </si>
  <si>
    <t>ba9991f5-6719-4252-aa05-7475f56569c6.tmp</t>
  </si>
  <si>
    <t>\\acsfs\profiles$\leydianeamd\Downloads\ba9991f5-6719-4252-aa05-7475f56569c6.tmp</t>
  </si>
  <si>
    <t>12/18/2019 12:05:09</t>
  </si>
  <si>
    <t>7c992a2d-993f-43b5-b34a-df0772c418f0.tmp</t>
  </si>
  <si>
    <t>\\acsfs\profiles$\leydianeamd\Downloads\7c992a2d-993f-43b5-b34a-df0772c418f0.tmp</t>
  </si>
  <si>
    <t>12/18/2019 12:04:43</t>
  </si>
  <si>
    <t>372977a3-5324-40d0-a04b-0250b773204a.tmp</t>
  </si>
  <si>
    <t>\\acsfs\profiles$\paulovadc\Downloads\372977a3-5324-40d0-a04b-0250b773204a.tmp</t>
  </si>
  <si>
    <t>12/18/2019 12:04:46</t>
  </si>
  <si>
    <t>12/18/2019 12:08:26</t>
  </si>
  <si>
    <t>12/18/2019 12:05:45</t>
  </si>
  <si>
    <t>12/18/2019 12:05:18</t>
  </si>
  <si>
    <t>12/18/2019 12:05:11</t>
  </si>
  <si>
    <t>12/18/2019 12:05:12</t>
  </si>
  <si>
    <t>12/18/2019 12:05:13</t>
  </si>
  <si>
    <t>12/18/2019 12:06:59</t>
  </si>
  <si>
    <t>12/18/2019 12:07:37</t>
  </si>
  <si>
    <t>12/18/2019 12:07:53</t>
  </si>
  <si>
    <t>12/18/2019 12:06:28</t>
  </si>
  <si>
    <t>12/18/2019 12:09:27</t>
  </si>
  <si>
    <t>12/18/2019 12:06:36</t>
  </si>
  <si>
    <t>12/18/2019 12:09:39</t>
  </si>
  <si>
    <t>12/18/2019 12:10:26</t>
  </si>
  <si>
    <t>12/18/2019 12:06:02</t>
  </si>
  <si>
    <t>12/18/2019 12:06:25</t>
  </si>
  <si>
    <t>4fb93938-d7cb-46b6-8b54-ae999eb5f34a.tmp</t>
  </si>
  <si>
    <t>\\acsfs\profiles$\alicecpbc\Downloads\4fb93938-d7cb-46b6-8b54-ae999eb5f34a.tmp</t>
  </si>
  <si>
    <t>12/18/2019 12:08:24</t>
  </si>
  <si>
    <t>12/18/2019 12:11:27</t>
  </si>
  <si>
    <t>12/18/2019 12:10:15</t>
  </si>
  <si>
    <t>db15646d-ac06-44d2-a5eb-005a48bff685.tmp</t>
  </si>
  <si>
    <t>\\acsfs\profiles$\YASMINSC\Downloads\db15646d-ac06-44d2-a5eb-005a48bff685.tmp</t>
  </si>
  <si>
    <t>12/18/2019 12:06:38</t>
  </si>
  <si>
    <t>12/18/2019 12:07:21</t>
  </si>
  <si>
    <t>12/18/2019 12:12:26</t>
  </si>
  <si>
    <t>lu224762itwtb.tmp</t>
  </si>
  <si>
    <t>\\acsfs\profiles$\kamillacr\My Documents\lu224762itwtb.tmp</t>
  </si>
  <si>
    <t>\\acsfs\profiles$\kamillacr\My Documents\lu224762itwtb.tmp\</t>
  </si>
  <si>
    <t>\\acsfs\profiles$\kamillacr\My Documents\lu224762itwtb.tmp\META-INF\</t>
  </si>
  <si>
    <t>\\acsfs\profiles$\kamillacr\My Documents\lu224762itwtb.tmp\Thumbnails\</t>
  </si>
  <si>
    <t>12/18/2019 12:08:07</t>
  </si>
  <si>
    <t>12/18/2019 12:07:45</t>
  </si>
  <si>
    <t>12/18/2019 12:12:03</t>
  </si>
  <si>
    <t>12/18/2019 12:13:26</t>
  </si>
  <si>
    <t>apoiocentralbv@dxc.com;bvcartes-supervisores@algarnet.onmicrosoft.com;bvs-centralcartoes@bv.com.br;callcenterbv@dxc.com;</t>
  </si>
  <si>
    <t>apoiocentralbv@dxc.com,bvcartes-supervisores@algarnet.onmicrosoft.com,bvs-centralcartoes@bv.com.br,callcenterbv@dxc.com</t>
  </si>
  <si>
    <t>12/18/2019 12:12:18</t>
  </si>
  <si>
    <t>12/18/2019 12:12:35</t>
  </si>
  <si>
    <t>12/18/2019 12:10:46</t>
  </si>
  <si>
    <t>12/18/2019 12:11:45</t>
  </si>
  <si>
    <t>12/18/2019 12:09:16</t>
  </si>
  <si>
    <t>12/18/2019 12:10:37</t>
  </si>
  <si>
    <t>12/18/2019 12:11:03</t>
  </si>
  <si>
    <t>12/18/2019 12:12:34</t>
  </si>
  <si>
    <t>\\acsfs\DEPTOS\Operacao\PCP\5 - Comum\PLANEJAMENTO BV\</t>
  </si>
  <si>
    <t>\\acsfs\DEPTOS\Operacao\PCP\5 - Comum\JAMILY EMANUELLY\Thumbs.db</t>
  </si>
  <si>
    <t>12/18/2019 12:08:56</t>
  </si>
  <si>
    <t>12/18/2019 12:14:26</t>
  </si>
  <si>
    <t>10.200.66.13</t>
  </si>
  <si>
    <t>78-2B-CB-C1-06-CA</t>
  </si>
  <si>
    <t>VOTORANT-ABB006</t>
  </si>
  <si>
    <t>railsondsm</t>
  </si>
  <si>
    <t>https://udpmailboxap01.acs.com.br:8443/h/search?si=0&amp;so=0&amp;sc=47521&amp;st=conversation&amp;action=compose</t>
  </si>
  <si>
    <t>C:\Users\railsondsm\Downloads\</t>
  </si>
  <si>
    <t>Certificado.pdf</t>
  </si>
  <si>
    <t>Certificado (1).pdf</t>
  </si>
  <si>
    <t>Certificado (2).pdf</t>
  </si>
  <si>
    <t>Certificado (3).pdf</t>
  </si>
  <si>
    <t>Certificado (4).pdf</t>
  </si>
  <si>
    <t>12/18/2019 12:09:17</t>
  </si>
  <si>
    <t>railsondsm@bv.algartech.com</t>
  </si>
  <si>
    <t>railsondasilva@live.com;</t>
  </si>
  <si>
    <t>https://railsondasilva@live.com</t>
  </si>
  <si>
    <t>12/18/2019 12:11:59</t>
  </si>
  <si>
    <t>12/18/2019 12:15:26</t>
  </si>
  <si>
    <t>mail.google.com/_/upload?authuser=0&amp;dcp=asu-n&amp;upload_id=AEnB2UpJ62L8uU5cEsX1luBHn8OfisifSseM8TKR29kkc6uXOH12fi1H1V05R7LR1pC4aM12Chorryx-aCgyUFJIt_u_PHiqGpmeZNhtsRbdAd9pGUiH-xg&amp;upload_protocol=resumable</t>
  </si>
  <si>
    <t>Contatos_Bradesco_Leandro.xlsx</t>
  </si>
  <si>
    <t>12/18/2019 12:13:51</t>
  </si>
  <si>
    <t>12/18/2019 12:12:55</t>
  </si>
  <si>
    <t>12/18/2019 12:16:26</t>
  </si>
  <si>
    <t>29e76a42-746a-4107-85f6-293113c4fe14.tmp</t>
  </si>
  <si>
    <t>\\acsfs\profiles$\leticiala\Downloads\29e76a42-746a-4107-85f6-293113c4fe14.tmp</t>
  </si>
  <si>
    <t>12/18/2019 12:15:02</t>
  </si>
  <si>
    <t>12/18/2019 12:14:12</t>
  </si>
  <si>
    <t>12/18/2019 12:11:44</t>
  </si>
  <si>
    <t>12/18/2019 12:17:26</t>
  </si>
  <si>
    <t>12/18/2019 12:13:36</t>
  </si>
  <si>
    <t>\\acsfs\profiles$\ericalsr\My Documents\My Pictures\</t>
  </si>
  <si>
    <t>\\acsfs\profiles$\ERICALSR\My Documents\My Videos\desktop.ini</t>
  </si>
  <si>
    <t>12/18/2019 12:13:38</t>
  </si>
  <si>
    <t>\\acsfs\profiles$\ERICALSR\My Documents\My Videos\</t>
  </si>
  <si>
    <t>12/18/2019 12:13:52</t>
  </si>
  <si>
    <t>12/18/2019 12:13:54</t>
  </si>
  <si>
    <t>12/18/2019 12:13:56</t>
  </si>
  <si>
    <t>12/18/2019 12:14:00</t>
  </si>
  <si>
    <t>\\acsfs\profiles$\ericalsr\My Documents\My Music\</t>
  </si>
  <si>
    <t>\\acsfs\profiles$\ERICALSR\My Documents\My Pictures\desktop.ini</t>
  </si>
  <si>
    <t>12/18/2019 12:14:02</t>
  </si>
  <si>
    <t>\\acsfs\profiles$\ericalsr\My Documents\My Videos\</t>
  </si>
  <si>
    <t>12/18/2019 12:14:05</t>
  </si>
  <si>
    <t>12/18/2019 12:14:06</t>
  </si>
  <si>
    <t>12/18/2019 12:14:08</t>
  </si>
  <si>
    <t>12/18/2019 12:14:11</t>
  </si>
  <si>
    <t>\\acsfs\profiles$\ERICALSR\Contacts\</t>
  </si>
  <si>
    <t>\\acsfs\profiles$\ERICALSR\Contacts\desktop.ini</t>
  </si>
  <si>
    <t>12/18/2019 12:14:13</t>
  </si>
  <si>
    <t>12/18/2019 12:14:40</t>
  </si>
  <si>
    <t>12/18/2019 12:14:42</t>
  </si>
  <si>
    <t>12/18/2019 12:14:45</t>
  </si>
  <si>
    <t>12/18/2019 12:14:46</t>
  </si>
  <si>
    <t>12/18/2019 12:14:48</t>
  </si>
  <si>
    <t>\\acsfs\profiles$\ericalsr\My Documents\</t>
  </si>
  <si>
    <t>\\acsfs\profiles$\ERICALSR\Favorites\desktop.ini</t>
  </si>
  <si>
    <t>12/18/2019 12:14:50</t>
  </si>
  <si>
    <t>12/18/2019 12:14:52</t>
  </si>
  <si>
    <t>12/18/2019 12:14:54</t>
  </si>
  <si>
    <t>12/18/2019 12:14:58</t>
  </si>
  <si>
    <t>12/18/2019 12:15:01</t>
  </si>
  <si>
    <t>12/18/2019 12:15:05</t>
  </si>
  <si>
    <t>\\acsfs\profiles$\ERICALSR\My Documents\My Music\desktop.ini</t>
  </si>
  <si>
    <t>12/18/2019 12:15:08</t>
  </si>
  <si>
    <t>\\acsfs\profiles$\ERICALSR\My Documents\My Music\</t>
  </si>
  <si>
    <t>12/18/2019 12:15:10</t>
  </si>
  <si>
    <t>12/18/2019 12:15:12</t>
  </si>
  <si>
    <t>12/18/2019 12:15:14</t>
  </si>
  <si>
    <t>12/18/2019 12:15:16</t>
  </si>
  <si>
    <t>\\acsfs\profiles$\ERICALSR\Searches\desktop.ini</t>
  </si>
  <si>
    <t>12/18/2019 12:15:19</t>
  </si>
  <si>
    <t>12/18/2019 12:15:21</t>
  </si>
  <si>
    <t>12/18/2019 12:15:24</t>
  </si>
  <si>
    <t>12/18/2019 12:12:47</t>
  </si>
  <si>
    <t>Resumo Resultados Financeiros(2).xlsx</t>
  </si>
  <si>
    <t>12/18/2019 12:15:29</t>
  </si>
  <si>
    <t>\\acsfs\profiles$\ERICALSR\Downloads\desktop.ini</t>
  </si>
  <si>
    <t>12/18/2019 12:15:32</t>
  </si>
  <si>
    <t>12/18/2019 12:15:35</t>
  </si>
  <si>
    <t>\\acsfs\profiles$\ericalsr\Favorites\</t>
  </si>
  <si>
    <t>\\acsfs\profiles$\ERICALSR\My Documents\desktop.ini</t>
  </si>
  <si>
    <t>12/18/2019 12:15:40</t>
  </si>
  <si>
    <t>12/18/2019 12:15:42</t>
  </si>
  <si>
    <t>12/18/2019 12:15:44</t>
  </si>
  <si>
    <t>12/18/2019 12:15:47</t>
  </si>
  <si>
    <t>12/18/2019 12:15:49</t>
  </si>
  <si>
    <t>12/18/2019 12:15:53</t>
  </si>
  <si>
    <t>\\acsfs\profiles$\ericalsr\Downloads\</t>
  </si>
  <si>
    <t>\\acsfs\profiles$\ERICALSR\Saved Games\desktop.ini</t>
  </si>
  <si>
    <t>12/18/2019 12:15:58</t>
  </si>
  <si>
    <t>12/18/2019 12:16:28</t>
  </si>
  <si>
    <t>12/18/2019 12:16:29</t>
  </si>
  <si>
    <t>12/18/2019 12:14:57</t>
  </si>
  <si>
    <t>12/18/2019 12:18:26</t>
  </si>
  <si>
    <t>12/18/2019 12:12:38</t>
  </si>
  <si>
    <t>12/18/2019 12:12:44</t>
  </si>
  <si>
    <t>12/18/2019 12:12:48</t>
  </si>
  <si>
    <t>12/18/2019 12:13:00</t>
  </si>
  <si>
    <t>12/18/2019 12:14:29</t>
  </si>
  <si>
    <t>12/18/2019 12:14:51</t>
  </si>
  <si>
    <t>12/18/2019 12:14:56</t>
  </si>
  <si>
    <t>12/18/2019 12:15:15</t>
  </si>
  <si>
    <t>12/18/2019 12:15:18</t>
  </si>
  <si>
    <t>12/18/2019 12:15:23</t>
  </si>
  <si>
    <t>12/18/2019 12:15:25</t>
  </si>
  <si>
    <t>mail.google.com/sync/u/0/i/s?hl=pt-BR&amp;c=120</t>
  </si>
  <si>
    <t>12/18/2019 12:15:33</t>
  </si>
  <si>
    <t>12/18/2019 12:15:38</t>
  </si>
  <si>
    <t>12/18/2019 12:16:01</t>
  </si>
  <si>
    <t>12/18/2019 12:16:10</t>
  </si>
  <si>
    <t>12/18/2019 12:16:16</t>
  </si>
  <si>
    <t>7;flaviacno@algartech.com;</t>
  </si>
  <si>
    <t>7,flaviacno@algartech.com</t>
  </si>
  <si>
    <t>12/18/2019 12:16:33</t>
  </si>
  <si>
    <t>12/18/2019 12:16:45</t>
  </si>
  <si>
    <t>12/18/2019 12:13:37</t>
  </si>
  <si>
    <t>12/18/2019 12:14:04</t>
  </si>
  <si>
    <t>12/18/2019 12:16:37</t>
  </si>
  <si>
    <t>12/18/2019 12:16:56</t>
  </si>
  <si>
    <t>12/18/2019 12:20:27</t>
  </si>
  <si>
    <t>THAYNARA CAMILA SANTOS LOPES_1_6765949268092060108_1_32.wav</t>
  </si>
  <si>
    <t>\\acsfs\DEPTOS\EDUCACAO EMPRESARIAL\ligação mutant primeiro ciclo MUTANT\THAYNARA CAMILA SANTOS LOPES_1_6765949268092060108_1_32.wav</t>
  </si>
  <si>
    <t>12/18/2019 12:19:25</t>
  </si>
  <si>
    <t>12/18/2019 12:21:27</t>
  </si>
  <si>
    <t>12/18/2019 12:20:25</t>
  </si>
  <si>
    <t>12/18/2019 12:19:49</t>
  </si>
  <si>
    <t>46cda317-598f-4a44-8d2e-99be6700b49c.tmp</t>
  </si>
  <si>
    <t>\\acsfs\profiles$\luanaldsi\Downloads\46cda317-598f-4a44-8d2e-99be6700b49c.tmp</t>
  </si>
  <si>
    <t>12/18/2019 12:20:32</t>
  </si>
  <si>
    <t>6793e0d9-bcab-41f8-8c31-dd39eaf11cc7.tmp</t>
  </si>
  <si>
    <t>\\acsfs\profiles$\luanaldsi\Downloads\6793e0d9-bcab-41f8-8c31-dd39eaf11cc7.tmp</t>
  </si>
  <si>
    <t>12/18/2019 12:19:00</t>
  </si>
  <si>
    <t>12/18/2019 12:22:27</t>
  </si>
  <si>
    <t>4d031847-081a-4211-b03c-064cb7c11b6d.tmp</t>
  </si>
  <si>
    <t>\\acsfs\profiles$\ERICALSR\Downloads\4d031847-081a-4211-b03c-064cb7c11b6d.tmp</t>
  </si>
  <si>
    <t>12/18/2019 12:20:26</t>
  </si>
  <si>
    <t>6e8d72ad-d6ee-43ad-b989-d4c2a26f1d5a.tmp</t>
  </si>
  <si>
    <t>\\acsfs\profiles$\ERICALSR\Downloads\6e8d72ad-d6ee-43ad-b989-d4c2a26f1d5a.tmp</t>
  </si>
  <si>
    <t>12/18/2019 12:20:43</t>
  </si>
  <si>
    <t>12/18/2019 12:17:45</t>
  </si>
  <si>
    <t>12/18/2019 12:23:27</t>
  </si>
  <si>
    <t>12/18/2019 12:19:07</t>
  </si>
  <si>
    <t>12/18/2019 12:19:14</t>
  </si>
  <si>
    <t>12/18/2019 12:19:34</t>
  </si>
  <si>
    <t>12/18/2019 12:19:58</t>
  </si>
  <si>
    <t>mail.google.com/sync/u/0/i/s?hl=pt-BR&amp;c=390</t>
  </si>
  <si>
    <t>12/18/2019 12:20:11</t>
  </si>
  <si>
    <t>12/18/2019 12:20:15</t>
  </si>
  <si>
    <t>12/18/2019 12:20:33</t>
  </si>
  <si>
    <t>12/18/2019 12:22:18</t>
  </si>
  <si>
    <t>mail.google.com/sync/u/0/i/s?hl=pt-BR&amp;c=400</t>
  </si>
  <si>
    <t>12/18/2019 12:22:21</t>
  </si>
  <si>
    <t>12/18/2019 12:22:25</t>
  </si>
  <si>
    <t>mail.google.com/sync/u/0/i/s?hl=pt-BR&amp;c=406</t>
  </si>
  <si>
    <t>12/18/2019 12:22:28</t>
  </si>
  <si>
    <t>12/18/2019 12:19:37</t>
  </si>
  <si>
    <t>12/18/2019 12:21:17</t>
  </si>
  <si>
    <t>12/18/2019 12:21:48</t>
  </si>
  <si>
    <t>12/18/2019 12:21:49</t>
  </si>
  <si>
    <t>12/18/2019 12:21:50</t>
  </si>
  <si>
    <t>12/18/2019 12:21:51</t>
  </si>
  <si>
    <t>12/18/2019 12:26:27</t>
  </si>
  <si>
    <t>12/18/2019 12:20:58</t>
  </si>
  <si>
    <t>94a2d962-ef5d-4851-a289-db2b34aabba8.tmp</t>
  </si>
  <si>
    <t>\\acsfs\profiles$\YASMINSC\Downloads\94a2d962-ef5d-4851-a289-db2b34aabba8.tmp</t>
  </si>
  <si>
    <t>12/18/2019 12:25:04</t>
  </si>
  <si>
    <t>12/18/2019 12:22:13</t>
  </si>
  <si>
    <t>12/18/2019 12:25:25</t>
  </si>
  <si>
    <t>12/18/2019 12:24:07</t>
  </si>
  <si>
    <t>12/18/2019 12:27:28</t>
  </si>
  <si>
    <t>12/18/2019 12:22:45</t>
  </si>
  <si>
    <t>12/18/2019 12:28:27</t>
  </si>
  <si>
    <t>12/18/2019 12:23:18</t>
  </si>
  <si>
    <t>12/18/2019 12:23:23</t>
  </si>
  <si>
    <t>mail.google.com/sync/u/0/i/s?hl=pt-BR&amp;c=412</t>
  </si>
  <si>
    <t>mail.google.com/sync/u/0/i/s?hl=pt-BR&amp;c=415</t>
  </si>
  <si>
    <t>12/18/2019 12:23:45</t>
  </si>
  <si>
    <t>12/18/2019 12:27:10</t>
  </si>
  <si>
    <t>12/18/2019 12:27:14</t>
  </si>
  <si>
    <t>mail.google.com/sync/u/0/i/s?hl=pt-BR&amp;c=420</t>
  </si>
  <si>
    <t>12/18/2019 12:25:37</t>
  </si>
  <si>
    <t>12/18/2019 12:27:16</t>
  </si>
  <si>
    <t>12/18/2019 12:27:37</t>
  </si>
  <si>
    <t>12/18/2019 12:25:47</t>
  </si>
  <si>
    <t>12/18/2019 12:30:27</t>
  </si>
  <si>
    <t>12/18/2019 12:31:27</t>
  </si>
  <si>
    <t>12/18/2019 12:26:26</t>
  </si>
  <si>
    <t>12/18/2019 12:28:57</t>
  </si>
  <si>
    <t>12/18/2019 12:28:36</t>
  </si>
  <si>
    <t>12/18/2019 12:27:53</t>
  </si>
  <si>
    <t>12/18/2019 12:28:38</t>
  </si>
  <si>
    <t>caso cs.txt</t>
  </si>
  <si>
    <t>\\acsfs\profiles$\brendavdoa\My Documents\caso cs.txt</t>
  </si>
  <si>
    <t>12/18/2019 12:32:28</t>
  </si>
  <si>
    <t>untitled.png</t>
  </si>
  <si>
    <t>\\acsfs\profiles$\sabrinasc\My Documents\untitled.png</t>
  </si>
  <si>
    <t>12/18/2019 12:28:33</t>
  </si>
  <si>
    <t>12/18/2019 12:33:27</t>
  </si>
  <si>
    <t>mail.google.com/sync/u/0/i/s?hl=pt-BR&amp;c=423</t>
  </si>
  <si>
    <t>12/18/2019 12:28:42</t>
  </si>
  <si>
    <t>12/18/2019 12:28:44</t>
  </si>
  <si>
    <t>12/18/2019 12:28:45</t>
  </si>
  <si>
    <t>12/18/2019 12:28:51</t>
  </si>
  <si>
    <t>12/18/2019 12:29:03</t>
  </si>
  <si>
    <t>12/18/2019 12:29:05</t>
  </si>
  <si>
    <t>12/18/2019 12:29:11</t>
  </si>
  <si>
    <t>mail.google.com/sync/u/0/i/s?hl=pt-BR&amp;c=435</t>
  </si>
  <si>
    <t>12/18/2019 12:29:30</t>
  </si>
  <si>
    <t>12/18/2019 12:29:43</t>
  </si>
  <si>
    <t>12/18/2019 12:29:45</t>
  </si>
  <si>
    <t>12/18/2019 12:29:46</t>
  </si>
  <si>
    <t>mail.google.com/sync/u/0/i/s?hl=pt-BR&amp;c=442</t>
  </si>
  <si>
    <t>12/18/2019 12:29:47</t>
  </si>
  <si>
    <t>12/18/2019 12:30:23</t>
  </si>
  <si>
    <t>12/18/2019 12:30:28</t>
  </si>
  <si>
    <t>12/18/2019 12:30:34</t>
  </si>
  <si>
    <t>mail.google.com/sync/u/0/i/s?hl=pt-BR&amp;c=451</t>
  </si>
  <si>
    <t>12/18/2019 12:30:41</t>
  </si>
  <si>
    <t>mail.google.com/sync/u/0/i/s?hl=pt-BR&amp;c=453</t>
  </si>
  <si>
    <t>12/18/2019 12:30:46</t>
  </si>
  <si>
    <t>mail.google.com/sync/u/0/i/s?hl=pt-BR&amp;c=455</t>
  </si>
  <si>
    <t>12/18/2019 12:29:19</t>
  </si>
  <si>
    <t>12/18/2019 12:31:37</t>
  </si>
  <si>
    <t>12/18/2019 12:33:16</t>
  </si>
  <si>
    <t>12/18/2019 12:31:49</t>
  </si>
  <si>
    <t>12/18/2019 12:35:27</t>
  </si>
  <si>
    <t>12/18/2019 12:32:40</t>
  </si>
  <si>
    <t>12/18/2019 12:30:12</t>
  </si>
  <si>
    <t>19f73e18-ae45-44ea-ae1e-c682f5800217.tmp</t>
  </si>
  <si>
    <t>\\acsfs\profiles$\alicecpbc\Downloads\19f73e18-ae45-44ea-ae1e-c682f5800217.tmp</t>
  </si>
  <si>
    <t>12/18/2019 12:36:27</t>
  </si>
  <si>
    <t>12/18/2019 12:31:25</t>
  </si>
  <si>
    <t>12/18/2019 12:32:25</t>
  </si>
  <si>
    <t>12/18/2019 12:33:00</t>
  </si>
  <si>
    <t>ded883f7-7d1c-4e31-9a00-c08b3bd57ce8.tmp</t>
  </si>
  <si>
    <t>\\acsfs\profiles$\luanaldsi\Downloads\ded883f7-7d1c-4e31-9a00-c08b3bd57ce8.tmp</t>
  </si>
  <si>
    <t>12/18/2019 12:35:37</t>
  </si>
  <si>
    <t>12/18/2019 12:37:27</t>
  </si>
  <si>
    <t>12/18/2019 12:33:37</t>
  </si>
  <si>
    <t>12/18/2019 12:38:27</t>
  </si>
  <si>
    <t>12/18/2019 12:37:25</t>
  </si>
  <si>
    <t>12/18/2019 12:37:37</t>
  </si>
  <si>
    <t>12/18/2019 12:39:32</t>
  </si>
  <si>
    <t>12/18/2019 12:40:26</t>
  </si>
  <si>
    <t>c0d1744f-8433-42ce-abc1-1e775bed726f.tmp</t>
  </si>
  <si>
    <t>\\acsfs\profiles$\alexandrapp\Downloads\c0d1744f-8433-42ce-abc1-1e775bed726f.tmp</t>
  </si>
  <si>
    <t>12/18/2019 12:39:34</t>
  </si>
  <si>
    <t>12/18/2019 12:36:24</t>
  </si>
  <si>
    <t>/o=exchangelabs/ou=exchange administrative group (fydibohf23spdlt)/cn=recipients/cn=21e19f678add4fcfafd18869720fe392-mariana sar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884456cac2d4447a84a34c3949c19653-rayanneba_a;/o=exchangelabs/ou=exchange administrative group (fydibohf23spdlt)/cn=recipients/cn=9bb376e8b4c74d45963b1165e99fb0ea-fernando ro;/o=exchangelabs/ou=exchange administrative group (fydibohf23spdlt)/cn=recipients/cn=fd4a47c4d251414eb48a57376a49e773-marco tulio;arturrs@algartech.com.br;dayarag@algartech.com.br;douglasrso@algartech.com.br;emanuelfal@algartech.com.br;joycemco@algartech.com.br;laianepda@algartech.com.br;maradfma@algartech.com.br;marianasar@algartech.com.br;mariltonmsj@algartech.com.br;nayanepm</t>
  </si>
  <si>
    <t>Processo seletivo - Monitor de Qualidade next</t>
  </si>
  <si>
    <t>Canditados_redação.xlsx</t>
  </si>
  <si>
    <t>/o=exchangelabs/ou=exchange administrative group (fydibohf23spdlt)/cn=recipients/cn=21e19f678add4fcfafd18869720fe392-mariana sar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884456cac2d4447a84a34c3949c19653-rayanneba_a,/o=exchangelabs/ou=exchange administrative group (fydibohf23spdlt)/cn=recipients/cn=9bb376e8b4c74d45963b1165e99fb0ea-fernando ro,/o=exchangelabs/ou=exchange administrative group (fydibohf23spdlt)/cn=recipients/cn=fd4a47c4d251414eb48a57376a49e773-marco tulio,arturrs@algartech.com.br,dayarag@algartech.com.br,douglasrso@algartech.com.br,emanuelfal@algartech.com.br,joycemco@algartech.com.br,laianepda@algartech.com.br,maradfma@algartech.com.br,marianasar@algartech.com.br,mariltonmsj@algartech.com.br,nayanepm</t>
  </si>
  <si>
    <t>12/18/2019 12:37:01</t>
  </si>
  <si>
    <t>12/18/2019 12:41:26</t>
  </si>
  <si>
    <t>984de0f8-4e75-4f79-a289-48222f498a75.tmp</t>
  </si>
  <si>
    <t>\\acsfs\profiles$\gabrielarb\Downloads\984de0f8-4e75-4f79-a289-48222f498a75.tmp</t>
  </si>
  <si>
    <t>12/18/2019 12:36:28</t>
  </si>
  <si>
    <t>12/18/2019 12:38:25</t>
  </si>
  <si>
    <t>12/18/2019 12:37:13</t>
  </si>
  <si>
    <t>mail.google.com/_/upload?authuser=0&amp;dcp=asu-n&amp;upload_id=AEnB2UpCjHVBYBcLYd0HIkXraG3TZKHuwWXKjN88UNNSwDLm5PcklnG2wbvpy3nAMHuEG46cNsUmHXX-dQ9XLJXVLmXa_K6jjmWlNgHTwak_Bx5-eoAztIA&amp;upload_protocol=resumable</t>
  </si>
  <si>
    <t>Incumbent - Weighted Results.xlsx</t>
  </si>
  <si>
    <t>12/18/2019 12:40:28</t>
  </si>
  <si>
    <t>12/18/2019 12:42:26</t>
  </si>
  <si>
    <t>12/18/2019 12:41:12</t>
  </si>
  <si>
    <t>12/18/2019 12:39:16</t>
  </si>
  <si>
    <t>12/18/2019 12:43:26</t>
  </si>
  <si>
    <t>12/18/2019 12:39:37</t>
  </si>
  <si>
    <t>12/18/2019 12:42:37</t>
  </si>
  <si>
    <t>12/18/2019 12:42:39</t>
  </si>
  <si>
    <t>12/18/2019 12:42:40</t>
  </si>
  <si>
    <t>12/18/2019 12:40:04</t>
  </si>
  <si>
    <t>12/18/2019 12:45:26</t>
  </si>
  <si>
    <t>7b9fb62d-a3a8-47d8-a2dc-0f479c9d2bff.tmp</t>
  </si>
  <si>
    <t>\\acsfs\profiles$\alexandrapp\Downloads\7b9fb62d-a3a8-47d8-a2dc-0f479c9d2bff.tmp</t>
  </si>
  <si>
    <t>12/18/2019 12:41:42</t>
  </si>
  <si>
    <t>3737efdb-3abb-4a3b-8c30-662ca8c7eb88.tmp</t>
  </si>
  <si>
    <t>\\acsfs\profiles$\PEDROHAB\Downloads\3737efdb-3abb-4a3b-8c30-662ca8c7eb88.tmp</t>
  </si>
  <si>
    <t>12/18/2019 12:43:21</t>
  </si>
  <si>
    <t>cbe425fd-bd8f-4039-b617-582c49616b22.tmp</t>
  </si>
  <si>
    <t>\\acsfs\profiles$\gabrielafs\Downloads\cbe425fd-bd8f-4039-b617-582c49616b22.tmp</t>
  </si>
  <si>
    <t>12/18/2019 12:43:59</t>
  </si>
  <si>
    <t>12/18/2019 12:46:26</t>
  </si>
  <si>
    <t>12/18/2019 12:44:01</t>
  </si>
  <si>
    <t>lu10204ro034.tmp</t>
  </si>
  <si>
    <t>\\acsfs\profiles$\dhiulliananads\My Documents\lu10204ro034.tmp</t>
  </si>
  <si>
    <t>\\acsfs\profiles$\dhiulliananads\My Documents\lu10204ro034.tmp\</t>
  </si>
  <si>
    <t>\\acsfs\profiles$\dhiulliananads\My Documents\lu10204ro034.tmp\META-INF\</t>
  </si>
  <si>
    <t>\\acsfs\profiles$\dhiulliananads\My Documents\lu10204ro034.tmp\Thumbnails\</t>
  </si>
  <si>
    <t>12/18/2019 12:43:25</t>
  </si>
  <si>
    <t>12/18/2019 12:44:25</t>
  </si>
  <si>
    <t>12/18/2019 12:47:26</t>
  </si>
  <si>
    <t>bd09a57d-c880-45e4-ac81-a2a77795798d.tmp</t>
  </si>
  <si>
    <t>\\acsfs\profiles$\larissaad\Downloads\bd09a57d-c880-45e4-ac81-a2a77795798d.tmp</t>
  </si>
  <si>
    <t>12/18/2019 12:46:00</t>
  </si>
  <si>
    <t>12/18/2019 12:48:25</t>
  </si>
  <si>
    <t>cb92a681-834e-4c26-bb2e-226f8676dc28.tmp</t>
  </si>
  <si>
    <t>\\acsfs\profiles$\geovannasm\Downloads\cb92a681-834e-4c26-bb2e-226f8676dc28.tmp</t>
  </si>
  <si>
    <t>12/18/2019 12:46:15</t>
  </si>
  <si>
    <t>3b2c7216-bd76-4e3b-b1a1-8f188fbc4a3f.tmp</t>
  </si>
  <si>
    <t>\\acsfs\profiles$\geovannasm\Downloads\3b2c7216-bd76-4e3b-b1a1-8f188fbc4a3f.tmp</t>
  </si>
  <si>
    <t>12/18/2019 12:46:21</t>
  </si>
  <si>
    <t>bf263a71-ca2a-49fa-b46a-22440d691e57.tmp</t>
  </si>
  <si>
    <t>\\acsfs\profiles$\geovannasm\Downloads\bf263a71-ca2a-49fa-b46a-22440d691e57.tmp</t>
  </si>
  <si>
    <t>12/18/2019 12:43:37</t>
  </si>
  <si>
    <t>12/18/2019 12:49:26</t>
  </si>
  <si>
    <t>12/18/2019 12:45:05</t>
  </si>
  <si>
    <t>12/18/2019 12:45:16</t>
  </si>
  <si>
    <t>12/18/2019 12:49:27</t>
  </si>
  <si>
    <t>12/18/2019 12:50:26</t>
  </si>
  <si>
    <t>\\oficina\d$\Programas\revo\RevoPortable\</t>
  </si>
  <si>
    <t>settings.ini</t>
  </si>
  <si>
    <t>\\oficina\d$\Programas\revo\RevoPortable\settings.ini</t>
  </si>
  <si>
    <t>12/18/2019 12:51:26</t>
  </si>
  <si>
    <t>12/18/2019 12:50:25</t>
  </si>
  <si>
    <t>12/18/2019 12:52:25</t>
  </si>
  <si>
    <t>12/18/2019 12:52:43</t>
  </si>
  <si>
    <t>12/18/2019 12:53:26</t>
  </si>
  <si>
    <t>mail.google.com/_/upload?authuser=0&amp;dcp=asu-n&amp;upload_id=AEnB2UpT_4ef4uy9J_ZAVIxsjhsyvxT-ZtDF_rnDGZvG_qsGxUBwUISUBBgrWkXyC8oMmGkhMfjLLnNWl5RpwhSr8eRVPJZAXH92Vt5LL1yBugKf9nKDtlI&amp;upload_protocol=resumable</t>
  </si>
  <si>
    <t>C:\Users\lucianabo\Desktop\2019\11 - Novembro\FECHAMENTO CONTÁBIL\RAO SLIDE CAIXA + YOUSE\112019_RAO_GRC - Cintia.pptx\</t>
  </si>
  <si>
    <t>12/18/2019 12:52:44</t>
  </si>
  <si>
    <t>12/18/2019 12:48:37</t>
  </si>
  <si>
    <t>12/18/2019 12:54:25</t>
  </si>
  <si>
    <t>12/18/2019 12:49:37</t>
  </si>
  <si>
    <t>12/18/2019 12:51:07</t>
  </si>
  <si>
    <t>12/18/2019 12:51:08</t>
  </si>
  <si>
    <t>12/18/2019 12:51:09</t>
  </si>
  <si>
    <t>12/18/2019 12:51:16</t>
  </si>
  <si>
    <t>12/18/2019 12:51:28</t>
  </si>
  <si>
    <t>12/18/2019 12:51:30</t>
  </si>
  <si>
    <t>12/18/2019 12:51:31</t>
  </si>
  <si>
    <t>12/18/2019 12:51:32</t>
  </si>
  <si>
    <t>12/18/2019 12:51:55</t>
  </si>
  <si>
    <t>12/18/2019 12:52:36</t>
  </si>
  <si>
    <t>12/18/2019 12:49:29</t>
  </si>
  <si>
    <t>12/18/2019 12:55:25</t>
  </si>
  <si>
    <t>12/18/2019 12:49:33</t>
  </si>
  <si>
    <t>\\oficina\d$\Programas\revo\RevoPortable\x64\</t>
  </si>
  <si>
    <t>button.bmp</t>
  </si>
  <si>
    <t>\\oficina\d$\Programas\revo\RevoPortable\x64\button.bmp</t>
  </si>
  <si>
    <t>12/18/2019 12:49:35</t>
  </si>
  <si>
    <t>12/18/2019 12:49:40</t>
  </si>
  <si>
    <t>12/18/2019 12:53:34</t>
  </si>
  <si>
    <t>12/18/2019 12:56:25</t>
  </si>
  <si>
    <t>12/18/2019 12:51:50</t>
  </si>
  <si>
    <t>12/18/2019 12:57:25</t>
  </si>
  <si>
    <t>43ad9736-c333-4b87-8928-6e1c8e4e92ff.tmp</t>
  </si>
  <si>
    <t>\\acsfs\profiles$\ERICALSR\Downloads\43ad9736-c333-4b87-8928-6e1c8e4e92ff.tmp</t>
  </si>
  <si>
    <t>12/18/2019 12:54:19</t>
  </si>
  <si>
    <t>12/18/2019 12:58:25</t>
  </si>
  <si>
    <t>12/18/2019 12:54:49</t>
  </si>
  <si>
    <t>12/18/2019 12:56:20</t>
  </si>
  <si>
    <t>12/18/2019 12:58:20</t>
  </si>
  <si>
    <t>12/18/2019 12:55:37</t>
  </si>
  <si>
    <t>12/18/2019 12:59:26</t>
  </si>
  <si>
    <t>12/18/2019 12:56:37</t>
  </si>
  <si>
    <t>12/18/2019 12:57:16</t>
  </si>
  <si>
    <t>12/18/2019 12:59:00</t>
  </si>
  <si>
    <t>12/18/2019 13:00:25</t>
  </si>
  <si>
    <t>12/18/2019 12:59:06</t>
  </si>
  <si>
    <t>12/18/2019 12:59:23</t>
  </si>
  <si>
    <t>un_report.dat</t>
  </si>
  <si>
    <t>\\oficina\d$\Programas\revo\RevoPortable\un_report.dat</t>
  </si>
  <si>
    <t>ctrlbars.dat</t>
  </si>
  <si>
    <t>\\oficina\d$\Programas\revo\RevoPortable\ctrlbars.dat</t>
  </si>
  <si>
    <t>12/18/2019 12:56:49</t>
  </si>
  <si>
    <t>12/18/2019 13:01:26</t>
  </si>
  <si>
    <t>12/18/2019 12:56:54</t>
  </si>
  <si>
    <t>bd47f93a-b84d-4092-9e87-e1c8ac496c7a.tmp</t>
  </si>
  <si>
    <t>\\acsfs\profiles$\sarahbal\Downloads\bd47f93a-b84d-4092-9e87-e1c8ac496c7a.tmp</t>
  </si>
  <si>
    <t>12/18/2019 12:58:04</t>
  </si>
  <si>
    <t>7362df83-ecba-4aae-9e28-f4fb72d50fd3.tmp</t>
  </si>
  <si>
    <t>\\acsfs\profiles$\sarahbal\Downloads\7362df83-ecba-4aae-9e28-f4fb72d50fd3.tmp</t>
  </si>
  <si>
    <t>12/18/2019 12:59:24</t>
  </si>
  <si>
    <t>25916181-6c91-4ec7-a7d4-57ea041cf44f.tmp</t>
  </si>
  <si>
    <t>\\acsfs\profiles$\sarahbal\Downloads\25916181-6c91-4ec7-a7d4-57ea041cf44f.tmp</t>
  </si>
  <si>
    <t>12/18/2019 12:59:50</t>
  </si>
  <si>
    <t>12/18/2019 13:00:08</t>
  </si>
  <si>
    <t>12/18/2019 13:02:26</t>
  </si>
  <si>
    <t>12/18/2019 12:58:50</t>
  </si>
  <si>
    <t>12/18/2019 13:03:26</t>
  </si>
  <si>
    <t>12/18/2019 12:59:18</t>
  </si>
  <si>
    <t>12/18/2019 13:04:26</t>
  </si>
  <si>
    <t>12/18/2019 13:01:37</t>
  </si>
  <si>
    <t>12/18/2019 13:02:37</t>
  </si>
  <si>
    <t>12/18/2019 13:03:16</t>
  </si>
  <si>
    <t>12/18/2019 13:05:54</t>
  </si>
  <si>
    <t>12/18/2019 13:06:26</t>
  </si>
  <si>
    <t>12/18/2019 13:05:55</t>
  </si>
  <si>
    <t>lu10204ro038.tmp</t>
  </si>
  <si>
    <t>\\acsfs\profiles$\dhiulliananads\My Documents\lu10204ro038.tmp</t>
  </si>
  <si>
    <t>\\acsfs\profiles$\dhiulliananads\My Documents\lu10204ro038.tmp\</t>
  </si>
  <si>
    <t>\\acsfs\profiles$\dhiulliananads\My Documents\lu10204ro038.tmp\META-INF\</t>
  </si>
  <si>
    <t>\\acsfs\profiles$\dhiulliananads\My Documents\lu10204ro038.tmp\Thumbnails\</t>
  </si>
  <si>
    <t>12/18/2019 13:01:25</t>
  </si>
  <si>
    <t>12/18/2019 13:02:25</t>
  </si>
  <si>
    <t>12/18/2019 13:02:47</t>
  </si>
  <si>
    <t>12/18/2019 13:06:42</t>
  </si>
  <si>
    <t>12/18/2019 13:07:25</t>
  </si>
  <si>
    <t>12/18/2019 13:02:39</t>
  </si>
  <si>
    <t>12/18/2019 13:02:40</t>
  </si>
  <si>
    <t>12/18/2019 13:02:41</t>
  </si>
  <si>
    <t>12/18/2019 13:02:42</t>
  </si>
  <si>
    <t>12/18/2019 13:02:43</t>
  </si>
  <si>
    <t>12/18/2019 13:02:44</t>
  </si>
  <si>
    <t>12/18/2019 13:02:45</t>
  </si>
  <si>
    <t>12/18/2019 13:02:46</t>
  </si>
  <si>
    <t>12/18/2019 13:02:48</t>
  </si>
  <si>
    <t>12/18/2019 13:02:49</t>
  </si>
  <si>
    <t>12/18/2019 13:02:50</t>
  </si>
  <si>
    <t>12/18/2019 13:02:51</t>
  </si>
  <si>
    <t>12/18/2019 13:02:52</t>
  </si>
  <si>
    <t>12/18/2019 13:02:53</t>
  </si>
  <si>
    <t>12/18/2019 13:02:54</t>
  </si>
  <si>
    <t>12/18/2019 13:02:55</t>
  </si>
  <si>
    <t>12/18/2019 13:02:56</t>
  </si>
  <si>
    <t>12/18/2019 13:02:34</t>
  </si>
  <si>
    <t>12/18/2019 13:02:35</t>
  </si>
  <si>
    <t>12/18/2019 13:02:36</t>
  </si>
  <si>
    <t>12/18/2019 13:02:38</t>
  </si>
  <si>
    <t>12/18/2019 13:08:26</t>
  </si>
  <si>
    <t>12/18/2019 13:02:58</t>
  </si>
  <si>
    <t>12/18/2019 13:06:49</t>
  </si>
  <si>
    <t>12/18/2019 13:09:25</t>
  </si>
  <si>
    <t>12/18/2019 13:07:37</t>
  </si>
  <si>
    <t>12/18/2019 13:07:43</t>
  </si>
  <si>
    <t>12/18/2019 13:10:26</t>
  </si>
  <si>
    <t>cbb881a7-b6eb-4738-b656-6264e1b66fb8.tmp</t>
  </si>
  <si>
    <t>\\acsfs\profiles$\luanarda\Downloads\cbb881a7-b6eb-4738-b656-6264e1b66fb8.tmp</t>
  </si>
  <si>
    <t>12/18/2019 13:09:05</t>
  </si>
  <si>
    <t>12/18/2019 13:05:51</t>
  </si>
  <si>
    <t>12/18/2019 13:07:26</t>
  </si>
  <si>
    <t>12/18/2019 13:11:25</t>
  </si>
  <si>
    <t>12/18/2019 13:09:23</t>
  </si>
  <si>
    <t>12/18/2019 13:12:26</t>
  </si>
  <si>
    <t>12/18/2019 13:09:16</t>
  </si>
  <si>
    <t>c:\a2\paulao\departamental\abril2019\</t>
  </si>
  <si>
    <t>cópia de marcos_departamental.xlsx</t>
  </si>
  <si>
    <t>12/18/2019 13:07:46</t>
  </si>
  <si>
    <t>12/18/2019 13:13:26</t>
  </si>
  <si>
    <t>12/18/2019 13:08:46</t>
  </si>
  <si>
    <t>12/18/2019 13:08:37</t>
  </si>
  <si>
    <t>12/18/2019 13:14:26</t>
  </si>
  <si>
    <t>12/18/2019 13:09:20</t>
  </si>
  <si>
    <t>8d59f40f-d631-4542-924d-8a869481c813.tmp</t>
  </si>
  <si>
    <t>\\acsfs\profiles$\kellzylenneasr\Downloads\8d59f40f-d631-4542-924d-8a869481c813.tmp</t>
  </si>
  <si>
    <t>12/18/2019 13:11:57</t>
  </si>
  <si>
    <t>2c6b2621-b4ab-4463-9cec-1c102641040e.tmp</t>
  </si>
  <si>
    <t>\\acsfs\profiles$\milenaas\Downloads\2c6b2621-b4ab-4463-9cec-1c102641040e.tmp</t>
  </si>
  <si>
    <t>12/18/2019 13:12:43</t>
  </si>
  <si>
    <t>c4f38753-51d1-4823-a5e6-d2f98628f53e.tmp</t>
  </si>
  <si>
    <t>\\acsfs\profiles$\milenaas\Downloads\c4f38753-51d1-4823-a5e6-d2f98628f53e.tmp</t>
  </si>
  <si>
    <t>12/18/2019 13:14:29</t>
  </si>
  <si>
    <t>12/18/2019 13:15:25</t>
  </si>
  <si>
    <t>e48040cb-3562-4d9c-a585-607c445687c8.tmp</t>
  </si>
  <si>
    <t>\\acsfs\profiles$\jonatanls\Downloads\e48040cb-3562-4d9c-a585-607c445687c8.tmp</t>
  </si>
  <si>
    <t>12/18/2019 13:13:28</t>
  </si>
  <si>
    <t>12/18/2019 13:13:07</t>
  </si>
  <si>
    <t>12/18/2019 13:16:25</t>
  </si>
  <si>
    <t>6dfcb2cd-0eb6-47c4-be11-a6fc4c2e2465.tmp</t>
  </si>
  <si>
    <t>\\acsfs\profiles$\gabrielarb\Downloads\6dfcb2cd-0eb6-47c4-be11-a6fc4c2e2465.tmp</t>
  </si>
  <si>
    <t>12/18/2019 13:13:14</t>
  </si>
  <si>
    <t>4bd620e9-f2aa-46f2-b456-0b630a51e0f1.tmp</t>
  </si>
  <si>
    <t>\\acsfs\profiles$\sarahbal\Downloads\4bd620e9-f2aa-46f2-b456-0b630a51e0f1.tmp</t>
  </si>
  <si>
    <t>12/18/2019 13:12:07</t>
  </si>
  <si>
    <t>12/18/2019 13:12:08</t>
  </si>
  <si>
    <t>12/18/2019 13:12:09</t>
  </si>
  <si>
    <t>12/18/2019 13:13:59</t>
  </si>
  <si>
    <t>12/18/2019 13:15:30</t>
  </si>
  <si>
    <t>12/18/2019 13:15:31</t>
  </si>
  <si>
    <t>12/18/2019 13:15:44</t>
  </si>
  <si>
    <t>12/18/2019 13:15:45</t>
  </si>
  <si>
    <t>12/18/2019 13:15:46</t>
  </si>
  <si>
    <t>12/18/2019 13:15:01</t>
  </si>
  <si>
    <t>12/18/2019 13:17:26</t>
  </si>
  <si>
    <t>12/18/2019 13:12:23</t>
  </si>
  <si>
    <t>12/18/2019 13:13:46</t>
  </si>
  <si>
    <t>12/18/2019 13:18:25</t>
  </si>
  <si>
    <t>12/18/2019 13:14:07</t>
  </si>
  <si>
    <t>mail.google.com/mail/u/0/jserror?script=https://mail.google.com/mail/u/0/#inbox/fmfcgxwgcqwvhrqqglzxsksrwbngxgzk&amp;error=yo&amp;line=not available&amp;txz=p</t>
  </si>
  <si>
    <t>12/18/2019 13:14:46</t>
  </si>
  <si>
    <t>12/18/2019 13:16:09</t>
  </si>
  <si>
    <t>12/18/2019 13:16:10</t>
  </si>
  <si>
    <t>mail.google.com/mail/u/0/jserror?script=https://mail.google.com/mail/u/0/#inbox/fmfcgxwgcqwvhswqchnrrrkzmcsdprxv&amp;error=yo&amp;line=not available&amp;txz=p</t>
  </si>
  <si>
    <t>12/18/2019 13:17:16</t>
  </si>
  <si>
    <t>12/18/2019 13:17:13</t>
  </si>
  <si>
    <t>luis_f_reis_algar@whirpool.com;</t>
  </si>
  <si>
    <t>Dados Turma Tarde 18.12.xlsx</t>
  </si>
  <si>
    <t>luis_f_reis_algar@whirpool.com</t>
  </si>
  <si>
    <t>12/18/2019 13:15:39</t>
  </si>
  <si>
    <t>12/18/2019 13:13:24</t>
  </si>
  <si>
    <t>12/18/2019 13:13:54</t>
  </si>
  <si>
    <t>12/18/2019 13:14:54</t>
  </si>
  <si>
    <t>12/18/2019 13:13:37</t>
  </si>
  <si>
    <t>12/18/2019 13:19:26</t>
  </si>
  <si>
    <t>12/18/2019 13:14:37</t>
  </si>
  <si>
    <t>12/18/2019 13:15:16</t>
  </si>
  <si>
    <t>12/18/2019 13:16:38</t>
  </si>
  <si>
    <t>12/18/2019 13:16:39</t>
  </si>
  <si>
    <t>12/18/2019 13:16:15</t>
  </si>
  <si>
    <t>12/18/2019 13:20:25</t>
  </si>
  <si>
    <t>c0975a0b-e1c4-49c9-8dae-77ab0c101133.tmp</t>
  </si>
  <si>
    <t>\\acsfs\profiles$\jonatanls\Downloads\c0975a0b-e1c4-49c9-8dae-77ab0c101133.tmp</t>
  </si>
  <si>
    <t>12/18/2019 13:16:51</t>
  </si>
  <si>
    <t>12/18/2019 13:17:30</t>
  </si>
  <si>
    <t>12/18/2019 13:21:26</t>
  </si>
  <si>
    <t>3b1d85de-b8ab-49c7-bc4a-04b29b7f52da.tmp</t>
  </si>
  <si>
    <t>\\acsfs\profiles$\sarahbal\Downloads\3b1d85de-b8ab-49c7-bc4a-04b29b7f52da.tmp</t>
  </si>
  <si>
    <t>12/18/2019 13:19:27</t>
  </si>
  <si>
    <t>12/18/2019 13:17:51</t>
  </si>
  <si>
    <t>12/18/2019 13:23:25</t>
  </si>
  <si>
    <t>mail.google.com/mail/u/0/jserror?script=https://mail.google.com/mail/u/0/#drafts&amp;error=yo&amp;line=not available&amp;txz=p</t>
  </si>
  <si>
    <t>12/18/2019 13:18:10</t>
  </si>
  <si>
    <t>mail.google.com/sync/u/0/i/s?hl=pt-br&amp;c=37</t>
  </si>
  <si>
    <t>12/18/2019 13:18:39</t>
  </si>
  <si>
    <t>mail.google.com/mail/u/0/jserror?script=https://mail.google.com/mail/u/0/#inbox?compose=dmwnwrrnxmpmdkhkjnjvhzbwfqcnlvndxxjvgfzbdvnnvgkzkghbvddmndwrwrqpvcvcsrlrcqwl&amp;error=yo&amp;line=not available&amp;txz=p</t>
  </si>
  <si>
    <t>12/18/2019 13:18:42</t>
  </si>
  <si>
    <t>mail.google.com/mail/u/0/jserror?script=https://mail.google.com/mail/u/0/#inbox/fmfcgxwgcqwvhpbcjlhlhtfdbtqmnrxk?compose=dmwnwrrnxmpmdkhkjnjvhzbwfqcnlvndxxjvgfzbdvnnvgkzkghbvddmndwrwrqpvcvcsrlrcqwl&amp;error=yo&amp;line=not available&amp;txz=p</t>
  </si>
  <si>
    <t>12/18/2019 13:19:29</t>
  </si>
  <si>
    <t>mail.google.com/sync/u/0/i/s?hl=pt-br&amp;c=41</t>
  </si>
  <si>
    <t>12/18/2019 13:19:41</t>
  </si>
  <si>
    <t>mail.google.com/sync/u/0/i/s?hl=pt-br&amp;c=43</t>
  </si>
  <si>
    <t>12/18/2019 13:19:46</t>
  </si>
  <si>
    <t>12/18/2019 13:20:46</t>
  </si>
  <si>
    <t>12/18/2019 13:18:33</t>
  </si>
  <si>
    <t>2132a33e-3420-4b04-94b0-e5d50d35c864.tmp</t>
  </si>
  <si>
    <t>\\acsfs\profiles$\geovannasm\Downloads\2132a33e-3420-4b04-94b0-e5d50d35c864.tmp</t>
  </si>
  <si>
    <t>12/18/2019 13:19:37</t>
  </si>
  <si>
    <t>12/18/2019 13:24:25</t>
  </si>
  <si>
    <t>12/18/2019 13:20:11</t>
  </si>
  <si>
    <t>12/18/2019 13:20:12</t>
  </si>
  <si>
    <t>12/18/2019 13:20:13</t>
  </si>
  <si>
    <t>12/18/2019 13:21:17</t>
  </si>
  <si>
    <t>12/18/2019 13:21:19</t>
  </si>
  <si>
    <t>d69412a6-144e-4e37-939e-185ce8fa6520;</t>
  </si>
  <si>
    <t>https://udpwfmniceap02/web/guest/home?p_auth=i9bmso95&amp;p_p_id=58&amp;p_p_lifecycle=1&amp;p_p_state=maximized&amp;p_p_mode=view&amp;savelastpath=0&amp;_58_struts_action=/login/forgot_password</t>
  </si>
  <si>
    <t>12/18/2019 13:21:25</t>
  </si>
  <si>
    <t>12/18/2019 13:24:05</t>
  </si>
  <si>
    <t>12/18/2019 13:26:26</t>
  </si>
  <si>
    <t>343e9bc7-fbb2-4f45-806d-5d2aa00aa5bb.tmp</t>
  </si>
  <si>
    <t>\\acsfs\profiles$\gabrielarb\Downloads\343e9bc7-fbb2-4f45-806d-5d2aa00aa5bb.tmp</t>
  </si>
  <si>
    <t>12/18/2019 13:23:29</t>
  </si>
  <si>
    <t>12/18/2019 13:21:27</t>
  </si>
  <si>
    <t>12/18/2019 13:21:57</t>
  </si>
  <si>
    <t>12/18/2019 13:25:27</t>
  </si>
  <si>
    <t>12/18/2019 13:23:00</t>
  </si>
  <si>
    <t>12/18/2019 13:28:26</t>
  </si>
  <si>
    <t>12/18/2019 13:23:34</t>
  </si>
  <si>
    <t>12/18/2019 13:23:46</t>
  </si>
  <si>
    <t>mail.google.com/sync/u/0/i/s?hl=pt-br&amp;c=52</t>
  </si>
  <si>
    <t>12/18/2019 13:22:52</t>
  </si>
  <si>
    <t>12/18/2019 13:26:01</t>
  </si>
  <si>
    <t>12/18/2019 13:26:37</t>
  </si>
  <si>
    <t>12/18/2019 13:25:53</t>
  </si>
  <si>
    <t>12/18/2019 13:26:10</t>
  </si>
  <si>
    <t>12/18/2019 13:26:17</t>
  </si>
  <si>
    <t>mail.google.com/sync/u/0/i/s?hl=pt-BR&amp;c=333</t>
  </si>
  <si>
    <t>12/18/2019 13:26:38</t>
  </si>
  <si>
    <t>mail.google.com/sync/u/0/i/s?hl=pt-BR&amp;c=335</t>
  </si>
  <si>
    <t>12/18/2019 13:26:48</t>
  </si>
  <si>
    <t>mail.google.com/sync/u/0/i/s?hl=pt-BR&amp;c=337</t>
  </si>
  <si>
    <t>12/18/2019 13:26:54</t>
  </si>
  <si>
    <t>12/18/2019 13:27:01</t>
  </si>
  <si>
    <t>12/18/2019 13:27:16</t>
  </si>
  <si>
    <t>12/18/2019 13:23:57</t>
  </si>
  <si>
    <t>12/18/2019 13:24:57</t>
  </si>
  <si>
    <t>12/18/2019 13:23:35</t>
  </si>
  <si>
    <t>12/18/2019 13:29:26</t>
  </si>
  <si>
    <t>12/18/2019 13:23:36</t>
  </si>
  <si>
    <t>12/18/2019 13:25:37</t>
  </si>
  <si>
    <t>12/18/2019 13:27:47</t>
  </si>
  <si>
    <t>12/18/2019 13:27:54</t>
  </si>
  <si>
    <t>12/18/2019 13:28:18</t>
  </si>
  <si>
    <t>https://udpwfmniceap02/pt_br/web/guest/home?p_auth=i9bmso95&amp;p_p_id=58&amp;p_p_lifecycle=1&amp;p_p_state=maximized&amp;p_p_mode=view&amp;savelastpath=0&amp;_58_struts_action=/login/forgot_password</t>
  </si>
  <si>
    <t>12/18/2019 13:28:31</t>
  </si>
  <si>
    <t>12/18/2019 13:26:28</t>
  </si>
  <si>
    <t>12/18/2019 13:30:26</t>
  </si>
  <si>
    <t>anapscl@algartech.com;bonfim.silva@bradesco.com.br;cristiany.caixeta@bradesco.com.br;greiciele.alves@bradesco.com.br;jussaragp@algartech.com;jussaragp@algartech.com.br;leandra.cardoso@bradesco.com.br;micheless@algartech.com.br;patricia.amaral@temposervicos.com.br;patriciaa.lima@temposervicos.com.br;patriciaroa@algartech.com.br;rosemery.silva@bradesco.com.br;</t>
  </si>
  <si>
    <t>anapscl@algartech.com,bonfim.silva@bradesco.com.br,cristiany.caixeta@bradesco.com.br,greiciele.alves@bradesco.com.br,jussaragp@algartech.com,jussaragp@algartech.com.br,leandra.cardoso@bradesco.com.br,micheless@algartech.com.br,patricia.amaral@temposervicos.com.br,patriciaa.lima@temposervicos.com.br,patriciaroa@algartech.com.br,rosemery.silva@bradesco.com.br</t>
  </si>
  <si>
    <t>12/18/2019 13:31:26</t>
  </si>
  <si>
    <t>e4b8ec0c-708d-4a20-b54a-f8255e0fdf76.tmp</t>
  </si>
  <si>
    <t>\\acsfs\profiles$\deborahsi\Downloads\e4b8ec0c-708d-4a20-b54a-f8255e0fdf76.tmp</t>
  </si>
  <si>
    <t>12/18/2019 13:27:17</t>
  </si>
  <si>
    <t>12/18/2019 13:27:18</t>
  </si>
  <si>
    <t>12/18/2019 13:27:19</t>
  </si>
  <si>
    <t>12/18/2019 13:27:20</t>
  </si>
  <si>
    <t>12/18/2019 13:29:30</t>
  </si>
  <si>
    <t>12/18/2019 13:29:11</t>
  </si>
  <si>
    <t>12/18/2019 13:33:26</t>
  </si>
  <si>
    <t>mail.google.com/sync/u/0/i/s?hl=pt-BR&amp;c=348</t>
  </si>
  <si>
    <t>12/18/2019 13:29:16</t>
  </si>
  <si>
    <t>12/18/2019 13:30:07</t>
  </si>
  <si>
    <t>12/18/2019 13:30:10</t>
  </si>
  <si>
    <t>12/18/2019 13:30:59</t>
  </si>
  <si>
    <t>12/18/2019 13:31:14</t>
  </si>
  <si>
    <t>12/18/2019 13:31:30</t>
  </si>
  <si>
    <t>12/18/2019 13:31:39</t>
  </si>
  <si>
    <t>12/18/2019 13:31:55</t>
  </si>
  <si>
    <t>mail.google.com/sync/u/0/i/s?hl=pt-BR&amp;c=368</t>
  </si>
  <si>
    <t>12/18/2019 13:32:10</t>
  </si>
  <si>
    <t>12/18/2019 13:32:25</t>
  </si>
  <si>
    <t>12/18/2019 13:29:28</t>
  </si>
  <si>
    <t>12/18/2019 13:29:58</t>
  </si>
  <si>
    <t>12/18/2019 13:30:29</t>
  </si>
  <si>
    <t>12/18/2019 13:31:29</t>
  </si>
  <si>
    <t>12/18/2019 13:32:29</t>
  </si>
  <si>
    <t>12/18/2019 13:32:59</t>
  </si>
  <si>
    <t>12/18/2019 13:28:38</t>
  </si>
  <si>
    <t>12/18/2019 13:34:26</t>
  </si>
  <si>
    <t>12/18/2019 13:30:16</t>
  </si>
  <si>
    <t>12/18/2019 13:31:17</t>
  </si>
  <si>
    <t>12/18/2019 13:31:18</t>
  </si>
  <si>
    <t>12/18/2019 13:31:32</t>
  </si>
  <si>
    <t>12/18/2019 13:31:34</t>
  </si>
  <si>
    <t>12/18/2019 13:31:38</t>
  </si>
  <si>
    <t>12/18/2019 13:33:17</t>
  </si>
  <si>
    <t>12/18/2019 13:31:36</t>
  </si>
  <si>
    <t>12/18/2019 13:32:24</t>
  </si>
  <si>
    <t>12/18/2019 13:33:03</t>
  </si>
  <si>
    <t>12/18/2019 13:35:26</t>
  </si>
  <si>
    <t>43dc9a1a-4b05-4260-a632-3bdbb07dcd5c.tmp</t>
  </si>
  <si>
    <t>\\acsfs\profiles$\alexandrapp\Downloads\43dc9a1a-4b05-4260-a632-3bdbb07dcd5c.tmp</t>
  </si>
  <si>
    <t>12/18/2019 13:31:27</t>
  </si>
  <si>
    <t>12/18/2019 13:36:26</t>
  </si>
  <si>
    <t>12/18/2019 13:32:27</t>
  </si>
  <si>
    <t>12/18/2019 13:32:35</t>
  </si>
  <si>
    <t>12/18/2019 13:37:26</t>
  </si>
  <si>
    <t>12/18/2019 13:32:39</t>
  </si>
  <si>
    <t>12/18/2019 13:38:27</t>
  </si>
  <si>
    <t>12/18/2019 13:32:43</t>
  </si>
  <si>
    <t>12/18/2019 13:33:05</t>
  </si>
  <si>
    <t>12/18/2019 13:33:07</t>
  </si>
  <si>
    <t>12/18/2019 13:33:22</t>
  </si>
  <si>
    <t>mail.google.com/sync/u/0/i/s?hl=pt-BR&amp;c=385</t>
  </si>
  <si>
    <t>12/18/2019 13:33:38</t>
  </si>
  <si>
    <t>12/18/2019 13:34:01</t>
  </si>
  <si>
    <t>12/18/2019 13:34:15</t>
  </si>
  <si>
    <t>12/18/2019 13:34:39</t>
  </si>
  <si>
    <t>12/18/2019 13:34:49</t>
  </si>
  <si>
    <t>vitorgmp@algartech.com;</t>
  </si>
  <si>
    <t>vitorgmp@algartech.com</t>
  </si>
  <si>
    <t>12/18/2019 13:34:58</t>
  </si>
  <si>
    <t>12/18/2019 13:35:09</t>
  </si>
  <si>
    <t>12/18/2019 13:35:11</t>
  </si>
  <si>
    <t>mail.google.com/sync/u/0/i/s?hl=pt-BR&amp;c=404</t>
  </si>
  <si>
    <t>12/18/2019 13:34:00</t>
  </si>
  <si>
    <t>12/18/2019 13:35:00</t>
  </si>
  <si>
    <t>12/18/2019 13:37:31</t>
  </si>
  <si>
    <t>12/18/2019 13:35:14</t>
  </si>
  <si>
    <t>12/18/2019 13:39:27</t>
  </si>
  <si>
    <t>12/18/2019 13:35:16</t>
  </si>
  <si>
    <t>12/18/2019 13:35:17</t>
  </si>
  <si>
    <t>12/18/2019 13:35:18</t>
  </si>
  <si>
    <t>12/18/2019 13:36:34</t>
  </si>
  <si>
    <t>12/18/2019 13:37:38</t>
  </si>
  <si>
    <t>12/18/2019 13:37:47</t>
  </si>
  <si>
    <t>12/18/2019 13:37:28</t>
  </si>
  <si>
    <t>12/18/2019 13:40:26</t>
  </si>
  <si>
    <t>eac824ee-e086-4dbf-9e44-ac4297f7f336.tmp</t>
  </si>
  <si>
    <t>\\acsfs\profiles$\laianear\Downloads\eac824ee-e086-4dbf-9e44-ac4297f7f336.tmp</t>
  </si>
  <si>
    <t>12/18/2019 13:37:35</t>
  </si>
  <si>
    <t>12/18/2019 13:36:07</t>
  </si>
  <si>
    <t>12/18/2019 13:41:27</t>
  </si>
  <si>
    <t>5c17b922-be0e-46b2-80e1-65cbba4cd0a7.tmp</t>
  </si>
  <si>
    <t>\\acsfs\profiles$\YASMINSC\Downloads\5c17b922-be0e-46b2-80e1-65cbba4cd0a7.tmp</t>
  </si>
  <si>
    <t>12/18/2019 13:37:55</t>
  </si>
  <si>
    <t>12/18/2019 13:37:03</t>
  </si>
  <si>
    <t>12/18/2019 13:37:27</t>
  </si>
  <si>
    <t>12/18/2019 13:40:45</t>
  </si>
  <si>
    <t>12/18/2019 13:42:27</t>
  </si>
  <si>
    <t>12/18/2019 13:41:23</t>
  </si>
  <si>
    <t>12/18/2019 13:43:26</t>
  </si>
  <si>
    <t>10.200.66.62</t>
  </si>
  <si>
    <t>6c19da4c-ed4d-4ae4-a230-24946a10b0ac.tmp</t>
  </si>
  <si>
    <t>\\acsfs\profiles$\KARENDSR\Downloads\6c19da4c-ed4d-4ae4-a230-24946a10b0ac.tmp</t>
  </si>
  <si>
    <t>12/18/2019 13:42:59</t>
  </si>
  <si>
    <t>457722b0-20fb-4ac3-a9e9-3511fe61b5db.tmp</t>
  </si>
  <si>
    <t>\\acsfs\profiles$\KARENDSR\Downloads\457722b0-20fb-4ac3-a9e9-3511fe61b5db.tmp</t>
  </si>
  <si>
    <t>12/18/2019 13:39:02</t>
  </si>
  <si>
    <t>12/18/2019 13:39:24</t>
  </si>
  <si>
    <t>12/18/2019 13:43:02</t>
  </si>
  <si>
    <t>12/18/2019 13:39:17</t>
  </si>
  <si>
    <t>12/18/2019 13:44:27</t>
  </si>
  <si>
    <t>12/18/2019 13:40:38</t>
  </si>
  <si>
    <t>12/18/2019 13:41:14</t>
  </si>
  <si>
    <t>84c1e5ec-96bc-4651-a516-688477cb66f3.tmp</t>
  </si>
  <si>
    <t>\\acsfs\profiles$\KARENJSS\Downloads\84c1e5ec-96bc-4651-a516-688477cb66f3.tmp</t>
  </si>
  <si>
    <t>12/18/2019 13:42:00</t>
  </si>
  <si>
    <t>c67fa89a-55dd-4ef5-be86-55d9bca5e3ff.tmp</t>
  </si>
  <si>
    <t>\\acsfs\profiles$\KARENJSS\Downloads\c67fa89a-55dd-4ef5-be86-55d9bca5e3ff.tmp</t>
  </si>
  <si>
    <t>12/18/2019 13:42:13</t>
  </si>
  <si>
    <t>12/18/2019 13:40:16</t>
  </si>
  <si>
    <t>12/18/2019 13:45:27</t>
  </si>
  <si>
    <t>12/18/2019 13:40:51</t>
  </si>
  <si>
    <t>12/18/2019 13:40:54</t>
  </si>
  <si>
    <t>12/18/2019 13:40:55</t>
  </si>
  <si>
    <t>12/18/2019 13:43:27</t>
  </si>
  <si>
    <t>12/18/2019 13:46:27</t>
  </si>
  <si>
    <t>12/18/2019 13:44:57</t>
  </si>
  <si>
    <t>12/18/2019 13:47:40</t>
  </si>
  <si>
    <t>12/18/2019 13:48:27</t>
  </si>
  <si>
    <t>1b3cfb08-a14a-480b-a2fd-8f6d541e0d43.tmp</t>
  </si>
  <si>
    <t>\\acsfs\profiles$\regisadsa\Downloads\1b3cfb08-a14a-480b-a2fd-8f6d541e0d43.tmp</t>
  </si>
  <si>
    <t>12/18/2019 13:43:32</t>
  </si>
  <si>
    <t>12/18/2019 13:45:03</t>
  </si>
  <si>
    <t>12/18/2019 13:45:33</t>
  </si>
  <si>
    <t>12/18/2019 13:46:03</t>
  </si>
  <si>
    <t>12/18/2019 13:46:33</t>
  </si>
  <si>
    <t>12/18/2019 13:47:03</t>
  </si>
  <si>
    <t>12/18/2019 13:49:27</t>
  </si>
  <si>
    <t>12/18/2019 13:43:38</t>
  </si>
  <si>
    <t>12/18/2019 13:45:09</t>
  </si>
  <si>
    <t>12/18/2019 13:45:17</t>
  </si>
  <si>
    <t>12/18/2019 13:46:41</t>
  </si>
  <si>
    <t>12/18/2019 13:46:26</t>
  </si>
  <si>
    <t>12/18/2019 13:50:27</t>
  </si>
  <si>
    <t>12/18/2019 13:46:28</t>
  </si>
  <si>
    <t>12/18/2019 13:45:32</t>
  </si>
  <si>
    <t>12/18/2019 13:48:40</t>
  </si>
  <si>
    <t>4b4ab760-4e01-443a-8125-d464c7c15276.tmp</t>
  </si>
  <si>
    <t>\\acsfs\profiles$\ayalabfi\Downloads\4b4ab760-4e01-443a-8125-d464c7c15276.tmp</t>
  </si>
  <si>
    <t>12/18/2019 13:46:22</t>
  </si>
  <si>
    <t>12/18/2019 13:51:27</t>
  </si>
  <si>
    <t>12/18/2019 13:46:23</t>
  </si>
  <si>
    <t>12/18/2019 13:49:28</t>
  </si>
  <si>
    <t>12/18/2019 13:50:05</t>
  </si>
  <si>
    <t>dae29e8a-b6e2-4a40-859d-e0c11d557d43.tmp</t>
  </si>
  <si>
    <t>\\acsfs\profiles$\luanaldsi\Downloads\dae29e8a-b6e2-4a40-859d-e0c11d557d43.tmp</t>
  </si>
  <si>
    <t>12/18/2019 13:46:17</t>
  </si>
  <si>
    <t>12/18/2019 13:52:28</t>
  </si>
  <si>
    <t>12/18/2019 13:51:44</t>
  </si>
  <si>
    <t>caiquedst@algartech.com;diegorbo@algartech.com;fabiolaaca@algartech.com;giseleclss@algartech.com;jeancds@algartech.com;julianarn@algartech.com;leandrojbe@algartech.com;luis_f_reis_algar@whirpool.com;nilsiosc@algartech.com;suelepw@algartech.com;</t>
  </si>
  <si>
    <t>caiquedst@algartech.com,diegorbo@algartech.com,fabiolaaca@algartech.com,giseleclss@algartech.com,jeancds@algartech.com,julianarn@algartech.com,leandrojbe@algartech.com,luis_f_reis_algar@whirpool.com,nilsiosc@algartech.com,suelepw@algartech.com</t>
  </si>
  <si>
    <t>12/18/2019 13:49:11</t>
  </si>
  <si>
    <t>12/18/2019 13:53:27</t>
  </si>
  <si>
    <t>15c83152-c926-400e-ab61-02c3ef4e73d9.tmp</t>
  </si>
  <si>
    <t>\\acsfs\profiles$\regisadsa\Downloads\15c83152-c926-400e-ab61-02c3ef4e73d9.tmp</t>
  </si>
  <si>
    <t>12/18/2019 13:49:51</t>
  </si>
  <si>
    <t>bbb2976f-9e7e-4293-acf7-0b544ca9fdda.tmp</t>
  </si>
  <si>
    <t>\\acsfs\profiles$\regisadsa\Downloads\bbb2976f-9e7e-4293-acf7-0b544ca9fdda.tmp</t>
  </si>
  <si>
    <t>12/18/2019 13:50:10</t>
  </si>
  <si>
    <t>3ee83421-75cf-4f90-b701-cac2f0386d76.tmp</t>
  </si>
  <si>
    <t>\\acsfs\profiles$\regisadsa\Downloads\3ee83421-75cf-4f90-b701-cac2f0386d76.tmp</t>
  </si>
  <si>
    <t>12/18/2019 13:51:06</t>
  </si>
  <si>
    <t>12/18/2019 13:48:49</t>
  </si>
  <si>
    <t>12/18/2019 13:54:27</t>
  </si>
  <si>
    <t>12/18/2019 13:49:38</t>
  </si>
  <si>
    <t>12/18/2019 13:51:17</t>
  </si>
  <si>
    <t>12/18/2019 13:52:38</t>
  </si>
  <si>
    <t>12/18/2019 13:52:49</t>
  </si>
  <si>
    <t>12/18/2019 13:53:24</t>
  </si>
  <si>
    <t>12/18/2019 13:56:28</t>
  </si>
  <si>
    <t>10.200.67.187</t>
  </si>
  <si>
    <t>74-86-7A-FC-CE-A9</t>
  </si>
  <si>
    <t>VOTORANT-GB005</t>
  </si>
  <si>
    <t>diosquellysc</t>
  </si>
  <si>
    <t>\\acsfs\profiles$\diosquellysc\</t>
  </si>
  <si>
    <t>Memo.txt</t>
  </si>
  <si>
    <t>\\acsfs\profiles$\diosquellysc\Memo.txt</t>
  </si>
  <si>
    <t>12/18/2019 13:52:53</t>
  </si>
  <si>
    <t>12/18/2019 13:55:27</t>
  </si>
  <si>
    <t>12/18/2019 13:52:12</t>
  </si>
  <si>
    <t>12/18/2019 13:57:28</t>
  </si>
  <si>
    <t>12/18/2019 13:56:51</t>
  </si>
  <si>
    <t>9313a9cb-e351-4a6b-81e1-a8ea6ad9c32a.tmp</t>
  </si>
  <si>
    <t>\\acsfs\profiles$\paulovadc\Downloads\9313a9cb-e351-4a6b-81e1-a8ea6ad9c32a.tmp</t>
  </si>
  <si>
    <t>12/18/2019 13:55:37</t>
  </si>
  <si>
    <t>12/18/2019 13:58:27</t>
  </si>
  <si>
    <t>12/18/2019 13:56:38</t>
  </si>
  <si>
    <t>12/18/2019 13:57:08</t>
  </si>
  <si>
    <t>12/18/2019 13:57:29</t>
  </si>
  <si>
    <t>12/18/2019 13:59:28</t>
  </si>
  <si>
    <t>49e6398f-c0fb-4a41-9ec7-0ff2712121a1.tmp</t>
  </si>
  <si>
    <t>\\acsfs\profiles$\alinepp\Downloads\49e6398f-c0fb-4a41-9ec7-0ff2712121a1.tmp</t>
  </si>
  <si>
    <t>12/18/2019 13:57:30</t>
  </si>
  <si>
    <t>813f1f43-b591-4669-b0ee-fecf6366819c.tmp</t>
  </si>
  <si>
    <t>\\acsfs\profiles$\alinepp\Downloads\813f1f43-b591-4669-b0ee-fecf6366819c.tmp</t>
  </si>
  <si>
    <t>12/18/2019 13:55:38</t>
  </si>
  <si>
    <t>12/18/2019 13:57:17</t>
  </si>
  <si>
    <t>12/18/2019 13:57:26</t>
  </si>
  <si>
    <t>12/18/2019 13:57:27</t>
  </si>
  <si>
    <t>12/18/2019 13:54:25</t>
  </si>
  <si>
    <t>12/18/2019 13:55:20</t>
  </si>
  <si>
    <t>12/18/2019 13:55:21</t>
  </si>
  <si>
    <t>12/18/2019 13:55:22</t>
  </si>
  <si>
    <t>12/18/2019 13:55:23</t>
  </si>
  <si>
    <t>12/18/2019 13:55:24</t>
  </si>
  <si>
    <t>12/18/2019 13:55:25</t>
  </si>
  <si>
    <t>12/18/2019 13:55:26</t>
  </si>
  <si>
    <t>12/18/2019 13:55:28</t>
  </si>
  <si>
    <t>12/18/2019 13:55:35</t>
  </si>
  <si>
    <t>12/18/2019 13:55:36</t>
  </si>
  <si>
    <t>12/18/2019 13:55:39</t>
  </si>
  <si>
    <t>12/18/2019 13:55:49</t>
  </si>
  <si>
    <t>mail.google.com/mail/u/0/jserror?script=https://mail.google.com/mail/u/0/#drafts?compose=dmwnwrrnxmpmdkhkjnjvhzbwfqcnlvndxxjvgfzbdvnnvgkzkghbvddmndwrwrqpvcvcsrlrcqwl&amp;error=yo&amp;line=not available&amp;txz=p</t>
  </si>
  <si>
    <t>mail.google.com/sync/u/0/i/s?hl=pt-br&amp;c=16</t>
  </si>
  <si>
    <t>12/18/2019 13:55:53</t>
  </si>
  <si>
    <t>12/18/2019 13:55:55</t>
  </si>
  <si>
    <t>12/18/2019 13:55:56</t>
  </si>
  <si>
    <t>12/18/2019 13:56:10</t>
  </si>
  <si>
    <t>mail.google.com/mail/u/0/jserror?script=https://mail.google.com/mail/u/0/#inbox/fmfcgxwgcqwvhxvdcwshtzqpkbzsnplc&amp;error=yo&amp;line=not available&amp;txz=p</t>
  </si>
  <si>
    <t>12/18/2019 13:56:19</t>
  </si>
  <si>
    <t>12/18/2019 13:56:20</t>
  </si>
  <si>
    <t>mail.google.com/mail/u/0/jserror?script=https://mail.google.com/mail/u/0/#inbox/fmfcgxwgcqwvhxtjfjdrnpfvxhdjrgzg&amp;error=yo&amp;line=not available&amp;txz=p</t>
  </si>
  <si>
    <t>12/18/2019 13:56:36</t>
  </si>
  <si>
    <t>12/18/2019 13:56:45</t>
  </si>
  <si>
    <t>12/18/2019 13:56:48</t>
  </si>
  <si>
    <t>mail.google.com/mail/u/0/jserror?script=https://mail.google.com/mail/u/0/#sent/qgrcjhrtqfglgflxffvxhpfcpggrmqprtjg&amp;error=yo&amp;line=not available&amp;txz=p</t>
  </si>
  <si>
    <t>1637&amp;mn=sz:7958&amp;ai=mail:sd.9055.10.0/s:v=2&amp;a=lc&amp;sv=cv&amp;ev=di&amp;t=587&amp;i=138&amp;ai=mail:lc.9055.11.0/s:v=2&amp;a=lc&amp;sv=di&amp;ev=tl&amp;t=1654&amp;i=1402&amp;ai=mail:lc.9055.12.0</t>
  </si>
  <si>
    <t>12/18/2019 13:57:03</t>
  </si>
  <si>
    <t>12/18/2019 14:00:27</t>
  </si>
  <si>
    <t>12/18/2019 13:56:33</t>
  </si>
  <si>
    <t>8c1ac125-7bb2-4568-90c4-efc21a61fbb1.tmp</t>
  </si>
  <si>
    <t>\\acsfs\profiles$\gabrielafs\Downloads\8c1ac125-7bb2-4568-90c4-efc21a61fbb1.tmp</t>
  </si>
  <si>
    <t>12/18/2019 13:56:26</t>
  </si>
  <si>
    <t>12/18/2019 14:01:27</t>
  </si>
  <si>
    <t>144809bd-9acf-41d2-b96e-512392f587f2.tmp</t>
  </si>
  <si>
    <t>\\acsfs\profiles$\gabrielarb\Downloads\144809bd-9acf-41d2-b96e-512392f587f2.tmp</t>
  </si>
  <si>
    <t>12/18/2019 13:58:59</t>
  </si>
  <si>
    <t>12/18/2019 13:59:20</t>
  </si>
  <si>
    <t>7857fa5e-8bad-41f2-b8fa-75fa444b12d1.tmp</t>
  </si>
  <si>
    <t>\\acsfs\profiles$\brendadsl\Downloads\7857fa5e-8bad-41f2-b8fa-75fa444b12d1.tmp</t>
  </si>
  <si>
    <t>12/18/2019 13:59:22</t>
  </si>
  <si>
    <t>91f4b8b5-9c50-43d9-a80c-b510c70b59bc.tmp</t>
  </si>
  <si>
    <t>\\acsfs\profiles$\brendadsl\Downloads\91f4b8b5-9c50-43d9-a80c-b510c70b59bc.tmp</t>
  </si>
  <si>
    <t>12/18/2019 13:59:24</t>
  </si>
  <si>
    <t>1a7a155d-496a-4a26-99fa-44dfcd7ed7a4.tmp</t>
  </si>
  <si>
    <t>\\acsfs\profiles$\brendadsl\Downloads\1a7a155d-496a-4a26-99fa-44dfcd7ed7a4.tmp</t>
  </si>
  <si>
    <t>12/18/2019 13:59:25</t>
  </si>
  <si>
    <t>8c06c898-b491-465c-a826-2c30267d58c2.tmp</t>
  </si>
  <si>
    <t>\\acsfs\profiles$\brendadsl\Downloads\8c06c898-b491-465c-a826-2c30267d58c2.tmp</t>
  </si>
  <si>
    <t>12/18/2019 13:59:27</t>
  </si>
  <si>
    <t>af9d4f4e-e869-4009-9d6a-bbefd8bb650a.tmp</t>
  </si>
  <si>
    <t>\\acsfs\profiles$\brendadsl\Downloads\af9d4f4e-e869-4009-9d6a-bbefd8bb650a.tmp</t>
  </si>
  <si>
    <t>12/18/2019 13:59:00</t>
  </si>
  <si>
    <t>12/18/2019 13:58:03</t>
  </si>
  <si>
    <t>12/18/2019 14:02:27</t>
  </si>
  <si>
    <t>f3f7a318-ce19-4657-911b-a01daa231612.tmp</t>
  </si>
  <si>
    <t>\\acsfs\profiles$\adrielyas\Downloads\f3f7a318-ce19-4657-911b-a01daa231612.tmp</t>
  </si>
  <si>
    <t>12/18/2019 14:01:10</t>
  </si>
  <si>
    <t>12/18/2019 14:03:27</t>
  </si>
  <si>
    <t>12/18/2019 14:01:40</t>
  </si>
  <si>
    <t>12/18/2019 14:02:10</t>
  </si>
  <si>
    <t>12/18/2019 13:58:55</t>
  </si>
  <si>
    <t>12/18/2019 14:04:27</t>
  </si>
  <si>
    <t>10d6247f-0d73-4546-983e-049a678ed4d8.tmp</t>
  </si>
  <si>
    <t>\\acsfs\profiles$\alinepp\Downloads\10d6247f-0d73-4546-983e-049a678ed4d8.tmp</t>
  </si>
  <si>
    <t>12/18/2019 13:59:59</t>
  </si>
  <si>
    <t>87d6c35b-307f-4eb4-b84d-a29af4f81083.tmp</t>
  </si>
  <si>
    <t>\\acsfs\profiles$\alinepp\Downloads\87d6c35b-307f-4eb4-b84d-a29af4f81083.tmp</t>
  </si>
  <si>
    <t>12/18/2019 14:01:51</t>
  </si>
  <si>
    <t>9523166c-dc5b-45ad-b1de-48e01376f539.tmp</t>
  </si>
  <si>
    <t>\\acsfs\profiles$\alinepp\Downloads\9523166c-dc5b-45ad-b1de-48e01376f539.tmp</t>
  </si>
  <si>
    <t>12/18/2019 13:59:15</t>
  </si>
  <si>
    <t>12/18/2019 13:59:49</t>
  </si>
  <si>
    <t>12/18/2019 13:59:50</t>
  </si>
  <si>
    <t>12/18/2019 13:59:51</t>
  </si>
  <si>
    <t>12/18/2019 14:00:20</t>
  </si>
  <si>
    <t>12/18/2019 14:01:38</t>
  </si>
  <si>
    <t>12/18/2019 14:01:50</t>
  </si>
  <si>
    <t>12/18/2019 14:02:45</t>
  </si>
  <si>
    <t>12/18/2019 14:02:46</t>
  </si>
  <si>
    <t>12/18/2019 14:02:48</t>
  </si>
  <si>
    <t>12/18/2019 14:02:49</t>
  </si>
  <si>
    <t>12/18/2019 14:03:17</t>
  </si>
  <si>
    <t>12/18/2019 14:00:46</t>
  </si>
  <si>
    <t>12/18/2019 14:03:14</t>
  </si>
  <si>
    <t>12/18/2019 14:03:43</t>
  </si>
  <si>
    <t>c3dccfac-e033-4e15-a880-405a3c914dad.tmp</t>
  </si>
  <si>
    <t>\\acsfs\profiles$\luanaldsi\Downloads\c3dccfac-e033-4e15-a880-405a3c914dad.tmp</t>
  </si>
  <si>
    <t>db9dc8b4-8f3e-4aaf-91df-c2abdc863617.tmp</t>
  </si>
  <si>
    <t>\\acsfs\profiles$\luanaldsi\Downloads\db9dc8b4-8f3e-4aaf-91df-c2abdc863617.tmp</t>
  </si>
  <si>
    <t>a1b159d7-b1f3-4457-9377-50cf5f39c8ac.tmp</t>
  </si>
  <si>
    <t>\\acsfs\profiles$\luanaldsi\Downloads\a1b159d7-b1f3-4457-9377-50cf5f39c8ac.tmp</t>
  </si>
  <si>
    <t>12/18/2019 14:01:17</t>
  </si>
  <si>
    <t>12/18/2019 14:06:27</t>
  </si>
  <si>
    <t>3d84da91-c300-4af4-a037-b4f5daec6007.tmp</t>
  </si>
  <si>
    <t>\\acsfs\profiles$\brendadsl\Downloads\3d84da91-c300-4af4-a037-b4f5daec6007.tmp</t>
  </si>
  <si>
    <t>12/18/2019 14:02:11</t>
  </si>
  <si>
    <t>3db4c949-b295-4054-84b8-f41e55c0cdb2.tmp</t>
  </si>
  <si>
    <t>\\acsfs\profiles$\brendadsl\Downloads\3db4c949-b295-4054-84b8-f41e55c0cdb2.tmp</t>
  </si>
  <si>
    <t>12/18/2019 14:02:26</t>
  </si>
  <si>
    <t>e10c60db-9490-4da6-8eb1-690f4d08e54f.tmp</t>
  </si>
  <si>
    <t>\\acsfs\profiles$\brendadsl\Downloads\e10c60db-9490-4da6-8eb1-690f4d08e54f.tmp</t>
  </si>
  <si>
    <t>12/18/2019 14:02:16</t>
  </si>
  <si>
    <t>12/18/2019 14:07:26</t>
  </si>
  <si>
    <t>12/18/2019 14:03:35</t>
  </si>
  <si>
    <t>caa0d900-5d6f-45cb-8ba2-99c13d2e5564.tmp</t>
  </si>
  <si>
    <t>\\acsfs\profiles$\gabrielamdp\Downloads\caa0d900-5d6f-45cb-8ba2-99c13d2e5564.tmp</t>
  </si>
  <si>
    <t>6614de7e-ce54-4f9c-986c-c224745d2352.tmp</t>
  </si>
  <si>
    <t>\\acsfs\profiles$\gabrielamdp\Downloads\6614de7e-ce54-4f9c-986c-c224745d2352.tmp</t>
  </si>
  <si>
    <t>12/18/2019 14:03:37</t>
  </si>
  <si>
    <t>18a9c034-20ce-42f1-8ce8-52f205c67356.tmp</t>
  </si>
  <si>
    <t>\\acsfs\profiles$\gabrielamdp\Downloads\18a9c034-20ce-42f1-8ce8-52f205c67356.tmp</t>
  </si>
  <si>
    <t>6e80a171-7e70-44ae-91b8-9827943dfbdd.tmp</t>
  </si>
  <si>
    <t>\\acsfs\profiles$\gabrielamdp\Downloads\6e80a171-7e70-44ae-91b8-9827943dfbdd.tmp</t>
  </si>
  <si>
    <t>12/18/2019 14:03:38</t>
  </si>
  <si>
    <t>de152852-a52a-4e83-9c13-a2b5026c5681.tmp</t>
  </si>
  <si>
    <t>\\acsfs\profiles$\gabrielamdp\Downloads\de152852-a52a-4e83-9c13-a2b5026c5681.tmp</t>
  </si>
  <si>
    <t>12/18/2019 14:05:40</t>
  </si>
  <si>
    <t>5e292f3f-211e-4937-bb29-47276239200c.tmp</t>
  </si>
  <si>
    <t>\\acsfs\profiles$\gabrielamdp\Downloads\5e292f3f-211e-4937-bb29-47276239200c.tmp</t>
  </si>
  <si>
    <t>12/18/2019 14:05:05</t>
  </si>
  <si>
    <t>12/18/2019 14:09:26</t>
  </si>
  <si>
    <t>12/18/2019 14:05:07</t>
  </si>
  <si>
    <t>12/18/2019 14:05:08</t>
  </si>
  <si>
    <t>12/18/2019 14:06:47</t>
  </si>
  <si>
    <t>12/18/2019 14:06:49</t>
  </si>
  <si>
    <t>12/18/2019 14:07:38</t>
  </si>
  <si>
    <t>12/18/2019 14:08:05</t>
  </si>
  <si>
    <t>12/18/2019 14:06:46</t>
  </si>
  <si>
    <t>12/18/2019 14:09:15</t>
  </si>
  <si>
    <t>12/18/2019 14:10:27</t>
  </si>
  <si>
    <t>e0e2c076-2609-4a3c-b163-44e4f9ef2774.tmp</t>
  </si>
  <si>
    <t>\\acsfs\profiles$\gabrielafs\Downloads\e0e2c076-2609-4a3c-b163-44e4f9ef2774.tmp</t>
  </si>
  <si>
    <t>12/18/2019 14:06:33</t>
  </si>
  <si>
    <t>12/18/2019 14:11:26</t>
  </si>
  <si>
    <t>12/18/2019 14:06:35</t>
  </si>
  <si>
    <t>12/18/2019 14:07:27</t>
  </si>
  <si>
    <t>12/18/2019 14:10:04</t>
  </si>
  <si>
    <t>12/18/2019 14:12:27</t>
  </si>
  <si>
    <t>NatanaelLF</t>
  </si>
  <si>
    <t>\\acsfs\profiles$\natanaellf\</t>
  </si>
  <si>
    <t>citrix.txt</t>
  </si>
  <si>
    <t>\\acsfs\profiles$\natanaellf\citrix.txt</t>
  </si>
  <si>
    <t>12/18/2019 14:10:05</t>
  </si>
  <si>
    <t>12/18/2019 14:10:06</t>
  </si>
  <si>
    <t>12/18/2019 14:10:08</t>
  </si>
  <si>
    <t>12/18/2019 14:10:09</t>
  </si>
  <si>
    <t>12/18/2019 14:10:10</t>
  </si>
  <si>
    <t>12/18/2019 14:08:10</t>
  </si>
  <si>
    <t>10.200.67.161</t>
  </si>
  <si>
    <t>74-86-7A-FB-19-0C</t>
  </si>
  <si>
    <t>VOTORANT-GB010</t>
  </si>
  <si>
    <t>georgendsq</t>
  </si>
  <si>
    <t>\\acsfs\profiles$\georgendsq\Downloads\</t>
  </si>
  <si>
    <t>3ba1dcaa-2fdb-4031-9512-ac55cbc7193b.tmp</t>
  </si>
  <si>
    <t>\\acsfs\profiles$\georgendsq\Downloads\3ba1dcaa-2fdb-4031-9512-ac55cbc7193b.tmp</t>
  </si>
  <si>
    <t>12/18/2019 14:08:54</t>
  </si>
  <si>
    <t>5779b5ac-9163-43e9-897e-ff4f106618d6.tmp</t>
  </si>
  <si>
    <t>\\acsfs\profiles$\georgendsq\Downloads\5779b5ac-9163-43e9-897e-ff4f106618d6.tmp</t>
  </si>
  <si>
    <t>c77b6abd-a16a-43a4-a033-29fa877d4c90.tmp</t>
  </si>
  <si>
    <t>\\acsfs\profiles$\georgendsq\Downloads\c77b6abd-a16a-43a4-a033-29fa877d4c90.tmp</t>
  </si>
  <si>
    <t>7bfe6c9e-280a-4a86-b4dc-2ffb19713845.tmp</t>
  </si>
  <si>
    <t>\\acsfs\profiles$\georgendsq\Downloads\7bfe6c9e-280a-4a86-b4dc-2ffb19713845.tmp</t>
  </si>
  <si>
    <t>12/18/2019 14:11:24</t>
  </si>
  <si>
    <t>12/18/2019 14:13:26</t>
  </si>
  <si>
    <t>12/18/2019 14:11:44</t>
  </si>
  <si>
    <t>12/18/2019 14:12:14</t>
  </si>
  <si>
    <t>12/18/2019 14:12:44</t>
  </si>
  <si>
    <t>12/18/2019 14:13:14</t>
  </si>
  <si>
    <t>12/18/2019 14:11:15</t>
  </si>
  <si>
    <t>12/18/2019 14:14:27</t>
  </si>
  <si>
    <t>a8c135a5-d0c3-46dd-a674-81479ef7b39d.tmp</t>
  </si>
  <si>
    <t>\\acsfs\profiles$\alinepp\Downloads\a8c135a5-d0c3-46dd-a674-81479ef7b39d.tmp</t>
  </si>
  <si>
    <t>12/18/2019 14:09:04</t>
  </si>
  <si>
    <t>Retiradas para feedback</t>
  </si>
  <si>
    <t>12/18/2019 14:09:06</t>
  </si>
  <si>
    <t>12/18/2019 14:09:07</t>
  </si>
  <si>
    <t>12/18/2019 14:09:08</t>
  </si>
  <si>
    <t>12/18/2019 14:09:10</t>
  </si>
  <si>
    <t>12/18/2019 14:09:11</t>
  </si>
  <si>
    <t>12/18/2019 14:09:17</t>
  </si>
  <si>
    <t>12/18/2019 14:09:19</t>
  </si>
  <si>
    <t>12/18/2019 14:09:21</t>
  </si>
  <si>
    <t>12/18/2019 14:10:15</t>
  </si>
  <si>
    <t>12/18/2019 14:10:17</t>
  </si>
  <si>
    <t>12/18/2019 14:11:18</t>
  </si>
  <si>
    <t>12/18/2019 14:11:19</t>
  </si>
  <si>
    <t>12/18/2019 14:12:46</t>
  </si>
  <si>
    <t>12/18/2019 14:10:42</t>
  </si>
  <si>
    <t>12/18/2019 14:15:26</t>
  </si>
  <si>
    <t>THAIS MACHADO BEZERRA_1_6765851179628964948_1_32.wav</t>
  </si>
  <si>
    <t>\\acsfs\DEPTOS\EDUCACAO EMPRESARIAL\ligação mutant primeiro ciclo MUTANT\THAIS MACHADO BEZERRA_1_6765851179628964948_1_32.wav</t>
  </si>
  <si>
    <t>12/18/2019 14:16:26</t>
  </si>
  <si>
    <t>4ef381d0-0ebb-44ef-b892-19e4f271fd43.tmp</t>
  </si>
  <si>
    <t>\\acsfs\profiles$\deborahsi\Downloads\4ef381d0-0ebb-44ef-b892-19e4f271fd43.tmp</t>
  </si>
  <si>
    <t>12/18/2019 14:12:42</t>
  </si>
  <si>
    <t>12/18/2019 14:13:16</t>
  </si>
  <si>
    <t>133bb047-b436-4c71-9a21-94d01375cd6b.tmp</t>
  </si>
  <si>
    <t>\\acsfs\profiles$\wenderbnm\Downloads\133bb047-b436-4c71-9a21-94d01375cd6b.tmp</t>
  </si>
  <si>
    <t>Bloco 18122019.txt</t>
  </si>
  <si>
    <t>\\acsfs\profiles$\brendadsl\My Documents\Blocos\Blocos Dezembro 2019\Bloco 18122019.txt</t>
  </si>
  <si>
    <t>12/18/2019 14:13:27</t>
  </si>
  <si>
    <t>12/18/2019 14:14:26</t>
  </si>
  <si>
    <t>12/18/2019 14:15:28</t>
  </si>
  <si>
    <t>6dff85e0-5de0-48a4-8414-52ec290ba29c.tmp</t>
  </si>
  <si>
    <t>\\acsfs\profiles$\victorgl\Downloads\6dff85e0-5de0-48a4-8414-52ec290ba29c.tmp</t>
  </si>
  <si>
    <t>12/18/2019 14:14:17</t>
  </si>
  <si>
    <t>12/18/2019 14:17:26</t>
  </si>
  <si>
    <t>12/18/2019 14:15:48</t>
  </si>
  <si>
    <t>12/18/2019 14:18:26</t>
  </si>
  <si>
    <t>mail.google.com/_/upload?authuser=0&amp;dcp=asu-n&amp;upload_id=AEnB2UqPENn1mkM7WVesgKNpLWM4urU6wWWiOFFLLdtr_2lDsI5czbEYb07R568_8dBaT5zogJmcyTJ5Y6OM0vHFeCQmRFfrbb-U1KsFgnsujkp-HgmVyzo&amp;upload_protocol=resumable</t>
  </si>
  <si>
    <t>12/18/2019 14:14:43</t>
  </si>
  <si>
    <t>12/18/2019 14:16:03</t>
  </si>
  <si>
    <t>\\acsfs\profiles$\luanaldsi\Contacts\</t>
  </si>
  <si>
    <t>LUANA LOPES DA SILVA (17033).contact</t>
  </si>
  <si>
    <t>\\acsfs\profiles$\luanaldsi\Contacts\LUANA LOPES DA SILVA (17033).contact</t>
  </si>
  <si>
    <t>12/18/2019 14:16:17</t>
  </si>
  <si>
    <t>\\acsfs\profiles$\luanaldsi\My Documents\My Videos\</t>
  </si>
  <si>
    <t>\\acsfs\profiles$\luanaldsi\My Documents\My Videos\desktop.ini</t>
  </si>
  <si>
    <t>12/18/2019 14:16:18</t>
  </si>
  <si>
    <t>\\acsfs\profiles$\luanaldsi\My Documents\My Pictures\</t>
  </si>
  <si>
    <t>\\acsfs\profiles$\luanaldsi\My Documents\My Pictures\desktop.ini</t>
  </si>
  <si>
    <t>12/18/2019 14:16:19</t>
  </si>
  <si>
    <t>\\acsfs\profiles$\luanaldsi\Contacts\desktop.ini</t>
  </si>
  <si>
    <t>12/18/2019 14:16:20</t>
  </si>
  <si>
    <t>\\acsfs\profiles$\luanaldsi\Favorites\</t>
  </si>
  <si>
    <t>\\acsfs\profiles$\luanaldsi\Favorites\desktop.ini</t>
  </si>
  <si>
    <t>\\acsfs\profiles$\luanaldsi\My Documents\My Music\</t>
  </si>
  <si>
    <t>\\acsfs\profiles$\luanaldsi\My Documents\My Music\desktop.ini</t>
  </si>
  <si>
    <t>12/18/2019 14:16:21</t>
  </si>
  <si>
    <t>12/18/2019 14:16:22</t>
  </si>
  <si>
    <t>\\acsfs\profiles$\luanaldsi\Searches\</t>
  </si>
  <si>
    <t>\\acsfs\profiles$\luanaldsi\Searches\desktop.ini</t>
  </si>
  <si>
    <t>12/18/2019 14:14:00</t>
  </si>
  <si>
    <t>10.200.66.169</t>
  </si>
  <si>
    <t>74-86-7A-FC-CF-64</t>
  </si>
  <si>
    <t>VOTORANT-YB007</t>
  </si>
  <si>
    <t>cebd1948-a3b1-4c5b-8b25-d78d732b8e48.tmp</t>
  </si>
  <si>
    <t>\\acsfs\profiles$\gabrieleods\Downloads\cebd1948-a3b1-4c5b-8b25-d78d732b8e48.tmp</t>
  </si>
  <si>
    <t>12/18/2019 14:14:04</t>
  </si>
  <si>
    <t>6fb3e81f-7680-435d-a2cd-0f1f627f7294.tmp</t>
  </si>
  <si>
    <t>\\acsfs\profiles$\gabrieleods\Downloads\6fb3e81f-7680-435d-a2cd-0f1f627f7294.tmp</t>
  </si>
  <si>
    <t>12/18/2019 14:14:05</t>
  </si>
  <si>
    <t>1e6f3a75-0e01-449b-8745-96846f358884.tmp</t>
  </si>
  <si>
    <t>\\acsfs\profiles$\gabrieleods\Downloads\1e6f3a75-0e01-449b-8745-96846f358884.tmp</t>
  </si>
  <si>
    <t>12/18/2019 14:14:09</t>
  </si>
  <si>
    <t>d7c0331a-999e-454a-9e95-b63e5c0615c7.tmp</t>
  </si>
  <si>
    <t>\\acsfs\profiles$\gabrieleods\Downloads\d7c0331a-999e-454a-9e95-b63e5c0615c7.tmp</t>
  </si>
  <si>
    <t>\\acsfs\profiles$\luanaldsi\Downloads\desktop.ini</t>
  </si>
  <si>
    <t>12/18/2019 14:16:23</t>
  </si>
  <si>
    <t>\\acsfs\profiles$\luanaldsi\My Documents\</t>
  </si>
  <si>
    <t>\\acsfs\profiles$\luanaldsi\My Documents\desktop.ini</t>
  </si>
  <si>
    <t>12/18/2019 14:16:24</t>
  </si>
  <si>
    <t>\\acsfs\profiles$\luanaldsi\Saved Games\</t>
  </si>
  <si>
    <t>\\acsfs\profiles$\luanaldsi\Saved Games\desktop.ini</t>
  </si>
  <si>
    <t>12/18/2019 14:16:42</t>
  </si>
  <si>
    <t>\\acsfs\profiles$\luanaldsi\Favorites\Links for Brasil\</t>
  </si>
  <si>
    <t>\\acsfs\profiles$\luanaldsi\Favorites\Links for Brasil\desktop.ini</t>
  </si>
  <si>
    <t>12/18/2019 14:16:43</t>
  </si>
  <si>
    <t>\\acsfs\profiles$\luanaldsi\Favorites\Links for Brasil\Microsoft Brasil.url</t>
  </si>
  <si>
    <t>\\acsfs\profiles$\luanaldsi\Favorites\Links for Brasil\Windows Brasil.url</t>
  </si>
  <si>
    <t>\\acsfs\profiles$\luanaldsi\Favorites\Links for Brasil\MSN Brasil.url</t>
  </si>
  <si>
    <t>12/18/2019 14:13:44</t>
  </si>
  <si>
    <t>12/18/2019 14:16:15</t>
  </si>
  <si>
    <t>12/18/2019 14:16:46</t>
  </si>
  <si>
    <t>12/18/2019 14:18:16</t>
  </si>
  <si>
    <t>12/18/2019 14:13:38</t>
  </si>
  <si>
    <t>12/18/2019 14:19:26</t>
  </si>
  <si>
    <t>12/18/2019 14:15:17</t>
  </si>
  <si>
    <t>12/18/2019 14:15:44</t>
  </si>
  <si>
    <t>12/18/2019 14:16:33</t>
  </si>
  <si>
    <t>12/18/2019 14:16:38</t>
  </si>
  <si>
    <t>12/18/2019 14:19:59</t>
  </si>
  <si>
    <t>12/18/2019 14:21:26</t>
  </si>
  <si>
    <t>c2c2b528-6423-4b72-9b66-7765d2de2b66.tmp</t>
  </si>
  <si>
    <t>\\acsfs\profiles$\gabrielarb\Downloads\c2c2b528-6423-4b72-9b66-7765d2de2b66.tmp</t>
  </si>
  <si>
    <t>12/18/2019 14:16:31</t>
  </si>
  <si>
    <t>39efd138-d56d-40c8-92ab-b4c4e84e31b3.tmp</t>
  </si>
  <si>
    <t>\\acsfs\profiles$\joycemmdl\Downloads\39efd138-d56d-40c8-92ab-b4c4e84e31b3.tmp</t>
  </si>
  <si>
    <t>12/18/2019 14:18:05</t>
  </si>
  <si>
    <t>077b63da-4aea-4d71-9e5b-93ffac470940.tmp</t>
  </si>
  <si>
    <t>\\acsfs\profiles$\joycemmdl\Downloads\077b63da-4aea-4d71-9e5b-93ffac470940.tmp</t>
  </si>
  <si>
    <t>1c0405c0-1ad8-4849-b756-10cb9645409b.tmp</t>
  </si>
  <si>
    <t>\\acsfs\profiles$\joycemmdl\Downloads\1c0405c0-1ad8-4849-b756-10cb9645409b.tmp</t>
  </si>
  <si>
    <t>a9deb931-7cee-42d7-a96d-761033e0c630.tmp</t>
  </si>
  <si>
    <t>\\acsfs\profiles$\valeriasda\Downloads\a9deb931-7cee-42d7-a96d-761033e0c630.tmp</t>
  </si>
  <si>
    <t>12/18/2019 14:18:30</t>
  </si>
  <si>
    <t>12/18/2019 14:16:49</t>
  </si>
  <si>
    <t>b52b20f9-6655-4ac0-8918-6aff6eeeeb3d.tmp</t>
  </si>
  <si>
    <t>\\acsfs\profiles$\victorgl\Downloads\b52b20f9-6655-4ac0-8918-6aff6eeeeb3d.tmp</t>
  </si>
  <si>
    <t>12/18/2019 14:17:27</t>
  </si>
  <si>
    <t>d57462b6-28b2-43bd-b262-53eb02f9cfc9.tmp</t>
  </si>
  <si>
    <t>\\acsfs\profiles$\victorgl\Downloads\d57462b6-28b2-43bd-b262-53eb02f9cfc9.tmp</t>
  </si>
  <si>
    <t>12/18/2019 14:17:36</t>
  </si>
  <si>
    <t>78567b40-57bd-4546-a8a1-4c42006b9ff7.tmp</t>
  </si>
  <si>
    <t>\\acsfs\profiles$\victorgl\Downloads\78567b40-57bd-4546-a8a1-4c42006b9ff7.tmp</t>
  </si>
  <si>
    <t>12/18/2019 14:18:29</t>
  </si>
  <si>
    <t>f9f776b0-7dc0-476a-b6cf-c2770d8cd6e0.tmp</t>
  </si>
  <si>
    <t>\\acsfs\profiles$\victorgl\Downloads\f9f776b0-7dc0-476a-b6cf-c2770d8cd6e0.tmp</t>
  </si>
  <si>
    <t>12/18/2019 14:21:01</t>
  </si>
  <si>
    <t>12/18/2019 14:21:09</t>
  </si>
  <si>
    <t>12/18/2019 14:22:27</t>
  </si>
  <si>
    <t>0cc75ddb-9364-42ef-a776-0f641e71bae4.tmp</t>
  </si>
  <si>
    <t>\\acsfs\profiles$\philipegsf\Downloads\0cc75ddb-9364-42ef-a776-0f641e71bae4.tmp</t>
  </si>
  <si>
    <t>12/18/2019 14:17:48</t>
  </si>
  <si>
    <t>12/18/2019 14:19:43</t>
  </si>
  <si>
    <t>12/18/2019 14:23:26</t>
  </si>
  <si>
    <t>73b9fd10-0c5d-47ec-8d53-4759a6914790.tmp</t>
  </si>
  <si>
    <t>\\acsfs\profiles$\luanaldsi\Downloads\73b9fd10-0c5d-47ec-8d53-4759a6914790.tmp</t>
  </si>
  <si>
    <t>12/18/2019 14:19:45</t>
  </si>
  <si>
    <t>506dc9a8-a602-41a5-a17a-d740d40e11e9.tmp</t>
  </si>
  <si>
    <t>\\acsfs\profiles$\luanaldsi\Downloads\506dc9a8-a602-41a5-a17a-d740d40e11e9.tmp</t>
  </si>
  <si>
    <t>12/18/2019 14:19:19</t>
  </si>
  <si>
    <t>12/18/2019 14:24:27</t>
  </si>
  <si>
    <t>12/18/2019 14:19:21</t>
  </si>
  <si>
    <t>12/18/2019 14:19:38</t>
  </si>
  <si>
    <t>12/18/2019 14:20:43</t>
  </si>
  <si>
    <t>12/18/2019 14:20:45</t>
  </si>
  <si>
    <t>12/18/2019 14:21:17</t>
  </si>
  <si>
    <t>12/18/2019 14:23:15</t>
  </si>
  <si>
    <t>12/18/2019 14:18:46</t>
  </si>
  <si>
    <t>12/18/2019 14:22:08</t>
  </si>
  <si>
    <t>lu763612h81i.tmp</t>
  </si>
  <si>
    <t>\\acsfs\profiles$\luanarda\lu763612h81i.tmp</t>
  </si>
  <si>
    <t>\\acsfs\profiles$\luanarda\lu763612h81i.tmp\</t>
  </si>
  <si>
    <t>\\acsfs\profiles$\luanarda\lu763612h81i.tmp\META-INF\</t>
  </si>
  <si>
    <t>\\acsfs\profiles$\luanarda\lu763612h81i.tmp\Thumbnails\</t>
  </si>
  <si>
    <t>12/18/2019 14:20:34</t>
  </si>
  <si>
    <t>12/18/2019 14:22:39</t>
  </si>
  <si>
    <t>6df1b48d-2cdb-4a08-af5d-47c2fbbd7432.tmp</t>
  </si>
  <si>
    <t>\\acsfs\profiles$\felipetds\Downloads\6df1b48d-2cdb-4a08-af5d-47c2fbbd7432.tmp</t>
  </si>
  <si>
    <t>12/18/2019 14:19:58</t>
  </si>
  <si>
    <t>12/18/2019 14:25:27</t>
  </si>
  <si>
    <t>\\acsfs\profiles$\thaisdss\My Documents\My Pictures\</t>
  </si>
  <si>
    <t>\\acsfs\profiles$\thaisdss\My Documents\My Pictures\Thumbs.db</t>
  </si>
  <si>
    <t>\\acsfs\profiles$\thaisdss\Links\</t>
  </si>
  <si>
    <t>Downloads.lnk</t>
  </si>
  <si>
    <t>\\acsfs\profiles$\thaisdss\Links\Downloads.lnk</t>
  </si>
  <si>
    <t>12/18/2019 14:21:55</t>
  </si>
  <si>
    <t>\\acsfs\profiles$\thaisdss\Downloads\Thumbs.db</t>
  </si>
  <si>
    <t>12/18/2019 14:23:54</t>
  </si>
  <si>
    <t>12/18/2019 14:23:56</t>
  </si>
  <si>
    <t>12/18/2019 14:24:57</t>
  </si>
  <si>
    <t>12/18/2019 14:24:41</t>
  </si>
  <si>
    <t>12/18/2019 14:26:27</t>
  </si>
  <si>
    <t>d5de06e4-c7f6-4d0c-bc4b-3be3e9d0d416.tmp</t>
  </si>
  <si>
    <t>\\acsfs\profiles$\leticiala\Downloads\d5de06e4-c7f6-4d0c-bc4b-3be3e9d0d416.tmp</t>
  </si>
  <si>
    <t>12/18/2019 14:23:11</t>
  </si>
  <si>
    <t>acd5fdf8-5c64-41fb-9e75-db74bc21375a.tmp</t>
  </si>
  <si>
    <t>\\acsfs\profiles$\YASMINSC\Downloads\acd5fdf8-5c64-41fb-9e75-db74bc21375a.tmp</t>
  </si>
  <si>
    <t>12/18/2019 14:21:36</t>
  </si>
  <si>
    <t>12/18/2019 14:22:23</t>
  </si>
  <si>
    <t>12/18/2019 14:21:56</t>
  </si>
  <si>
    <t>12/18/2019 14:24:26</t>
  </si>
  <si>
    <t>12/18/2019 14:25:26</t>
  </si>
  <si>
    <t>12/18/2019 14:21:48</t>
  </si>
  <si>
    <t>12/18/2019 14:27:27</t>
  </si>
  <si>
    <t>096f59c5-b7bc-43c0-bb6d-aca533d41219.tmp</t>
  </si>
  <si>
    <t>\\acsfs\profiles$\philipegsf\Downloads\096f59c5-b7bc-43c0-bb6d-aca533d41219.tmp</t>
  </si>
  <si>
    <t>12/18/2019 14:24:32</t>
  </si>
  <si>
    <t>12/18/2019 14:29:27</t>
  </si>
  <si>
    <t>12/18/2019 14:25:34</t>
  </si>
  <si>
    <t>12/18/2019 14:25:35</t>
  </si>
  <si>
    <t>12/18/2019 14:25:37</t>
  </si>
  <si>
    <t>12/18/2019 14:25:38</t>
  </si>
  <si>
    <t>12/18/2019 14:27:17</t>
  </si>
  <si>
    <t>12/18/2019 14:24:47</t>
  </si>
  <si>
    <t>12/18/2019 14:25:29</t>
  </si>
  <si>
    <t>12/18/2019 14:25:41</t>
  </si>
  <si>
    <t>12/18/2019 14:25:01</t>
  </si>
  <si>
    <t>12/18/2019 14:23:48</t>
  </si>
  <si>
    <t>mail.google.com/_/upload?authuser=0&amp;dcp=asu-n&amp;upload_id=AEnB2UragtSISwN-3qNgRr-i5LeDUDZ9Rg4DEIY3FWSW3aVgxWVIjfA4a4wJnlLf1tlJS2G1EwHO3Y8OIGy29ZEDQKP9XdXoctwLW-DxEhEYvFWvlZnncog&amp;upload_protocol=resumable</t>
  </si>
  <si>
    <t>12/18/2019 14:27:10</t>
  </si>
  <si>
    <t>lu10204ro03c.tmp</t>
  </si>
  <si>
    <t>\\acsfs\profiles$\dhiulliananads\My Documents\lu10204ro03c.tmp</t>
  </si>
  <si>
    <t>\\acsfs\profiles$\dhiulliananads\My Documents\lu10204ro03c.tmp\</t>
  </si>
  <si>
    <t>\\acsfs\profiles$\dhiulliananads\My Documents\lu10204ro03c.tmp\META-INF\</t>
  </si>
  <si>
    <t>\\acsfs\profiles$\dhiulliananads\My Documents\lu10204ro03c.tmp\Thumbnails\</t>
  </si>
  <si>
    <t>12/18/2019 14:27:14</t>
  </si>
  <si>
    <t>12/18/2019 14:27:15</t>
  </si>
  <si>
    <t>lu10204ro03g.tmp</t>
  </si>
  <si>
    <t>\\acsfs\profiles$\dhiulliananads\My Documents\lu10204ro03g.tmp</t>
  </si>
  <si>
    <t>\\acsfs\profiles$\dhiulliananads\My Documents\lu10204ro03g.tmp\</t>
  </si>
  <si>
    <t>\\acsfs\profiles$\dhiulliananads\My Documents\lu10204ro03g.tmp\META-INF\</t>
  </si>
  <si>
    <t>12/18/2019 14:27:30</t>
  </si>
  <si>
    <t>00bfc412-86bd-4514-8d80-d4dcdb3f0969.tmp</t>
  </si>
  <si>
    <t>\\acsfs\profiles$\luanaldsi\Downloads\00bfc412-86bd-4514-8d80-d4dcdb3f0969.tmp</t>
  </si>
  <si>
    <t>\\acsfs\profiles$\dhiulliananads\My Documents\lu10204ro03g.tmp\Thumbnails\</t>
  </si>
  <si>
    <t>12/18/2019 14:30:27</t>
  </si>
  <si>
    <t>12/18/2019 14:29:54</t>
  </si>
  <si>
    <t>JESSICA DE ALMEIDA GOMES_1_6766245801224120244_1_32.wav</t>
  </si>
  <si>
    <t>\\acsfs\DEPTOS\EDUCACAO EMPRESARIAL\ligação mutant primeiro ciclo MUTANT\JESSICA DE ALMEIDA GOMES_1_6766245801224120244_1_32.wav</t>
  </si>
  <si>
    <t>12/18/2019 14:29:59</t>
  </si>
  <si>
    <t>12/18/2019 14:31:28</t>
  </si>
  <si>
    <t>06d92c1e-a530-4c8d-9d20-1682173f49da.tmp</t>
  </si>
  <si>
    <t>\\acsfs\profiles$\gabrielarb\Downloads\06d92c1e-a530-4c8d-9d20-1682173f49da.tmp</t>
  </si>
  <si>
    <t>12/18/2019 14:30:05</t>
  </si>
  <si>
    <t>645af370-9424-4222-bd15-b8cb80eb31e9.tmp</t>
  </si>
  <si>
    <t>\\acsfs\profiles$\gabrielarb\Downloads\645af370-9424-4222-bd15-b8cb80eb31e9.tmp</t>
  </si>
  <si>
    <t>12/18/2019 14:30:34</t>
  </si>
  <si>
    <t>08a716fc-6ab1-4751-b6b5-66b482cd1a48.tmp</t>
  </si>
  <si>
    <t>\\acsfs\profiles$\gabrielarb\Downloads\08a716fc-6ab1-4751-b6b5-66b482cd1a48.tmp</t>
  </si>
  <si>
    <t>12/18/2019 14:29:07</t>
  </si>
  <si>
    <t>12/18/2019 14:29:49</t>
  </si>
  <si>
    <t>12/18/2019 14:29:45</t>
  </si>
  <si>
    <t>12/18/2019 14:30:26</t>
  </si>
  <si>
    <t>12/18/2019 14:29:46</t>
  </si>
  <si>
    <t>12/18/2019 14:32:27</t>
  </si>
  <si>
    <t>ccd46679-8b9d-4923-9541-b228bf5d7dce.tmp</t>
  </si>
  <si>
    <t>\\acsfs\profiles$\larissaad\Downloads\ccd46679-8b9d-4923-9541-b228bf5d7dce.tmp</t>
  </si>
  <si>
    <t>12/18/2019 14:29:55</t>
  </si>
  <si>
    <t>e8b40c4d-743e-44dc-b03b-ac5f2bad5732.tmp</t>
  </si>
  <si>
    <t>\\acsfs\profiles$\georgendsq\Downloads\e8b40c4d-743e-44dc-b03b-ac5f2bad5732.tmp</t>
  </si>
  <si>
    <t>12/18/2019 14:30:13</t>
  </si>
  <si>
    <t>12/18/2019 14:34:27</t>
  </si>
  <si>
    <t>12/18/2019 14:30:38</t>
  </si>
  <si>
    <t>12/18/2019 14:31:38</t>
  </si>
  <si>
    <t>12/18/2019 14:33:17</t>
  </si>
  <si>
    <t>12/18/2019 14:33:37</t>
  </si>
  <si>
    <t>12/18/2019 14:33:39</t>
  </si>
  <si>
    <t>12/18/2019 14:30:47</t>
  </si>
  <si>
    <t>12/18/2019 14:32:58</t>
  </si>
  <si>
    <t>12/18/2019 14:35:27</t>
  </si>
  <si>
    <t>12/18/2019 14:30:46</t>
  </si>
  <si>
    <t>12/18/2019 14:36:27</t>
  </si>
  <si>
    <t>01d06ab7-0cea-4ae6-8bcf-051f5b797da5.tmp</t>
  </si>
  <si>
    <t>\\acsfs\profiles$\gabrielarb\Downloads\01d06ab7-0cea-4ae6-8bcf-051f5b797da5.tmp</t>
  </si>
  <si>
    <t>12/18/2019 14:32:26</t>
  </si>
  <si>
    <t>fcb1ef43-f651-4523-9d98-87391f380c30.tmp</t>
  </si>
  <si>
    <t>\\acsfs\profiles$\YASMINSC\Downloads\fcb1ef43-f651-4523-9d98-87391f380c30.tmp</t>
  </si>
  <si>
    <t>12/18/2019 14:31:58</t>
  </si>
  <si>
    <t>12/18/2019 14:31:59</t>
  </si>
  <si>
    <t>12/18/2019 14:32:22</t>
  </si>
  <si>
    <t>12/18/2019 14:31:26</t>
  </si>
  <si>
    <t>12/18/2019 14:33:24</t>
  </si>
  <si>
    <t>12/18/2019 14:37:26</t>
  </si>
  <si>
    <t>12/18/2019 14:34:15</t>
  </si>
  <si>
    <t>12/18/2019 14:35:20</t>
  </si>
  <si>
    <t>12/18/2019 14:33:31</t>
  </si>
  <si>
    <t>12/18/2019 14:38:27</t>
  </si>
  <si>
    <t>18a6159f-c531-4da1-9b59-28a51839071b.tmp</t>
  </si>
  <si>
    <t>\\acsfs\profiles$\gabrieleods\Downloads\18a6159f-c531-4da1-9b59-28a51839071b.tmp</t>
  </si>
  <si>
    <t>12/18/2019 14:35:01</t>
  </si>
  <si>
    <t>1603536e-f920-4a3d-9d72-1fcb98f12daf.tmp</t>
  </si>
  <si>
    <t>\\acsfs\profiles$\gabrieleods\Downloads\1603536e-f920-4a3d-9d72-1fcb98f12daf.tmp</t>
  </si>
  <si>
    <t>12/18/2019 14:35:03</t>
  </si>
  <si>
    <t>fbc3c491-9d3f-4969-8d5a-1f90cfb4bdac.tmp</t>
  </si>
  <si>
    <t>\\acsfs\profiles$\gabrieleods\Downloads\fbc3c491-9d3f-4969-8d5a-1f90cfb4bdac.tmp</t>
  </si>
  <si>
    <t>12/18/2019 14:35:21</t>
  </si>
  <si>
    <t>ff62b61e-2e8f-4dc5-857a-58a357844d5a.tmp</t>
  </si>
  <si>
    <t>\\acsfs\profiles$\gabrieleods\Downloads\ff62b61e-2e8f-4dc5-857a-58a357844d5a.tmp</t>
  </si>
  <si>
    <t>12/18/2019 14:35:37</t>
  </si>
  <si>
    <t>5de695e2-af80-4974-a53a-c6d555b8a2c1.tmp</t>
  </si>
  <si>
    <t>\\acsfs\profiles$\gabrieleods\Downloads\5de695e2-af80-4974-a53a-c6d555b8a2c1.tmp</t>
  </si>
  <si>
    <t>12/18/2019 14:36:24</t>
  </si>
  <si>
    <t>12/18/2019 14:36:54</t>
  </si>
  <si>
    <t>12/18/2019 14:37:25</t>
  </si>
  <si>
    <t>12/18/2019 14:37:55</t>
  </si>
  <si>
    <t>12/18/2019 14:33:40</t>
  </si>
  <si>
    <t>12/18/2019 14:39:27</t>
  </si>
  <si>
    <t>12/18/2019 14:36:00</t>
  </si>
  <si>
    <t>12/18/2019 14:36:01</t>
  </si>
  <si>
    <t>12/18/2019 14:36:03</t>
  </si>
  <si>
    <t>12/18/2019 14:37:38</t>
  </si>
  <si>
    <t>12/18/2019 14:38:05</t>
  </si>
  <si>
    <t>12/18/2019 14:36:47</t>
  </si>
  <si>
    <t>12/18/2019 14:37:07</t>
  </si>
  <si>
    <t>1d0a7a3f-708e-4302-a17f-aa3bbb767e68.tmp</t>
  </si>
  <si>
    <t>\\acsfs\profiles$\larissaad\Downloads\1d0a7a3f-708e-4302-a17f-aa3bbb767e68.tmp</t>
  </si>
  <si>
    <t>12/18/2019 14:37:10</t>
  </si>
  <si>
    <t>466e24f6-d4b6-45dd-94a1-7cf4cfb428d0.tmp</t>
  </si>
  <si>
    <t>\\acsfs\profiles$\larissaad\Downloads\466e24f6-d4b6-45dd-94a1-7cf4cfb428d0.tmp</t>
  </si>
  <si>
    <t>12/18/2019 14:26:50</t>
  </si>
  <si>
    <t>18-12 QUARTA.txt</t>
  </si>
  <si>
    <t>\\acsfs\profiles$\gabrielamdp\My Documents\18-12 QUARTA.txt</t>
  </si>
  <si>
    <t>12/18/2019 14:38:41</t>
  </si>
  <si>
    <t>12/18/2019 14:40:27</t>
  </si>
  <si>
    <t>adrianoms@algartech.com;anapscl@algartech.com;andressacpd@algartech.com;elton.costa@quilleconsultoria.com.br;fabio.ribeiro@algarnet.onmicrosoft.com;fabiolacc@algartecnologia.com.br;fredericobs@algartecnologia.com.br;julianatem@algartech.com;katiargf@algartech.com;luanaaoli@algartech.com;lucieneili@algartech.com;micheless@algartech.com.br;polati@algartech.com;rafaelaas@algartech.com;</t>
  </si>
  <si>
    <t>Resumo Gerencial Bacen Procedente Amex até 17/12</t>
  </si>
  <si>
    <t>adrianoms@algartech.com,anapscl@algartech.com,andressacpd@algartech.com,elton.costa@quilleconsultoria.com.br,fabio.ribeiro@algarnet.onmicrosoft.com,fabiolacc@algartecnologia.com.br,fredericobs@algartecnologia.com.br,julianatem@algartech.com,katiargf@algartech.com,luanaaoli@algartech.com,lucieneili@algartech.com,micheless@algartech.com.br,polati@algartech.com,rafaelaas@algartech.com</t>
  </si>
  <si>
    <t>12/18/2019 14:37:03</t>
  </si>
  <si>
    <t>Laudo 2 rafaela caso aquiles.docx</t>
  </si>
  <si>
    <t>\\acsfs\DEPTOS\Operacao\Banco_Votorantim\Qualidade\Anderson\Jose\Laudo 2 rafaela caso aquiles.docx</t>
  </si>
  <si>
    <t>Laudo 1 rafaela caso Maria rita.docx</t>
  </si>
  <si>
    <t>\\acsfs\DEPTOS\Operacao\Banco_Votorantim\Qualidade\Anderson\Jose\Laudo 1 rafaela caso Maria rita.docx</t>
  </si>
  <si>
    <t>12/18/2019 14:37:04</t>
  </si>
  <si>
    <t>Laudo 3 rafaela caso LAURICI.docx</t>
  </si>
  <si>
    <t>\\acsfs\DEPTOS\Operacao\Banco_Votorantim\Qualidade\Anderson\Jose\Laudo 3 rafaela caso LAURICI.docx</t>
  </si>
  <si>
    <t>12/18/2019 14:37:33</t>
  </si>
  <si>
    <t>12/18/2019 14:36:15</t>
  </si>
  <si>
    <t>12/18/2019 14:39:33</t>
  </si>
  <si>
    <t>12/18/2019 14:35:39</t>
  </si>
  <si>
    <t>12/18/2019 14:41:27</t>
  </si>
  <si>
    <t>603ae73f-ba5b-4bcf-a815-4d69bc4427b1.tmp</t>
  </si>
  <si>
    <t>\\acsfs\profiles$\leticiala\Downloads\603ae73f-ba5b-4bcf-a815-4d69bc4427b1.tmp</t>
  </si>
  <si>
    <t>12/18/2019 14:37:17</t>
  </si>
  <si>
    <t>mail.google.com/_/upload?authuser=0&amp;dcp=asu-n&amp;upload_id=AEnB2UpvladLNNHdDXU2-zWy8HXOKkmkMOH7sX9sHmrBmAedYTiVXW_HwXkHYTcegXol8eyVaFp24fT63UkZGyrCIqd1gGJwvojiOFmuif9qJYNQzAq4cIo&amp;upload_protocol=resumable</t>
  </si>
  <si>
    <t>12/18/2019 14:36:26</t>
  </si>
  <si>
    <t>12/18/2019 14:37:16</t>
  </si>
  <si>
    <t>12/18/2019 14:38:20</t>
  </si>
  <si>
    <t>12/18/2019 14:43:27</t>
  </si>
  <si>
    <t>d8693d30-2453-4721-b6bd-f021b7aa9ed2.tmp</t>
  </si>
  <si>
    <t>\\acsfs\profiles$\gabrieleods\Downloads\d8693d30-2453-4721-b6bd-f021b7aa9ed2.tmp</t>
  </si>
  <si>
    <t>12/18/2019 14:41:02</t>
  </si>
  <si>
    <t>3cd4d630-10e1-4587-b070-cd1e48b4a5c4.tmp</t>
  </si>
  <si>
    <t>\\acsfs\profiles$\geovannasm\Downloads\3cd4d630-10e1-4587-b070-cd1e48b4a5c4.tmp</t>
  </si>
  <si>
    <t>12/18/2019 14:38:25</t>
  </si>
  <si>
    <t>12/18/2019 14:44:26</t>
  </si>
  <si>
    <t>12/18/2019 14:38:55</t>
  </si>
  <si>
    <t>12/18/2019 14:41:28</t>
  </si>
  <si>
    <t>12/18/2019 14:41:57</t>
  </si>
  <si>
    <t>12/18/2019 14:42:47</t>
  </si>
  <si>
    <t>12/18/2019 14:43:13</t>
  </si>
  <si>
    <t>anacms</t>
  </si>
  <si>
    <t>\\acsfs\profiles$\anacms\My Documents\My Pictures\</t>
  </si>
  <si>
    <t>\\acsfs\profiles$\anacms\My Documents\My Videos\desktop.ini</t>
  </si>
  <si>
    <t>12/18/2019 14:43:15</t>
  </si>
  <si>
    <t>\\acsfs\profiles$\anacms\My Documents\My Videos\</t>
  </si>
  <si>
    <t>12/18/2019 14:43:16</t>
  </si>
  <si>
    <t>12/18/2019 14:43:17</t>
  </si>
  <si>
    <t>\\acsfs\profiles$\anacms\My Documents\My Music\</t>
  </si>
  <si>
    <t>\\acsfs\profiles$\anacms\My Documents\My Pictures\desktop.ini</t>
  </si>
  <si>
    <t>12/18/2019 14:43:19</t>
  </si>
  <si>
    <t>12/18/2019 14:43:20</t>
  </si>
  <si>
    <t>12/18/2019 14:43:22</t>
  </si>
  <si>
    <t>\\acsfs\profiles$\anacms\Contacts\</t>
  </si>
  <si>
    <t>\\acsfs\profiles$\anacms\Contacts\desktop.ini</t>
  </si>
  <si>
    <t>12/18/2019 14:43:23</t>
  </si>
  <si>
    <t>12/18/2019 14:43:24</t>
  </si>
  <si>
    <t>12/18/2019 14:43:25</t>
  </si>
  <si>
    <t>12/18/2019 14:43:26</t>
  </si>
  <si>
    <t>12/18/2019 14:43:28</t>
  </si>
  <si>
    <t>\\acsfs\profiles$\anacms\My Documents\</t>
  </si>
  <si>
    <t>\\acsfs\profiles$\anacms\Favorites\desktop.ini</t>
  </si>
  <si>
    <t>12/18/2019 14:43:29</t>
  </si>
  <si>
    <t>12/18/2019 14:43:30</t>
  </si>
  <si>
    <t>12/18/2019 14:43:31</t>
  </si>
  <si>
    <t>12/18/2019 14:43:33</t>
  </si>
  <si>
    <t>12/18/2019 14:43:34</t>
  </si>
  <si>
    <t>12/18/2019 14:43:35</t>
  </si>
  <si>
    <t>12/18/2019 14:43:36</t>
  </si>
  <si>
    <t>\\acsfs\profiles$\anacms\My Documents\My Music\desktop.ini</t>
  </si>
  <si>
    <t>12/18/2019 14:43:38</t>
  </si>
  <si>
    <t>12/18/2019 14:43:40</t>
  </si>
  <si>
    <t>12/18/2019 14:43:43</t>
  </si>
  <si>
    <t>12/18/2019 14:43:45</t>
  </si>
  <si>
    <t>\\acsfs\profiles$\anacms\Searches\</t>
  </si>
  <si>
    <t>\\acsfs\profiles$\anacms\Searches\desktop.ini</t>
  </si>
  <si>
    <t>12/18/2019 14:43:47</t>
  </si>
  <si>
    <t>12/18/2019 14:43:50</t>
  </si>
  <si>
    <t>12/18/2019 14:43:51</t>
  </si>
  <si>
    <t>12/18/2019 14:43:53</t>
  </si>
  <si>
    <t>12/18/2019 14:40:45</t>
  </si>
  <si>
    <t>12/18/2019 14:39:30</t>
  </si>
  <si>
    <t>87d1cbea-4ea0-4abc-b8a2-63f6a630aa82.tmp</t>
  </si>
  <si>
    <t>\\acsfs\profiles$\rosileiam\Downloads\87d1cbea-4ea0-4abc-b8a2-63f6a630aa82.tmp</t>
  </si>
  <si>
    <t>12/18/2019 14:41:22</t>
  </si>
  <si>
    <t>6de7d8e7-8243-491d-9429-e63f386f7abb.tmp</t>
  </si>
  <si>
    <t>\\acsfs\profiles$\rosileiam\Downloads\6de7d8e7-8243-491d-9429-e63f386f7abb.tmp</t>
  </si>
  <si>
    <t>12/18/2019 14:40:59</t>
  </si>
  <si>
    <t>12/18/2019 14:45:27</t>
  </si>
  <si>
    <t>12/18/2019 14:42:14</t>
  </si>
  <si>
    <t>12/18/2019 14:40:16</t>
  </si>
  <si>
    <t>12/18/2019 14:40:17</t>
  </si>
  <si>
    <t>12/18/2019 14:39:17</t>
  </si>
  <si>
    <t>12/18/2019 14:43:12</t>
  </si>
  <si>
    <t>C:\Users\TEMP.ACS.000\Downloads\</t>
  </si>
  <si>
    <t>LEANDRO MORAIS SANTOS - CONTA 2778345 MASTERCARD_1_6761199442284582175_1_32.wav</t>
  </si>
  <si>
    <t>\\acsfs\DEPTOS\EDUCACAO EMPRESARIAL\ligaçoes elogicio BV cartoes\LEANDRO MORAIS SANTOS - CONTA 2778345 MASTERCARD_1_6761199442284582175_1_32.wav</t>
  </si>
  <si>
    <t>\\acsfs\DEPTOS\EDUCACAO EMPRESARIAL\ligaçoes elogicio BV cartoes\LEANDRO MORAIS SANTOS - CONTA 2778345 MASTERCARD_1_6761199442284582175_1_32.wav\</t>
  </si>
  <si>
    <t>\\acsfs\DEPTOS\EDUCACAO EMPRESARIAL\ligaçoes elogicio BV cartoes\LEANDRO MORAIS SANTOS - CONTA 2778345 MASTERCARD_1_6761199442284582175_1_32.wav\:Zone.Identifier:$DATA</t>
  </si>
  <si>
    <t>ADRIELE DAS GRACAS CARVALHO - CONTA 1693805 MASTERCARD_1_6751476396535653348_1_32.wav</t>
  </si>
  <si>
    <t>\\acsfs\DEPTOS\EDUCACAO EMPRESARIAL\ligaçoes elogicio BV cartoes\ADRIELE DAS GRACAS CARVALHO - CONTA 1693805 MASTERCARD_1_6751476396535653348_1_32.wav</t>
  </si>
  <si>
    <t>\\acsfs\DEPTOS\EDUCACAO EMPRESARIAL\ligaçoes elogicio BV cartoes\ADRIELE DAS GRACAS CARVALHO - CONTA 1693805 MASTERCARD_1_6751476396535653348_1_32.wav\</t>
  </si>
  <si>
    <t>\\acsfs\DEPTOS\EDUCACAO EMPRESARIAL\ligaçoes elogicio BV cartoes\ADRIELE DAS GRACAS CARVALHO - CONTA 1693805 MASTERCARD_1_6751476396535653348_1_32.wav\:Zone.Identifier:$DATA</t>
  </si>
  <si>
    <t>ADRIELE DAS GRACAS CARVALHO - CONTA 2691028 MASTERCARD_1_6751453418460618000_1_32.wav</t>
  </si>
  <si>
    <t>\\acsfs\DEPTOS\EDUCACAO EMPRESARIAL\ligaçoes elogicio BV cartoes\ADRIELE DAS GRACAS CARVALHO - CONTA 2691028 MASTERCARD_1_6751453418460618000_1_32.wav</t>
  </si>
  <si>
    <t>\\acsfs\DEPTOS\EDUCACAO EMPRESARIAL\ligaçoes elogicio BV cartoes\ADRIELE DAS GRACAS CARVALHO - CONTA 2691028 MASTERCARD_1_6751453418460618000_1_32.wav\</t>
  </si>
  <si>
    <t>\\acsfs\DEPTOS\EDUCACAO EMPRESARIAL\ligaçoes elogicio BV cartoes\ADRIELE DAS GRACAS CARVALHO - CONTA 2691028 MASTERCARD_1_6751453418460618000_1_32.wav\:Zone.Identifier:$DATA</t>
  </si>
  <si>
    <t>12/18/2019 14:43:18</t>
  </si>
  <si>
    <t>ADRIELY APARECIDA SILVA - CONTA 2710158 MASTERCARD_1_6758006662380991000_1_32.wav</t>
  </si>
  <si>
    <t>\\acsfs\DEPTOS\EDUCACAO EMPRESARIAL\ligaçoes elogicio BV cartoes\ADRIELY APARECIDA SILVA - CONTA 2710158 MASTERCARD_1_6758006662380991000_1_32.wav</t>
  </si>
  <si>
    <t>\\acsfs\DEPTOS\EDUCACAO EMPRESARIAL\ligaçoes elogicio BV cartoes\ADRIELY APARECIDA SILVA - CONTA 2710158 MASTERCARD_1_6758006662380991000_1_32.wav\</t>
  </si>
  <si>
    <t>\\acsfs\DEPTOS\EDUCACAO EMPRESARIAL\ligaçoes elogicio BV cartoes\ADRIELY APARECIDA SILVA - CONTA 2710158 MASTERCARD_1_6758006662380991000_1_32.wav\:Zone.Identifier:$DATA</t>
  </si>
  <si>
    <t>12/18/2019 14:43:21</t>
  </si>
  <si>
    <t>JANAYNA TEREZA ROCHA ONOFRE - CONTA 406070 VISA_1_6752255847200531875_1_32.wav</t>
  </si>
  <si>
    <t>\\acsfs\DEPTOS\EDUCACAO EMPRESARIAL\ligaçoes elogicio BV cartoes\JANAYNA TEREZA ROCHA ONOFRE - CONTA 406070 VISA_1_6752255847200531875_1_32.wav</t>
  </si>
  <si>
    <t>\\acsfs\DEPTOS\EDUCACAO EMPRESARIAL\ligaçoes elogicio BV cartoes\JANAYNA TEREZA ROCHA ONOFRE - CONTA 406070 VISA_1_6752255847200531875_1_32.wav\</t>
  </si>
  <si>
    <t>\\acsfs\DEPTOS\EDUCACAO EMPRESARIAL\ligaçoes elogicio BV cartoes\JANAYNA TEREZA ROCHA ONOFRE - CONTA 406070 VISA_1_6752255847200531875_1_32.wav\:Zone.Identifier:$DATA</t>
  </si>
  <si>
    <t>JULIANE ARAUJO SILVA - CONTA 1177084 MASTERCARD_1_6755925690596527153_1_32.wav</t>
  </si>
  <si>
    <t>\\acsfs\DEPTOS\EDUCACAO EMPRESARIAL\ligaçoes elogicio BV cartoes\JULIANE ARAUJO SILVA - CONTA 1177084 MASTERCARD_1_6755925690596527153_1_32.wav</t>
  </si>
  <si>
    <t>\\acsfs\DEPTOS\EDUCACAO EMPRESARIAL\ligaçoes elogicio BV cartoes\JULIANE ARAUJO SILVA - CONTA 1177084 MASTERCARD_1_6755925690596527153_1_32.wav\</t>
  </si>
  <si>
    <t>\\acsfs\DEPTOS\EDUCACAO EMPRESARIAL\ligaçoes elogicio BV cartoes\JULIANE ARAUJO SILVA - CONTA 1177084 MASTERCARD_1_6755925690596527153_1_32.wav\:Zone.Identifier:$DATA</t>
  </si>
  <si>
    <t>12/18/2019 14:41:25</t>
  </si>
  <si>
    <t>12/18/2019 14:46:26</t>
  </si>
  <si>
    <t>12/18/2019 14:42:12</t>
  </si>
  <si>
    <t>12/18/2019 14:42:27</t>
  </si>
  <si>
    <t>12/18/2019 14:42:26</t>
  </si>
  <si>
    <t>12/18/2019 14:44:00</t>
  </si>
  <si>
    <t>12/18/2019 14:44:19</t>
  </si>
  <si>
    <t>12/18/2019 14:47:26</t>
  </si>
  <si>
    <t>8f9219ac-2c28-458d-840e-6a975ee0932f.tmp</t>
  </si>
  <si>
    <t>\\acsfs\profiles$\larissaad\Downloads\8f9219ac-2c28-458d-840e-6a975ee0932f.tmp</t>
  </si>
  <si>
    <t>da13d682-b21b-4610-9eca-a12661540386.tmp</t>
  </si>
  <si>
    <t>\\acsfs\profiles$\larissaad\Downloads\da13d682-b21b-4610-9eca-a12661540386.tmp</t>
  </si>
  <si>
    <t>12/18/2019 14:47:33</t>
  </si>
  <si>
    <t>12/18/2019 14:48:26</t>
  </si>
  <si>
    <t>10.200.66.133</t>
  </si>
  <si>
    <t>5e2a4102-9428-41c9-8b9e-c88db9791115.tmp</t>
  </si>
  <si>
    <t>\\acsfs\profiles$\layonmof\Downloads\5e2a4102-9428-41c9-8b9e-c88db9791115.tmp</t>
  </si>
  <si>
    <t>12/18/2019 14:47:29</t>
  </si>
  <si>
    <t>12/18/2019 14:49:27</t>
  </si>
  <si>
    <t>12/18/2019 14:43:54</t>
  </si>
  <si>
    <t>\\acsfs\profiles$\anacms\Downloads\</t>
  </si>
  <si>
    <t>\\acsfs\profiles$\anacms\Downloads\desktop.ini</t>
  </si>
  <si>
    <t>12/18/2019 14:43:55</t>
  </si>
  <si>
    <t>12/18/2019 14:43:57</t>
  </si>
  <si>
    <t>\\acsfs\profiles$\anacms\Favorites\</t>
  </si>
  <si>
    <t>\\acsfs\profiles$\anacms\My Documents\desktop.ini</t>
  </si>
  <si>
    <t>12/18/2019 14:43:59</t>
  </si>
  <si>
    <t>12/18/2019 14:44:01</t>
  </si>
  <si>
    <t>12/18/2019 14:44:02</t>
  </si>
  <si>
    <t>12/18/2019 14:44:03</t>
  </si>
  <si>
    <t>12/18/2019 14:44:05</t>
  </si>
  <si>
    <t>12/18/2019 14:44:07</t>
  </si>
  <si>
    <t>\\acsfs\profiles$\anacms\Saved Games\desktop.ini</t>
  </si>
  <si>
    <t>12/18/2019 14:44:08</t>
  </si>
  <si>
    <t>12/18/2019 14:45:33</t>
  </si>
  <si>
    <t>12/18/2019 14:44:41</t>
  </si>
  <si>
    <t>d61d6705-912e-4884-926e-a03aefd20eb4.tmp</t>
  </si>
  <si>
    <t>\\acsfs\profiles$\luanaldsi\Downloads\d61d6705-912e-4884-926e-a03aefd20eb4.tmp</t>
  </si>
  <si>
    <t>12/18/2019 14:45:22</t>
  </si>
  <si>
    <t>12/18/2019 14:50:26</t>
  </si>
  <si>
    <t>12/18/2019 13:47:47</t>
  </si>
  <si>
    <t>12/18/2019 14:49:11</t>
  </si>
  <si>
    <t>12/18/2019 14:49:02</t>
  </si>
  <si>
    <t>12/18/2019 14:51:27</t>
  </si>
  <si>
    <t>12/18/2019 14:47:30</t>
  </si>
  <si>
    <t>12/18/2019 14:47:27</t>
  </si>
  <si>
    <t>b9a80fa3-50c6-44d3-bb53-644af0becd6b.tmp</t>
  </si>
  <si>
    <t>\\acsfs\profiles$\sarahbal\Downloads\b9a80fa3-50c6-44d3-bb53-644af0becd6b.tmp</t>
  </si>
  <si>
    <t>12/18/2019 14:49:26</t>
  </si>
  <si>
    <t>12/18/2019 14:49:51</t>
  </si>
  <si>
    <t>12/18/2019 14:52:26</t>
  </si>
  <si>
    <t>12/18/2019 14:49:54</t>
  </si>
  <si>
    <t>fc2953f2-a2c9-4a5f-81d8-e3ec3ffc088d.tmp</t>
  </si>
  <si>
    <t>\\acsfs\profiles$\sayharaefs\Downloads\fc2953f2-a2c9-4a5f-81d8-e3ec3ffc088d.tmp</t>
  </si>
  <si>
    <t>12/18/2019 14:49:31</t>
  </si>
  <si>
    <t>6ffd4e10-443b-4493-b3ef-984d1dbabc49.tmp</t>
  </si>
  <si>
    <t>\\acsfs\profiles$\adrielyas\Downloads\6ffd4e10-443b-4493-b3ef-984d1dbabc49.tmp</t>
  </si>
  <si>
    <t>12/18/2019 14:51:46</t>
  </si>
  <si>
    <t>669b7443-d0ad-4ec8-a8eb-033f559a3b6a.tmp</t>
  </si>
  <si>
    <t>\\acsfs\profiles$\larissaad\Downloads\669b7443-d0ad-4ec8-a8eb-033f559a3b6a.tmp</t>
  </si>
  <si>
    <t>12/18/2019 14:48:06</t>
  </si>
  <si>
    <t>12/18/2019 14:53:27</t>
  </si>
  <si>
    <t>b282951d-c01c-4b0a-aea1-242bf8bb4a8e.tmp</t>
  </si>
  <si>
    <t>\\acsfs\profiles$\layonmof\Downloads\b282951d-c01c-4b0a-aea1-242bf8bb4a8e.tmp</t>
  </si>
  <si>
    <t>12/18/2019 14:48:13</t>
  </si>
  <si>
    <t>9c422b3f-c693-43a2-a332-caeed884309e.tmp</t>
  </si>
  <si>
    <t>\\acsfs\profiles$\layonmof\Downloads\9c422b3f-c693-43a2-a332-caeed884309e.tmp</t>
  </si>
  <si>
    <t>12/18/2019 14:48:36</t>
  </si>
  <si>
    <t>5fe5683d-1cc2-4a1c-b659-18d12771ebec.tmp</t>
  </si>
  <si>
    <t>\\acsfs\profiles$\layonmof\Downloads\5fe5683d-1cc2-4a1c-b659-18d12771ebec.tmp</t>
  </si>
  <si>
    <t>12/18/2019 14:48:56</t>
  </si>
  <si>
    <t>39acd905-79f2-4f74-86b5-5eaa5dfef374.tmp</t>
  </si>
  <si>
    <t>\\acsfs\profiles$\layonmof\Downloads\39acd905-79f2-4f74-86b5-5eaa5dfef374.tmp</t>
  </si>
  <si>
    <t>12/18/2019 14:51:13</t>
  </si>
  <si>
    <t>00b3c02a-3392-4761-840e-834f5f6730aa.tmp</t>
  </si>
  <si>
    <t>\\acsfs\profiles$\layonmof\Downloads\00b3c02a-3392-4761-840e-834f5f6730aa.tmp</t>
  </si>
  <si>
    <t>12/18/2019 14:52:52</t>
  </si>
  <si>
    <t>d7fbbd44-24f6-4a27-be93-c4f4ac3c4622.tmp</t>
  </si>
  <si>
    <t>\\acsfs\profiles$\layonmof\Downloads\d7fbbd44-24f6-4a27-be93-c4f4ac3c4622.tmp</t>
  </si>
  <si>
    <t>12/18/2019 14:50:06</t>
  </si>
  <si>
    <t>12/18/2019 14:51:01</t>
  </si>
  <si>
    <t>12/18/2019 14:48:47</t>
  </si>
  <si>
    <t>12/18/2019 14:54:27</t>
  </si>
  <si>
    <t>12/18/2019 14:52:42</t>
  </si>
  <si>
    <t>mail.google.com/_/upload?authuser=0&amp;dcp=asu-n&amp;upload_id=AEnB2Ur9H1ZibPj3q2spZ0_dxFU7QJjwkB3LATxSbh_vkoatmqT3RnnVHGvTll2CNficdLlD5qN_t16yqzxA5NCefFIEuPUaESi_ZYHTxAZEihXqCa77BNY&amp;upload_protocol=resumable</t>
  </si>
  <si>
    <t>12/18/2019 14:52:47</t>
  </si>
  <si>
    <t>12/18/2019 14:55:27</t>
  </si>
  <si>
    <t>MATHEUS GONZAGA MIRANDA (SCARLET) - CONTA 2539071 MASTERCARD_1_6751906778028522561_1_32.wav</t>
  </si>
  <si>
    <t>\\acsfs\DEPTOS\EDUCACAO EMPRESARIAL\ligaçoes elogicio BV cartoes\MATHEUS GONZAGA MIRANDA (SCARLET) - CONTA 2539071 MASTERCARD_1_6751906778028522561_1_32.wav</t>
  </si>
  <si>
    <t>12/18/2019 14:52:49</t>
  </si>
  <si>
    <t>\\acsfs\DEPTOS\EDUCACAO EMPRESARIAL\ligaçoes elogicio BV cartoes\MATHEUS GONZAGA MIRANDA (SCARLET) - CONTA 2539071 MASTERCARD_1_6751906778028522561_1_32.wav\</t>
  </si>
  <si>
    <t>\\acsfs\DEPTOS\EDUCACAO EMPRESARIAL\ligaçoes elogicio BV cartoes\MATHEUS GONZAGA MIRANDA (SCARLET) - CONTA 2539071 MASTERCARD_1_6751906778028522561_1_32.wav\:Zone.Identifier:$DATA</t>
  </si>
  <si>
    <t>12/18/2019 14:52:51</t>
  </si>
  <si>
    <t>MYLLENA RIBEIRO DE LIMA - CONTA 602258 VISA_1_6765953760627855364_1_32.wav</t>
  </si>
  <si>
    <t>\\acsfs\DEPTOS\EDUCACAO EMPRESARIAL\ligaçoes elogicio BV cartoes\MYLLENA RIBEIRO DE LIMA - CONTA 602258 VISA_1_6765953760627855364_1_32.wav</t>
  </si>
  <si>
    <t>12/18/2019 14:52:54</t>
  </si>
  <si>
    <t>\\acsfs\DEPTOS\EDUCACAO EMPRESARIAL\ligaçoes elogicio BV cartoes\MYLLENA RIBEIRO DE LIMA - CONTA 602258 VISA_1_6765953760627855364_1_32.wav\</t>
  </si>
  <si>
    <t>\\acsfs\DEPTOS\EDUCACAO EMPRESARIAL\ligaçoes elogicio BV cartoes\MYLLENA RIBEIRO DE LIMA - CONTA 602258 VISA_1_6765953760627855364_1_32.wav\:Zone.Identifier:$DATA</t>
  </si>
  <si>
    <t>12/18/2019 14:52:55</t>
  </si>
  <si>
    <t>MATHEUS GONZAGA MIRANDA (SCARLET) - CONTA 640665 VISA_1_6751891853017168169_1_32.wav</t>
  </si>
  <si>
    <t>\\acsfs\DEPTOS\EDUCACAO EMPRESARIAL\ligaçoes elogicio BV cartoes\MATHEUS GONZAGA MIRANDA (SCARLET) - CONTA 640665 VISA_1_6751891853017168169_1_32.wav</t>
  </si>
  <si>
    <t>12/18/2019 14:52:56</t>
  </si>
  <si>
    <t>\\acsfs\DEPTOS\EDUCACAO EMPRESARIAL\ligaçoes elogicio BV cartoes\MATHEUS GONZAGA MIRANDA (SCARLET) - CONTA 640665 VISA_1_6751891853017168169_1_32.wav\</t>
  </si>
  <si>
    <t>\\acsfs\DEPTOS\EDUCACAO EMPRESARIAL\ligaçoes elogicio BV cartoes\MATHEUS GONZAGA MIRANDA (SCARLET) - CONTA 640665 VISA_1_6751891853017168169_1_32.wav\:Zone.Identifier:$DATA</t>
  </si>
  <si>
    <t>12/18/2019 14:51:25</t>
  </si>
  <si>
    <t>86568771-2765-4895-8ac6-ebac811ce358.tmp</t>
  </si>
  <si>
    <t>\\acsfs\profiles$\erichds\Downloads\86568771-2765-4895-8ac6-ebac811ce358.tmp</t>
  </si>
  <si>
    <t>12/18/2019 14:52:30</t>
  </si>
  <si>
    <t>152dc492-f390-41d9-b533-e5e2d92731d3.tmp</t>
  </si>
  <si>
    <t>\\acsfs\profiles$\erichds\Downloads\152dc492-f390-41d9-b533-e5e2d92731d3.tmp</t>
  </si>
  <si>
    <t>12/18/2019 14:54:07</t>
  </si>
  <si>
    <t>aed62fcf-4eb8-4b06-9583-053a041217b5.tmp</t>
  </si>
  <si>
    <t>\\acsfs\profiles$\erichds\Downloads\aed62fcf-4eb8-4b06-9583-053a041217b5.tmp</t>
  </si>
  <si>
    <t>12/18/2019 14:54:25</t>
  </si>
  <si>
    <t>40505e60-e3b2-4818-9a51-b88d09706f64.tmp</t>
  </si>
  <si>
    <t>\\acsfs\profiles$\erichds\Downloads\40505e60-e3b2-4818-9a51-b88d09706f64.tmp</t>
  </si>
  <si>
    <t>12/18/2019 14:54:57</t>
  </si>
  <si>
    <t>12/18/2019 14:56:27</t>
  </si>
  <si>
    <t>12/18/2019 14:51:56</t>
  </si>
  <si>
    <t>12/18/2019 14:54:26</t>
  </si>
  <si>
    <t>12/18/2019 14:55:26</t>
  </si>
  <si>
    <t>12/18/2019 14:53:36</t>
  </si>
  <si>
    <t>12/18/2019 14:57:26</t>
  </si>
  <si>
    <t>12/18/2019 14:55:53</t>
  </si>
  <si>
    <t>78bd2095-2a21-442a-974e-747063e71a5b.tmp</t>
  </si>
  <si>
    <t>\\acsfs\profiles$\larissaad\Downloads\78bd2095-2a21-442a-974e-747063e71a5b.tmp</t>
  </si>
  <si>
    <t>12/18/2019 14:55:54</t>
  </si>
  <si>
    <t>fccc095f-176e-4854-9e06-77a6a9b669ea.tmp</t>
  </si>
  <si>
    <t>\\acsfs\profiles$\larissaad\Downloads\fccc095f-176e-4854-9e06-77a6a9b669ea.tmp</t>
  </si>
  <si>
    <t>12/18/2019 14:56:06</t>
  </si>
  <si>
    <t>12/18/2019 14:58:27</t>
  </si>
  <si>
    <t>12/18/2019 14:54:45</t>
  </si>
  <si>
    <t>12/18/2019 14:57:04</t>
  </si>
  <si>
    <t>12/18/2019 14:59:27</t>
  </si>
  <si>
    <t>12/18/2019 14:54:47</t>
  </si>
  <si>
    <t>12/18/2019 14:57:21</t>
  </si>
  <si>
    <t>12/18/2019 15:00:27</t>
  </si>
  <si>
    <t>58540310-83b0-49ca-8181-ea5dbb249231.tmp</t>
  </si>
  <si>
    <t>\\acsfs\profiles$\vivianealda\Downloads\58540310-83b0-49ca-8181-ea5dbb249231.tmp</t>
  </si>
  <si>
    <t>12/18/2019 14:58:07</t>
  </si>
  <si>
    <t>50b4f5d9-0a8d-4442-b978-3213a722ebc6.tmp</t>
  </si>
  <si>
    <t>\\acsfs\profiles$\vivianealda\Downloads\50b4f5d9-0a8d-4442-b978-3213a722ebc6.tmp</t>
  </si>
  <si>
    <t>12/18/2019 14:56:05</t>
  </si>
  <si>
    <t>12/18/2019 14:58:31</t>
  </si>
  <si>
    <t>243270d4-6baf-4a05-954e-0dfca7ad38a9.tmp</t>
  </si>
  <si>
    <t>\\acsfs\profiles$\vivianealda\Downloads\243270d4-6baf-4a05-954e-0dfca7ad38a9.tmp</t>
  </si>
  <si>
    <t>12/18/2019 14:58:56</t>
  </si>
  <si>
    <t>971369d0-f67d-4f97-84c0-136e6b88390d.tmp</t>
  </si>
  <si>
    <t>\\acsfs\profiles$\vivianealda\Downloads\971369d0-f67d-4f97-84c0-136e6b88390d.tmp</t>
  </si>
  <si>
    <t>12/18/2019 14:59:34</t>
  </si>
  <si>
    <t>\\acsfs\profiles$\vivianealda\Downloads\$RECYCLE.BIN\</t>
  </si>
  <si>
    <t>$I4NR9WQ.xbap</t>
  </si>
  <si>
    <t>\\acsfs\profiles$\vivianealda\Downloads\$RECYCLE.BIN\$I4NR9WQ.xbap</t>
  </si>
  <si>
    <t>$IMVMBW1.xbap</t>
  </si>
  <si>
    <t>\\acsfs\profiles$\vivianealda\Downloads\$RECYCLE.BIN\$IMVMBW1.xbap</t>
  </si>
  <si>
    <t>$I5C2BLM.xbap</t>
  </si>
  <si>
    <t>\\acsfs\profiles$\vivianealda\Downloads\$RECYCLE.BIN\$I5C2BLM.xbap</t>
  </si>
  <si>
    <t>$I44IDFY.xbap</t>
  </si>
  <si>
    <t>\\acsfs\profiles$\vivianealda\Downloads\$RECYCLE.BIN\$I44IDFY.xbap</t>
  </si>
  <si>
    <t>12/18/2019 14:59:35</t>
  </si>
  <si>
    <t>$IE95EUW.xbap</t>
  </si>
  <si>
    <t>\\acsfs\profiles$\vivianealda\Downloads\$RECYCLE.BIN\$IE95EUW.xbap</t>
  </si>
  <si>
    <t>$IR8OTC0.ica</t>
  </si>
  <si>
    <t>\\acsfs\profiles$\vivianealda\Downloads\$RECYCLE.BIN\$IR8OTC0.ica</t>
  </si>
  <si>
    <t>$IKEZ0IN.ica</t>
  </si>
  <si>
    <t>\\acsfs\profiles$\vivianealda\Downloads\$RECYCLE.BIN\$IKEZ0IN.ica</t>
  </si>
  <si>
    <t>$IDNQ1Z4.ica</t>
  </si>
  <si>
    <t>\\acsfs\profiles$\vivianealda\Downloads\$RECYCLE.BIN\$IDNQ1Z4.ica</t>
  </si>
  <si>
    <t>12/18/2019 14:59:36</t>
  </si>
  <si>
    <t>$I8MBLTF.ica</t>
  </si>
  <si>
    <t>\\acsfs\profiles$\vivianealda\Downloads\$RECYCLE.BIN\$I8MBLTF.ica</t>
  </si>
  <si>
    <t>$IRF6SDT.ica</t>
  </si>
  <si>
    <t>\\acsfs\profiles$\vivianealda\Downloads\$RECYCLE.BIN\$IRF6SDT.ica</t>
  </si>
  <si>
    <t>$ILPKI1R.ica</t>
  </si>
  <si>
    <t>\\acsfs\profiles$\vivianealda\Downloads\$RECYCLE.BIN\$ILPKI1R.ica</t>
  </si>
  <si>
    <t>12/18/2019 14:59:37</t>
  </si>
  <si>
    <t>$I62I80Z.ica</t>
  </si>
  <si>
    <t>\\acsfs\profiles$\vivianealda\Downloads\$RECYCLE.BIN\$I62I80Z.ica</t>
  </si>
  <si>
    <t>$ILAZOXC.ica</t>
  </si>
  <si>
    <t>\\acsfs\profiles$\vivianealda\Downloads\$RECYCLE.BIN\$ILAZOXC.ica</t>
  </si>
  <si>
    <t>$I84GD8X.ica</t>
  </si>
  <si>
    <t>\\acsfs\profiles$\vivianealda\Downloads\$RECYCLE.BIN\$I84GD8X.ica</t>
  </si>
  <si>
    <t>12/18/2019 14:59:38</t>
  </si>
  <si>
    <t>$IEC62GC.ica</t>
  </si>
  <si>
    <t>\\acsfs\profiles$\vivianealda\Downloads\$RECYCLE.BIN\$IEC62GC.ica</t>
  </si>
  <si>
    <t>$IJQFQ00.ica</t>
  </si>
  <si>
    <t>\\acsfs\profiles$\vivianealda\Downloads\$RECYCLE.BIN\$IJQFQ00.ica</t>
  </si>
  <si>
    <t>12/18/2019 14:59:39</t>
  </si>
  <si>
    <t>$IMM4AYH.ica</t>
  </si>
  <si>
    <t>\\acsfs\profiles$\vivianealda\Downloads\$RECYCLE.BIN\$IMM4AYH.ica</t>
  </si>
  <si>
    <t>$IC3F86Z.ica</t>
  </si>
  <si>
    <t>\\acsfs\profiles$\vivianealda\Downloads\$RECYCLE.BIN\$IC3F86Z.ica</t>
  </si>
  <si>
    <t>$ITPEZ1B.ica</t>
  </si>
  <si>
    <t>\\acsfs\profiles$\vivianealda\Downloads\$RECYCLE.BIN\$ITPEZ1B.ica</t>
  </si>
  <si>
    <t>12/18/2019 14:59:40</t>
  </si>
  <si>
    <t>$IDRUO9F.ica</t>
  </si>
  <si>
    <t>\\acsfs\profiles$\vivianealda\Downloads\$RECYCLE.BIN\$IDRUO9F.ica</t>
  </si>
  <si>
    <t>$IL0FX9Y.ica</t>
  </si>
  <si>
    <t>\\acsfs\profiles$\vivianealda\Downloads\$RECYCLE.BIN\$IL0FX9Y.ica</t>
  </si>
  <si>
    <t>$IONDJNP.ica</t>
  </si>
  <si>
    <t>\\acsfs\profiles$\vivianealda\Downloads\$RECYCLE.BIN\$IONDJNP.ica</t>
  </si>
  <si>
    <t>$IJI7M20.ica</t>
  </si>
  <si>
    <t>\\acsfs\profiles$\vivianealda\Downloads\$RECYCLE.BIN\$IJI7M20.ica</t>
  </si>
  <si>
    <t>12/18/2019 14:59:41</t>
  </si>
  <si>
    <t>$IWWO5U5.ica</t>
  </si>
  <si>
    <t>\\acsfs\profiles$\vivianealda\Downloads\$RECYCLE.BIN\$IWWO5U5.ica</t>
  </si>
  <si>
    <t>$I7YXBIJ.ica</t>
  </si>
  <si>
    <t>\\acsfs\profiles$\vivianealda\Downloads\$RECYCLE.BIN\$I7YXBIJ.ica</t>
  </si>
  <si>
    <t>$ILSG00X.ica</t>
  </si>
  <si>
    <t>\\acsfs\profiles$\vivianealda\Downloads\$RECYCLE.BIN\$ILSG00X.ica</t>
  </si>
  <si>
    <t>$IPEP72O.ica</t>
  </si>
  <si>
    <t>\\acsfs\profiles$\vivianealda\Downloads\$RECYCLE.BIN\$IPEP72O.ica</t>
  </si>
  <si>
    <t>12/18/2019 14:59:42</t>
  </si>
  <si>
    <t>$IHO7NSE.ica</t>
  </si>
  <si>
    <t>\\acsfs\profiles$\vivianealda\Downloads\$RECYCLE.BIN\$IHO7NSE.ica</t>
  </si>
  <si>
    <t>$INQ26US.ica</t>
  </si>
  <si>
    <t>\\acsfs\profiles$\vivianealda\Downloads\$RECYCLE.BIN\$INQ26US.ica</t>
  </si>
  <si>
    <t>12/18/2019 14:59:43</t>
  </si>
  <si>
    <t>$IDDIV8F.ica</t>
  </si>
  <si>
    <t>\\acsfs\profiles$\vivianealda\Downloads\$RECYCLE.BIN\$IDDIV8F.ica</t>
  </si>
  <si>
    <t>$I5O4L30.ica</t>
  </si>
  <si>
    <t>\\acsfs\profiles$\vivianealda\Downloads\$RECYCLE.BIN\$I5O4L30.ica</t>
  </si>
  <si>
    <t>12/18/2019 14:59:44</t>
  </si>
  <si>
    <t>$INAV4MU.ica</t>
  </si>
  <si>
    <t>\\acsfs\profiles$\vivianealda\Downloads\$RECYCLE.BIN\$INAV4MU.ica</t>
  </si>
  <si>
    <t>$IE3AXU1.ica</t>
  </si>
  <si>
    <t>\\acsfs\profiles$\vivianealda\Downloads\$RECYCLE.BIN\$IE3AXU1.ica</t>
  </si>
  <si>
    <t>$IRD0AQ3.ica</t>
  </si>
  <si>
    <t>\\acsfs\profiles$\vivianealda\Downloads\$RECYCLE.BIN\$IRD0AQ3.ica</t>
  </si>
  <si>
    <t>$IZIVEYX.ica</t>
  </si>
  <si>
    <t>\\acsfs\profiles$\vivianealda\Downloads\$RECYCLE.BIN\$IZIVEYX.ica</t>
  </si>
  <si>
    <t>$ISWP9RC.ica</t>
  </si>
  <si>
    <t>\\acsfs\profiles$\vivianealda\Downloads\$RECYCLE.BIN\$ISWP9RC.ica</t>
  </si>
  <si>
    <t>12/18/2019 14:59:45</t>
  </si>
  <si>
    <t>$IUYH7O4.ica</t>
  </si>
  <si>
    <t>\\acsfs\profiles$\vivianealda\Downloads\$RECYCLE.BIN\$IUYH7O4.ica</t>
  </si>
  <si>
    <t>12/18/2019 14:59:46</t>
  </si>
  <si>
    <t>$IWHRWEV.ica</t>
  </si>
  <si>
    <t>\\acsfs\profiles$\vivianealda\Downloads\$RECYCLE.BIN\$IWHRWEV.ica</t>
  </si>
  <si>
    <t>$I4A41WD.ica</t>
  </si>
  <si>
    <t>\\acsfs\profiles$\vivianealda\Downloads\$RECYCLE.BIN\$I4A41WD.ica</t>
  </si>
  <si>
    <t>$IW6DE55.ica</t>
  </si>
  <si>
    <t>\\acsfs\profiles$\vivianealda\Downloads\$RECYCLE.BIN\$IW6DE55.ica</t>
  </si>
  <si>
    <t>12/18/2019 14:59:47</t>
  </si>
  <si>
    <t>$I1SC9V5.ica</t>
  </si>
  <si>
    <t>\\acsfs\profiles$\vivianealda\Downloads\$RECYCLE.BIN\$I1SC9V5.ica</t>
  </si>
  <si>
    <t>$IPUQF80.ica</t>
  </si>
  <si>
    <t>\\acsfs\profiles$\vivianealda\Downloads\$RECYCLE.BIN\$IPUQF80.ica</t>
  </si>
  <si>
    <t>$I42O4DK.ica</t>
  </si>
  <si>
    <t>\\acsfs\profiles$\vivianealda\Downloads\$RECYCLE.BIN\$I42O4DK.ica</t>
  </si>
  <si>
    <t>$I6OSHL0.ica</t>
  </si>
  <si>
    <t>\\acsfs\profiles$\vivianealda\Downloads\$RECYCLE.BIN\$I6OSHL0.ica</t>
  </si>
  <si>
    <t>12/18/2019 14:59:48</t>
  </si>
  <si>
    <t>$ILG7A9B.ica</t>
  </si>
  <si>
    <t>\\acsfs\profiles$\vivianealda\Downloads\$RECYCLE.BIN\$ILG7A9B.ica</t>
  </si>
  <si>
    <t>$IFGU5NP.ica</t>
  </si>
  <si>
    <t>\\acsfs\profiles$\vivianealda\Downloads\$RECYCLE.BIN\$IFGU5NP.ica</t>
  </si>
  <si>
    <t>12/18/2019 14:59:49</t>
  </si>
  <si>
    <t>$IPW7HCW.ica</t>
  </si>
  <si>
    <t>\\acsfs\profiles$\vivianealda\Downloads\$RECYCLE.BIN\$IPW7HCW.ica</t>
  </si>
  <si>
    <t>12/18/2019 14:59:50</t>
  </si>
  <si>
    <t>$I3IHSQF.ica</t>
  </si>
  <si>
    <t>\\acsfs\profiles$\vivianealda\Downloads\$RECYCLE.BIN\$I3IHSQF.ica</t>
  </si>
  <si>
    <t>$IZZOTFZ.ica</t>
  </si>
  <si>
    <t>\\acsfs\profiles$\vivianealda\Downloads\$RECYCLE.BIN\$IZZOTFZ.ica</t>
  </si>
  <si>
    <t>$I0971Q7.ica</t>
  </si>
  <si>
    <t>\\acsfs\profiles$\vivianealda\Downloads\$RECYCLE.BIN\$I0971Q7.ica</t>
  </si>
  <si>
    <t>12/18/2019 14:59:51</t>
  </si>
  <si>
    <t>$I8CCE73.ica</t>
  </si>
  <si>
    <t>\\acsfs\profiles$\vivianealda\Downloads\$RECYCLE.BIN\$I8CCE73.ica</t>
  </si>
  <si>
    <t>$IYLSTMA.ica</t>
  </si>
  <si>
    <t>\\acsfs\profiles$\vivianealda\Downloads\$RECYCLE.BIN\$IYLSTMA.ica</t>
  </si>
  <si>
    <t>$IOKUFEI.ica</t>
  </si>
  <si>
    <t>\\acsfs\profiles$\vivianealda\Downloads\$RECYCLE.BIN\$IOKUFEI.ica</t>
  </si>
  <si>
    <t>12/18/2019 14:58:03</t>
  </si>
  <si>
    <t>Dashboard PA Digital - CSC.xlsb</t>
  </si>
  <si>
    <t>12/18/2019 15:00:15</t>
  </si>
  <si>
    <t>12/18/2019 15:01:27</t>
  </si>
  <si>
    <t>12/18/2019 15:00:20</t>
  </si>
  <si>
    <t>76dfc15e-e2d2-4102-b6a0-3402a34001ce.tmp</t>
  </si>
  <si>
    <t>\\acsfs\profiles$\deborahsi\Downloads\76dfc15e-e2d2-4102-b6a0-3402a34001ce.tmp</t>
  </si>
  <si>
    <t>12/18/2019 15:00:41</t>
  </si>
  <si>
    <t>12/18/2019 15:00:26</t>
  </si>
  <si>
    <t>12/18/2019 14:56:50</t>
  </si>
  <si>
    <t>12/18/2019 15:02:27</t>
  </si>
  <si>
    <t>e9870fd1-7b4b-42f6-8ccb-b1d004f94a07.tmp</t>
  </si>
  <si>
    <t>\\acsfs\profiles$\matheushds\Downloads\e9870fd1-7b4b-42f6-8ccb-b1d004f94a07.tmp</t>
  </si>
  <si>
    <t>12/18/2019 14:57:06</t>
  </si>
  <si>
    <t>f2f754f0-53d3-40dc-a47e-91196101718e.tmp</t>
  </si>
  <si>
    <t>\\acsfs\profiles$\matheushds\Downloads\f2f754f0-53d3-40dc-a47e-91196101718e.tmp</t>
  </si>
  <si>
    <t>12/18/2019 14:59:16</t>
  </si>
  <si>
    <t>f4019553-f0cd-4563-bc6b-7e1d09f881b1.tmp</t>
  </si>
  <si>
    <t>\\acsfs\profiles$\georgendsq\Downloads\f4019553-f0cd-4563-bc6b-7e1d09f881b1.tmp</t>
  </si>
  <si>
    <t>12/18/2019 14:59:15</t>
  </si>
  <si>
    <t>12/18/2019 15:03:26</t>
  </si>
  <si>
    <t>12/18/2019 15:02:07</t>
  </si>
  <si>
    <t>12/18/2019 15:04:27</t>
  </si>
  <si>
    <t>12/18/2019 15:02:37</t>
  </si>
  <si>
    <t>12/18/2019 15:00:22</t>
  </si>
  <si>
    <t>995b2b3d-7661-4894-94d0-d144f67c6f29.tmp</t>
  </si>
  <si>
    <t>\\acsfs\profiles$\vivianibfs\Downloads\995b2b3d-7661-4894-94d0-d144f67c6f29.tmp</t>
  </si>
  <si>
    <t>12/18/2019 15:01:55</t>
  </si>
  <si>
    <t>a99e718f-00f8-4110-bf8f-d69b6b6b6b0f.tmp</t>
  </si>
  <si>
    <t>\\acsfs\profiles$\vivianibfs\Downloads\a99e718f-00f8-4110-bf8f-d69b6b6b6b0f.tmp</t>
  </si>
  <si>
    <t>12/18/2019 15:02:20</t>
  </si>
  <si>
    <t>8132cd0a-11c7-4d57-a781-ce763caa0d84.tmp</t>
  </si>
  <si>
    <t>\\acsfs\profiles$\vivianibfs\Downloads\8132cd0a-11c7-4d57-a781-ce763caa0d84.tmp</t>
  </si>
  <si>
    <t>12/18/2019 15:03:04</t>
  </si>
  <si>
    <t>521593da-0e10-46a2-a6ff-47c85bf949e7.tmp</t>
  </si>
  <si>
    <t>\\acsfs\profiles$\vivianibfs\Downloads\521593da-0e10-46a2-a6ff-47c85bf949e7.tmp</t>
  </si>
  <si>
    <t>12/18/2019 15:00:47</t>
  </si>
  <si>
    <t>12/18/2019 15:00:44</t>
  </si>
  <si>
    <t>d144876e-c1ab-4f60-aa25-177a891cc968.tmp</t>
  </si>
  <si>
    <t>\\acsfs\profiles$\gabrielamdp\Downloads\d144876e-c1ab-4f60-aa25-177a891cc968.tmp</t>
  </si>
  <si>
    <t>7aa4c3aa-6dfa-483e-91dc-ae86e0092d39.tmp</t>
  </si>
  <si>
    <t>\\acsfs\profiles$\gabrielamdp\Downloads\7aa4c3aa-6dfa-483e-91dc-ae86e0092d39.tmp</t>
  </si>
  <si>
    <t>7eb1ab2f-5609-4086-b305-888974ee26a4.tmp</t>
  </si>
  <si>
    <t>\\acsfs\profiles$\gabrielamdp\Downloads\7eb1ab2f-5609-4086-b305-888974ee26a4.tmp</t>
  </si>
  <si>
    <t>3894925a-8ff7-4146-8146-c7441c85e77b.tmp</t>
  </si>
  <si>
    <t>\\acsfs\profiles$\gabrielamdp\Downloads\3894925a-8ff7-4146-8146-c7441c85e77b.tmp</t>
  </si>
  <si>
    <t>adfd924a-291e-4119-aee1-9297e28ef7b4.tmp</t>
  </si>
  <si>
    <t>\\acsfs\profiles$\gabrielamdp\Downloads\adfd924a-291e-4119-aee1-9297e28ef7b4.tmp</t>
  </si>
  <si>
    <t>12/18/2019 15:01:07</t>
  </si>
  <si>
    <t>12/18/2019 15:00:51</t>
  </si>
  <si>
    <t>12/18/2019 15:05:26</t>
  </si>
  <si>
    <t>12/18/2019 15:01:58</t>
  </si>
  <si>
    <t>\\acsfs\DEPTOS\EDUCACAO EMPRESARIAL\Videos Febraban\</t>
  </si>
  <si>
    <t>12/18/2019 15:04:35</t>
  </si>
  <si>
    <t>\\acsfs\DEPTOS\EDUCACAO EMPRESARIAL\Ligaçoes para MUTANT seg ciclo DEZEMBRO\JESSICA DE ALMEIDA GOMES_1_6766245801224120244_1_32.wav</t>
  </si>
  <si>
    <t>12/18/2019 14:59:52</t>
  </si>
  <si>
    <t>$IP1RO9K.ica</t>
  </si>
  <si>
    <t>\\acsfs\profiles$\vivianealda\Downloads\$RECYCLE.BIN\$IP1RO9K.ica</t>
  </si>
  <si>
    <t>$IXKVM47.ica</t>
  </si>
  <si>
    <t>\\acsfs\profiles$\vivianealda\Downloads\$RECYCLE.BIN\$IXKVM47.ica</t>
  </si>
  <si>
    <t>$I3H673C.ica</t>
  </si>
  <si>
    <t>\\acsfs\profiles$\vivianealda\Downloads\$RECYCLE.BIN\$I3H673C.ica</t>
  </si>
  <si>
    <t>12/18/2019 14:59:53</t>
  </si>
  <si>
    <t>$IARED65.ica</t>
  </si>
  <si>
    <t>\\acsfs\profiles$\vivianealda\Downloads\$RECYCLE.BIN\$IARED65.ica</t>
  </si>
  <si>
    <t>12/18/2019 15:00:04</t>
  </si>
  <si>
    <t>f51e25a9-78cd-4ee8-a9a5-0656e958670b.tmp</t>
  </si>
  <si>
    <t>\\acsfs\profiles$\vivianealda\Downloads\f51e25a9-78cd-4ee8-a9a5-0656e958670b.tmp</t>
  </si>
  <si>
    <t>12/18/2019 15:00:36</t>
  </si>
  <si>
    <t>39b16439-70df-49b8-b501-820f33f1f814.tmp</t>
  </si>
  <si>
    <t>\\acsfs\profiles$\vivianealda\Downloads\39b16439-70df-49b8-b501-820f33f1f814.tmp</t>
  </si>
  <si>
    <t>12/18/2019 15:00:45</t>
  </si>
  <si>
    <t>22541422-ee53-4e9b-96a0-02b9b7a5ea6e.tmp</t>
  </si>
  <si>
    <t>\\acsfs\profiles$\vivianealda\Downloads\22541422-ee53-4e9b-96a0-02b9b7a5ea6e.tmp</t>
  </si>
  <si>
    <t>12/18/2019 15:01:02</t>
  </si>
  <si>
    <t>$IVSPNHA.zip</t>
  </si>
  <si>
    <t>\\acsfs\profiles$\vivianealda\Downloads\$RECYCLE.BIN\$IVSPNHA.zip</t>
  </si>
  <si>
    <t>12/18/2019 15:01:13</t>
  </si>
  <si>
    <t>$IK90WDP.tmp</t>
  </si>
  <si>
    <t>\\acsfs\profiles$\vivianealda\Downloads\$RECYCLE.BIN\$IK90WDP.tmp</t>
  </si>
  <si>
    <t>12/18/2019 15:01:15</t>
  </si>
  <si>
    <t>$IWAUVVV.tmp</t>
  </si>
  <si>
    <t>\\acsfs\profiles$\vivianealda\Downloads\$RECYCLE.BIN\$IWAUVVV.tmp</t>
  </si>
  <si>
    <t>12/18/2019 15:01:30</t>
  </si>
  <si>
    <t>$I1R7RFE.xlsm</t>
  </si>
  <si>
    <t>\\acsfs\profiles$\vivianealda\Downloads\$RECYCLE.BIN\$I1R7RFE.xlsm</t>
  </si>
  <si>
    <t>12/18/2019 15:01:32</t>
  </si>
  <si>
    <t>$IK87HEU.xlsm</t>
  </si>
  <si>
    <t>\\acsfs\profiles$\vivianealda\Downloads\$RECYCLE.BIN\$IK87HEU.xlsm</t>
  </si>
  <si>
    <t>12/18/2019 15:01:39</t>
  </si>
  <si>
    <t>$I4UL5PI.crdownload</t>
  </si>
  <si>
    <t>\\acsfs\profiles$\vivianealda\Downloads\$RECYCLE.BIN\$I4UL5PI.crdownload</t>
  </si>
  <si>
    <t>12/18/2019 15:02:23</t>
  </si>
  <si>
    <t>b29e5f60-351e-45de-85cd-ad1c9224c525.tmp</t>
  </si>
  <si>
    <t>\\acsfs\profiles$\vivianealda\Downloads\b29e5f60-351e-45de-85cd-ad1c9224c525.tmp</t>
  </si>
  <si>
    <t>12/18/2019 15:02:26</t>
  </si>
  <si>
    <t>0c9d97c2-d47a-4291-a8d5-b2dee142a9d0.tmp</t>
  </si>
  <si>
    <t>\\acsfs\profiles$\vivianealda\Downloads\0c9d97c2-d47a-4291-a8d5-b2dee142a9d0.tmp</t>
  </si>
  <si>
    <t>12/18/2019 15:01:16</t>
  </si>
  <si>
    <t>12/18/2019 15:01:26</t>
  </si>
  <si>
    <t>12/18/2019 15:06:27</t>
  </si>
  <si>
    <t>12/18/2019 15:04:13</t>
  </si>
  <si>
    <t>12/18/2019 15:07:27</t>
  </si>
  <si>
    <t>12/18/2019 15:03:20</t>
  </si>
  <si>
    <t>12/18/2019 15:08:26</t>
  </si>
  <si>
    <t>12/18/2019 15:06:47</t>
  </si>
  <si>
    <t>12/18/2019 15:09:27</t>
  </si>
  <si>
    <t>12/18/2019 15:08:08</t>
  </si>
  <si>
    <t>12/18/2019 15:06:21</t>
  </si>
  <si>
    <t>e5e75437-31ca-4973-8fcc-5e25f85e7bb5.tmp</t>
  </si>
  <si>
    <t>\\acsfs\profiles$\larissaad\Downloads\e5e75437-31ca-4973-8fcc-5e25f85e7bb5.tmp</t>
  </si>
  <si>
    <t>12/18/2019 15:08:27</t>
  </si>
  <si>
    <t>68c7ac2a-2d62-4f16-943c-f1dba2215871.tmp</t>
  </si>
  <si>
    <t>\\acsfs\profiles$\larissaad\Downloads\68c7ac2a-2d62-4f16-943c-f1dba2215871.tmp</t>
  </si>
  <si>
    <t>12/18/2019 15:08:23</t>
  </si>
  <si>
    <t>12/18/2019 15:10:26</t>
  </si>
  <si>
    <t>\\acsfs\DEPTOS\Operacao\Banco_Votorantim\Comum\</t>
  </si>
  <si>
    <t>\\acsfs\DEPTOS\Operacao\Banco_Votorantim\Qualidade\Diz Aí!\Thumbs.db</t>
  </si>
  <si>
    <t>INFORMAÇÕES DE LAUDO.txt</t>
  </si>
  <si>
    <t>\\acsfs\DEPTOS\Operacao\Banco_Votorantim\Qualidade\Anderson\Jose\INFORMAÇÕES DE LAUDO.txt</t>
  </si>
  <si>
    <t>12/18/2019 15:05:51</t>
  </si>
  <si>
    <t>9f9659b9-4567-4304-83bb-f26011e33664.tmp</t>
  </si>
  <si>
    <t>\\acsfs\profiles$\vivianealda\Downloads\9f9659b9-4567-4304-83bb-f26011e33664.tmp</t>
  </si>
  <si>
    <t>12/18/2019 15:08:13</t>
  </si>
  <si>
    <t>610eb1b6-6fbe-4557-a90d-e059d6a2c5f0.tmp</t>
  </si>
  <si>
    <t>\\acsfs\profiles$\danielta\Downloads\610eb1b6-6fbe-4557-a90d-e059d6a2c5f0.tmp</t>
  </si>
  <si>
    <t>12/18/2019 15:08:03</t>
  </si>
  <si>
    <t>12/18/2019 15:11:27</t>
  </si>
  <si>
    <t>12/18/2019 15:06:26</t>
  </si>
  <si>
    <t>12/18/2019 15:06:59</t>
  </si>
  <si>
    <t>12/18/2019 15:07:26</t>
  </si>
  <si>
    <t>12/18/2019 15:10:46</t>
  </si>
  <si>
    <t>12/18/2019 15:10:30</t>
  </si>
  <si>
    <t>12/18/2019 15:12:26</t>
  </si>
  <si>
    <t>12/18/2019 15:08:41</t>
  </si>
  <si>
    <t>12/18/2019 15:14:26</t>
  </si>
  <si>
    <t>12/18/2019 15:09:11</t>
  </si>
  <si>
    <t>12/18/2019 15:10:12</t>
  </si>
  <si>
    <t>12/18/2019 15:10:42</t>
  </si>
  <si>
    <t>12/18/2019 15:09:51</t>
  </si>
  <si>
    <t>12/18/2019 15:11:59</t>
  </si>
  <si>
    <t>C:\Users\adilsonloj\Desktop\</t>
  </si>
  <si>
    <t>UADPresentationLayer - Atalho.lnk</t>
  </si>
  <si>
    <t>\\acsfs\DEPTOS\Operacao\Banco_Votorantim\Comum\00 - COMUM - BV CARTÕES\EQUIPE ADILSON\Aspect\UADPresentationLayer - Atalho.lnk</t>
  </si>
  <si>
    <t>12/18/2019 15:13:34</t>
  </si>
  <si>
    <t>12/18/2019 15:11:10</t>
  </si>
  <si>
    <t>12/18/2019 15:11:23</t>
  </si>
  <si>
    <t>12/18/2019 15:12:47</t>
  </si>
  <si>
    <t>12/18/2019 15:13:43</t>
  </si>
  <si>
    <t>12/18/2019 15:09:42</t>
  </si>
  <si>
    <t>19c92524-b2bc-43fb-8118-9a151db29d6f.tmp</t>
  </si>
  <si>
    <t>\\acsfs\profiles$\larissaad\Downloads\19c92524-b2bc-43fb-8118-9a151db29d6f.tmp</t>
  </si>
  <si>
    <t>12/18/2019 15:14:32</t>
  </si>
  <si>
    <t>12/18/2019 15:15:25</t>
  </si>
  <si>
    <t>b4fda4d9-4fd6-44ec-a6ea-44d90afc87a7.tmp</t>
  </si>
  <si>
    <t>\\acsfs\profiles$\ayalabfi\Downloads\b4fda4d9-4fd6-44ec-a6ea-44d90afc87a7.tmp</t>
  </si>
  <si>
    <t>12/18/2019 15:12:04</t>
  </si>
  <si>
    <t>12/18/2019 15:16:26</t>
  </si>
  <si>
    <t>12/18/2019 15:13:59</t>
  </si>
  <si>
    <t>12/18/2019 15:14:01</t>
  </si>
  <si>
    <t>12/18/2019 15:14:03</t>
  </si>
  <si>
    <t>12/18/2019 15:14:04</t>
  </si>
  <si>
    <t>12/18/2019 15:14:06</t>
  </si>
  <si>
    <t>12/18/2019 15:14:07</t>
  </si>
  <si>
    <t>12/18/2019 15:14:11</t>
  </si>
  <si>
    <t>12/18/2019 15:14:13</t>
  </si>
  <si>
    <t>12/18/2019 15:14:17</t>
  </si>
  <si>
    <t>12/18/2019 15:14:18</t>
  </si>
  <si>
    <t>12/18/2019 15:14:19</t>
  </si>
  <si>
    <t>12/18/2019 15:14:20</t>
  </si>
  <si>
    <t>12/18/2019 15:14:21</t>
  </si>
  <si>
    <t>12/18/2019 15:14:23</t>
  </si>
  <si>
    <t>12/18/2019 15:14:25</t>
  </si>
  <si>
    <t>12/18/2019 15:14:28</t>
  </si>
  <si>
    <t>12/18/2019 15:14:29</t>
  </si>
  <si>
    <t>12/18/2019 15:14:30</t>
  </si>
  <si>
    <t>12/18/2019 15:14:31</t>
  </si>
  <si>
    <t>12/18/2019 15:14:33</t>
  </si>
  <si>
    <t>12/18/2019 15:14:34</t>
  </si>
  <si>
    <t>12/18/2019 15:14:35</t>
  </si>
  <si>
    <t>12/18/2019 15:14:36</t>
  </si>
  <si>
    <t>12/18/2019 15:14:37</t>
  </si>
  <si>
    <t>12/18/2019 15:14:38</t>
  </si>
  <si>
    <t>12/18/2019 15:14:39</t>
  </si>
  <si>
    <t>12/18/2019 15:14:40</t>
  </si>
  <si>
    <t>12/18/2019 15:14:42</t>
  </si>
  <si>
    <t>12/18/2019 15:14:43</t>
  </si>
  <si>
    <t>12/18/2019 15:14:44</t>
  </si>
  <si>
    <t>12/18/2019 15:14:45</t>
  </si>
  <si>
    <t>12/18/2019 15:14:46</t>
  </si>
  <si>
    <t>12/18/2019 15:14:47</t>
  </si>
  <si>
    <t>12/18/2019 15:14:48</t>
  </si>
  <si>
    <t>12/18/2019 15:14:49</t>
  </si>
  <si>
    <t>12/18/2019 15:15:32</t>
  </si>
  <si>
    <t>12/18/2019 15:15:19</t>
  </si>
  <si>
    <t>12/18/2019 15:14:54</t>
  </si>
  <si>
    <t>ivanise.rezende@bradesco.com.br;jacqueline.mariano@bradesco.com.br;leandra.cardoso@bradesco.com.br;</t>
  </si>
  <si>
    <t>RES: Tabela de códigos de autorizações e encargos</t>
  </si>
  <si>
    <t>ANX_1111_Autorizacoes_Cartoes_Revitalizados_Excel.xls</t>
  </si>
  <si>
    <t>ivanise.rezende@bradesco.com.br,jacqueline.mariano@bradesco.com.br,leandra.cardoso@bradesco.com.br</t>
  </si>
  <si>
    <t>12/18/2019 15:13:26</t>
  </si>
  <si>
    <t>12/18/2019 15:14:57</t>
  </si>
  <si>
    <t>12/18/2019 15:17:26</t>
  </si>
  <si>
    <t>2c3baa47-2344-4003-9f8b-fc712ebed8f7.tmp</t>
  </si>
  <si>
    <t>\\acsfs\profiles$\georgendsq\Downloads\2c3baa47-2344-4003-9f8b-fc712ebed8f7.tmp</t>
  </si>
  <si>
    <t>12/18/2019 15:12:53</t>
  </si>
  <si>
    <t>0e7463e4-2f3d-4c7f-a284-b22677e5f5a1.tmp</t>
  </si>
  <si>
    <t>\\acsfs\profiles$\laurandos\Downloads\0e7463e4-2f3d-4c7f-a284-b22677e5f5a1.tmp</t>
  </si>
  <si>
    <t>12/18/2019 15:16:08</t>
  </si>
  <si>
    <t>827316a7-9991-47bf-a0a9-31ad64ab9c4c.tmp</t>
  </si>
  <si>
    <t>\\acsfs\profiles$\laurandos\Downloads\827316a7-9991-47bf-a0a9-31ad64ab9c4c.tmp</t>
  </si>
  <si>
    <t>12/18/2019 15:18:16</t>
  </si>
  <si>
    <t>12/18/2019 15:19:25</t>
  </si>
  <si>
    <t>12/18/2019 15:13:46</t>
  </si>
  <si>
    <t>12/18/2019 15:18:59</t>
  </si>
  <si>
    <t>12/18/2019 15:20:26</t>
  </si>
  <si>
    <t>12/18/2019 15:15:11</t>
  </si>
  <si>
    <t>Romario Silva de Medeiros_1_6768666199979008025_1_32.wav</t>
  </si>
  <si>
    <t>\\acsfs\DEPTOS\EDUCACAO EMPRESARIAL\Ligaçoes para MUTANT seg ciclo DEZEMBRO\Romario Silva de Medeiros_1_6768666199979008025_1_32.wav</t>
  </si>
  <si>
    <t>12/18/2019 15:15:28</t>
  </si>
  <si>
    <t>cec668ae-d8d4-4915-96e1-cd89b536e315.tmp</t>
  </si>
  <si>
    <t>\\acsfs\profiles$\ayalabfi\Downloads\cec668ae-d8d4-4915-96e1-cd89b536e315.tmp</t>
  </si>
  <si>
    <t>12/18/2019 15:21:25</t>
  </si>
  <si>
    <t>12/18/2019 15:16:35</t>
  </si>
  <si>
    <t>eb2ef46a-bfdf-45c0-ad81-38f6acd55338.tmp</t>
  </si>
  <si>
    <t>\\acsfs\profiles$\leticiala\Downloads\eb2ef46a-bfdf-45c0-ad81-38f6acd55338.tmp</t>
  </si>
  <si>
    <t>12/18/2019 15:17:36</t>
  </si>
  <si>
    <t>12/18/2019 15:17:18</t>
  </si>
  <si>
    <t>12/18/2019 15:18:27</t>
  </si>
  <si>
    <t>12/18/2019 15:19:27</t>
  </si>
  <si>
    <t>12/18/2019 15:17:38</t>
  </si>
  <si>
    <t>12/18/2019 15:22:26</t>
  </si>
  <si>
    <t>12/18/2019 15:20:19</t>
  </si>
  <si>
    <t>12/18/2019 15:18:46</t>
  </si>
  <si>
    <t>12/18/2019 15:24:26</t>
  </si>
  <si>
    <t>12/18/2019 15:20:18</t>
  </si>
  <si>
    <t>12/18/2019 15:20:48</t>
  </si>
  <si>
    <t>12/18/2019 15:21:18</t>
  </si>
  <si>
    <t>12/18/2019 15:23:19</t>
  </si>
  <si>
    <t>12/18/2019 15:18:47</t>
  </si>
  <si>
    <t>12/18/2019 15:23:14</t>
  </si>
  <si>
    <t>12/18/2019 15:21:43</t>
  </si>
  <si>
    <t>/o=exchangelabs/ou=exchange administrative group (fydibohf23spdlt)/cn=recipients/cn=8913194a652940c6a3d16f3bc35e1061-raphael and;vanusaos@algartech.com.br;</t>
  </si>
  <si>
    <t>Acompanhamento VIP</t>
  </si>
  <si>
    <t>/o=exchangelabs/ou=exchange administrative group (fydibohf23spdlt)/cn=recipients/cn=8913194a652940c6a3d16f3bc35e1061-raphael and,vanusaos@algartech.com.br</t>
  </si>
  <si>
    <t>12/18/2019 15:24:15</t>
  </si>
  <si>
    <t>12/18/2019 15:25:26</t>
  </si>
  <si>
    <t>12/18/2019 15:26:26</t>
  </si>
  <si>
    <t>12/18/2019 15:22:51</t>
  </si>
  <si>
    <t>12/18/2019 15:24:27</t>
  </si>
  <si>
    <t>12/18/2019 15:25:27</t>
  </si>
  <si>
    <t>12/18/2019 15:26:46</t>
  </si>
  <si>
    <t>12/18/2019 15:27:25</t>
  </si>
  <si>
    <t>eddc293a-90e9-4223-83e0-190ce0fbbcba.tmp</t>
  </si>
  <si>
    <t>\\acsfs\profiles$\matheushds\Downloads\eddc293a-90e9-4223-83e0-190ce0fbbcba.tmp</t>
  </si>
  <si>
    <t>12/18/2019 15:24:47</t>
  </si>
  <si>
    <t>12/18/2019 15:29:26</t>
  </si>
  <si>
    <t>12/18/2019 15:26:05</t>
  </si>
  <si>
    <t>https://udpmailboxap01.acs.com.br:8443/h/search?si=0&amp;so=0&amp;sc=48201&amp;sq=folha&amp;st=conversation&amp;action=compose&amp;paction=paneview2</t>
  </si>
  <si>
    <t>layonmof@bv.algartech.com;</t>
  </si>
  <si>
    <t>https://layonmof@bv.algartech.com</t>
  </si>
  <si>
    <t>12/18/2019 15:26:59</t>
  </si>
  <si>
    <t>https://udpmailboxap01.acs.com.br:8443/h/search?si=0&amp;so=0&amp;sc=48265&amp;sfi=2&amp;st=conversation&amp;action=compose&amp;id=2249&amp;paction=view&amp;rf=html&amp;op=reply</t>
  </si>
  <si>
    <t>jorgeaf@bv.algartech.com;</t>
  </si>
  <si>
    <t>https://jorgeaf@bv.algartech.com</t>
  </si>
  <si>
    <t>c86a17b1-ac7c-4ee4-8a61-a25a2936e83e.tmp</t>
  </si>
  <si>
    <t>\\acsfs\profiles$\gabrielamdp\Downloads\c86a17b1-ac7c-4ee4-8a61-a25a2936e83e.tmp</t>
  </si>
  <si>
    <t>12/18/2019 15:24:17</t>
  </si>
  <si>
    <t>e58ab639-0f6b-4885-b1b3-557149a8ff7f.tmp</t>
  </si>
  <si>
    <t>\\acsfs\profiles$\gabrielamdp\Downloads\e58ab639-0f6b-4885-b1b3-557149a8ff7f.tmp</t>
  </si>
  <si>
    <t>12/18/2019 15:24:18</t>
  </si>
  <si>
    <t>7c66e300-aacd-4648-a9ff-7e7f48d2192d.tmp</t>
  </si>
  <si>
    <t>\\acsfs\profiles$\gabrielamdp\Downloads\7c66e300-aacd-4648-a9ff-7e7f48d2192d.tmp</t>
  </si>
  <si>
    <t>8595397c-4ac6-47a1-87b1-655802954a1b.tmp</t>
  </si>
  <si>
    <t>\\acsfs\profiles$\gabrielamdp\Downloads\8595397c-4ac6-47a1-87b1-655802954a1b.tmp</t>
  </si>
  <si>
    <t>56be2174-723a-4376-9f2c-02fd7b2781fb.tmp</t>
  </si>
  <si>
    <t>\\acsfs\profiles$\gabrielamdp\Downloads\56be2174-723a-4376-9f2c-02fd7b2781fb.tmp</t>
  </si>
  <si>
    <t>12/18/2019 15:25:39</t>
  </si>
  <si>
    <t>e1e314b6-2ab9-418c-b382-da2d1aabaef2.tmp</t>
  </si>
  <si>
    <t>\\acsfs\profiles$\gabrielamdp\Downloads\e1e314b6-2ab9-418c-b382-da2d1aabaef2.tmp</t>
  </si>
  <si>
    <t>12/18/2019 15:28:51</t>
  </si>
  <si>
    <t>12/18/2019 15:28:02</t>
  </si>
  <si>
    <t>12/18/2019 15:30:26</t>
  </si>
  <si>
    <t>novo controle financeiro.xlsx</t>
  </si>
  <si>
    <t>12/18/2019 15:31:25</t>
  </si>
  <si>
    <t>12/18/2019 15:29:22</t>
  </si>
  <si>
    <t>12/18/2019 15:30:27</t>
  </si>
  <si>
    <t>12/18/2019 15:31:05</t>
  </si>
  <si>
    <t>12/18/2019 15:31:06</t>
  </si>
  <si>
    <t>12/18/2019 15:31:00</t>
  </si>
  <si>
    <t>12/18/2019 15:32:26</t>
  </si>
  <si>
    <t>12/18/2019 15:29:53</t>
  </si>
  <si>
    <t>12/18/2019 15:34:26</t>
  </si>
  <si>
    <t>12/18/2019 15:30:23</t>
  </si>
  <si>
    <t>12/18/2019 15:29:18</t>
  </si>
  <si>
    <t>12/18/2019 15:30:47</t>
  </si>
  <si>
    <t>12/18/2019 15:29:42</t>
  </si>
  <si>
    <t>12/18/2019 15:36:26</t>
  </si>
  <si>
    <t>12/18/2019 15:31:41</t>
  </si>
  <si>
    <t>12/18/2019 15:33:17</t>
  </si>
  <si>
    <t>joaogdos</t>
  </si>
  <si>
    <t>12/18/2019 15:33:19</t>
  </si>
  <si>
    <t>12/18/2019 15:33:24</t>
  </si>
  <si>
    <t>C:\Users\thiagoafs\Contacts\</t>
  </si>
  <si>
    <t>C:\Users\thiagoafs\Documents\</t>
  </si>
  <si>
    <t>C:\Users\thiagoafs\Downloads\</t>
  </si>
  <si>
    <t>C:\Users\thiagoafs\Favorites\</t>
  </si>
  <si>
    <t>C:\Users\thiagoafs\Links\</t>
  </si>
  <si>
    <t>C:\Users\thiagoafs\Music\</t>
  </si>
  <si>
    <t>C:\Users\thiagoafs\Pictures\</t>
  </si>
  <si>
    <t>C:\Users\thiagoafs\Saved Games\</t>
  </si>
  <si>
    <t>C:\Users\thiagoafs\Searches\</t>
  </si>
  <si>
    <t>C:\Users\thiagoafs\Videos\</t>
  </si>
  <si>
    <t>12/18/2019 15:33:25</t>
  </si>
  <si>
    <t>C:\Users\thiagoafs\Favorites\Links for Brasil\</t>
  </si>
  <si>
    <t>12/18/2019 15:35:09</t>
  </si>
  <si>
    <t>C:\Users\elianegr\Contacts\</t>
  </si>
  <si>
    <t>C:\Users\elianegr\Desktop\</t>
  </si>
  <si>
    <t>C:\Users\elianegr\Documents\</t>
  </si>
  <si>
    <t>C:\Users\elianegr\Favorites\</t>
  </si>
  <si>
    <t>C:\Users\elianegr\Links\</t>
  </si>
  <si>
    <t>C:\Users\elianegr\Music\</t>
  </si>
  <si>
    <t>C:\Users\elianegr\Pictures\</t>
  </si>
  <si>
    <t>C:\Users\elianegr\Saved Games\</t>
  </si>
  <si>
    <t>C:\Users\elianegr\Searches\</t>
  </si>
  <si>
    <t>C:\Users\elianegr\Videos\</t>
  </si>
  <si>
    <t>12/18/2019 15:35:10</t>
  </si>
  <si>
    <t>12/18/2019 15:35:11</t>
  </si>
  <si>
    <t>C:\Users\fernandaab\Contacts\</t>
  </si>
  <si>
    <t>12/18/2019 15:35:12</t>
  </si>
  <si>
    <t>C:\Users\fernandaab\Desktop\</t>
  </si>
  <si>
    <t>C:\Users\fernandaab\Documents\</t>
  </si>
  <si>
    <t>C:\Users\fernandaab\Favorites\</t>
  </si>
  <si>
    <t>C:\Users\fernandaab\Links\</t>
  </si>
  <si>
    <t>C:\Users\fernandaab\Music\</t>
  </si>
  <si>
    <t>C:\Users\fernandaab\Pictures\</t>
  </si>
  <si>
    <t>C:\Users\fernandaab\Saved Games\</t>
  </si>
  <si>
    <t>C:\Users\fernandaab\Searches\</t>
  </si>
  <si>
    <t>C:\Users\fernandaab\Videos\</t>
  </si>
  <si>
    <t>12/18/2019 15:35:13</t>
  </si>
  <si>
    <t>C:\Users\danielsmo\Contacts\</t>
  </si>
  <si>
    <t>C:\Users\danielsmo\Desktop\</t>
  </si>
  <si>
    <t>C:\Users\danielsmo\Documents\</t>
  </si>
  <si>
    <t>C:\Users\danielsmo\Downloads\</t>
  </si>
  <si>
    <t>C:\Users\danielsmo\Favorites\</t>
  </si>
  <si>
    <t>C:\Users\danielsmo\Links\</t>
  </si>
  <si>
    <t>C:\Users\danielsmo\Music\</t>
  </si>
  <si>
    <t>C:\Users\danielsmo\Pictures\</t>
  </si>
  <si>
    <t>C:\Users\danielsmo\Saved Games\</t>
  </si>
  <si>
    <t>C:\Users\danielsmo\Searches\</t>
  </si>
  <si>
    <t>C:\Users\danielsmo\Videos\</t>
  </si>
  <si>
    <t>12/18/2019 15:35:14</t>
  </si>
  <si>
    <t>C:\Users\Public\Documents\</t>
  </si>
  <si>
    <t>C:\Users\Public\Downloads\</t>
  </si>
  <si>
    <t>C:\Users\Public\Music\</t>
  </si>
  <si>
    <t>C:\Users\Public\Pictures\</t>
  </si>
  <si>
    <t>C:\Users\Public\Recorded TV\</t>
  </si>
  <si>
    <t>C:\Users\Public\Videos\</t>
  </si>
  <si>
    <t>12/18/2019 15:35:15</t>
  </si>
  <si>
    <t>C:\Users\it.manager\Contacts\</t>
  </si>
  <si>
    <t>C:\Users\it.manager\Desktop\</t>
  </si>
  <si>
    <t>C:\Users\it.manager\Documents\</t>
  </si>
  <si>
    <t>C:\Users\it.manager\Downloads\</t>
  </si>
  <si>
    <t>C:\Users\it.manager\Favorites\</t>
  </si>
  <si>
    <t>C:\Users\it.manager\Links\</t>
  </si>
  <si>
    <t>C:\Users\it.manager\Music\</t>
  </si>
  <si>
    <t>C:\Users\it.manager\Pictures\</t>
  </si>
  <si>
    <t>C:\Users\it.manager\Saved Games\</t>
  </si>
  <si>
    <t>C:\Users\it.manager\Searches\</t>
  </si>
  <si>
    <t>C:\Users\it.manager\Videos\</t>
  </si>
  <si>
    <t>12/18/2019 15:35:20</t>
  </si>
  <si>
    <t>C:\Users\esterpsk\Links\</t>
  </si>
  <si>
    <t>12/18/2019 15:35:21</t>
  </si>
  <si>
    <t>C:\Users\georgendsq\Links\</t>
  </si>
  <si>
    <t>C:\Users\diosquellysc\Links\</t>
  </si>
  <si>
    <t>C:\Users\jessicabrs\Contacts\</t>
  </si>
  <si>
    <t>C:\Users\jessicabrs\Desktop\</t>
  </si>
  <si>
    <t>C:\Users\jessicabrs\Documents\</t>
  </si>
  <si>
    <t>C:\Users\jessicabrs\Downloads\</t>
  </si>
  <si>
    <t>C:\Users\jessicabrs\Favorites\</t>
  </si>
  <si>
    <t>12/18/2019 15:35:22</t>
  </si>
  <si>
    <t>C:\Users\jessicabrs\Links\</t>
  </si>
  <si>
    <t>C:\Users\jessicabrs\Music\</t>
  </si>
  <si>
    <t>C:\Users\jessicabrs\Pictures\</t>
  </si>
  <si>
    <t>C:\Users\jessicabrs\Saved Games\</t>
  </si>
  <si>
    <t>C:\Users\jessicabrs\Searches\</t>
  </si>
  <si>
    <t>C:\Users\jessicabrs\Videos\</t>
  </si>
  <si>
    <t>C:\Users\paulohaf\Links\</t>
  </si>
  <si>
    <t>12/18/2019 15:35:23</t>
  </si>
  <si>
    <t>C:\Users\joaopsan\Contacts\</t>
  </si>
  <si>
    <t>C:\Users\joaopsan\Desktop\</t>
  </si>
  <si>
    <t>C:\Users\joaopsan\Documents\</t>
  </si>
  <si>
    <t>C:\Users\joaopsan\Downloads\</t>
  </si>
  <si>
    <t>C:\Users\joaopsan\Favorites\</t>
  </si>
  <si>
    <t>C:\Users\joaopsan\Links\</t>
  </si>
  <si>
    <t>C:\Users\joaopsan\Music\</t>
  </si>
  <si>
    <t>C:\Users\joaopsan\Pictures\</t>
  </si>
  <si>
    <t>C:\Users\joaopsan\Saved Games\</t>
  </si>
  <si>
    <t>C:\Users\joaopsan\Searches\</t>
  </si>
  <si>
    <t>12/18/2019 15:35:24</t>
  </si>
  <si>
    <t>C:\Users\joaopsan\Videos\</t>
  </si>
  <si>
    <t>C:\Users\joaopsan\Favorites\Links\</t>
  </si>
  <si>
    <t>12/18/2019 15:35:25</t>
  </si>
  <si>
    <t>C:\Users\joaopsan\Favorites\Links for Brasil\</t>
  </si>
  <si>
    <t>12/18/2019 15:35:33</t>
  </si>
  <si>
    <t>C:\Users\marianerdo\Contacts\</t>
  </si>
  <si>
    <t>C:\Users\marianerdo\Desktop\</t>
  </si>
  <si>
    <t>C:\Users\marianerdo\Documents\</t>
  </si>
  <si>
    <t>C:\Users\marianerdo\Downloads\</t>
  </si>
  <si>
    <t>C:\Users\marianerdo\Favorites\</t>
  </si>
  <si>
    <t>C:\Users\marianerdo\Links\</t>
  </si>
  <si>
    <t>C:\Users\marianerdo\Music\</t>
  </si>
  <si>
    <t>C:\Users\marianerdo\Pictures\</t>
  </si>
  <si>
    <t>C:\Users\marianerdo\Saved Games\</t>
  </si>
  <si>
    <t>C:\Users\marianerdo\Searches\</t>
  </si>
  <si>
    <t>C:\Users\marianerdo\Videos\</t>
  </si>
  <si>
    <t>C:\Users\marianerdo\Favorites\Links\</t>
  </si>
  <si>
    <t>C:\Users\marianerdo\Favorites\Links for Brasil\</t>
  </si>
  <si>
    <t>12/18/2019 15:35:42</t>
  </si>
  <si>
    <t>C:\Users\marianerdo\AppData\Local\Microsoft\Windows\History\</t>
  </si>
  <si>
    <t>C:\Users\marianerdo\AppData\Local\Microsoft\Windows\Burn\Burn\</t>
  </si>
  <si>
    <t>C:\Users\marianerdo\AppData\Local\Microsoft\Windows Mail\Stationery\</t>
  </si>
  <si>
    <t>Desktop.ini</t>
  </si>
  <si>
    <t>12/18/2019 15:35:44</t>
  </si>
  <si>
    <t>C:\Users\marianerdo\AppData\Roaming\Microsoft\Internet Explorer\Quick Launch\</t>
  </si>
  <si>
    <t>C:\Users\marianerdo\AppData\Roaming\Microsoft\Internet Explorer\Quick Launch\User Pinned\TaskBar\</t>
  </si>
  <si>
    <t>12/18/2019 15:35:45</t>
  </si>
  <si>
    <t>C:\Users\marianerdo\AppData\Roaming\Microsoft\Windows\Libraries\</t>
  </si>
  <si>
    <t>C:\Users\marianerdo\AppData\Roaming\Microsoft\Windows\Recent\</t>
  </si>
  <si>
    <t>C:\Users\marianerdo\AppData\Roaming\Microsoft\Windows\SendTo\</t>
  </si>
  <si>
    <t>C:\Users\marianerdo\AppData\Roaming\Microsoft\Windows\Start Menu\</t>
  </si>
  <si>
    <t>C:\Users\marianerdo\AppData\Roaming\Microsoft\Windows\Start Menu\Programs\</t>
  </si>
  <si>
    <t>C:\Users\marianerdo\AppData\Roaming\Microsoft\Windows\Start Menu\Programs\Accessories\</t>
  </si>
  <si>
    <t>C:\Users\marianerdo\AppData\Roaming\Microsoft\Windows\Start Menu\Programs\Administrative Tools\</t>
  </si>
  <si>
    <t>C:\Users\marianerdo\AppData\Roaming\Microsoft\Windows\Start Menu\Programs\Maintenance\</t>
  </si>
  <si>
    <t>C:\Users\marianerdo\AppData\Roaming\Microsoft\Windows\Start Menu\Programs\Startup\</t>
  </si>
  <si>
    <t>12/18/2019 15:35:46</t>
  </si>
  <si>
    <t>C:\Users\marianerdo\AppData\Roaming\Microsoft\Windows\Start Menu\Programs\Accessories\Accessibility\</t>
  </si>
  <si>
    <t>C:\Users\marianerdo\AppData\Roaming\Microsoft\Windows\Start Menu\Programs\Accessories\System Tools\</t>
  </si>
  <si>
    <t>12/18/2019 15:35:47</t>
  </si>
  <si>
    <t>C:\Users\danielsmo\AppData\Local\Microsoft\Windows\Burn\Burn\</t>
  </si>
  <si>
    <t>C:\Users\danielsmo\AppData\Local\Microsoft\Windows Mail\Stationery\</t>
  </si>
  <si>
    <t>12/18/2019 15:35:49</t>
  </si>
  <si>
    <t>C:\Users\danielsmo\AppData\Roaming\Microsoft\Internet Explorer\Quick Launch\</t>
  </si>
  <si>
    <t>C:\Users\danielsmo\AppData\Roaming\Microsoft\Internet Explorer\Quick Launch\User Pinned\TaskBar\</t>
  </si>
  <si>
    <t>12/18/2019 15:35:50</t>
  </si>
  <si>
    <t>C:\Users\danielsmo\AppData\Roaming\Microsoft\Windows\Libraries\</t>
  </si>
  <si>
    <t>C:\Users\danielsmo\AppData\Roaming\Microsoft\Windows\Recent\</t>
  </si>
  <si>
    <t>12/18/2019 15:31:27</t>
  </si>
  <si>
    <t>C:\Users\danielsmo\AppData\Roaming\Microsoft\Windows\SendTo\</t>
  </si>
  <si>
    <t>C:\Users\danielsmo\AppData\Roaming\Microsoft\Windows\Start Menu\</t>
  </si>
  <si>
    <t>C:\Users\danielsmo\AppData\Roaming\Microsoft\Windows\Start Menu\Programs\</t>
  </si>
  <si>
    <t>12/18/2019 15:35:51</t>
  </si>
  <si>
    <t>C:\Users\danielsmo\AppData\Roaming\Microsoft\Windows\Start Menu\Programs\Accessories\</t>
  </si>
  <si>
    <t>C:\Users\danielsmo\AppData\Roaming\Microsoft\Windows\Start Menu\Programs\Administrative Tools\</t>
  </si>
  <si>
    <t>C:\Users\danielsmo\AppData\Roaming\Microsoft\Windows\Start Menu\Programs\Maintenance\</t>
  </si>
  <si>
    <t>C:\Users\danielsmo\AppData\Roaming\Microsoft\Windows\Start Menu\Programs\Startup\</t>
  </si>
  <si>
    <t>C:\Users\danielsmo\AppData\Roaming\Microsoft\Windows\Start Menu\Programs\Accessories\Accessibility\</t>
  </si>
  <si>
    <t>12/18/2019 15:31:11</t>
  </si>
  <si>
    <t>12/18/2019 15:31:12</t>
  </si>
  <si>
    <t>12/18/2019 15:31:15</t>
  </si>
  <si>
    <t>12/18/2019 15:31:16</t>
  </si>
  <si>
    <t>12/18/2019 15:31:17</t>
  </si>
  <si>
    <t>12/18/2019 15:31:18</t>
  </si>
  <si>
    <t>12/18/2019 15:31:19</t>
  </si>
  <si>
    <t>12/18/2019 15:31:20</t>
  </si>
  <si>
    <t>12/18/2019 15:31:26</t>
  </si>
  <si>
    <t>12/18/2019 15:31:29</t>
  </si>
  <si>
    <t>12/18/2019 15:31:50</t>
  </si>
  <si>
    <t>12/18/2019 15:32:41</t>
  </si>
  <si>
    <t>12/18/2019 15:34:31</t>
  </si>
  <si>
    <t>12/18/2019 15:37:25</t>
  </si>
  <si>
    <t>12/18/2019 15:38:26</t>
  </si>
  <si>
    <t>XLOG_vanessacgs_18122019_111135.log</t>
  </si>
  <si>
    <t>\\acsfs\profiles$\vanessacgs\My Documents\xworkcenter\logs\XLOG_vanessacgs_18122019_111135.log</t>
  </si>
  <si>
    <t>12/18/2019 15:36:36</t>
  </si>
  <si>
    <t>12/18/2019 15:39:26</t>
  </si>
  <si>
    <t>bfa67761-1ab9-408d-aa17-2434677da39b.tmp</t>
  </si>
  <si>
    <t>\\acsfs\profiles$\alinepp\Downloads\bfa67761-1ab9-408d-aa17-2434677da39b.tmp</t>
  </si>
  <si>
    <t>12/18/2019 15:36:31</t>
  </si>
  <si>
    <t>12/18/2019 15:36:47</t>
  </si>
  <si>
    <t>12/18/2019 15:38:14</t>
  </si>
  <si>
    <t>https://udpmailboxap01.acs.com.br:8443/h/search?si=4&amp;so=0&amp;sc=48269&amp;sfi=2&amp;st=conversation&amp;action=compose&amp;paction=paneview</t>
  </si>
  <si>
    <t>martala@algartech.com;</t>
  </si>
  <si>
    <t>https://martala@algartech.com</t>
  </si>
  <si>
    <t>12/18/2019 15:39:07</t>
  </si>
  <si>
    <t>BERNARDO PATRICK CARNEIRO MOTA (23).contact</t>
  </si>
  <si>
    <t>\\acsfs\profiles$\bernardopcm\Contacts\BERNARDO PATRICK CARNEIRO MOTA (23).contact</t>
  </si>
  <si>
    <t>12/18/2019 15:39:11</t>
  </si>
  <si>
    <t>12/18/2019 15:40:25</t>
  </si>
  <si>
    <t>ab0cdf89-6680-4167-9600-4230ca470e23.tmp</t>
  </si>
  <si>
    <t>\\acsfs\profiles$\rosileiam\Downloads\ab0cdf89-6680-4167-9600-4230ca470e23.tmp</t>
  </si>
  <si>
    <t>12/18/2019 15:36:45</t>
  </si>
  <si>
    <t>12/18/2019 15:41:26</t>
  </si>
  <si>
    <t>12/18/2019 15:36:27</t>
  </si>
  <si>
    <t>12/18/2019 15:36:58</t>
  </si>
  <si>
    <t>12/18/2019 15:37:27</t>
  </si>
  <si>
    <t>C:\Users\danielsmo\AppData\Roaming\Microsoft\Windows\Start Menu\Programs\Accessories\System Tools\</t>
  </si>
  <si>
    <t>C:\Users\danielsmo\Favorites\Links\</t>
  </si>
  <si>
    <t>C:\Users\danielsmo\Favorites\Links for Brasil\</t>
  </si>
  <si>
    <t>12/18/2019 15:35:52</t>
  </si>
  <si>
    <t>C:\Users\elianegr\AppData\Local\Microsoft\Windows Mail\Stationery\</t>
  </si>
  <si>
    <t>12/18/2019 15:35:54</t>
  </si>
  <si>
    <t>C:\Users\elianegr\AppData\Roaming\Microsoft\Internet Explorer\Quick Launch\</t>
  </si>
  <si>
    <t>C:\Users\elianegr\AppData\Roaming\Microsoft\Windows\Libraries\</t>
  </si>
  <si>
    <t>C:\Users\elianegr\AppData\Roaming\Microsoft\Windows\Recent\</t>
  </si>
  <si>
    <t>C:\Users\elianegr\AppData\Roaming\Microsoft\Windows\SendTo\</t>
  </si>
  <si>
    <t>12/18/2019 15:35:55</t>
  </si>
  <si>
    <t>C:\Users\elianegr\AppData\Roaming\Microsoft\Windows\Start Menu\Programs\Accessories\</t>
  </si>
  <si>
    <t>C:\Users\elianegr\AppData\Roaming\Microsoft\Windows\Start Menu\Programs\Maintenance\</t>
  </si>
  <si>
    <t>C:\Users\elianegr\AppData\Roaming\Microsoft\Windows\Start Menu\Programs\Accessories\Accessibility\</t>
  </si>
  <si>
    <t>C:\Users\elianegr\AppData\Roaming\Microsoft\Windows\Start Menu\Programs\Accessories\System Tools\</t>
  </si>
  <si>
    <t>C:\Users\elianegr\Favorites\Links for Brasil\</t>
  </si>
  <si>
    <t>12/18/2019 15:35:56</t>
  </si>
  <si>
    <t>C:\Users\esterpsk\AppData\Local\Microsoft\Windows\History\</t>
  </si>
  <si>
    <t>12/18/2019 15:35:57</t>
  </si>
  <si>
    <t>C:\Users\esterpsk\AppData\Local\Microsoft\Windows Mail\Stationery\</t>
  </si>
  <si>
    <t>12/18/2019 15:36:00</t>
  </si>
  <si>
    <t>C:\Users\esterpsk\AppData\Roaming\Microsoft\Internet Explorer\Quick Launch\</t>
  </si>
  <si>
    <t>12/18/2019 15:36:01</t>
  </si>
  <si>
    <t>C:\Users\esterpsk\AppData\Roaming\Microsoft\Windows\Libraries\</t>
  </si>
  <si>
    <t>C:\Users\esterpsk\AppData\Roaming\Microsoft\Windows\Recent\</t>
  </si>
  <si>
    <t>C:\Users\esterpsk\AppData\Roaming\Microsoft\Windows\SendTo\</t>
  </si>
  <si>
    <t>C:\Users\esterpsk\AppData\Roaming\Microsoft\Windows\Start Menu\Programs\Accessories\</t>
  </si>
  <si>
    <t>C:\Users\esterpsk\AppData\Roaming\Microsoft\Windows\Start Menu\Programs\Maintenance\</t>
  </si>
  <si>
    <t>C:\Users\esterpsk\AppData\Roaming\Microsoft\Windows\Start Menu\Programs\Accessories\Accessibility\</t>
  </si>
  <si>
    <t>C:\Users\esterpsk\AppData\Roaming\Microsoft\Windows\Start Menu\Programs\Accessories\System Tools\</t>
  </si>
  <si>
    <t>12/18/2019 15:36:03</t>
  </si>
  <si>
    <t>C:\Users\georgendsq\AppData\Local\Microsoft\Windows Mail\Stationery\</t>
  </si>
  <si>
    <t>12/18/2019 15:36:04</t>
  </si>
  <si>
    <t>C:\Users\georgendsq\AppData\Roaming\Microsoft\Internet Explorer\Quick Launch\</t>
  </si>
  <si>
    <t>C:\Users\georgendsq\AppData\Roaming\Microsoft\Windows\Libraries\</t>
  </si>
  <si>
    <t>C:\Users\georgendsq\AppData\Roaming\Microsoft\Windows\Recent\</t>
  </si>
  <si>
    <t>C:\Users\georgendsq\AppData\Roaming\Microsoft\Windows\SendTo\</t>
  </si>
  <si>
    <t>12/18/2019 15:36:05</t>
  </si>
  <si>
    <t>C:\Users\georgendsq\AppData\Roaming\Microsoft\Windows\Start Menu\Programs\Accessories\</t>
  </si>
  <si>
    <t>C:\Users\georgendsq\AppData\Roaming\Microsoft\Windows\Start Menu\Programs\Maintenance\</t>
  </si>
  <si>
    <t>C:\Users\georgendsq\AppData\Roaming\Microsoft\Windows\Start Menu\Programs\Accessories\Accessibility\</t>
  </si>
  <si>
    <t>C:\Users\georgendsq\AppData\Roaming\Microsoft\Windows\Start Menu\Programs\Accessories\System Tools\</t>
  </si>
  <si>
    <t>12/18/2019 15:36:09</t>
  </si>
  <si>
    <t>C:\Users\diosquellysc\AppData\Local\Microsoft\Windows\History\</t>
  </si>
  <si>
    <t>C:\Users\diosquellysc\AppData\Local\Microsoft\Windows Mail\Stationery\</t>
  </si>
  <si>
    <t>12/18/2019 15:36:10</t>
  </si>
  <si>
    <t>C:\Users\diosquellysc\AppData\Roaming\Microsoft\Internet Explorer\Quick Launch\</t>
  </si>
  <si>
    <t>12/18/2019 15:36:11</t>
  </si>
  <si>
    <t>C:\Users\diosquellysc\AppData\Roaming\Microsoft\Windows\Libraries\</t>
  </si>
  <si>
    <t>C:\Users\diosquellysc\AppData\Roaming\Microsoft\Windows\Recent\</t>
  </si>
  <si>
    <t>C:\Users\diosquellysc\AppData\Roaming\Microsoft\Windows\SendTo\</t>
  </si>
  <si>
    <t>C:\Users\diosquellysc\AppData\Roaming\Microsoft\Windows\Start Menu\Programs\Accessories\</t>
  </si>
  <si>
    <t>C:\Users\diosquellysc\AppData\Roaming\Microsoft\Windows\Start Menu\Programs\Maintenance\</t>
  </si>
  <si>
    <t>C:\Users\diosquellysc\AppData\Roaming\Microsoft\Windows\Start Menu\Programs\Accessories\Accessibility\</t>
  </si>
  <si>
    <t>C:\Users\diosquellysc\AppData\Roaming\Microsoft\Windows\Start Menu\Programs\Accessories\System Tools\</t>
  </si>
  <si>
    <t>12/18/2019 15:36:12</t>
  </si>
  <si>
    <t>C:\Users\jessicabrs\AppData\Local\Microsoft\Windows\Burn\Burn\</t>
  </si>
  <si>
    <t>12/18/2019 15:36:13</t>
  </si>
  <si>
    <t>C:\Users\jessicabrs\AppData\Local\Microsoft\Windows Mail\Stationery\</t>
  </si>
  <si>
    <t>12/18/2019 15:36:14</t>
  </si>
  <si>
    <t>C:\Users\jessicabrs\AppData\Roaming\Microsoft\Internet Explorer\Quick Launch\</t>
  </si>
  <si>
    <t>C:\Users\jessicabrs\AppData\Roaming\Microsoft\Internet Explorer\Quick Launch\User Pinned\TaskBar\</t>
  </si>
  <si>
    <t>C:\Users\jessicabrs\AppData\Roaming\Microsoft\Windows\Libraries\</t>
  </si>
  <si>
    <t>C:\Users\jessicabrs\AppData\Roaming\Microsoft\Windows\Recent\</t>
  </si>
  <si>
    <t>C:\Users\jessicabrs\AppData\Roaming\Microsoft\Windows\SendTo\</t>
  </si>
  <si>
    <t>C:\Users\jessicabrs\AppData\Roaming\Microsoft\Windows\Start Menu\</t>
  </si>
  <si>
    <t>12/18/2019 15:36:15</t>
  </si>
  <si>
    <t>C:\Users\jessicabrs\AppData\Roaming\Microsoft\Windows\Start Menu\Programs\</t>
  </si>
  <si>
    <t>C:\Users\jessicabrs\AppData\Roaming\Microsoft\Windows\Start Menu\Programs\Accessories\</t>
  </si>
  <si>
    <t>C:\Users\jessicabrs\AppData\Roaming\Microsoft\Windows\Start Menu\Programs\Administrative Tools\</t>
  </si>
  <si>
    <t>C:\Users\jessicabrs\AppData\Roaming\Microsoft\Windows\Start Menu\Programs\Maintenance\</t>
  </si>
  <si>
    <t>C:\Users\jessicabrs\AppData\Roaming\Microsoft\Windows\Start Menu\Programs\Startup\</t>
  </si>
  <si>
    <t>C:\Users\jessicabrs\AppData\Roaming\Microsoft\Windows\Start Menu\Programs\Accessories\Accessibility\</t>
  </si>
  <si>
    <t>C:\Users\jessicabrs\AppData\Roaming\Microsoft\Windows\Start Menu\Programs\Accessories\System Tools\</t>
  </si>
  <si>
    <t>C:\Users\jessicabrs\Favorites\Links\</t>
  </si>
  <si>
    <t>C:\Users\jessicabrs\Favorites\Links for Brasil\</t>
  </si>
  <si>
    <t>12/18/2019 15:36:17</t>
  </si>
  <si>
    <t>C:\Users\paulohaf\AppData\Local\Microsoft\Windows Mail\Stationery\</t>
  </si>
  <si>
    <t>12/18/2019 15:36:18</t>
  </si>
  <si>
    <t>C:\Users\paulohaf\AppData\Roaming\Microsoft\Internet Explorer\Quick Launch\</t>
  </si>
  <si>
    <t>C:\Users\paulohaf\AppData\Roaming\Microsoft\Windows\Libraries\</t>
  </si>
  <si>
    <t>C:\Users\paulohaf\AppData\Roaming\Microsoft\Windows\Recent\</t>
  </si>
  <si>
    <t>C:\Users\paulohaf\AppData\Roaming\Microsoft\Windows\SendTo\</t>
  </si>
  <si>
    <t>12/18/2019 15:36:19</t>
  </si>
  <si>
    <t>C:\Users\paulohaf\AppData\Roaming\Microsoft\Windows\Start Menu\Programs\Accessories\</t>
  </si>
  <si>
    <t>C:\Users\paulohaf\AppData\Roaming\Microsoft\Windows\Start Menu\Programs\Maintenance\</t>
  </si>
  <si>
    <t>C:\Users\paulohaf\AppData\Roaming\Microsoft\Windows\Start Menu\Programs\Accessories\Accessibility\</t>
  </si>
  <si>
    <t>C:\Users\paulohaf\AppData\Roaming\Microsoft\Windows\Start Menu\Programs\Accessories\System Tools\</t>
  </si>
  <si>
    <t>C:\Users\josiascdsj\Contacts\</t>
  </si>
  <si>
    <t>C:\Users\josiascdsj\Desktop\</t>
  </si>
  <si>
    <t>C:\Users\josiascdsj\Documents\</t>
  </si>
  <si>
    <t>C:\Users\josiascdsj\Downloads\</t>
  </si>
  <si>
    <t>C:\Users\josiascdsj\Favorites\</t>
  </si>
  <si>
    <t>C:\Users\josiascdsj\Links\</t>
  </si>
  <si>
    <t>C:\Users\josiascdsj\Music\</t>
  </si>
  <si>
    <t>C:\Users\josiascdsj\Pictures\</t>
  </si>
  <si>
    <t>C:\Users\josiascdsj\Saved Games\</t>
  </si>
  <si>
    <t>C:\Users\josiascdsj\Searches\</t>
  </si>
  <si>
    <t>C:\Users\josiascdsj\Videos\</t>
  </si>
  <si>
    <t>12/18/2019 15:36:20</t>
  </si>
  <si>
    <t>C:\Users\josiascdsj\AppData\Local\Microsoft\Windows\Burn\Burn\</t>
  </si>
  <si>
    <t>12/18/2019 15:36:21</t>
  </si>
  <si>
    <t>C:\Users\josiascdsj\AppData\Local\Microsoft\Windows Mail\Stationery\</t>
  </si>
  <si>
    <t>12/18/2019 15:36:22</t>
  </si>
  <si>
    <t>C:\Users\josiascdsj\AppData\Roaming\Microsoft\Internet Explorer\Quick Launch\</t>
  </si>
  <si>
    <t>C:\Users\josiascdsj\AppData\Roaming\Microsoft\Internet Explorer\Quick Launch\User Pinned\TaskBar\</t>
  </si>
  <si>
    <t>C:\Users\josiascdsj\AppData\Roaming\Microsoft\Windows\Libraries\</t>
  </si>
  <si>
    <t>C:\Users\josiascdsj\AppData\Roaming\Microsoft\Windows\Recent\</t>
  </si>
  <si>
    <t>C:\Users\josiascdsj\AppData\Roaming\Microsoft\Windows\SendTo\</t>
  </si>
  <si>
    <t>C:\Users\josiascdsj\AppData\Roaming\Microsoft\Windows\Start Menu\</t>
  </si>
  <si>
    <t>12/18/2019 15:36:23</t>
  </si>
  <si>
    <t>C:\Users\josiascdsj\AppData\Roaming\Microsoft\Windows\Start Menu\Programs\</t>
  </si>
  <si>
    <t>C:\Users\josiascdsj\AppData\Roaming\Microsoft\Windows\Start Menu\Programs\Accessories\</t>
  </si>
  <si>
    <t>C:\Users\josiascdsj\AppData\Roaming\Microsoft\Windows\Start Menu\Programs\Administrative Tools\</t>
  </si>
  <si>
    <t>C:\Users\josiascdsj\AppData\Roaming\Microsoft\Windows\Start Menu\Programs\Maintenance\</t>
  </si>
  <si>
    <t>C:\Users\josiascdsj\AppData\Roaming\Microsoft\Windows\Start Menu\Programs\Startup\</t>
  </si>
  <si>
    <t>C:\Users\josiascdsj\AppData\Roaming\Microsoft\Windows\Start Menu\Programs\Accessories\Accessibility\</t>
  </si>
  <si>
    <t>C:\Users\josiascdsj\AppData\Roaming\Microsoft\Windows\Start Menu\Programs\Accessories\System Tools\</t>
  </si>
  <si>
    <t>C:\Users\josiascdsj\Favorites\Links\</t>
  </si>
  <si>
    <t>C:\Users\josiascdsj\Favorites\Links for Brasil\</t>
  </si>
  <si>
    <t>C:\Users\camillarl\Contacts\</t>
  </si>
  <si>
    <t>C:\Users\camillarl\Desktop\</t>
  </si>
  <si>
    <t>C:\Users\camillarl\Documents\</t>
  </si>
  <si>
    <t>12/18/2019 15:36:24</t>
  </si>
  <si>
    <t>C:\Users\camillarl\Downloads\</t>
  </si>
  <si>
    <t>C:\Users\camillarl\Favorites\</t>
  </si>
  <si>
    <t>C:\Users\camillarl\Links\</t>
  </si>
  <si>
    <t>C:\Users\camillarl\Music\</t>
  </si>
  <si>
    <t>C:\Users\camillarl\Pictures\</t>
  </si>
  <si>
    <t>12/18/2019 15:38:15</t>
  </si>
  <si>
    <t>C:\Users\camillarl\Saved Games\</t>
  </si>
  <si>
    <t>C:\Users\camillarl\Searches\</t>
  </si>
  <si>
    <t>C:\Users\camillarl\Videos\</t>
  </si>
  <si>
    <t>12/18/2019 15:36:25</t>
  </si>
  <si>
    <t>C:\Users\camillarl\AppData\Local\Microsoft\Windows\History\</t>
  </si>
  <si>
    <t>12/18/2019 15:38:16</t>
  </si>
  <si>
    <t>C:\Users\camillarl\AppData\Local\Microsoft\Windows\Burn\Burn\</t>
  </si>
  <si>
    <t>12/18/2019 15:38:18</t>
  </si>
  <si>
    <t>C:\Users\KESIADOF\Links\</t>
  </si>
  <si>
    <t>12/18/2019 15:38:24</t>
  </si>
  <si>
    <t>12/18/2019 15:38:25</t>
  </si>
  <si>
    <t>C:\Users\camillarl\AppData\Local\Microsoft\Windows Mail\Stationery\</t>
  </si>
  <si>
    <t>C:\Users\camillarl\AppData\Roaming\Microsoft\Internet Explorer\Quick Launch\</t>
  </si>
  <si>
    <t>C:\Users\camillarl\AppData\Roaming\Microsoft\Internet Explorer\Quick Launch\User Pinned\TaskBar\</t>
  </si>
  <si>
    <t>C:\Users\camillarl\AppData\Roaming\Microsoft\Windows\Libraries\</t>
  </si>
  <si>
    <t>C:\Users\camillarl\AppData\Roaming\Microsoft\Windows\Recent\</t>
  </si>
  <si>
    <t>C:\Users\camillarl\AppData\Roaming\Microsoft\Windows\SendTo\</t>
  </si>
  <si>
    <t>12/18/2019 15:38:29</t>
  </si>
  <si>
    <t>12/18/2019 15:36:28</t>
  </si>
  <si>
    <t>C:\Users\camillarl\AppData\Roaming\Microsoft\Windows\Start Menu\Programs\Accessories\</t>
  </si>
  <si>
    <t>C:\Users\camillarl\AppData\Roaming\Microsoft\Windows\Start Menu\Programs\Maintenance\</t>
  </si>
  <si>
    <t>C:\Users\camillarl\AppData\Roaming\Microsoft\Windows\Start Menu\Programs\Accessories\Accessibility\</t>
  </si>
  <si>
    <t>12/18/2019 15:38:30</t>
  </si>
  <si>
    <t>C:\Users\camillarl\AppData\Roaming\Microsoft\Windows\Start Menu\Programs\Accessories\System Tools\</t>
  </si>
  <si>
    <t>C:\Users\camillarl\Favorites\Links\</t>
  </si>
  <si>
    <t>C:\Users\camillarl\Favorites\Links for Brasil\</t>
  </si>
  <si>
    <t>12/18/2019 15:38:31</t>
  </si>
  <si>
    <t>C:\Users\KESIADOF.old\Links\</t>
  </si>
  <si>
    <t>12/18/2019 15:38:32</t>
  </si>
  <si>
    <t>C:\Users\douglascm\Links\</t>
  </si>
  <si>
    <t>12/18/2019 15:38:36</t>
  </si>
  <si>
    <t>12/18/2019 15:36:30</t>
  </si>
  <si>
    <t>C:\Users\douglascm\AppData\Local\Microsoft\Windows\History\</t>
  </si>
  <si>
    <t>C:\Users\douglascm\AppData\Local\Microsoft\Windows Mail\Stationery\</t>
  </si>
  <si>
    <t>12/18/2019 15:38:37</t>
  </si>
  <si>
    <t>12/18/2019 15:38:39</t>
  </si>
  <si>
    <t>12/18/2019 15:36:34</t>
  </si>
  <si>
    <t>C:\Users\douglascm\AppData\Roaming\Microsoft\Internet Explorer\Quick Launch\</t>
  </si>
  <si>
    <t>C:\Users\douglascm\AppData\Roaming\Microsoft\Windows\Libraries\</t>
  </si>
  <si>
    <t>C:\Users\douglascm\AppData\Roaming\Microsoft\Windows\Recent\</t>
  </si>
  <si>
    <t>C:\Users\douglascm\AppData\Roaming\Microsoft\Windows\SendTo\</t>
  </si>
  <si>
    <t>12/18/2019 15:38:40</t>
  </si>
  <si>
    <t>C:\Users\douglascm\AppData\Roaming\Microsoft\Windows\Start Menu\Programs\Accessories\</t>
  </si>
  <si>
    <t>12/18/2019 15:38:41</t>
  </si>
  <si>
    <t>C:\Users\douglascm\AppData\Roaming\Microsoft\Windows\Start Menu\Programs\Maintenance\</t>
  </si>
  <si>
    <t>C:\Users\douglascm\AppData\Roaming\Microsoft\Windows\Start Menu\Programs\Accessories\Accessibility\</t>
  </si>
  <si>
    <t>12/18/2019 15:38:42</t>
  </si>
  <si>
    <t>12/18/2019 15:36:35</t>
  </si>
  <si>
    <t>C:\Users\douglascm\AppData\Roaming\Microsoft\Windows\Start Menu\Programs\Accessories\System Tools\</t>
  </si>
  <si>
    <t>12/18/2019 15:38:44</t>
  </si>
  <si>
    <t>C:\Users\anacdos\Links\</t>
  </si>
  <si>
    <t>12/18/2019 15:38:46</t>
  </si>
  <si>
    <t>12/18/2019 15:38:48</t>
  </si>
  <si>
    <t>12/18/2019 15:36:44</t>
  </si>
  <si>
    <t>C:\Users\anacdos\AppData\Local\Microsoft\Windows\History\</t>
  </si>
  <si>
    <t>12/18/2019 15:39:00</t>
  </si>
  <si>
    <t>C:\Users\anacdos\AppData\Local\Microsoft\Windows Mail\Stationery\</t>
  </si>
  <si>
    <t>12/18/2019 15:39:06</t>
  </si>
  <si>
    <t>12/18/2019 15:39:15</t>
  </si>
  <si>
    <t>C:\Users\anacdos\AppData\Roaming\Microsoft\Internet Explorer\Quick Launch\</t>
  </si>
  <si>
    <t>C:\Users\anacdos\AppData\Roaming\Microsoft\Windows\Libraries\</t>
  </si>
  <si>
    <t>C:\Users\anacdos\AppData\Roaming\Microsoft\Windows\Recent\</t>
  </si>
  <si>
    <t>C:\Users\anacdos\AppData\Roaming\Microsoft\Windows\SendTo\</t>
  </si>
  <si>
    <t>12/18/2019 15:36:48</t>
  </si>
  <si>
    <t>C:\Users\anacdos\AppData\Roaming\Microsoft\Windows\Start Menu\Programs\Accessories\</t>
  </si>
  <si>
    <t>12/18/2019 15:39:22</t>
  </si>
  <si>
    <t>12/18/2019 15:39:41</t>
  </si>
  <si>
    <t>12/18/2019 15:39:45</t>
  </si>
  <si>
    <t>C:\Users\anacdos\AppData\Roaming\Microsoft\Windows\Start Menu\Programs\Maintenance\</t>
  </si>
  <si>
    <t>12/18/2019 15:39:46</t>
  </si>
  <si>
    <t>C:\Users\anacdos\AppData\Roaming\Microsoft\Windows\Start Menu\Programs\Accessories\Accessibility\</t>
  </si>
  <si>
    <t>12/18/2019 15:39:47</t>
  </si>
  <si>
    <t>C:\Users\anacdos\AppData\Roaming\Microsoft\Windows\Start Menu\Programs\Accessories\System Tools\</t>
  </si>
  <si>
    <t>12/18/2019 15:39:53</t>
  </si>
  <si>
    <t>12/18/2019 15:40:10</t>
  </si>
  <si>
    <t>12/18/2019 15:40:16</t>
  </si>
  <si>
    <t>12/18/2019 15:36:49</t>
  </si>
  <si>
    <t>C:\Users\albertofn\AppData\Local\Microsoft\Windows\History\</t>
  </si>
  <si>
    <t>12/18/2019 15:36:50</t>
  </si>
  <si>
    <t>C:\Users\albertofn\AppData\Local\Microsoft\Windows Mail\Stationery\</t>
  </si>
  <si>
    <t>12/18/2019 15:40:17</t>
  </si>
  <si>
    <t>12/18/2019 15:36:52</t>
  </si>
  <si>
    <t>C:\Users\albertofn\AppData\Roaming\Microsoft\Internet Explorer\Quick Launch\</t>
  </si>
  <si>
    <t>C:\Users\albertofn\AppData\Roaming\Microsoft\Windows\Libraries\</t>
  </si>
  <si>
    <t>12/18/2019 15:40:21</t>
  </si>
  <si>
    <t>C:\Users\albertofn\AppData\Roaming\Microsoft\Windows\Recent\</t>
  </si>
  <si>
    <t>12/18/2019 15:40:27</t>
  </si>
  <si>
    <t>12/18/2019 15:40:29</t>
  </si>
  <si>
    <t>C:\Users\albertofn\AppData\Roaming\Microsoft\Windows\SendTo\</t>
  </si>
  <si>
    <t>12/18/2019 15:40:30</t>
  </si>
  <si>
    <t>C:\Users\albertofn\AppData\Roaming\Microsoft\Windows\Start Menu\Programs\Accessories\</t>
  </si>
  <si>
    <t>C:\Users\albertofn\AppData\Roaming\Microsoft\Windows\Start Menu\Programs\Maintenance\</t>
  </si>
  <si>
    <t>C:\Users\albertofn\AppData\Roaming\Microsoft\Windows\Start Menu\Programs\Accessories\Accessibility\</t>
  </si>
  <si>
    <t>12/18/2019 15:36:53</t>
  </si>
  <si>
    <t>C:\Users\albertofn\AppData\Roaming\Microsoft\Windows\Start Menu\Programs\Accessories\System Tools\</t>
  </si>
  <si>
    <t>C:\Users\marcotal\Contacts\</t>
  </si>
  <si>
    <t>C:\Users\marcotal\Desktop\</t>
  </si>
  <si>
    <t>C:\Users\marcotal\Documents\</t>
  </si>
  <si>
    <t>C:\Users\marcotal\Downloads\</t>
  </si>
  <si>
    <t>12/18/2019 15:40:31</t>
  </si>
  <si>
    <t>C:\Users\marcotal\Favorites\</t>
  </si>
  <si>
    <t>12/18/2019 15:40:32</t>
  </si>
  <si>
    <t>C:\Users\marcotal\Links\</t>
  </si>
  <si>
    <t>C:\Users\marcotal\Music\</t>
  </si>
  <si>
    <t>12/18/2019 15:40:34</t>
  </si>
  <si>
    <t>C:\Users\marcotal\Pictures\</t>
  </si>
  <si>
    <t>C:\Users\marcotal\Saved Games\</t>
  </si>
  <si>
    <t>12/18/2019 15:40:35</t>
  </si>
  <si>
    <t>C:\Users\marcotal\Searches\</t>
  </si>
  <si>
    <t>C:\Users\marcotal\Videos\</t>
  </si>
  <si>
    <t>12/18/2019 15:40:36</t>
  </si>
  <si>
    <t>12/18/2019 15:36:54</t>
  </si>
  <si>
    <t>C:\Users\marcotal\AppData\Local\Microsoft\Windows\Burn\Burn\</t>
  </si>
  <si>
    <t>12/18/2019 15:40:39</t>
  </si>
  <si>
    <t>C:\Users\marcotal\AppData\Local\Microsoft\Windows Mail\Stationery\</t>
  </si>
  <si>
    <t>12/18/2019 15:40:45</t>
  </si>
  <si>
    <t>12/18/2019 15:36:56</t>
  </si>
  <si>
    <t>C:\Users\marcotal\AppData\Roaming\Microsoft\Internet Explorer\Quick Launch\</t>
  </si>
  <si>
    <t>12/18/2019 15:40:49</t>
  </si>
  <si>
    <t>C:\Users\marcotal\AppData\Roaming\Microsoft\Internet Explorer\Quick Launch\User Pinned\TaskBar\</t>
  </si>
  <si>
    <t>12/18/2019 15:36:57</t>
  </si>
  <si>
    <t>C:\Users\marcotal\AppData\Roaming\Microsoft\Windows\Libraries\</t>
  </si>
  <si>
    <t>12/18/2019 15:40:50</t>
  </si>
  <si>
    <t>C:\Users\marcotal\AppData\Roaming\Microsoft\Windows\Recent\</t>
  </si>
  <si>
    <t>C:\Users\marcotal\AppData\Roaming\Microsoft\Windows\SendTo\</t>
  </si>
  <si>
    <t>12/18/2019 15:40:52</t>
  </si>
  <si>
    <t>C:\Users\marcotal\AppData\Roaming\Microsoft\Windows\Start Menu\</t>
  </si>
  <si>
    <t>C:\Users\marcotal\AppData\Roaming\Microsoft\Windows\Start Menu\Programs\</t>
  </si>
  <si>
    <t>12/18/2019 15:40:53</t>
  </si>
  <si>
    <t>C:\Users\marcotal\AppData\Roaming\Microsoft\Windows\Start Menu\Programs\Accessories\</t>
  </si>
  <si>
    <t>C:\Users\marcotal\AppData\Roaming\Microsoft\Windows\Start Menu\Programs\Administrative Tools\</t>
  </si>
  <si>
    <t>C:\Users\marcotal\AppData\Roaming\Microsoft\Windows\Start Menu\Programs\Maintenance\</t>
  </si>
  <si>
    <t>C:\Users\marcotal\AppData\Roaming\Microsoft\Windows\Start Menu\Programs\Startup\</t>
  </si>
  <si>
    <t>C:\Users\marcotal\AppData\Roaming\Microsoft\Windows\Start Menu\Programs\Accessories\Accessibility\</t>
  </si>
  <si>
    <t>C:\Users\marcotal\AppData\Roaming\Microsoft\Windows\Start Menu\Programs\Accessories\System Tools\</t>
  </si>
  <si>
    <t>C:\Users\marcotal\Favorites\Links\</t>
  </si>
  <si>
    <t>C:\Users\marcotal\Favorites\Links for Brasil\</t>
  </si>
  <si>
    <t>C:\Users\veronicalsr\Links\</t>
  </si>
  <si>
    <t>12/18/2019 15:37:00</t>
  </si>
  <si>
    <t>C:\Users\veronicalsr\AppData\Local\Microsoft\Windows Mail\Stationery\</t>
  </si>
  <si>
    <t>12/18/2019 15:37:01</t>
  </si>
  <si>
    <t>C:\Users\veronicalsr\AppData\Roaming\Microsoft\Internet Explorer\Quick Launch\</t>
  </si>
  <si>
    <t>C:\Users\veronicalsr\AppData\Roaming\Microsoft\Windows\Libraries\</t>
  </si>
  <si>
    <t>C:\Users\veronicalsr\AppData\Roaming\Microsoft\Windows\Recent\</t>
  </si>
  <si>
    <t>C:\Users\veronicalsr\AppData\Roaming\Microsoft\Windows\SendTo\</t>
  </si>
  <si>
    <t>12/18/2019 15:37:02</t>
  </si>
  <si>
    <t>C:\Users\veronicalsr\AppData\Roaming\Microsoft\Windows\Start Menu\Programs\Accessories\</t>
  </si>
  <si>
    <t>C:\Users\veronicalsr\AppData\Roaming\Microsoft\Windows\Start Menu\Programs\Maintenance\</t>
  </si>
  <si>
    <t>C:\Users\veronicalsr\AppData\Roaming\Microsoft\Windows\Start Menu\Programs\Accessories\Accessibility\</t>
  </si>
  <si>
    <t>C:\Users\veronicalsr\AppData\Roaming\Microsoft\Windows\Start Menu\Programs\Accessories\System Tools\</t>
  </si>
  <si>
    <t>C:\Users\tacianamdr\Links\</t>
  </si>
  <si>
    <t>12/18/2019 15:37:05</t>
  </si>
  <si>
    <t>C:\Users\tacianamdr\AppData\Local\Microsoft\Windows\History\</t>
  </si>
  <si>
    <t>12/18/2019 15:37:06</t>
  </si>
  <si>
    <t>C:\Users\tacianamdr\AppData\Local\Microsoft\Windows Mail\Stationery\</t>
  </si>
  <si>
    <t>12/18/2019 15:37:08</t>
  </si>
  <si>
    <t>C:\Users\tacianamdr\AppData\Roaming\Microsoft\Internet Explorer\Quick Launch\</t>
  </si>
  <si>
    <t>C:\Users\tacianamdr\AppData\Roaming\Microsoft\Windows\Libraries\</t>
  </si>
  <si>
    <t>C:\Users\tacianamdr\AppData\Roaming\Microsoft\Windows\Recent\</t>
  </si>
  <si>
    <t>C:\Users\tacianamdr\AppData\Roaming\Microsoft\Windows\SendTo\</t>
  </si>
  <si>
    <t>C:\Users\tacianamdr\AppData\Roaming\Microsoft\Windows\Start Menu\Programs\Accessories\</t>
  </si>
  <si>
    <t>C:\Users\tacianamdr\AppData\Roaming\Microsoft\Windows\Start Menu\Programs\Maintenance\</t>
  </si>
  <si>
    <t>C:\Users\tacianamdr\AppData\Roaming\Microsoft\Windows\Start Menu\Programs\Accessories\Accessibility\</t>
  </si>
  <si>
    <t>C:\Users\tacianamdr\AppData\Roaming\Microsoft\Windows\Start Menu\Programs\Accessories\System Tools\</t>
  </si>
  <si>
    <t>12/18/2019 15:37:09</t>
  </si>
  <si>
    <t>C:\Users\gleycekos\Links\</t>
  </si>
  <si>
    <t>12/18/2019 15:37:12</t>
  </si>
  <si>
    <t>C:\Users\gleycekos\AppData\Local\Microsoft\Windows\History\</t>
  </si>
  <si>
    <t>12/18/2019 15:37:13</t>
  </si>
  <si>
    <t>C:\Users\gleycekos\AppData\Local\Microsoft\Windows Mail\Stationery\</t>
  </si>
  <si>
    <t>12/18/2019 15:37:15</t>
  </si>
  <si>
    <t>C:\Users\gleycekos\AppData\Roaming\Microsoft\Internet Explorer\Quick Launch\</t>
  </si>
  <si>
    <t>12/18/2019 15:37:16</t>
  </si>
  <si>
    <t>C:\Users\gleycekos\AppData\Roaming\Microsoft\Windows\Libraries\</t>
  </si>
  <si>
    <t>C:\Users\gleycekos\AppData\Roaming\Microsoft\Windows\Recent\</t>
  </si>
  <si>
    <t>C:\Users\gleycekos\AppData\Roaming\Microsoft\Windows\SendTo\</t>
  </si>
  <si>
    <t>C:\Users\gleycekos\AppData\Roaming\Microsoft\Windows\Start Menu\Programs\Accessories\</t>
  </si>
  <si>
    <t>C:\Users\gleycekos\AppData\Roaming\Microsoft\Windows\Start Menu\Programs\Maintenance\</t>
  </si>
  <si>
    <t>C:\Users\gleycekos\AppData\Roaming\Microsoft\Windows\Start Menu\Programs\Accessories\Accessibility\</t>
  </si>
  <si>
    <t>C:\Users\gleycekos\AppData\Roaming\Microsoft\Windows\Start Menu\Programs\Accessories\System Tools\</t>
  </si>
  <si>
    <t>C:\Users\tainaralg\Links\</t>
  </si>
  <si>
    <t>12/18/2019 15:37:20</t>
  </si>
  <si>
    <t>C:\Users\tainaralg\AppData\Local\Microsoft\Windows\History\</t>
  </si>
  <si>
    <t>12/18/2019 15:37:21</t>
  </si>
  <si>
    <t>C:\Users\tainaralg\AppData\Local\Microsoft\Windows Mail\Stationery\</t>
  </si>
  <si>
    <t>12/18/2019 15:37:22</t>
  </si>
  <si>
    <t>C:\Users\tainaralg\AppData\Roaming\Microsoft\Internet Explorer\Quick Launch\</t>
  </si>
  <si>
    <t>12/18/2019 15:37:23</t>
  </si>
  <si>
    <t>C:\Users\tainaralg\AppData\Roaming\Microsoft\Windows\Libraries\</t>
  </si>
  <si>
    <t>C:\Users\tainaralg\AppData\Roaming\Microsoft\Windows\Recent\</t>
  </si>
  <si>
    <t>C:\Users\tainaralg\AppData\Roaming\Microsoft\Windows\SendTo\</t>
  </si>
  <si>
    <t>C:\Users\tainaralg\AppData\Roaming\Microsoft\Windows\Start Menu\Programs\Accessories\</t>
  </si>
  <si>
    <t>C:\Users\tainaralg\AppData\Roaming\Microsoft\Windows\Start Menu\Programs\Maintenance\</t>
  </si>
  <si>
    <t>C:\Users\tainaralg\AppData\Roaming\Microsoft\Windows\Start Menu\Programs\Accessories\Accessibility\</t>
  </si>
  <si>
    <t>C:\Users\tainaralg\AppData\Roaming\Microsoft\Windows\Start Menu\Programs\Accessories\System Tools\</t>
  </si>
  <si>
    <t>C:\Users\mayraccds\Links\</t>
  </si>
  <si>
    <t>12/18/2019 15:37:30</t>
  </si>
  <si>
    <t>C:\Users\mayraccds\AppData\Local\Microsoft\Windows\History\</t>
  </si>
  <si>
    <t>C:\Users\mayraccds\AppData\Local\Microsoft\Windows Mail\Stationery\</t>
  </si>
  <si>
    <t>12/18/2019 15:37:33</t>
  </si>
  <si>
    <t>C:\Users\mayraccds\AppData\Roaming\Microsoft\Internet Explorer\Quick Launch\</t>
  </si>
  <si>
    <t>C:\Users\mayraccds\AppData\Roaming\Microsoft\Windows\Libraries\</t>
  </si>
  <si>
    <t>C:\Users\mayraccds\AppData\Roaming\Microsoft\Windows\Recent\</t>
  </si>
  <si>
    <t>C:\Users\mayraccds\AppData\Roaming\Microsoft\Windows\SendTo\</t>
  </si>
  <si>
    <t>C:\Users\mayraccds\AppData\Roaming\Microsoft\Windows\Start Menu\Programs\Accessories\</t>
  </si>
  <si>
    <t>C:\Users\mayraccds\AppData\Roaming\Microsoft\Windows\Start Menu\Programs\Maintenance\</t>
  </si>
  <si>
    <t>C:\Users\mayraccds\AppData\Roaming\Microsoft\Windows\Start Menu\Programs\Accessories\Accessibility\</t>
  </si>
  <si>
    <t>C:\Users\mayraccds\AppData\Roaming\Microsoft\Windows\Start Menu\Programs\Accessories\System Tools\</t>
  </si>
  <si>
    <t>12/18/2019 15:37:34</t>
  </si>
  <si>
    <t>12/18/2019 15:37:38</t>
  </si>
  <si>
    <t>C:\Users\brunnajr\AppData\Local\Microsoft\Windows\History\</t>
  </si>
  <si>
    <t>12/18/2019 15:37:39</t>
  </si>
  <si>
    <t>C:\Users\brunnajr\AppData\Local\Microsoft\Windows Mail\Stationery\</t>
  </si>
  <si>
    <t>12/18/2019 15:37:42</t>
  </si>
  <si>
    <t>C:\Users\brunnajr\AppData\Roaming\Microsoft\Internet Explorer\Quick Launch\</t>
  </si>
  <si>
    <t>C:\Users\brunnajr\AppData\Roaming\Microsoft\Windows\Libraries\</t>
  </si>
  <si>
    <t>C:\Users\brunnajr\AppData\Roaming\Microsoft\Windows\Recent\</t>
  </si>
  <si>
    <t>C:\Users\brunnajr\AppData\Roaming\Microsoft\Windows\SendTo\</t>
  </si>
  <si>
    <t>12/18/2019 15:37:43</t>
  </si>
  <si>
    <t>C:\Users\brunnajr\AppData\Roaming\Microsoft\Windows\Start Menu\Programs\Accessories\</t>
  </si>
  <si>
    <t>C:\Users\brunnajr\AppData\Roaming\Microsoft\Windows\Start Menu\Programs\Maintenance\</t>
  </si>
  <si>
    <t>C:\Users\brunnajr\AppData\Roaming\Microsoft\Windows\Start Menu\Programs\Accessories\Accessibility\</t>
  </si>
  <si>
    <t>C:\Users\brunnajr\AppData\Roaming\Microsoft\Windows\Start Menu\Programs\Accessories\System Tools\</t>
  </si>
  <si>
    <t>C:\Users\brunnajr\Favorites\Links for Brasil\</t>
  </si>
  <si>
    <t>C:\Users\tiagosno\Links\</t>
  </si>
  <si>
    <t>12/18/2019 15:37:45</t>
  </si>
  <si>
    <t>C:\Users\tiagosno\AppData\Local\Microsoft\Windows\History\</t>
  </si>
  <si>
    <t>12/18/2019 15:37:46</t>
  </si>
  <si>
    <t>C:\Users\tiagosno\AppData\Local\Microsoft\Windows Mail\Stationery\</t>
  </si>
  <si>
    <t>12/18/2019 15:37:47</t>
  </si>
  <si>
    <t>C:\Users\tiagosno\AppData\Roaming\Microsoft\Internet Explorer\Quick Launch\</t>
  </si>
  <si>
    <t>C:\Users\tiagosno\AppData\Roaming\Microsoft\Windows\Libraries\</t>
  </si>
  <si>
    <t>C:\Users\tiagosno\AppData\Roaming\Microsoft\Windows\Recent\</t>
  </si>
  <si>
    <t>C:\Users\tiagosno\AppData\Roaming\Microsoft\Windows\SendTo\</t>
  </si>
  <si>
    <t>12/18/2019 15:37:48</t>
  </si>
  <si>
    <t>C:\Users\tiagosno\AppData\Roaming\Microsoft\Windows\Start Menu\Programs\Accessories\</t>
  </si>
  <si>
    <t>C:\Users\tiagosno\AppData\Roaming\Microsoft\Windows\Start Menu\Programs\Maintenance\</t>
  </si>
  <si>
    <t>C:\Users\tiagosno\AppData\Roaming\Microsoft\Windows\Start Menu\Programs\Accessories\Accessibility\</t>
  </si>
  <si>
    <t>C:\Users\tiagosno\AppData\Roaming\Microsoft\Windows\Start Menu\Programs\Accessories\System Tools\</t>
  </si>
  <si>
    <t>C:\Users\maxmillianosv\Links\</t>
  </si>
  <si>
    <t>12/18/2019 15:37:52</t>
  </si>
  <si>
    <t>C:\Users\maxmillianosv\AppData\Local\Microsoft\Windows\History\</t>
  </si>
  <si>
    <t>C:\Users\maxmillianosv\AppData\Local\Microsoft\Windows Mail\Stationery\</t>
  </si>
  <si>
    <t>12/18/2019 15:37:53</t>
  </si>
  <si>
    <t>C:\Users\maxmillianosv\AppData\Roaming\Microsoft\Internet Explorer\Quick Launch\</t>
  </si>
  <si>
    <t>12/18/2019 15:37:54</t>
  </si>
  <si>
    <t>C:\Users\maxmillianosv\AppData\Roaming\Microsoft\Windows\Libraries\</t>
  </si>
  <si>
    <t>C:\Users\maxmillianosv\AppData\Roaming\Microsoft\Windows\Recent\</t>
  </si>
  <si>
    <t>C:\Users\maxmillianosv\AppData\Roaming\Microsoft\Windows\SendTo\</t>
  </si>
  <si>
    <t>C:\Users\maxmillianosv\AppData\Roaming\Microsoft\Windows\Start Menu\Programs\Accessories\</t>
  </si>
  <si>
    <t>C:\Users\maxmillianosv\AppData\Roaming\Microsoft\Windows\Start Menu\Programs\Maintenance\</t>
  </si>
  <si>
    <t>C:\Users\maxmillianosv\AppData\Roaming\Microsoft\Windows\Start Menu\Programs\Accessories\Accessibility\</t>
  </si>
  <si>
    <t>C:\Users\maxmillianosv\AppData\Roaming\Microsoft\Windows\Start Menu\Programs\Accessories\System Tools\</t>
  </si>
  <si>
    <t>12/18/2019 15:37:55</t>
  </si>
  <si>
    <t>12/18/2019 15:37:57</t>
  </si>
  <si>
    <t>C:\Users\thiagoafs\AppData\Local\Microsoft\Windows Mail\Stationery\</t>
  </si>
  <si>
    <t>12/18/2019 15:37:58</t>
  </si>
  <si>
    <t>C:\Users\thiagoafs\AppData\Roaming\Microsoft\Internet Explorer\Quick Launch\</t>
  </si>
  <si>
    <t>12/18/2019 15:37:59</t>
  </si>
  <si>
    <t>C:\Users\thiagoafs\AppData\Roaming\Microsoft\Windows\Libraries\</t>
  </si>
  <si>
    <t>C:\Users\thiagoafs\AppData\Roaming\Microsoft\Windows\Recent\</t>
  </si>
  <si>
    <t>C:\Users\thiagoafs\AppData\Roaming\Microsoft\Windows\SendTo\</t>
  </si>
  <si>
    <t>C:\Users\thiagoafs\AppData\Roaming\Microsoft\Windows\Start Menu\Programs\Accessories\</t>
  </si>
  <si>
    <t>C:\Users\thiagoafs\AppData\Roaming\Microsoft\Windows\Start Menu\Programs\Maintenance\</t>
  </si>
  <si>
    <t>C:\Users\thiagoafs\AppData\Roaming\Microsoft\Windows\Start Menu\Programs\Accessories\Accessibility\</t>
  </si>
  <si>
    <t>C:\Users\thiagoafs\AppData\Roaming\Microsoft\Windows\Start Menu\Programs\Accessories\System Tools\</t>
  </si>
  <si>
    <t>12/18/2019 15:38:00</t>
  </si>
  <si>
    <t>C:\Users\marcosvnds\Links\</t>
  </si>
  <si>
    <t>12/18/2019 15:38:04</t>
  </si>
  <si>
    <t>C:\Users\marcosvnds\AppData\Local\Microsoft\Windows\History\</t>
  </si>
  <si>
    <t>12/18/2019 15:38:05</t>
  </si>
  <si>
    <t>C:\Users\marcosvnds\AppData\Local\Microsoft\Windows Mail\Stationery\</t>
  </si>
  <si>
    <t>12/18/2019 15:38:08</t>
  </si>
  <si>
    <t>C:\Users\marcosvnds\AppData\Roaming\Microsoft\Internet Explorer\Quick Launch\</t>
  </si>
  <si>
    <t>C:\Users\marcosvnds\AppData\Roaming\Microsoft\Windows\Libraries\</t>
  </si>
  <si>
    <t>C:\Users\marcosvnds\AppData\Roaming\Microsoft\Windows\Recent\</t>
  </si>
  <si>
    <t>C:\Users\marcosvnds\AppData\Roaming\Microsoft\Windows\SendTo\</t>
  </si>
  <si>
    <t>C:\Users\marcosvnds\AppData\Roaming\Microsoft\Windows\Start Menu\Programs\Accessories\</t>
  </si>
  <si>
    <t>12/18/2019 15:38:09</t>
  </si>
  <si>
    <t>C:\Users\marcosvnds\AppData\Roaming\Microsoft\Windows\Start Menu\Programs\Maintenance\</t>
  </si>
  <si>
    <t>C:\Users\marcosvnds\AppData\Roaming\Microsoft\Windows\Start Menu\Programs\Accessories\Accessibility\</t>
  </si>
  <si>
    <t>C:\Users\marcosvnds\AppData\Roaming\Microsoft\Windows\Start Menu\Programs\Accessories\System Tools\</t>
  </si>
  <si>
    <t>C:\Users\thaisdss\Links\</t>
  </si>
  <si>
    <t>12/18/2019 15:38:10</t>
  </si>
  <si>
    <t>C:\Users\thaisdss\AppData\Local\Microsoft\Windows\History\</t>
  </si>
  <si>
    <t>C:\Users\thaisdss\AppData\Local\Microsoft\Windows Mail\Stationery\</t>
  </si>
  <si>
    <t>12/18/2019 15:38:12</t>
  </si>
  <si>
    <t>C:\Users\thaisdss\AppData\Roaming\Microsoft\Internet Explorer\Quick Launch\</t>
  </si>
  <si>
    <t>12/18/2019 15:38:13</t>
  </si>
  <si>
    <t>C:\Users\thaisdss\AppData\Roaming\Microsoft\Windows\Libraries\</t>
  </si>
  <si>
    <t>C:\Users\thaisdss\AppData\Roaming\Microsoft\Windows\Recent\</t>
  </si>
  <si>
    <t>C:\Users\thaisdss\AppData\Roaming\Microsoft\Windows\SendTo\</t>
  </si>
  <si>
    <t>C:\Users\thaisdss\AppData\Roaming\Microsoft\Windows\Start Menu\Programs\Accessories\</t>
  </si>
  <si>
    <t>C:\Users\thaisdss\AppData\Roaming\Microsoft\Windows\Start Menu\Programs\Maintenance\</t>
  </si>
  <si>
    <t>C:\Users\thaisdss\AppData\Roaming\Microsoft\Windows\Start Menu\Programs\Accessories\Accessibility\</t>
  </si>
  <si>
    <t>C:\Users\thaisdss\AppData\Roaming\Microsoft\Windows\Start Menu\Programs\Accessories\System Tools\</t>
  </si>
  <si>
    <t>12/18/2019 15:38:17</t>
  </si>
  <si>
    <t>C:\Users\andrezacapf\AppData\Local\Microsoft\Windows\History\</t>
  </si>
  <si>
    <t>C:\Users\andrezacapf\AppData\Local\Microsoft\Windows Mail\Stationery\</t>
  </si>
  <si>
    <t>12/18/2019 15:38:19</t>
  </si>
  <si>
    <t>C:\Users\andrezacapf\AppData\Roaming\Microsoft\Internet Explorer\Quick Launch\</t>
  </si>
  <si>
    <t>C:\Users\andrezacapf\AppData\Roaming\Microsoft\Windows\Libraries\</t>
  </si>
  <si>
    <t>12/18/2019 15:38:20</t>
  </si>
  <si>
    <t>C:\Users\andrezacapf\AppData\Roaming\Microsoft\Windows\Recent\</t>
  </si>
  <si>
    <t>C:\Users\andrezacapf\AppData\Roaming\Microsoft\Windows\SendTo\</t>
  </si>
  <si>
    <t>C:\Users\andrezacapf\AppData\Roaming\Microsoft\Windows\Start Menu\Programs\Accessories\</t>
  </si>
  <si>
    <t>C:\Users\andrezacapf\AppData\Roaming\Microsoft\Windows\Start Menu\Programs\Maintenance\</t>
  </si>
  <si>
    <t>C:\Users\andrezacapf\AppData\Roaming\Microsoft\Windows\Start Menu\Programs\Accessories\Accessibility\</t>
  </si>
  <si>
    <t>C:\Users\andrezacapf\AppData\Roaming\Microsoft\Windows\Start Menu\Programs\Accessories\System Tools\</t>
  </si>
  <si>
    <t>C:\Users\harunams\Contacts\</t>
  </si>
  <si>
    <t>C:\Users\harunams\Desktop\</t>
  </si>
  <si>
    <t>C:\Users\harunams\Documents\</t>
  </si>
  <si>
    <t>C:\Users\harunams\Downloads\</t>
  </si>
  <si>
    <t>12/18/2019 15:38:21</t>
  </si>
  <si>
    <t>C:\Users\harunams\Favorites\</t>
  </si>
  <si>
    <t>C:\Users\harunams\Links\</t>
  </si>
  <si>
    <t>C:\Users\harunams\Music\</t>
  </si>
  <si>
    <t>C:\Users\harunams\Pictures\</t>
  </si>
  <si>
    <t>C:\Users\harunams\Saved Games\</t>
  </si>
  <si>
    <t>C:\Users\harunams\Searches\</t>
  </si>
  <si>
    <t>C:\Users\harunams\Videos\</t>
  </si>
  <si>
    <t>C:\Users\harunams\AppData\Local\Microsoft\Windows\History\</t>
  </si>
  <si>
    <t>C:\Users\harunams\AppData\Local\Microsoft\Windows\Burn\Burn\</t>
  </si>
  <si>
    <t>12/18/2019 15:38:33</t>
  </si>
  <si>
    <t>C:\Users\harunams\AppData\Local\Microsoft\Windows Mail\Stationery\</t>
  </si>
  <si>
    <t>12/18/2019 15:38:35</t>
  </si>
  <si>
    <t>C:\Users\harunams\AppData\Roaming\Microsoft\Internet Explorer\Quick Launch\</t>
  </si>
  <si>
    <t>C:\Users\harunams\AppData\Roaming\Microsoft\Internet Explorer\Quick Launch\User Pinned\TaskBar\</t>
  </si>
  <si>
    <t>C:\Users\harunams\AppData\Roaming\Microsoft\Windows\Libraries\</t>
  </si>
  <si>
    <t>C:\Users\harunams\AppData\Roaming\Microsoft\Windows\Recent\</t>
  </si>
  <si>
    <t>C:\Users\harunams\AppData\Roaming\Microsoft\Windows\SendTo\</t>
  </si>
  <si>
    <t>C:\Users\harunams\AppData\Roaming\Microsoft\Windows\Start Menu\</t>
  </si>
  <si>
    <t>C:\Users\harunams\AppData\Roaming\Microsoft\Windows\Start Menu\Programs\</t>
  </si>
  <si>
    <t>C:\Users\harunams\AppData\Roaming\Microsoft\Windows\Start Menu\Programs\Accessories\</t>
  </si>
  <si>
    <t>C:\Users\harunams\AppData\Roaming\Microsoft\Windows\Start Menu\Programs\Administrative Tools\</t>
  </si>
  <si>
    <t>C:\Users\harunams\AppData\Roaming\Microsoft\Windows\Start Menu\Programs\Maintenance\</t>
  </si>
  <si>
    <t>C:\Users\harunams\AppData\Roaming\Microsoft\Windows\Start Menu\Programs\Startup\</t>
  </si>
  <si>
    <t>C:\Users\harunams\AppData\Roaming\Microsoft\Windows\Start Menu\Programs\Accessories\Accessibility\</t>
  </si>
  <si>
    <t>C:\Users\harunams\AppData\Roaming\Microsoft\Windows\Start Menu\Programs\Accessories\System Tools\</t>
  </si>
  <si>
    <t>12/18/2019 15:42:26</t>
  </si>
  <si>
    <t>C:\Users\harunams\Favorites\Links\</t>
  </si>
  <si>
    <t>C:\Users\harunams\Favorites\Links for Brasil\</t>
  </si>
  <si>
    <t>12/18/2019 15:38:38</t>
  </si>
  <si>
    <t>C:\Users\joaopsan\AppData\Local\Microsoft\Windows\Burn\Burn\</t>
  </si>
  <si>
    <t>C:\Users\joaopsan\AppData\Local\Microsoft\Windows Mail\Stationery\</t>
  </si>
  <si>
    <t>C:\Users\joaopsan\AppData\Roaming\Microsoft\Internet Explorer\Quick Launch\</t>
  </si>
  <si>
    <t>C:\Users\joaopsan\AppData\Roaming\Microsoft\Internet Explorer\Quick Launch\User Pinned\TaskBar\</t>
  </si>
  <si>
    <t>C:\Users\joaopsan\AppData\Roaming\Microsoft\Windows\Libraries\</t>
  </si>
  <si>
    <t>C:\Users\joaopsan\AppData\Roaming\Microsoft\Windows\Recent\</t>
  </si>
  <si>
    <t>C:\Users\joaopsan\AppData\Roaming\Microsoft\Windows\SendTo\</t>
  </si>
  <si>
    <t>C:\Users\joaopsan\AppData\Roaming\Microsoft\Windows\Start Menu\</t>
  </si>
  <si>
    <t>C:\Users\joaopsan\AppData\Roaming\Microsoft\Windows\Start Menu\Programs\</t>
  </si>
  <si>
    <t>C:\Users\joaopsan\AppData\Roaming\Microsoft\Windows\Start Menu\Programs\Accessories\</t>
  </si>
  <si>
    <t>C:\Users\joaopsan\AppData\Roaming\Microsoft\Windows\Start Menu\Programs\Administrative Tools\</t>
  </si>
  <si>
    <t>C:\Users\joaopsan\AppData\Roaming\Microsoft\Windows\Start Menu\Programs\Maintenance\</t>
  </si>
  <si>
    <t>C:\Users\joaopsan\AppData\Roaming\Microsoft\Windows\Start Menu\Programs\Startup\</t>
  </si>
  <si>
    <t>C:\Users\joaopsan\AppData\Roaming\Microsoft\Windows\Start Menu\Programs\Accessories\Accessibility\</t>
  </si>
  <si>
    <t>C:\Users\joaopsan\AppData\Roaming\Microsoft\Windows\Start Menu\Programs\Accessories\System Tools\</t>
  </si>
  <si>
    <t>C:\Users\YuriCS\Links\</t>
  </si>
  <si>
    <t>12/18/2019 15:38:45</t>
  </si>
  <si>
    <t>C:\Users\YuriCS\AppData\Local\Microsoft\Windows\History\</t>
  </si>
  <si>
    <t>C:\Users\YuriCS\AppData\Local\Microsoft\Windows Mail\Stationery\</t>
  </si>
  <si>
    <t>12/18/2019 15:38:47</t>
  </si>
  <si>
    <t>C:\Users\YuriCS\AppData\Roaming\Microsoft\Internet Explorer\Quick Launch\</t>
  </si>
  <si>
    <t>C:\Users\YuriCS\AppData\Roaming\Microsoft\Internet Explorer\Quick Launch\User Pinned\ImplicitAppShortcuts\9d91276b0be3e46b\</t>
  </si>
  <si>
    <t>C:\Users\YuriCS\AppData\Roaming\Microsoft\Windows\Libraries\</t>
  </si>
  <si>
    <t>C:\Users\YuriCS\AppData\Roaming\Microsoft\Windows\Recent\</t>
  </si>
  <si>
    <t>C:\Users\YuriCS\AppData\Roaming\Microsoft\Windows\SendTo\</t>
  </si>
  <si>
    <t>C:\Users\YuriCS\AppData\Roaming\Microsoft\Windows\Start Menu\Programs\Accessories\</t>
  </si>
  <si>
    <t>C:\Users\YuriCS\AppData\Roaming\Microsoft\Windows\Start Menu\Programs\Maintenance\</t>
  </si>
  <si>
    <t>C:\Users\YuriCS\AppData\Roaming\Microsoft\Windows\Start Menu\Programs\Accessories\Accessibility\</t>
  </si>
  <si>
    <t>C:\Users\YuriCS\AppData\Roaming\Microsoft\Windows\Start Menu\Programs\Accessories\System Tools\</t>
  </si>
  <si>
    <t>12/18/2019 15:38:49</t>
  </si>
  <si>
    <t>C:\Users\luizffn\Contacts\</t>
  </si>
  <si>
    <t>C:\Users\luizffn\Desktop\</t>
  </si>
  <si>
    <t>C:\Users\luizffn\Documents\</t>
  </si>
  <si>
    <t>C:\Users\luizffn\Downloads\</t>
  </si>
  <si>
    <t>C:\Users\luizffn\Favorites\</t>
  </si>
  <si>
    <t>C:\Users\luizffn\Links\</t>
  </si>
  <si>
    <t>C:\Users\luizffn\Music\</t>
  </si>
  <si>
    <t>C:\Users\luizffn\Pictures\</t>
  </si>
  <si>
    <t>C:\Users\luizffn\Saved Games\</t>
  </si>
  <si>
    <t>C:\Users\luizffn\Searches\</t>
  </si>
  <si>
    <t>C:\Users\luizffn\Videos\</t>
  </si>
  <si>
    <t>12/18/2019 15:38:56</t>
  </si>
  <si>
    <t>C:\Users\luizffn\AppData\Local\Microsoft\Windows\History\</t>
  </si>
  <si>
    <t>C:\Users\luizffn\AppData\Local\Microsoft\Windows\Burn\Burn\</t>
  </si>
  <si>
    <t>12/18/2019 15:38:57</t>
  </si>
  <si>
    <t>C:\Users\luizffn\AppData\Local\Microsoft\Windows Mail\Stationery\</t>
  </si>
  <si>
    <t>12/18/2019 15:38:59</t>
  </si>
  <si>
    <t>C:\Users\luizffn\AppData\Roaming\Microsoft\Internet Explorer\Quick Launch\</t>
  </si>
  <si>
    <t>C:\Users\luizffn\AppData\Roaming\Microsoft\Internet Explorer\Quick Launch\User Pinned\TaskBar\</t>
  </si>
  <si>
    <t>C:\Users\luizffn\AppData\Roaming\Microsoft\Windows\Libraries\</t>
  </si>
  <si>
    <t>C:\Users\luizffn\AppData\Roaming\Microsoft\Windows\Recent\</t>
  </si>
  <si>
    <t>C:\Users\luizffn\AppData\Roaming\Microsoft\Windows\SendTo\</t>
  </si>
  <si>
    <t>C:\Users\luizffn\AppData\Roaming\Microsoft\Windows\Start Menu\</t>
  </si>
  <si>
    <t>C:\Users\luizffn\AppData\Roaming\Microsoft\Windows\Start Menu\Programs\</t>
  </si>
  <si>
    <t>12/18/2019 15:39:01</t>
  </si>
  <si>
    <t>C:\Users\luizffn\AppData\Roaming\Microsoft\Windows\Start Menu\Programs\Accessories\</t>
  </si>
  <si>
    <t>C:\Users\luizffn\AppData\Roaming\Microsoft\Windows\Start Menu\Programs\Administrative Tools\</t>
  </si>
  <si>
    <t>C:\Users\luizffn\AppData\Roaming\Microsoft\Windows\Start Menu\Programs\Maintenance\</t>
  </si>
  <si>
    <t>C:\Users\luizffn\AppData\Roaming\Microsoft\Windows\Start Menu\Programs\Startup\</t>
  </si>
  <si>
    <t>C:\Users\luizffn\AppData\Roaming\Microsoft\Windows\Start Menu\Programs\Accessories\Accessibility\</t>
  </si>
  <si>
    <t>C:\Users\luizffn\AppData\Roaming\Microsoft\Windows\Start Menu\Programs\Accessories\System Tools\</t>
  </si>
  <si>
    <t>C:\Users\luizffn\Favorites\Links\</t>
  </si>
  <si>
    <t>C:\Users\luizffn\Favorites\Links for Brasil\</t>
  </si>
  <si>
    <t>C:\Users\matheushds\Links\</t>
  </si>
  <si>
    <t>12/18/2019 15:39:03</t>
  </si>
  <si>
    <t>C:\Users\matheushds\AppData\Local\Microsoft\Windows Mail\Stationery\</t>
  </si>
  <si>
    <t>12/18/2019 15:39:05</t>
  </si>
  <si>
    <t>C:\Users\matheushds\AppData\Roaming\Microsoft\Internet Explorer\Quick Launch\</t>
  </si>
  <si>
    <t>C:\Users\matheushds\AppData\Roaming\Microsoft\Windows\Libraries\</t>
  </si>
  <si>
    <t>C:\Users\matheushds\AppData\Roaming\Microsoft\Windows\Recent\</t>
  </si>
  <si>
    <t>C:\Users\matheushds\AppData\Roaming\Microsoft\Windows\SendTo\</t>
  </si>
  <si>
    <t>C:\Users\matheushds\AppData\Roaming\Microsoft\Windows\Start Menu\Programs\Accessories\</t>
  </si>
  <si>
    <t>C:\Users\matheushds\AppData\Roaming\Microsoft\Windows\Start Menu\Programs\Maintenance\</t>
  </si>
  <si>
    <t>C:\Users\matheushds\AppData\Roaming\Microsoft\Windows\Start Menu\Programs\Accessories\Accessibility\</t>
  </si>
  <si>
    <t>C:\Users\matheushds\AppData\Roaming\Microsoft\Windows\Start Menu\Programs\Accessories\System Tools\</t>
  </si>
  <si>
    <t>C:\Users\rafaeldsal\AppData\Roaming\Microsoft\Internet Explorer\Quick Launch\</t>
  </si>
  <si>
    <t>C:\Users\rafaeldsal\AppData\Roaming\Microsoft\Windows\SendTo\</t>
  </si>
  <si>
    <t>C:\Users\rafaeldsal\AppData\Roaming\Microsoft\Windows\Start Menu\Programs\Accessories\</t>
  </si>
  <si>
    <t>C:\Users\rafaeldsal\AppData\Roaming\Microsoft\Windows\Start Menu\Programs\Maintenance\</t>
  </si>
  <si>
    <t>C:\Users\rafaeldsal\AppData\Roaming\Microsoft\Windows\Start Menu\Programs\Accessories\Accessibility\</t>
  </si>
  <si>
    <t>C:\Users\rafaeldsal\AppData\Roaming\Microsoft\Windows\Start Menu\Programs\Accessories\System Tools\</t>
  </si>
  <si>
    <t>12/18/2019 15:39:08</t>
  </si>
  <si>
    <t>C:\Users\marianeps\Contacts\</t>
  </si>
  <si>
    <t>C:\Users\marianeps\Desktop\</t>
  </si>
  <si>
    <t>C:\Users\marianeps\Documents\</t>
  </si>
  <si>
    <t>C:\Users\marianeps\Downloads\</t>
  </si>
  <si>
    <t>C:\Users\marianeps\Favorites\</t>
  </si>
  <si>
    <t>C:\Users\marianeps\Links\</t>
  </si>
  <si>
    <t>C:\Users\marianeps\Music\</t>
  </si>
  <si>
    <t>C:\Users\marianeps\Pictures\</t>
  </si>
  <si>
    <t>C:\Users\marianeps\Saved Games\</t>
  </si>
  <si>
    <t>C:\Users\marianeps\Searches\</t>
  </si>
  <si>
    <t>C:\Users\marianeps\Videos\</t>
  </si>
  <si>
    <t>C:\Users\marianeps\AppData\Local\Microsoft\Windows\History\</t>
  </si>
  <si>
    <t>C:\Users\marianeps\AppData\Local\Microsoft\Windows\Burn\Burn\</t>
  </si>
  <si>
    <t>C:\Users\marianeps\AppData\Local\Microsoft\Windows Mail\Stationery\</t>
  </si>
  <si>
    <t>12/18/2019 15:39:25</t>
  </si>
  <si>
    <t>C:\Users\marianeps\AppData\Roaming\Microsoft\Internet Explorer\Quick Launch\</t>
  </si>
  <si>
    <t>C:\Users\marianeps\AppData\Roaming\Microsoft\Internet Explorer\Quick Launch\User Pinned\TaskBar\</t>
  </si>
  <si>
    <t>C:\Users\marianeps\AppData\Roaming\Microsoft\Windows\Libraries\</t>
  </si>
  <si>
    <t>C:\Users\marianeps\AppData\Roaming\Microsoft\Windows\Recent\</t>
  </si>
  <si>
    <t>C:\Users\marianeps\AppData\Roaming\Microsoft\Windows\SendTo\</t>
  </si>
  <si>
    <t>C:\Users\marianeps\AppData\Roaming\Microsoft\Windows\Start Menu\</t>
  </si>
  <si>
    <t>C:\Users\marianeps\AppData\Roaming\Microsoft\Windows\Start Menu\Programs\</t>
  </si>
  <si>
    <t>C:\Users\marianeps\AppData\Roaming\Microsoft\Windows\Start Menu\Programs\Accessories\</t>
  </si>
  <si>
    <t>C:\Users\marianeps\AppData\Roaming\Microsoft\Windows\Start Menu\Programs\Administrative Tools\</t>
  </si>
  <si>
    <t>C:\Users\marianeps\AppData\Roaming\Microsoft\Windows\Start Menu\Programs\Maintenance\</t>
  </si>
  <si>
    <t>C:\Users\marianeps\AppData\Roaming\Microsoft\Windows\Start Menu\Programs\Startup\</t>
  </si>
  <si>
    <t>C:\Users\marianeps\AppData\Roaming\Microsoft\Windows\Start Menu\Programs\Accessories\Accessibility\</t>
  </si>
  <si>
    <t>C:\Users\marianeps\AppData\Roaming\Microsoft\Windows\Start Menu\Programs\Accessories\System Tools\</t>
  </si>
  <si>
    <t>C:\Users\marianeps\Favorites\Links\</t>
  </si>
  <si>
    <t>C:\Users\marianeps\Favorites\Links for Brasil\</t>
  </si>
  <si>
    <t>12/18/2019 15:39:48</t>
  </si>
  <si>
    <t>12/18/2019 15:39:49</t>
  </si>
  <si>
    <t>12/18/2019 15:39:55</t>
  </si>
  <si>
    <t>12/18/2019 15:39:56</t>
  </si>
  <si>
    <t>12/18/2019 15:39:57</t>
  </si>
  <si>
    <t>12/18/2019 15:39:58</t>
  </si>
  <si>
    <t>12/18/2019 15:39:59</t>
  </si>
  <si>
    <t>12/18/2019 15:40:00</t>
  </si>
  <si>
    <t>12/18/2019 15:40:01</t>
  </si>
  <si>
    <t>12/18/2019 15:40:03</t>
  </si>
  <si>
    <t>12/18/2019 15:40:04</t>
  </si>
  <si>
    <t>12/18/2019 15:40:09</t>
  </si>
  <si>
    <t>12/18/2019 15:40:11</t>
  </si>
  <si>
    <t>12/18/2019 15:40:12</t>
  </si>
  <si>
    <t>12/18/2019 15:40:13</t>
  </si>
  <si>
    <t>12/18/2019 15:40:14</t>
  </si>
  <si>
    <t>12/18/2019 15:40:15</t>
  </si>
  <si>
    <t>12/18/2019 15:40:20</t>
  </si>
  <si>
    <t>12/18/2019 15:40:23</t>
  </si>
  <si>
    <t>12/18/2019 15:40:24</t>
  </si>
  <si>
    <t>12/18/2019 15:40:26</t>
  </si>
  <si>
    <t>12/18/2019 15:40:28</t>
  </si>
  <si>
    <t>12/18/2019 15:40:33</t>
  </si>
  <si>
    <t>12/18/2019 15:40:38</t>
  </si>
  <si>
    <t>12/18/2019 15:40:40</t>
  </si>
  <si>
    <t>12/18/2019 15:40:41</t>
  </si>
  <si>
    <t>12/18/2019 15:40:44</t>
  </si>
  <si>
    <t>12/18/2019 15:40:51</t>
  </si>
  <si>
    <t>12/18/2019 15:44:26</t>
  </si>
  <si>
    <t>12/18/2019 15:41:32</t>
  </si>
  <si>
    <t>12/18/2019 15:41:38</t>
  </si>
  <si>
    <t>12/18/2019 15:41:39</t>
  </si>
  <si>
    <t>12/18/2019 15:41:41</t>
  </si>
  <si>
    <t>12/18/2019 15:41:42</t>
  </si>
  <si>
    <t>12/18/2019 15:41:43</t>
  </si>
  <si>
    <t>12/18/2019 15:41:44</t>
  </si>
  <si>
    <t>12/18/2019 15:41:46</t>
  </si>
  <si>
    <t>12/18/2019 15:41:48</t>
  </si>
  <si>
    <t>12/18/2019 15:41:49</t>
  </si>
  <si>
    <t>12/18/2019 15:41:51</t>
  </si>
  <si>
    <t>12/18/2019 15:41:54</t>
  </si>
  <si>
    <t>12/18/2019 15:41:55</t>
  </si>
  <si>
    <t>12/18/2019 15:41:59</t>
  </si>
  <si>
    <t>12/18/2019 15:42:00</t>
  </si>
  <si>
    <t>12/18/2019 15:42:47</t>
  </si>
  <si>
    <t>12/18/2019 15:42:01</t>
  </si>
  <si>
    <t>12/18/2019 15:42:02</t>
  </si>
  <si>
    <t>12/18/2019 15:42:03</t>
  </si>
  <si>
    <t>12/18/2019 15:42:04</t>
  </si>
  <si>
    <t>12/18/2019 15:42:05</t>
  </si>
  <si>
    <t>12/18/2019 15:42:06</t>
  </si>
  <si>
    <t>12/18/2019 15:42:07</t>
  </si>
  <si>
    <t>12/18/2019 15:42:09</t>
  </si>
  <si>
    <t>12/18/2019 15:42:10</t>
  </si>
  <si>
    <t>12/18/2019 15:42:11</t>
  </si>
  <si>
    <t>12/18/2019 15:42:12</t>
  </si>
  <si>
    <t>12/18/2019 15:42:13</t>
  </si>
  <si>
    <t>12/18/2019 15:42:14</t>
  </si>
  <si>
    <t>12/18/2019 15:42:15</t>
  </si>
  <si>
    <t>12/18/2019 15:42:18</t>
  </si>
  <si>
    <t>12/18/2019 15:42:20</t>
  </si>
  <si>
    <t>12/18/2019 15:42:21</t>
  </si>
  <si>
    <t>12/18/2019 15:42:22</t>
  </si>
  <si>
    <t>12/18/2019 15:42:23</t>
  </si>
  <si>
    <t>12/18/2019 15:43:34</t>
  </si>
  <si>
    <t>12/18/2019 15:41:14</t>
  </si>
  <si>
    <t>12/18/2019 15:42:44</t>
  </si>
  <si>
    <t>12/18/2019 15:43:14</t>
  </si>
  <si>
    <t>12/18/2019 15:43:51</t>
  </si>
  <si>
    <t>96f7f537-8450-4115-84a6-990d4ddfc31f.tmp</t>
  </si>
  <si>
    <t>\\acsfs\profiles$\websondsa\Downloads\96f7f537-8450-4115-84a6-990d4ddfc31f.tmp</t>
  </si>
  <si>
    <t>12/18/2019 15:39:19</t>
  </si>
  <si>
    <t>12/18/2019 15:39:20</t>
  </si>
  <si>
    <t>12/18/2019 15:39:21</t>
  </si>
  <si>
    <t>12/18/2019 15:39:23</t>
  </si>
  <si>
    <t>12/18/2019 15:39:24</t>
  </si>
  <si>
    <t>12/18/2019 15:39:40</t>
  </si>
  <si>
    <t>12/18/2019 15:41:05</t>
  </si>
  <si>
    <t>b5c53118-3114-46c2-a225-4fb72439d98d.tmp</t>
  </si>
  <si>
    <t>\\acsfs\profiles$\bernardopcm\Downloads\b5c53118-3114-46c2-a225-4fb72439d98d.tmp</t>
  </si>
  <si>
    <t>12/18/2019 15:41:08</t>
  </si>
  <si>
    <t>571de493-9f8a-4c8a-b59a-ed7b85318904.tmp</t>
  </si>
  <si>
    <t>\\acsfs\profiles$\bernardopcm\Downloads\571de493-9f8a-4c8a-b59a-ed7b85318904.tmp</t>
  </si>
  <si>
    <t>12/18/2019 15:42:17</t>
  </si>
  <si>
    <t>e90e2d1d-c5fb-45c7-8fe5-2ab3f65d9d0e.tmp</t>
  </si>
  <si>
    <t>\\acsfs\profiles$\bernardopcm\Downloads\e90e2d1d-c5fb-45c7-8fe5-2ab3f65d9d0e.tmp</t>
  </si>
  <si>
    <t>12/18/2019 15:39:37</t>
  </si>
  <si>
    <t>12/18/2019 15:45:26</t>
  </si>
  <si>
    <t>12/18/2019 15:40:54</t>
  </si>
  <si>
    <t>12/18/2019 15:41:16</t>
  </si>
  <si>
    <t>12/18/2019 15:43:52</t>
  </si>
  <si>
    <t>0a114bd7-f4cb-43e5-b236-aecc9c7d01dc.tmp</t>
  </si>
  <si>
    <t>\\acsfs\profiles$\erichds\Downloads\0a114bd7-f4cb-43e5-b236-aecc9c7d01dc.tmp</t>
  </si>
  <si>
    <t>12/18/2019 15:45:28</t>
  </si>
  <si>
    <t>12/18/2019 15:46:26</t>
  </si>
  <si>
    <t>6c1f834b-6730-40ea-96ee-d4fd7a4cf8b3.tmp</t>
  </si>
  <si>
    <t>\\acsfs\profiles$\gabrielarb\Downloads\6c1f834b-6730-40ea-96ee-d4fd7a4cf8b3.tmp</t>
  </si>
  <si>
    <t>12/18/2019 15:42:27</t>
  </si>
  <si>
    <t>12/18/2019 15:43:27</t>
  </si>
  <si>
    <t>12/18/2019 15:44:58</t>
  </si>
  <si>
    <t>12/18/2019 15:43:10</t>
  </si>
  <si>
    <t>12/18/2019 15:43:13</t>
  </si>
  <si>
    <t>12/18/2019 15:43:15</t>
  </si>
  <si>
    <t>12/18/2019 15:43:20</t>
  </si>
  <si>
    <t>12/18/2019 15:43:33</t>
  </si>
  <si>
    <t>12/18/2019 15:43:35</t>
  </si>
  <si>
    <t>12/18/2019 15:43:41</t>
  </si>
  <si>
    <t>12/18/2019 15:44:03</t>
  </si>
  <si>
    <t>12/18/2019 15:41:04</t>
  </si>
  <si>
    <t>12/18/2019 15:47:26</t>
  </si>
  <si>
    <t>12/18/2019 15:41:09</t>
  </si>
  <si>
    <t>12/18/2019 15:41:10</t>
  </si>
  <si>
    <t>12/18/2019 15:41:11</t>
  </si>
  <si>
    <t>12/18/2019 15:41:12</t>
  </si>
  <si>
    <t>12/18/2019 15:41:15</t>
  </si>
  <si>
    <t>12/18/2019 15:41:22</t>
  </si>
  <si>
    <t>12/18/2019 15:41:23</t>
  </si>
  <si>
    <t>12/18/2019 15:41:24</t>
  </si>
  <si>
    <t>12/18/2019 15:41:25</t>
  </si>
  <si>
    <t>12/18/2019 15:41:27</t>
  </si>
  <si>
    <t>12/18/2019 15:41:28</t>
  </si>
  <si>
    <t>12/18/2019 15:41:37</t>
  </si>
  <si>
    <t>12/18/2019 15:41:40</t>
  </si>
  <si>
    <t>12/18/2019 15:41:50</t>
  </si>
  <si>
    <t>12/18/2019 15:41:52</t>
  </si>
  <si>
    <t>12/18/2019 15:41:53</t>
  </si>
  <si>
    <t>12/18/2019 15:41:57</t>
  </si>
  <si>
    <t>12/18/2019 15:41:58</t>
  </si>
  <si>
    <t>12/18/2019 15:42:16</t>
  </si>
  <si>
    <t>12/18/2019 15:42:24</t>
  </si>
  <si>
    <t>12/18/2019 15:42:25</t>
  </si>
  <si>
    <t>12/18/2019 15:43:53</t>
  </si>
  <si>
    <t>12/18/2019 15:43:55</t>
  </si>
  <si>
    <t>12/18/2019 15:44:13</t>
  </si>
  <si>
    <t>12/18/2019 15:44:14</t>
  </si>
  <si>
    <t>12/18/2019 15:44:15</t>
  </si>
  <si>
    <t>12/18/2019 15:44:16</t>
  </si>
  <si>
    <t>12/18/2019 15:44:17</t>
  </si>
  <si>
    <t>12/18/2019 15:44:20</t>
  </si>
  <si>
    <t>12/18/2019 15:44:21</t>
  </si>
  <si>
    <t>12/18/2019 15:44:28</t>
  </si>
  <si>
    <t>12/18/2019 15:44:29</t>
  </si>
  <si>
    <t>12/18/2019 15:44:30</t>
  </si>
  <si>
    <t>12/18/2019 15:44:32</t>
  </si>
  <si>
    <t>12/18/2019 15:44:33</t>
  </si>
  <si>
    <t>12/18/2019 15:44:37</t>
  </si>
  <si>
    <t>12/18/2019 15:44:38</t>
  </si>
  <si>
    <t>12/18/2019 15:44:39</t>
  </si>
  <si>
    <t>12/18/2019 15:44:40</t>
  </si>
  <si>
    <t>12/18/2019 15:44:41</t>
  </si>
  <si>
    <t>12/18/2019 15:44:42</t>
  </si>
  <si>
    <t>12/18/2019 15:44:43</t>
  </si>
  <si>
    <t>12/18/2019 15:44:50</t>
  </si>
  <si>
    <t>12/18/2019 15:44:56</t>
  </si>
  <si>
    <t>12/18/2019 15:44:57</t>
  </si>
  <si>
    <t>12/18/2019 15:44:59</t>
  </si>
  <si>
    <t>12/18/2019 15:45:18</t>
  </si>
  <si>
    <t>12/18/2019 15:45:20</t>
  </si>
  <si>
    <t>12/18/2019 15:45:27</t>
  </si>
  <si>
    <t>12/18/2019 15:45:29</t>
  </si>
  <si>
    <t>12/18/2019 15:45:30</t>
  </si>
  <si>
    <t>12/18/2019 15:45:31</t>
  </si>
  <si>
    <t>12/18/2019 15:45:34</t>
  </si>
  <si>
    <t>C:\Users\lorenacagf\Contacts\</t>
  </si>
  <si>
    <t>C:\Users\lorenacagf\Documents\</t>
  </si>
  <si>
    <t>C:\Users\lorenacagf\Downloads\</t>
  </si>
  <si>
    <t>C:\Users\lorenacagf\Favorites\</t>
  </si>
  <si>
    <t>C:\Users\lorenacagf\Links\</t>
  </si>
  <si>
    <t>C:\Users\lorenacagf\Music\</t>
  </si>
  <si>
    <t>C:\Users\lorenacagf\Pictures\</t>
  </si>
  <si>
    <t>C:\Users\lorenacagf\Saved Games\</t>
  </si>
  <si>
    <t>C:\Users\lorenacagf\Searches\</t>
  </si>
  <si>
    <t>C:\Users\lorenacagf\Videos\</t>
  </si>
  <si>
    <t>12/18/2019 15:45:45</t>
  </si>
  <si>
    <t>12/18/2019 15:45:46</t>
  </si>
  <si>
    <t>12/18/2019 15:45:48</t>
  </si>
  <si>
    <t>12/18/2019 15:45:50</t>
  </si>
  <si>
    <t>C:\Users\KESIADOF.old\documents\</t>
  </si>
  <si>
    <t>Atualiza WFM.lnk</t>
  </si>
  <si>
    <t>12/18/2019 15:45:51</t>
  </si>
  <si>
    <t>12/18/2019 15:45:57</t>
  </si>
  <si>
    <t>12/18/2019 15:45:58</t>
  </si>
  <si>
    <t>12/18/2019 15:45:59</t>
  </si>
  <si>
    <t>12/18/2019 15:46:00</t>
  </si>
  <si>
    <t>12/18/2019 15:46:14</t>
  </si>
  <si>
    <t>12/18/2019 15:46:34</t>
  </si>
  <si>
    <t>12/18/2019 15:49:26</t>
  </si>
  <si>
    <t>12/18/2019 15:44:46</t>
  </si>
  <si>
    <t>12/18/2019 15:47:49</t>
  </si>
  <si>
    <t>12/18/2019 15:48:19</t>
  </si>
  <si>
    <t>12/18/2019 15:44:12</t>
  </si>
  <si>
    <t>dc329a62-4844-4f18-bdcf-a4f2a9726f0c.tmp</t>
  </si>
  <si>
    <t>\\acsfs\profiles$\gabrielamdp\Downloads\dc329a62-4844-4f18-bdcf-a4f2a9726f0c.tmp</t>
  </si>
  <si>
    <t>12/18/2019 15:48:49</t>
  </si>
  <si>
    <t>12/18/2019 15:45:00</t>
  </si>
  <si>
    <t>a023cd20-fa02-4699-b265-fc148275a257.tmp</t>
  </si>
  <si>
    <t>\\acsfs\profiles$\websondsa\Downloads\a023cd20-fa02-4699-b265-fc148275a257.tmp</t>
  </si>
  <si>
    <t>12/18/2019 15:45:09</t>
  </si>
  <si>
    <t>a3a71350-6de6-40a6-b454-c41ddb487483.tmp</t>
  </si>
  <si>
    <t>\\acsfs\profiles$\websondsa\Downloads\a3a71350-6de6-40a6-b454-c41ddb487483.tmp</t>
  </si>
  <si>
    <t>12/18/2019 15:48:07</t>
  </si>
  <si>
    <t>12/18/2019 15:50:25</t>
  </si>
  <si>
    <t>vendas dezembro 6.txt</t>
  </si>
  <si>
    <t>\\acsfs\profiles$\thaynaracsl\My Documents\vendas dezembro 6.txt</t>
  </si>
  <si>
    <t>12/18/2019 15:47:15</t>
  </si>
  <si>
    <t>8dd5a3e6-eca9-46a8-87b6-82cab99ddce5.tmp</t>
  </si>
  <si>
    <t>\\acsfs\profiles$\danielta\Downloads\8dd5a3e6-eca9-46a8-87b6-82cab99ddce5.tmp</t>
  </si>
  <si>
    <t>12/18/2019 15:46:11</t>
  </si>
  <si>
    <t>12/18/2019 15:51:26</t>
  </si>
  <si>
    <t>12/18/2019 15:48:27</t>
  </si>
  <si>
    <t>12/18/2019 15:49:27</t>
  </si>
  <si>
    <t>12/18/2019 15:47:53</t>
  </si>
  <si>
    <t>241664e3-5a89-4bcb-beff-9118e113d2c3.tmp</t>
  </si>
  <si>
    <t>\\acsfs\profiles$\victorgl\Downloads\241664e3-5a89-4bcb-beff-9118e113d2c3.tmp</t>
  </si>
  <si>
    <t>12/18/2019 15:51:13</t>
  </si>
  <si>
    <t>12/18/2019 15:51:14</t>
  </si>
  <si>
    <t>12/18/2019 15:51:15</t>
  </si>
  <si>
    <t>12/18/2019 15:46:41</t>
  </si>
  <si>
    <t>12/18/2019 15:52:25</t>
  </si>
  <si>
    <t>12/18/2019 15:46:43</t>
  </si>
  <si>
    <t>12/18/2019 15:46:44</t>
  </si>
  <si>
    <t>12/18/2019 15:46:45</t>
  </si>
  <si>
    <t>12/18/2019 15:46:46</t>
  </si>
  <si>
    <t>12/18/2019 15:47:17</t>
  </si>
  <si>
    <t>12/18/2019 15:47:24</t>
  </si>
  <si>
    <t>12/18/2019 15:47:27</t>
  </si>
  <si>
    <t>12/18/2019 15:47:28</t>
  </si>
  <si>
    <t>12/18/2019 15:47:29</t>
  </si>
  <si>
    <t>12/18/2019 15:49:34</t>
  </si>
  <si>
    <t>e76cf16f-7430-4b51-bd18-081ed73d9229.tmp</t>
  </si>
  <si>
    <t>\\acsfs\profiles$\paulovadc\Downloads\e76cf16f-7430-4b51-bd18-081ed73d9229.tmp</t>
  </si>
  <si>
    <t>12/18/2019 15:47:47</t>
  </si>
  <si>
    <t>12/18/2019 15:47:58</t>
  </si>
  <si>
    <t>12/18/2019 15:48:09</t>
  </si>
  <si>
    <t>12/18/2019 15:48:10</t>
  </si>
  <si>
    <t>12/18/2019 15:48:11</t>
  </si>
  <si>
    <t>12/18/2019 15:48:12</t>
  </si>
  <si>
    <t>12/18/2019 15:48:13</t>
  </si>
  <si>
    <t>12/18/2019 15:48:14</t>
  </si>
  <si>
    <t>12/18/2019 15:48:20</t>
  </si>
  <si>
    <t>12/18/2019 15:48:22</t>
  </si>
  <si>
    <t>12/18/2019 15:48:26</t>
  </si>
  <si>
    <t>12/18/2019 15:48:28</t>
  </si>
  <si>
    <t>12/18/2019 15:48:29</t>
  </si>
  <si>
    <t>12/18/2019 15:48:30</t>
  </si>
  <si>
    <t>12/18/2019 15:48:41</t>
  </si>
  <si>
    <t>12/18/2019 15:48:54</t>
  </si>
  <si>
    <t>12/18/2019 15:48:59</t>
  </si>
  <si>
    <t>12/18/2019 15:49:00</t>
  </si>
  <si>
    <t>12/18/2019 15:49:01</t>
  </si>
  <si>
    <t>12/18/2019 15:49:02</t>
  </si>
  <si>
    <t>12/18/2019 15:49:03</t>
  </si>
  <si>
    <t>12/18/2019 15:49:10</t>
  </si>
  <si>
    <t>12/18/2019 15:49:15</t>
  </si>
  <si>
    <t>12/18/2019 15:49:16</t>
  </si>
  <si>
    <t>12/18/2019 15:49:17</t>
  </si>
  <si>
    <t>12/18/2019 15:49:18</t>
  </si>
  <si>
    <t>12/18/2019 15:49:19</t>
  </si>
  <si>
    <t>12/18/2019 15:49:20</t>
  </si>
  <si>
    <t>12/18/2019 15:49:21</t>
  </si>
  <si>
    <t>12/18/2019 15:49:59</t>
  </si>
  <si>
    <t>12/18/2019 15:50:16</t>
  </si>
  <si>
    <t>12/18/2019 15:50:26</t>
  </si>
  <si>
    <t>12/18/2019 15:50:27</t>
  </si>
  <si>
    <t>12/18/2019 15:50:28</t>
  </si>
  <si>
    <t>12/18/2019 15:50:29</t>
  </si>
  <si>
    <t>12/18/2019 15:50:32</t>
  </si>
  <si>
    <t>12/18/2019 15:50:33</t>
  </si>
  <si>
    <t>12/18/2019 15:50:39</t>
  </si>
  <si>
    <t>12/18/2019 15:50:41</t>
  </si>
  <si>
    <t>12/18/2019 15:50:42</t>
  </si>
  <si>
    <t>12/18/2019 15:50:43</t>
  </si>
  <si>
    <t>12/18/2019 15:50:55</t>
  </si>
  <si>
    <t>12/18/2019 15:50:59</t>
  </si>
  <si>
    <t>12/18/2019 15:51:04</t>
  </si>
  <si>
    <t>12/18/2019 15:51:06</t>
  </si>
  <si>
    <t>12/18/2019 15:51:07</t>
  </si>
  <si>
    <t>12/18/2019 15:51:08</t>
  </si>
  <si>
    <t>12/18/2019 15:51:46</t>
  </si>
  <si>
    <t>4981d64f-4b0c-4624-95ee-9870caccc7a4.tmp</t>
  </si>
  <si>
    <t>\\acsfs\profiles$\laurandos\Downloads\4981d64f-4b0c-4624-95ee-9870caccc7a4.tmp</t>
  </si>
  <si>
    <t>12/18/2019 15:48:47</t>
  </si>
  <si>
    <t>12/18/2019 15:54:25</t>
  </si>
  <si>
    <t>12/18/2019 15:50:11</t>
  </si>
  <si>
    <t>https://udpmailboxap01.acs.com.br:8443/h/search?si=4&amp;so=0&amp;sc=48331&amp;st=conversation&amp;action=compose&amp;paction=paneview2</t>
  </si>
  <si>
    <t>12/18/2019 15:51:05</t>
  </si>
  <si>
    <t>6cb47556-f30f-4114-bcd6-f81af797123c.tmp</t>
  </si>
  <si>
    <t>\\acsfs\profiles$\bernardopcm\Downloads\6cb47556-f30f-4114-bcd6-f81af797123c.tmp</t>
  </si>
  <si>
    <t>12/18/2019 15:49:47</t>
  </si>
  <si>
    <t>12/18/2019 15:55:26</t>
  </si>
  <si>
    <t>adrianoms@algartech.com;anapscl@algartech.com;andressacpd@algartech.com;elton.costa@quilleconsultoria.com.br;fabio.ribeiro@algartech.com;fabio.ribeiro@algartech.com.br;fabiolacc@algartecnologia.com.br;fredericobs@algartecnologia.com.br;julianatem@algartech.com;juliogp@algartech.com.br;katiargf@algartech.com;luanaaoli@algartech.com;marcela.cunha@temposervicos.com.br;micheless@algartech.com.br;polati@algartech.com;rafaelaas@algartech.com;</t>
  </si>
  <si>
    <t>Painel Bacen Procedente 20191218.xlsx</t>
  </si>
  <si>
    <t>adrianoms@algartech.com,anapscl@algartech.com,andressacpd@algartech.com,elton.costa@quilleconsultoria.com.br,fabio.ribeiro@algartech.com,fabio.ribeiro@algartech.com.br,fabiolacc@algartecnologia.com.br,fredericobs@algartecnologia.com.br,julianatem@algartech.com,juliogp@algartech.com.br,katiargf@algartech.com,luanaaoli@algartech.com,marcela.cunha@temposervicos.com.br,micheless@algartech.com.br,polati@algartech.com,rafaelaas@algartech.com</t>
  </si>
  <si>
    <t>ana.palazzo@bradesco.com.br;anapscl@algartech.com;ariana.ribeiro@bradesco.com.br;filipe.s.carvalho@bradesco.com.br;helen.alves@bradesco.com.br;juliana.rocha@temposervicos.com.br;kenia.oliveira@bradesco.com.br;micheless@algartech.com.br;patriciabezerra.silva@bradesco.com.br;rafael.a.silva@bradesco.com.br;reginaldo.cardozo@bradesco.com.br;renata.gouveia@temposervicos.com.br;rodrigo.cunha@temposervicos.com.br;solange.contriciani@bradesco.com.br;thais.nunes@temposervicos.com.br;</t>
  </si>
  <si>
    <t>Painel Bacen Procedente GOV 20191218.xlsx</t>
  </si>
  <si>
    <t>ana.palazzo@bradesco.com.br,anapscl@algartech.com,ariana.ribeiro@bradesco.com.br,filipe.s.carvalho@bradesco.com.br,helen.alves@bradesco.com.br,juliana.rocha@temposervicos.com.br,kenia.oliveira@bradesco.com.br,micheless@algartech.com.br,patriciabezerra.silva@bradesco.com.br,rafael.a.silva@bradesco.com.br,reginaldo.cardozo@bradesco.com.br,renata.gouveia@temposervicos.com.br,rodrigo.cunha@temposervicos.com.br,solange.contriciani@bradesco.com.br,thais.nunes@temposervicos.com.br</t>
  </si>
  <si>
    <t>12/18/2019 15:53:09</t>
  </si>
  <si>
    <t>366df1ba-602a-4830-9550-77ae91319ef2.tmp</t>
  </si>
  <si>
    <t>\\acsfs\profiles$\erichds\Downloads\366df1ba-602a-4830-9550-77ae91319ef2.tmp</t>
  </si>
  <si>
    <t>12/18/2019 15:56:25</t>
  </si>
  <si>
    <t>12/18/2019 15:52:51</t>
  </si>
  <si>
    <t>12/18/2019 15:54:27</t>
  </si>
  <si>
    <t>12/18/2019 15:55:27</t>
  </si>
  <si>
    <t>12/18/2019 15:54:02</t>
  </si>
  <si>
    <t>\\acsfs\DEPTOS\EDUCACAO EMPRESARIAL\2 - Operações\2 - Amex\2.1.2 -Treinadores\1 - Treinadores\</t>
  </si>
  <si>
    <t>\\acsfs\DEPTOS\EDUCACAO EMPRESARIAL\2 - Operações\2 - Amex\Thumbs.db</t>
  </si>
  <si>
    <t>\\acsfs\DEPTOS\EDUCACAO EMPRESARIAL\2 - Operações\2 - Amex\</t>
  </si>
  <si>
    <t>\\acsfs\DEPTOS\EDUCACAO EMPRESARIAL\2 - Operações\2 - Amex\2.1.2 -Treinadores\1 - Treinadores\Thumbs.db</t>
  </si>
  <si>
    <t>12/18/2019 15:55:57</t>
  </si>
  <si>
    <t>12/18/2019 15:55:58</t>
  </si>
  <si>
    <t>12/18/2019 15:55:59</t>
  </si>
  <si>
    <t>12/18/2019 15:51:19</t>
  </si>
  <si>
    <t>12/18/2019 15:51:23</t>
  </si>
  <si>
    <t>12/18/2019 15:56:02</t>
  </si>
  <si>
    <t>12/18/2019 15:57:26</t>
  </si>
  <si>
    <t>12/18/2019 15:52:13</t>
  </si>
  <si>
    <t>12/18/2019 15:52:14</t>
  </si>
  <si>
    <t>12/18/2019 15:52:18</t>
  </si>
  <si>
    <t>12/18/2019 15:52:26</t>
  </si>
  <si>
    <t>12/18/2019 15:52:28</t>
  </si>
  <si>
    <t>12/18/2019 15:52:29</t>
  </si>
  <si>
    <t>12/18/2019 15:52:30</t>
  </si>
  <si>
    <t>12/18/2019 15:52:31</t>
  </si>
  <si>
    <t>12/18/2019 15:52:32</t>
  </si>
  <si>
    <t>12/18/2019 15:52:33</t>
  </si>
  <si>
    <t>12/18/2019 15:52:34</t>
  </si>
  <si>
    <t>12/18/2019 15:52:36</t>
  </si>
  <si>
    <t>12/18/2019 15:52:37</t>
  </si>
  <si>
    <t>12/18/2019 15:52:43</t>
  </si>
  <si>
    <t>12/18/2019 15:52:44</t>
  </si>
  <si>
    <t>12/18/2019 15:52:45</t>
  </si>
  <si>
    <t>12/18/2019 15:52:46</t>
  </si>
  <si>
    <t>12/18/2019 15:52:47</t>
  </si>
  <si>
    <t>12/18/2019 15:52:48</t>
  </si>
  <si>
    <t>12/18/2019 15:52:49</t>
  </si>
  <si>
    <t>12/18/2019 15:52:50</t>
  </si>
  <si>
    <t>12/18/2019 15:52:57</t>
  </si>
  <si>
    <t>12/18/2019 15:53:02</t>
  </si>
  <si>
    <t>12/18/2019 15:53:07</t>
  </si>
  <si>
    <t>12/18/2019 15:53:08</t>
  </si>
  <si>
    <t>12/18/2019 15:53:10</t>
  </si>
  <si>
    <t>12/18/2019 15:53:11</t>
  </si>
  <si>
    <t>12/18/2019 15:53:51</t>
  </si>
  <si>
    <t>12/18/2019 15:53:57</t>
  </si>
  <si>
    <t>12/18/2019 15:54:05</t>
  </si>
  <si>
    <t>12/18/2019 15:54:07</t>
  </si>
  <si>
    <t>12/18/2019 15:54:08</t>
  </si>
  <si>
    <t>12/18/2019 15:54:09</t>
  </si>
  <si>
    <t>12/18/2019 15:54:10</t>
  </si>
  <si>
    <t>12/18/2019 15:54:11</t>
  </si>
  <si>
    <t>12/18/2019 15:54:12</t>
  </si>
  <si>
    <t>12/18/2019 15:54:13</t>
  </si>
  <si>
    <t>12/18/2019 15:54:14</t>
  </si>
  <si>
    <t>12/18/2019 15:54:19</t>
  </si>
  <si>
    <t>12/18/2019 15:54:22</t>
  </si>
  <si>
    <t>12/18/2019 15:54:23</t>
  </si>
  <si>
    <t>12/18/2019 15:54:24</t>
  </si>
  <si>
    <t>12/18/2019 15:54:28</t>
  </si>
  <si>
    <t>12/18/2019 15:54:29</t>
  </si>
  <si>
    <t>12/18/2019 15:54:30</t>
  </si>
  <si>
    <t>12/18/2019 15:55:39</t>
  </si>
  <si>
    <t>12/18/2019 15:55:41</t>
  </si>
  <si>
    <t>12/18/2019 15:55:51</t>
  </si>
  <si>
    <t>12/18/2019 15:55:52</t>
  </si>
  <si>
    <t>12/18/2019 15:55:54</t>
  </si>
  <si>
    <t>12/18/2019 15:55:55</t>
  </si>
  <si>
    <t>12/18/2019 15:55:56</t>
  </si>
  <si>
    <t>12/18/2019 15:56:00</t>
  </si>
  <si>
    <t>12/18/2019 15:54:48</t>
  </si>
  <si>
    <t>12/18/2019 15:59:26</t>
  </si>
  <si>
    <t>https://udpmailboxap01.acs.com.br:8443/h/search?si=0&amp;so=0&amp;sc=48341&amp;st=task&amp;action=edittask</t>
  </si>
  <si>
    <t>12/18/2019 15:57:38</t>
  </si>
  <si>
    <t>74c0ab77-01be-458f-be89-c52bbe9ce3c7.tmp</t>
  </si>
  <si>
    <t>\\acsfs\profiles$\bernardopcm\Downloads\74c0ab77-01be-458f-be89-c52bbe9ce3c7.tmp</t>
  </si>
  <si>
    <t>12/18/2019 15:57:43</t>
  </si>
  <si>
    <t>3ac480ab-78b0-4949-ad7f-c696af68ef56.tmp</t>
  </si>
  <si>
    <t>\\acsfs\profiles$\bernardopcm\Downloads\3ac480ab-78b0-4949-ad7f-c696af68ef56.tmp</t>
  </si>
  <si>
    <t>12/18/2019 15:58:31</t>
  </si>
  <si>
    <t>12/18/2019 16:00:26</t>
  </si>
  <si>
    <t>12/18/2019 16:00:49</t>
  </si>
  <si>
    <t>12/18/2019 16:01:26</t>
  </si>
  <si>
    <t>12/18/2019 15:57:25</t>
  </si>
  <si>
    <t>12/18/2019 15:57:27</t>
  </si>
  <si>
    <t>12/18/2019 16:00:29</t>
  </si>
  <si>
    <t>12/18/2019 16:01:43</t>
  </si>
  <si>
    <t>12/18/2019 16:04:27</t>
  </si>
  <si>
    <t>12/18/2019 16:03:14</t>
  </si>
  <si>
    <t>12/18/2019 15:59:49</t>
  </si>
  <si>
    <t>5d4392ac-bf22-4d0b-b8bb-036050f13e85.tmp</t>
  </si>
  <si>
    <t>\\acsfs\profiles$\vivianibfs\Downloads\5d4392ac-bf22-4d0b-b8bb-036050f13e85.tmp</t>
  </si>
  <si>
    <t>12/18/2019 16:01:19</t>
  </si>
  <si>
    <t>3bf616e8-22c3-4a5e-944b-d0244f9c521f.tmp</t>
  </si>
  <si>
    <t>\\acsfs\profiles$\vivianibfs\Downloads\3bf616e8-22c3-4a5e-944b-d0244f9c521f.tmp</t>
  </si>
  <si>
    <t>12/18/2019 16:00:18</t>
  </si>
  <si>
    <t>b6121da6-82cb-4554-b482-9a60822deb28.tmp</t>
  </si>
  <si>
    <t>\\acsfs\profiles$\gabrielamdp\Downloads\b6121da6-82cb-4554-b482-9a60822deb28.tmp</t>
  </si>
  <si>
    <t>12/18/2019 15:59:08</t>
  </si>
  <si>
    <t>12/18/2019 15:59:09</t>
  </si>
  <si>
    <t>12/18/2019 15:59:10</t>
  </si>
  <si>
    <t>12/18/2019 15:59:13</t>
  </si>
  <si>
    <t>12/18/2019 15:59:14</t>
  </si>
  <si>
    <t>12/18/2019 15:59:15</t>
  </si>
  <si>
    <t>12/18/2019 15:59:16</t>
  </si>
  <si>
    <t>12/18/2019 15:59:17</t>
  </si>
  <si>
    <t>12/18/2019 15:59:18</t>
  </si>
  <si>
    <t>12/18/2019 15:59:21</t>
  </si>
  <si>
    <t>12/18/2019 15:59:23</t>
  </si>
  <si>
    <t>12/18/2019 15:59:24</t>
  </si>
  <si>
    <t>12/18/2019 15:59:25</t>
  </si>
  <si>
    <t>12/18/2019 15:59:35</t>
  </si>
  <si>
    <t>12/18/2019 15:59:36</t>
  </si>
  <si>
    <t>12/18/2019 16:00:48</t>
  </si>
  <si>
    <t>12/18/2019 16:02:34</t>
  </si>
  <si>
    <t>12/18/2019 16:06:27</t>
  </si>
  <si>
    <t>Dezembro.xlsx</t>
  </si>
  <si>
    <t>12/18/2019 16:01:48</t>
  </si>
  <si>
    <t>12/18/2019 16:01:20</t>
  </si>
  <si>
    <t>12/18/2019 16:01:27</t>
  </si>
  <si>
    <t>12/18/2019 16:03:27</t>
  </si>
  <si>
    <t>12/18/2019 16:01:31</t>
  </si>
  <si>
    <t>XLOG_tiagosno_18122019_082008.log</t>
  </si>
  <si>
    <t>\\acsfs\profiles$\tiagosno\My Documents\xworkcenter\logs\XLOG_tiagosno_18122019_082008.log</t>
  </si>
  <si>
    <t>12/18/2019 16:05:01</t>
  </si>
  <si>
    <t>12/18/2019 16:07:27</t>
  </si>
  <si>
    <t>670ec51b-c534-48e9-b307-32e76164a56c.tmp</t>
  </si>
  <si>
    <t>\\acsfs\profiles$\georgendsq\Downloads\670ec51b-c534-48e9-b307-32e76164a56c.tmp</t>
  </si>
  <si>
    <t>12/18/2019 16:05:15</t>
  </si>
  <si>
    <t>12/18/2019 16:09:27</t>
  </si>
  <si>
    <t>12/18/2019 16:05:45</t>
  </si>
  <si>
    <t>12/18/2019 16:06:16</t>
  </si>
  <si>
    <t>12/18/2019 16:06:46</t>
  </si>
  <si>
    <t>12/18/2019 16:08:35</t>
  </si>
  <si>
    <t>3d332586-f617-4d53-92f0-0642be7eb1a0.tmp</t>
  </si>
  <si>
    <t>\\acsfs\profiles$\gabrielamdp\Downloads\3d332586-f617-4d53-92f0-0642be7eb1a0.tmp</t>
  </si>
  <si>
    <t>12/18/2019 16:04:48</t>
  </si>
  <si>
    <t>12/18/2019 16:06:48</t>
  </si>
  <si>
    <t>12/18/2019 16:07:37</t>
  </si>
  <si>
    <t>Links uteis.txt</t>
  </si>
  <si>
    <t>\\acsfs\Deptos\Operacao\Banco_Votorantim\Supervisao\Rai Carlos\Links uteis.txt</t>
  </si>
  <si>
    <t>12/18/2019 16:06:24</t>
  </si>
  <si>
    <t>12/18/2019 16:10:27</t>
  </si>
  <si>
    <t>12/18/2019 16:11:27</t>
  </si>
  <si>
    <t>12/18/2019 16:08:00</t>
  </si>
  <si>
    <t>12/18/2019 16:09:43</t>
  </si>
  <si>
    <t>12/18/2019 16:09:01</t>
  </si>
  <si>
    <t>\\acsfs\DEPTOS\EDUCACAO EMPRESARIAL\4 - Gestão de Educação\</t>
  </si>
  <si>
    <t>\\acsfs\DEPTOS\EDUCACAO EMPRESARIAL\4 - Gestão de Educação\Thumbs.db</t>
  </si>
  <si>
    <t>12/18/2019 16:09:05</t>
  </si>
  <si>
    <t>\\acsfs\DEPTOS\EDUCACAO EMPRESARIAL\4 - Gestão de Educação\4.4 Analistas\</t>
  </si>
  <si>
    <t>\\acsfs\DEPTOS\EDUCACAO EMPRESARIAL\4 - Gestão de Educação\4.4 Analistas\Thumbs.db</t>
  </si>
  <si>
    <t>12/18/2019 16:07:36</t>
  </si>
  <si>
    <t>12/18/2019 16:12:28</t>
  </si>
  <si>
    <t>5cc2eed9-0f70-49fd-b707-9feb918f6ed7.tmp</t>
  </si>
  <si>
    <t>\\acsfs\profiles$\georgendsq\Downloads\5cc2eed9-0f70-49fd-b707-9feb918f6ed7.tmp</t>
  </si>
  <si>
    <t>12/18/2019 16:10:54</t>
  </si>
  <si>
    <t>12/18/2019 16:13:28</t>
  </si>
  <si>
    <t>12/18/2019 16:10:48</t>
  </si>
  <si>
    <t>12/18/2019 16:14:28</t>
  </si>
  <si>
    <t>12/18/2019 16:11:24</t>
  </si>
  <si>
    <t>12/18/2019 16:11:35</t>
  </si>
  <si>
    <t>12/18/2019 16:11:36</t>
  </si>
  <si>
    <t>12/18/2019 16:12:48</t>
  </si>
  <si>
    <t>12/18/2019 16:12:26</t>
  </si>
  <si>
    <t>12/18/2019 16:15:28</t>
  </si>
  <si>
    <t>12/18/2019 16:12:40</t>
  </si>
  <si>
    <t>http:///batch?%24ct=multipart%2Fmixed%3B%20boundary%3D%22%3D%3D%3D%3D%3Dj5c1kayqrvvi%3D%3D%3D%3D%3D%22&amp;key=AIzaSyAy9VVXHSpS2IJpptzYtGbLP3-3_l0aBk4</t>
  </si>
  <si>
    <t>12/18/2019 16:16:28</t>
  </si>
  <si>
    <t>http:///batch?%24ct=multipart%2Fmixed%3B%20boundary%3D%22%3D%3D%3D%3D%3Dn0qfz1uhmbi2%3D%3D%3D%3D%3D%22&amp;key=AIzaSyAy9VVXHSpS2IJpptzYtGbLP3-3_l0aBk4</t>
  </si>
  <si>
    <t>12/18/2019 16:12:52</t>
  </si>
  <si>
    <t>http:///batch?%24ct=multipart%2Fmixed%3B%20boundary%3D%22%3D%3D%3D%3D%3Djp6emfj2bemm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picture�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picture�,shared,sharedwithmedate,thumbnailversion,title,userpermission(role),workspaceids</t>
  </si>
  <si>
    <t>12/18/2019 16:15:20</t>
  </si>
  <si>
    <t>bdd9e796-1ebe-4747-b84b-2b3c137ca4ad.tmp</t>
  </si>
  <si>
    <t>\\acsfs\profiles$\kamilamrc\Downloads\bdd9e796-1ebe-4747-b84b-2b3c137ca4ad.tmp</t>
  </si>
  <si>
    <t>12/18/2019 16:14:15</t>
  </si>
  <si>
    <t>fe4b263e-0907-4713-9856-bef8fc9666ab.tmp</t>
  </si>
  <si>
    <t>\\acsfs\profiles$\wenderbnm\Downloads\fe4b263e-0907-4713-9856-bef8fc9666ab.tmp</t>
  </si>
  <si>
    <t>12/18/2019 16:10:58</t>
  </si>
  <si>
    <t>12/18/2019 16:13:27</t>
  </si>
  <si>
    <t>12/18/2019 16:14:40</t>
  </si>
  <si>
    <t>12/18/2019 16:15:27</t>
  </si>
  <si>
    <t>12/18/2019 16:06:54</t>
  </si>
  <si>
    <t>12/18/2019 16:06:56</t>
  </si>
  <si>
    <t>12/18/2019 16:14:21</t>
  </si>
  <si>
    <t>12/18/2019 16:15:41</t>
  </si>
  <si>
    <t>12/18/2019 16:14:24</t>
  </si>
  <si>
    <t>12/18/2019 16:14:25</t>
  </si>
  <si>
    <t>12/18/2019 16:15:01</t>
  </si>
  <si>
    <t>12/18/2019 16:13:42</t>
  </si>
  <si>
    <t>12/18/2019 16:17:28</t>
  </si>
  <si>
    <t>XLOG_ellencds_18122019_081610.log</t>
  </si>
  <si>
    <t>\\acsfs\profiles$\ellencds\My Documents\xworkcenter\logs\XLOG_ellencds_18122019_081610.log</t>
  </si>
  <si>
    <t>12/18/2019 16:12:36</t>
  </si>
  <si>
    <t>683a9da9-e148-4721-a43b-b4c59f8844bf.tmp</t>
  </si>
  <si>
    <t>\\acsfs\profiles$\georgendsq\Downloads\683a9da9-e148-4721-a43b-b4c59f8844bf.tmp</t>
  </si>
  <si>
    <t>12/18/2019 16:17:09</t>
  </si>
  <si>
    <t>12/18/2019 16:18:28</t>
  </si>
  <si>
    <t>\\acsfs\Deptos\Controladoria\2 - Business Performance\2019\1 - Precificacao\1 - Analises e Acompanhamentos\2 - GRC\2 - Fevereiro\179288 Eletrolux\99 - Apresentacao e Preco\</t>
  </si>
  <si>
    <t>Preco Final.xlsb</t>
  </si>
  <si>
    <t>\\acsfs\Deptos\Controladoria\2 - Business Performance\2019\1 - Precificacao\1 - Analises e Acompanhamentos\2 - GRC\2 - Fevereiro\179288 Eletrolux\99 - Apresentacao e Preco\Preco Final.xlsb\</t>
  </si>
  <si>
    <t>12/18/2019 16:15:18</t>
  </si>
  <si>
    <t>12/18/2019 16:19:28</t>
  </si>
  <si>
    <t>/o=exchangelabs/ou=exchange administrative group (fydibohf23spdlt)/cn=recipients/cn=00dbcea0702d4358b7c66d1d0dd7b863-juliana tei;camila.guasco@bradesco.com.br;</t>
  </si>
  <si>
    <t>Relatório de presença_next</t>
  </si>
  <si>
    <t>Relatório de presença_next novembro.xls</t>
  </si>
  <si>
    <t>/o=exchangelabs/ou=exchange administrative group (fydibohf23spdlt)/cn=recipients/cn=00dbcea0702d4358b7c66d1d0dd7b863-juliana tei,camila.guasco@bradesco.com.br</t>
  </si>
  <si>
    <t>12/18/2019 16:16:48</t>
  </si>
  <si>
    <t>12/18/2019 16:18:48</t>
  </si>
  <si>
    <t>12/18/2019 16:15:08</t>
  </si>
  <si>
    <t>c18da9e4-556a-409e-b12f-a179ddba15fa.tmp</t>
  </si>
  <si>
    <t>\\acsfs\profiles$\larissaad\Downloads\c18da9e4-556a-409e-b12f-a179ddba15fa.tmp</t>
  </si>
  <si>
    <t>12/18/2019 16:17:08</t>
  </si>
  <si>
    <t>12/18/2019 16:20:28</t>
  </si>
  <si>
    <t>12/18/2019 16:16:05</t>
  </si>
  <si>
    <t>12/18/2019 16:21:29</t>
  </si>
  <si>
    <t>8c2ce2de-7fd0-410c-9fc3-14445d088521.tmp</t>
  </si>
  <si>
    <t>\\acsfs\profiles$\kamilamrc\Downloads\8c2ce2de-7fd0-410c-9fc3-14445d088521.tmp</t>
  </si>
  <si>
    <t>12/18/2019 16:17:31</t>
  </si>
  <si>
    <t>1badfeee-e259-465d-a3c8-fa5ab78610d7.tmp</t>
  </si>
  <si>
    <t>\\acsfs\profiles$\kamilamrc\Downloads\1badfeee-e259-465d-a3c8-fa5ab78610d7.tmp</t>
  </si>
  <si>
    <t>12/18/2019 16:17:36</t>
  </si>
  <si>
    <t>48e72f07-8632-4729-8212-ef85ca41969a.tmp</t>
  </si>
  <si>
    <t>\\acsfs\profiles$\kamilamrc\Downloads\48e72f07-8632-4729-8212-ef85ca41969a.tmp</t>
  </si>
  <si>
    <t>12/18/2019 16:17:53</t>
  </si>
  <si>
    <t>40066b0a-a920-4bd4-adbc-2fb1ace24ee8.tmp</t>
  </si>
  <si>
    <t>\\acsfs\profiles$\kamilamrc\Downloads\40066b0a-a920-4bd4-adbc-2fb1ace24ee8.tmp</t>
  </si>
  <si>
    <t>12/18/2019 16:18:29</t>
  </si>
  <si>
    <t>\\acsfs\profiles$\kamilamrc\My Documents\xworkcenter\logs\</t>
  </si>
  <si>
    <t>XLOG_kamilamrc_16122019_141359.log</t>
  </si>
  <si>
    <t>\\acsfs\profiles$\kamilamrc\My Documents\xworkcenter\logs\XLOG_kamilamrc_16122019_141359.log</t>
  </si>
  <si>
    <t>12/18/2019 16:19:27</t>
  </si>
  <si>
    <t>jalilebds</t>
  </si>
  <si>
    <t>\\acsfs\profiles$\jalilebds\My Documents\My Pictures\</t>
  </si>
  <si>
    <t>\\acsfs\profiles$\jalilebds\My Documents\My Videos\desktop.ini</t>
  </si>
  <si>
    <t>12/18/2019 16:17:30</t>
  </si>
  <si>
    <t>\\acsfs\profiles$\jalilebds\My Documents\My Videos\</t>
  </si>
  <si>
    <t>12/18/2019 16:17:33</t>
  </si>
  <si>
    <t>12/18/2019 16:17:34</t>
  </si>
  <si>
    <t>\\acsfs\profiles$\jalilebds\My Documents\My Music\</t>
  </si>
  <si>
    <t>\\acsfs\profiles$\jalilebds\My Documents\My Pictures\desktop.ini</t>
  </si>
  <si>
    <t>12/18/2019 16:17:38</t>
  </si>
  <si>
    <t>12/18/2019 16:17:39</t>
  </si>
  <si>
    <t>12/18/2019 16:17:40</t>
  </si>
  <si>
    <t>12/18/2019 16:17:42</t>
  </si>
  <si>
    <t>\\acsfs\profiles$\jalilebds\Contacts\</t>
  </si>
  <si>
    <t>\\acsfs\profiles$\jalilebds\Contacts\desktop.ini</t>
  </si>
  <si>
    <t>12/18/2019 16:17:44</t>
  </si>
  <si>
    <t>12/18/2019 16:17:45</t>
  </si>
  <si>
    <t>12/18/2019 16:17:47</t>
  </si>
  <si>
    <t>12/18/2019 16:17:49</t>
  </si>
  <si>
    <t>\\acsfs\profiles$\jalilebds\My Documents\</t>
  </si>
  <si>
    <t>\\acsfs\profiles$\jalilebds\Favorites\desktop.ini</t>
  </si>
  <si>
    <t>12/18/2019 16:17:51</t>
  </si>
  <si>
    <t>12/18/2019 16:17:52</t>
  </si>
  <si>
    <t>12/18/2019 16:17:54</t>
  </si>
  <si>
    <t>12/18/2019 16:17:55</t>
  </si>
  <si>
    <t>\\acsfs\profiles$\jalilebds\My Documents\My Music\desktop.ini</t>
  </si>
  <si>
    <t>12/18/2019 16:17:57</t>
  </si>
  <si>
    <t>12/18/2019 16:17:58</t>
  </si>
  <si>
    <t>12/18/2019 16:17:59</t>
  </si>
  <si>
    <t>12/18/2019 16:18:01</t>
  </si>
  <si>
    <t>\\acsfs\profiles$\jalilebds\Searches\</t>
  </si>
  <si>
    <t>\\acsfs\profiles$\jalilebds\Searches\desktop.ini</t>
  </si>
  <si>
    <t>12/18/2019 16:18:02</t>
  </si>
  <si>
    <t>12/18/2019 16:18:04</t>
  </si>
  <si>
    <t>12/18/2019 16:18:05</t>
  </si>
  <si>
    <t>12/18/2019 16:18:06</t>
  </si>
  <si>
    <t>12/18/2019 16:18:08</t>
  </si>
  <si>
    <t>\\acsfs\profiles$\jalilebds\Downloads\</t>
  </si>
  <si>
    <t>\\acsfs\profiles$\jalilebds\Downloads\desktop.ini</t>
  </si>
  <si>
    <t>12/18/2019 16:18:09</t>
  </si>
  <si>
    <t>12/18/2019 16:18:11</t>
  </si>
  <si>
    <t>\\acsfs\profiles$\jalilebds\Favorites\</t>
  </si>
  <si>
    <t>\\acsfs\profiles$\jalilebds\My Documents\desktop.ini</t>
  </si>
  <si>
    <t>12/18/2019 16:18:13</t>
  </si>
  <si>
    <t>12/18/2019 16:18:14</t>
  </si>
  <si>
    <t>12/18/2019 16:18:16</t>
  </si>
  <si>
    <t>12/18/2019 16:18:18</t>
  </si>
  <si>
    <t>\\acsfs\profiles$\jalilebds\Saved Games\desktop.ini</t>
  </si>
  <si>
    <t>12/18/2019 16:18:19</t>
  </si>
  <si>
    <t>12/18/2019 16:18:35</t>
  </si>
  <si>
    <t>winrt--{S-1-5-21-602162358-764733703-839522115-342485}-.searchconnector-ms</t>
  </si>
  <si>
    <t>\\acsfs\profiles$\jalilebds\Searches\winrt--{S-1-5-21-602162358-764733703-839522115-342485}-.searchconnector-ms</t>
  </si>
  <si>
    <t>12/18/2019 16:19:03</t>
  </si>
  <si>
    <t>12/18/2019 16:19:05</t>
  </si>
  <si>
    <t>12/18/2019 16:18:23</t>
  </si>
  <si>
    <t>08a92eae-49a4-4bde-8a24-225614fca535.tmp</t>
  </si>
  <si>
    <t>\\acsfs\profiles$\victorgl\Downloads\08a92eae-49a4-4bde-8a24-225614fca535.tmp</t>
  </si>
  <si>
    <t>12/18/2019 16:19:02</t>
  </si>
  <si>
    <t>\\acsfs\DEPTOS\EDUCACAO EMPRESARIAL\2 - Operações\0 - BV\5 - QUALIDADE\Nice\Thumbs.db</t>
  </si>
  <si>
    <t>12/18/2019 16:19:11</t>
  </si>
  <si>
    <t>Call caso Rafaela - Dia 11.12.2019 Horas 11.06.24_1_6769181359831319584_1_32.wav</t>
  </si>
  <si>
    <t>\\acsfs\DEPTOS\EDUCACAO EMPRESARIAL\2 - Operações\0 - BV\5 - QUALIDADE\Nova pasta\Call caso Rafaela - Dia 11.12.2019 Horas 11.06.24_1_6769181359831319584_1_32.wav</t>
  </si>
  <si>
    <t>12/18/2019 16:19:12</t>
  </si>
  <si>
    <t>C:\Users\andersonrm\Desktop\Rafaela Marques Souza Valim\</t>
  </si>
  <si>
    <t>CALL DA RAFAELA- LAURICI - Dia 11.12.2019 Hora 12.13.01.wav</t>
  </si>
  <si>
    <t>\\acsfs\DEPTOS\EDUCACAO EMPRESARIAL\2 - Operações\0 - BV\5 - QUALIDADE\Nova pasta\CALL DA RAFAELA- LAURICI - Dia 11.12.2019 Hora 12.13.01.wav</t>
  </si>
  <si>
    <t>12/18/2019 16:19:13</t>
  </si>
  <si>
    <t>C:\Users\andersonrm\Desktop\Rafaela Marques Souza Valim 2\</t>
  </si>
  <si>
    <t>Call-COM AQUILES DATA 12.12.2019_ HORAS 12.45.18.wav</t>
  </si>
  <si>
    <t>\\acsfs\DEPTOS\EDUCACAO EMPRESARIAL\2 - Operações\0 - BV\5 - QUALIDADE\Nova pasta\Call-COM AQUILES DATA 12.12.2019_ HORAS 12.45.18.wav</t>
  </si>
  <si>
    <t>12/18/2019 16:20:25</t>
  </si>
  <si>
    <t>12/18/2019 16:23:29</t>
  </si>
  <si>
    <t>12/18/2019 16:20:30</t>
  </si>
  <si>
    <t>12/18/2019 16:21:17</t>
  </si>
  <si>
    <t>12/18/2019 16:21:52</t>
  </si>
  <si>
    <t>18-12.xlsx</t>
  </si>
  <si>
    <t>12/18/2019 16:19:46</t>
  </si>
  <si>
    <t>12/18/2019 16:24:28</t>
  </si>
  <si>
    <t>c180844d-d0fc-4104-b9dd-cef303ef4b24.tmp</t>
  </si>
  <si>
    <t>\\acsfs\profiles$\alinepp\Downloads\c180844d-d0fc-4104-b9dd-cef303ef4b24.tmp</t>
  </si>
  <si>
    <t>12/18/2019 16:22:48</t>
  </si>
  <si>
    <t>12/18/2019 16:20:41</t>
  </si>
  <si>
    <t>b1719193-398b-4c4c-b8d7-6f8eb5d2c6c9.tmp</t>
  </si>
  <si>
    <t>\\acsfs\profiles$\georgendsq\Downloads\b1719193-398b-4c4c-b8d7-6f8eb5d2c6c9.tmp</t>
  </si>
  <si>
    <t>12/18/2019 16:20:40</t>
  </si>
  <si>
    <t>12/18/2019 16:26:28</t>
  </si>
  <si>
    <t>af431b2b-4a62-4a42-9abf-7d99b6595e80.tmp</t>
  </si>
  <si>
    <t>\\acsfs\profiles$\kamilamrc\Downloads\af431b2b-4a62-4a42-9abf-7d99b6595e80.tmp</t>
  </si>
  <si>
    <t>12/18/2019 16:20:56</t>
  </si>
  <si>
    <t>b77790f8-29b6-488a-82bf-78de16de94ae.tmp</t>
  </si>
  <si>
    <t>\\acsfs\profiles$\kamilamrc\Downloads\b77790f8-29b6-488a-82bf-78de16de94ae.tmp</t>
  </si>
  <si>
    <t>12/18/2019 16:25:31</t>
  </si>
  <si>
    <t>12/18/2019 16:21:28</t>
  </si>
  <si>
    <t>12/18/2019 16:22:58</t>
  </si>
  <si>
    <t>12/18/2019 16:25:28</t>
  </si>
  <si>
    <t>12/18/2019 16:23:57</t>
  </si>
  <si>
    <t>12/18/2019 16:27:29</t>
  </si>
  <si>
    <t>eb64ad26-1142-49b6-a412-264fc5c87ada.tmp</t>
  </si>
  <si>
    <t>\\acsfs\profiles$\cintiadcf\Downloads\eb64ad26-1142-49b6-a412-264fc5c87ada.tmp</t>
  </si>
  <si>
    <t>12/18/2019 16:24:48</t>
  </si>
  <si>
    <t>12/18/2019 16:29:28</t>
  </si>
  <si>
    <t>12/18/2019 16:28:48</t>
  </si>
  <si>
    <t>12/18/2019 16:28:31</t>
  </si>
  <si>
    <t>12/18/2019 16:26:15</t>
  </si>
  <si>
    <t>12/18/2019 16:31:29</t>
  </si>
  <si>
    <t>12/18/2019 16:26:16</t>
  </si>
  <si>
    <t>12/18/2019 16:26:17</t>
  </si>
  <si>
    <t>12/18/2019 16:26:18</t>
  </si>
  <si>
    <t>12/18/2019 16:26:19</t>
  </si>
  <si>
    <t>12/18/2019 16:26:20</t>
  </si>
  <si>
    <t>12/18/2019 16:26:21</t>
  </si>
  <si>
    <t>12/18/2019 16:26:22</t>
  </si>
  <si>
    <t>12/18/2019 16:26:23</t>
  </si>
  <si>
    <t>12/18/2019 16:26:24</t>
  </si>
  <si>
    <t>12/18/2019 16:26:25</t>
  </si>
  <si>
    <t>12/18/2019 16:26:26</t>
  </si>
  <si>
    <t>12/18/2019 16:26:27</t>
  </si>
  <si>
    <t>12/18/2019 16:26:29</t>
  </si>
  <si>
    <t>12/18/2019 16:26:30</t>
  </si>
  <si>
    <t>12/18/2019 16:26:31</t>
  </si>
  <si>
    <t>12/18/2019 16:26:32</t>
  </si>
  <si>
    <t>12/18/2019 16:26:33</t>
  </si>
  <si>
    <t>12/18/2019 16:26:34</t>
  </si>
  <si>
    <t>12/18/2019 16:26:35</t>
  </si>
  <si>
    <t>12/18/2019 16:26:36</t>
  </si>
  <si>
    <t>12/18/2019 16:26:37</t>
  </si>
  <si>
    <t>12/18/2019 16:26:38</t>
  </si>
  <si>
    <t>12/18/2019 16:26:39</t>
  </si>
  <si>
    <t>12/18/2019 16:26:40</t>
  </si>
  <si>
    <t>12/18/2019 16:26:41</t>
  </si>
  <si>
    <t>12/18/2019 16:26:42</t>
  </si>
  <si>
    <t>12/18/2019 16:26:43</t>
  </si>
  <si>
    <t>12/18/2019 16:27:28</t>
  </si>
  <si>
    <t>12/18/2019 16:32:28</t>
  </si>
  <si>
    <t>12/18/2019 16:26:50</t>
  </si>
  <si>
    <t>12/18/2019 16:27:04</t>
  </si>
  <si>
    <t>mail.google.com/_/upload?authuser=0&amp;dcp=asu-n&amp;upload_id=AEnB2UosFIoVO_1xSR_HQylodAaqnNbDDoizTMCsbB1TdOFoW2hM6YpvcOTPzpWCZvHfbPtEhZ6mgPNaSv1OVALTbAMf3ZUiJGyEmEbJCbgcg5rUJY5D3xg&amp;upload_protocol=resumable</t>
  </si>
  <si>
    <t>ADERENCIA CHAT - JANEIRO.xlsx</t>
  </si>
  <si>
    <t>12/18/2019 16:27:33</t>
  </si>
  <si>
    <t>12/18/2019 16:27:41</t>
  </si>
  <si>
    <t>12/18/2019 16:28:14</t>
  </si>
  <si>
    <t>12/18/2019 16:28:55</t>
  </si>
  <si>
    <t>12/18/2019 16:29:10</t>
  </si>
  <si>
    <t>12/18/2019 16:29:13</t>
  </si>
  <si>
    <t>12/18/2019 16:29:29</t>
  </si>
  <si>
    <t>12/18/2019 16:33:28</t>
  </si>
  <si>
    <t>12/18/2019 16:33:29</t>
  </si>
  <si>
    <t>12/18/2019 16:34:28</t>
  </si>
  <si>
    <t>f71e57f3-14d6-4cf5-8f49-0576be2b3e11.tmp</t>
  </si>
  <si>
    <t>\\acsfs\profiles$\gabrielamdp\Downloads\f71e57f3-14d6-4cf5-8f49-0576be2b3e11.tmp</t>
  </si>
  <si>
    <t>12/18/2019 16:30:48</t>
  </si>
  <si>
    <t>12/18/2019 16:32:39</t>
  </si>
  <si>
    <t>Escalas feriados</t>
  </si>
  <si>
    <t>12/18/2019 16:33:48</t>
  </si>
  <si>
    <t>12/18/2019 16:31:12</t>
  </si>
  <si>
    <t>12/18/2019 16:35:28</t>
  </si>
  <si>
    <t>'premiumsupervisores@algartech.com.br';'raquelcl@algartech.com';alessandracm@algartech.com;alinemds@algartech.com;anapscl@algartech.com;andressacpd@algartech.com;b2ksupervisoresrafaela@algartech.com;carolinaasil@algartech.com;contestacao_supervisores@algartech.com.br;dayarag@algartech.com;elencassiapo@algartech.com;fabianapm@algartech.com;fabiolacc@algartecnologia.com.br;fernandaccn@algartech.com;fredericobs@algartecnologia.com.br;heloisaal@algartech.com;igorars@algartech.com;jussaragp@algartech.com;katiargf@algartech.com;kelencgt@algartech.com;luanaaoli@algartech.com;mariajcb@algartech.com;michelecdc@algartech.com;micheless@algartech.com.br;premiumatendimento@algartech.com;primeatendimento@algartech.com;priscilalb@algartech.com;rafaelaas@algartech.com;rafaeldsa@algartech.com;sabrinagc@algartech.com;supervisorespj@algartech.com.br;tassianecv@algartech.com;tatianamac@algartech.com;thaisalves.oliveira@temposervicos.com.br;</t>
  </si>
  <si>
    <t>Microanálise 20191217.xlsm</t>
  </si>
  <si>
    <t>'premiumsupervisores@algartech.com.br','raquelcl@algartech.com',alessandracm@algartech.com,alinemds@algartech.com,anapscl@algartech.com,andressacpd@algartech.com,b2ksupervisoresrafaela@algartech.com,carolinaasil@algartech.com,contestacao_supervisores@algartech.com.br,dayarag@algartech.com,elencassiapo@algartech.com,fabianapm@algartech.com,fabiolacc@algartecnologia.com.br,fernandaccn@algartech.com,fredericobs@algartecnologia.com.br,heloisaal@algartech.com,igorars@algartech.com,jussaragp@algartech.com,katiargf@algartech.com,kelencgt@algartech.com,luanaaoli@algartech.com,mariajcb@algartech.com,michelecdc@algartech.com,micheless@algartech.com.br,premiumatendimento@algartech.com,primeatendimento@algartech.com,priscilalb@algartech.com,rafaelaas@algartech.com,rafaeldsa@algartech.com,sabrinagc@algartech.com,supervisorespj@algartech.com.br,tassianecv@algartech.com,tatianamac@algartech.com,thaisalves.oliveira@temposervicos.com.br</t>
  </si>
  <si>
    <t>12/18/2019 16:36:28</t>
  </si>
  <si>
    <t>http:///batch?%24ct=multipart%2Fmixed%3B%20boundary%3D%22%3D%3D%3D%3D%3D8g16fpl2xr29%3D%3D%3D%3D%3D%22&amp;key=AIzaSyAy9VVXHSpS2IJpptzYtGbLP3-3_l0aBk4</t>
  </si>
  <si>
    <t>12/18/2019 16:33:51</t>
  </si>
  <si>
    <t>http:///batch?%24ct=multipart%2Fmixed%3B%20boundary%3D%22%3D%3D%3D%3D%3D1epkxk3cadit%3D%3D%3D%3D%3D%22&amp;key=AIzaSyAy9VVXHSpS2IJpptzYtGbLP3-3_l0aBk4</t>
  </si>
  <si>
    <t>http:///batch?%24ct=multipart%2Fmixed%3B%20boundary%3D%22%3D%3D%3D%3D%3Dfril3qg1m368%3D%3D%3D%3D%3D%22&amp;key=AIzaSyAy9VVXHSpS2IJpptzYtGbLP3-3_l0aBk4</t>
  </si>
  <si>
    <t>12/18/2019 16:35:20</t>
  </si>
  <si>
    <t>12/18/2019 16:33:55</t>
  </si>
  <si>
    <t>http:///batch?%24ct=multipart%2Fmixed%3B%20boundary%3D%22%3D%3D%3D%3D%3Dclfmnt61ulox%3D%3D%3D%3D%3D%22&amp;key=AIzaSyAy9VVXHSpS2IJpptzYtGbLP3-3_l0aBk4</t>
  </si>
  <si>
    <t>12/18/2019 16:33:57</t>
  </si>
  <si>
    <t>http:///batch?%24ct=multipart%2Fmixed%3B%20boundary%3D%22%3D%3D%3D%3D%3Dzaofy2fhf0t6%3D%3D%3D%3D%3D%22&amp;key=AIzaSyAy9VVXHSpS2IJpptzYtGbLP3-3_l0aBk4</t>
  </si>
  <si>
    <t>12/18/2019 16:34:44</t>
  </si>
  <si>
    <t>http:///batch?%24ct=multipart%2Fmixed%3B%20boundary%3D%22%3D%3D%3D%3D%3Ddvxqwo58l5t6%3D%3D%3D%3D%3D%22&amp;key=AIzaSyAy9VVXHSpS2IJpptzYtGbLP3-3_l0aBk4</t>
  </si>
  <si>
    <t>0;0.408;0.408];0.668;0];0bwe9ufknlvyfak5rc3rnynlyow5zd29ktjhzou1fwwzwzutf;0bwe9ufknlvyfm0uywusytuswvtjzy1dfz2h4zfbymu42unnj;1;1050850;1117525;1121505;1138550;1178800;1179145;12.854];12h4y2yfohor7zojdefqkprzzn0f8w746;136.723;1361149;1367740;14.705882352941178;1407555;1415754;15.30999999999949;15.344;15.344];1561120;1576697628506000];1576697629797000;1576697629857000;15];16.11500000012711;1600];1600]];1603614;16tr2qrl6yay5v0hsad7vnhyr5eze8esy;190;1];1g1t14qqbttf7-hfvkdsu6wqp2n4cutuo;1jr7t8rs_o-nojpphk9yxpgqmzqqhxtb4;1mkfwwh5julz7al-s_jlmlgr0lkzsldkye_y31pactri;1uucket4-xztpxeymtsohytbckv5cn9sz;200];2017565;21.464;21.464];2108;2188;23.134999999911088;23.154999999860593;23.89499999981126;231;232;248;2];3;3.3112582781456954];30.704999999898064;3227885;3230154;33.212;33.212];4;4.843;40.30499999998938;41.05500000014217;55.11999999998807;579.7000000000025;590.9650000000966;6;6.009];6.769999999960419;600.9000000001379;609.7950000000765;610.1000000001022;610.2800000001025;610.339999999951;7;700";715.1949999999943;720.0</t>
  </si>
  <si>
    <t>http://0,0.408,0.408],0.668,0],0bwe9ufknlvyfak5rc3rnynlyow5zd29ktjhzou1fwwzwzutf,0bwe9ufknlvyfm0uywusytuswvtjzy1dfz2h4zfbymu42unnj,1,1050850,1117525,1121505,1138550,1178800,1179145,12.854],12h4y2yfohor7zojdefqkprzzn0f8w746,136.723,1361149,1367740,14.705882352941178,1407555,1415754,15.30999999999949,15.344,15.344],1561120,1576697628506000],1576697629797000,1576697629857000,15],16.11500000012711,1600],1600]],1603614,16tr2qrl6yay5v0hsad7vnhyr5eze8esy,190,1],1g1t14qqbttf7-hfvkdsu6wqp2n4cutuo,1jr7t8rs_o-nojpphk9yxpgqmzqqhxtb4,1mkfwwh5julz7al-s_jlmlgr0lkzsldkye_y31pactri,1uucket4-xztpxeymtsohytbckv5cn9sz,200],2017565,21.464,21.464],2108,2188,23.134999999911088,23.154999999860593,23.89499999981126,231,232,248,2],3,3.3112582781456954],30.704999999898064,3227885,3230154,33.212,33.212],4,4.843,40.30499999998938,41.05500000014217,55.11999999998807,579.7000000000025,590.9650000000966,6,6.009],6.769999999960419,600.9000000001379,609.7950000000765,610.1000000001022,610.2800000001025,610.339999999951,7,700",715.194999999994</t>
  </si>
  <si>
    <t>0;0.408;0.408];0.668;0];0bwe9ufknlvyfak5rc3rnynlyow5zd29ktjhzou1fwwzwzutf;0bwe9ufknlvyfm0uywusytuswvtjzy1dfz2h4zfbymu42unnj;1;1050850;1054.4549999999617;1065.3400000001056;1117525;1121505;1138550;1178800;1179145;12.854];12h4y2yfohor7zojdefqkprzzn0f8w746;13.59;136.723;1361149;1367740;14.705882352941178;1407555;1415754;148.59000000001288;15.30999999999949;15.344;15.344];15.552;15.552];1561120;1576697628506000];1576697629797000;1576697629857000;1597.596];15];16.11500000012711;1600];1600]];1603614;168.61500000004526;16tr2qrl6yay5v0hsad7vnhyr5eze8esy;190;1];1g1t14qqbttf7-hfvkdsu6wqp2n4cutuo;1jr7t8rs_o-nojpphk9yxpgqmzqqhxtb4;1mkfwwh5julz7al-s_jlmlgr0lkzsldkye_y31pactri;1uucket4-xztpxeymtsohytbckv5cn9sz;200];2017565;21.464;21.464];21.7;21.7];2108;2188;22.00999999990927;23.134999999911088;23.154999999860593;23.89499999981126;231;232;242.64500000003864;248;25.14000000019223;2];3;3.3112582781456954];3.4399999999550346;30.704999999898064;3227885;3230154;33.212;33.212];36.05500000003303;38.19];4;4.843;40.30499999998938;4</t>
  </si>
  <si>
    <t>http://0,0.408,0.408],0.668,0],0bwe9ufknlvyfak5rc3rnynlyow5zd29ktjhzou1fwwzwzutf,0bwe9ufknlvyfm0uywusytuswvtjzy1dfz2h4zfbymu42unnj,1,1050850,1054.4549999999617,1065.3400000001056,1117525,1121505,1138550,1178800,1179145,12.854],12h4y2yfohor7zojdefqkprzzn0f8w746,13.59,136.723,1361149,1367740,14.705882352941178,1407555,1415754,148.59000000001288,15.30999999999949,15.344,15.344],15.552,15.552],1561120,1576697628506000],1576697629797000,1576697629857000,1597.596],15],16.11500000012711,1600],1600]],1603614,168.61500000004526,16tr2qrl6yay5v0hsad7vnhyr5eze8esy,190,1],1g1t14qqbttf7-hfvkdsu6wqp2n4cutuo,1jr7t8rs_o-nojpphk9yxpgqmzqqhxtb4,1mkfwwh5julz7al-s_jlmlgr0lkzsldkye_y31pactri,1uucket4-xztpxeymtsohytbckv5cn9sz,200],2017565,21.464,21.464],21.7,21.7],2108,2188,22.00999999990927,23.134999999911088,23.154999999860593,23.89499999981126,231,232,242.64500000003864,248,25.14000000019223,2],3,3.3112582781456954],3.4399999999550346,30.704999999898064,3227885,3230154,33.212,33.212],36.05500000003303,38.19],4,4.843,40.304999999</t>
  </si>
  <si>
    <t>0;0.408;0.408];0.668;0];0bwe9ufknlvyfak5rc3rnynlyow5zd29ktjhzou1fwwzwzutf;0bwe9ufknlvyfm0uywusytuswvtjzy1dfz2h4zfbymu42unnj;1;1050850;1054.4549999999617;1065.3400000001056;1071.709999999939;1075.655000000097;1117525;1121505;1138550;1139.1499999999724;1178800;1179145;12.854];12h4y2yfohor7zojdefqkprzzn0f8w746;13.59;136.723;1361149;1367740;14.705882352941178;1407555;1415754;148.59000000001288;15.30999999999949;15.344;15.344];15.552;15.552];150.55000000006658;150.75000000001637;1561120;1576697628506000];1576697629797000;1576697629857000;1597.596];15];16.11500000012711;1600];1600]];1603614;168.61500000004526;16tr2qrl6yay5v0hsad7vnhyr5eze8esy;190;1];1g1t14qqbttf7-hfvkdsu6wqp2n4cutuo;1jr7t8rs_o-nojpphk9yxpgqmzqqhxtb4;1mkfwwh5julz7al-s_jlmlgr0lkzsldkye_y31pactri;1uucket4-xztpxeymtsohytbckv5cn9sz;200];2017565;21.464;21.464];21.7;21.7];2108;2188;22.00999999990927;23.134999999911088;23.154999999860593;23.89499999981126;231;232;242.64500000003864;248;25.14000000019223;2];3;3.3112582781456954];3.4399999999550346;30.704999</t>
  </si>
  <si>
    <t>http://0,0.408,0.408],0.668,0],0bwe9ufknlvyfak5rc3rnynlyow5zd29ktjhzou1fwwzwzutf,0bwe9ufknlvyfm0uywusytuswvtjzy1dfz2h4zfbymu42unnj,1,1050850,1054.4549999999617,1065.3400000001056,1071.709999999939,1075.655000000097,1117525,1121505,1138550,1139.1499999999724,1178800,1179145,12.854],12h4y2yfohor7zojdefqkprzzn0f8w746,13.59,136.723,1361149,1367740,14.705882352941178,1407555,1415754,148.59000000001288,15.30999999999949,15.344,15.344],15.552,15.552],150.55000000006658,150.75000000001637,1561120,1576697628506000],1576697629797000,1576697629857000,1597.596],15],16.11500000012711,1600],1600]],1603614,168.61500000004526,16tr2qrl6yay5v0hsad7vnhyr5eze8esy,190,1],1g1t14qqbttf7-hfvkdsu6wqp2n4cutuo,1jr7t8rs_o-nojpphk9yxpgqmzqqhxtb4,1mkfwwh5julz7al-s_jlmlgr0lkzsldkye_y31pactri,1uucket4-xztpxeymtsohytbckv5cn9sz,200],2017565,21.464,21.464],21.7,21.7],2108,2188,22.00999999990927,23.134999999911088,23.154999999860593,23.89499999981126,231,232,242.64500000003864,248,25.14000000019223,2],3,3.3112582781456954],3.4399999999550346,30</t>
  </si>
  <si>
    <t>http:///batch?%24ct=multipart%2Fmixed%3B%20boundary%3D%22%3D%3D%3D%3D%3Dbp2hyw69tqvs%3D%3D%3D%3D%3D%22&amp;key=AIzaSyAy9VVXHSpS2IJpptzYtGbLP3-3_l0aBk4</t>
  </si>
  <si>
    <t>12/18/2019 16:34:45</t>
  </si>
  <si>
    <t>http:///batch?%24ct=multipart%2Fmixed%3B%20boundary%3D%22%3D%3D%3D%3D%3Dhvhg7xth4fbu%3D%3D%3D%3D%3D%22&amp;key=AIzaSyAy9VVXHSpS2IJpptzYtGbLP3-3_l0aBk4</t>
  </si>
  <si>
    <t>12/18/2019 16:34:54</t>
  </si>
  <si>
    <t>http:///batch?%24ct=multipart%2Fmixed%3B%20boundary%3D%22%3D%3D%3D%3D%3D5fqediqgilab%3D%3D%3D%3D%3D%22&amp;key=AIzaSyAy9VVXHSpS2IJpptzYtGbLP3-3_l0aBk4</t>
  </si>
  <si>
    <t>12/18/2019 16:34:55</t>
  </si>
  <si>
    <t>http:///batch?%24ct=multipart%2Fmixed%3B%20boundary%3D%22%3D%3D%3D%3D%3D69dcoxiomx28%3D%3D%3D%3D%3D%22&amp;key=AIzaSyAy9VVXHSpS2IJpptzYtGbLP3-3_l0aBk4</t>
  </si>
  <si>
    <t>12/18/2019 16:34:56</t>
  </si>
  <si>
    <t>http:///batch?%24ct=multipart%2Fmixed%3B%20boundary%3D%22%3D%3D%3D%3D%3Dfjie33uuq85f%3D%3D%3D%3D%3D%22&amp;key=AIzaSyAy9VVXHSpS2IJpptzYtGbLP3-3_l0aBk4</t>
  </si>
  <si>
    <t>12/18/2019 16:31:09</t>
  </si>
  <si>
    <t>12/18/2019 16:31:28</t>
  </si>
  <si>
    <t>12/18/2019 16:33:27</t>
  </si>
  <si>
    <t>12/18/2019 16:34:48</t>
  </si>
  <si>
    <t>12/18/2019 16:39:28</t>
  </si>
  <si>
    <t>12/18/2019 16:36:48</t>
  </si>
  <si>
    <t>12/18/2019 16:36:20</t>
  </si>
  <si>
    <t>12/18/2019 16:41:28</t>
  </si>
  <si>
    <t>12/18/2019 16:36:29</t>
  </si>
  <si>
    <t>12/18/2019 16:37:27</t>
  </si>
  <si>
    <t>12/18/2019 16:38:58</t>
  </si>
  <si>
    <t>12/18/2019 16:39:27</t>
  </si>
  <si>
    <t>12/18/2019 16:36:32</t>
  </si>
  <si>
    <t>12/18/2019 16:39:41</t>
  </si>
  <si>
    <t>f6f948ac-a1d8-42dc-b594-07069f9276d7.tmp</t>
  </si>
  <si>
    <t>\\acsfs\profiles$\victorgl\Downloads\f6f948ac-a1d8-42dc-b594-07069f9276d7.tmp</t>
  </si>
  <si>
    <t>12/18/2019 16:41:39</t>
  </si>
  <si>
    <t>12/18/2019 16:43:28</t>
  </si>
  <si>
    <t>mail.google.com/sync/u/0/i/s?hl=pt-BR&amp;c=534</t>
  </si>
  <si>
    <t>12/18/2019 16:42:00</t>
  </si>
  <si>
    <t>mail.google.com/sync/u/0/i/s?hl=pt-BR&amp;c=537</t>
  </si>
  <si>
    <t>12/18/2019 16:42:05</t>
  </si>
  <si>
    <t>12/18/2019 16:42:25</t>
  </si>
  <si>
    <t>12/18/2019 16:40:48</t>
  </si>
  <si>
    <t>12/18/2019 16:44:27</t>
  </si>
  <si>
    <t>12/18/2019 16:42:48</t>
  </si>
  <si>
    <t>12/18/2019 16:40:30</t>
  </si>
  <si>
    <t>12/18/2019 16:45:27</t>
  </si>
  <si>
    <t>12/18/2019 16:46:27</t>
  </si>
  <si>
    <t>http:///batch?%24ct=multipart%2Fmixed%3B%20boundary%3D%22%3D%3D%3D%3D%3Dyxv5kotfoacr%3D%3D%3D%3D%3D%22&amp;key=AIzaSyAy9VVXHSpS2IJpptzYtGbLP3-3_l0aBk4</t>
  </si>
  <si>
    <t>12/18/2019 16:42:01</t>
  </si>
  <si>
    <t>http:///batch?%24ct=multipart%2Fmixed%3B%20boundary%3D%22%3D%3D%3D%3D%3D3mxhq8r1egji%3D%3D%3D%3D%3D%22&amp;key=AIzaSyAy9VVXHSpS2IJpptzYtGbLP3-3_l0aBk4</t>
  </si>
  <si>
    <t>12/18/2019 16:42:02</t>
  </si>
  <si>
    <t>http:///batch?%24ct=multipart%2Fmixed%3B%20boundary%3D%22%3D%3D%3D%3D%3D7v3aadqm831i%3D%3D%3D%3D%3D%22&amp;key=AIzaSyAy9VVXHSpS2IJpptzYtGbLP3-3_l0aBk4</t>
  </si>
  <si>
    <t>12/18/2019 16:42:44</t>
  </si>
  <si>
    <t>http:///batch?%24ct=multipart%2Fmixed%3B%20boundary%3D%22%3D%3D%3D%3D%3D1jy4foqxkes1%3D%3D%3D%3D%3D%22&amp;key=AIzaSyAy9VVXHSpS2IJpptzYtGbLP3-3_l0aBk4</t>
  </si>
  <si>
    <t>12/18/2019 16:42:45</t>
  </si>
  <si>
    <t>http:///batch?%24ct=multipart%2Fmixed%3B%20boundary%3D%22%3D%3D%3D%3D%3Dagtqd35duxfi%3D%3D%3D%3D%3D%22&amp;key=AIzaSyAy9VVXHSpS2IJpptzYtGbLP3-3_l0aBk4</t>
  </si>
  <si>
    <t>12/18/2019 16:42:26</t>
  </si>
  <si>
    <t>12/18/2019 16:42:27</t>
  </si>
  <si>
    <t>12/18/2019 16:42:28</t>
  </si>
  <si>
    <t>12/18/2019 16:43:27</t>
  </si>
  <si>
    <t>12/18/2019 16:45:08</t>
  </si>
  <si>
    <t>12/18/2019 16:47:27</t>
  </si>
  <si>
    <t>XLOG_anacdos_18122019_083402.log</t>
  </si>
  <si>
    <t>\\acsfs\profiles$\anacdos\My Documents\xworkcenter\logs\XLOG_anacdos_18122019_083402.log</t>
  </si>
  <si>
    <t>12/18/2019 16:46:34</t>
  </si>
  <si>
    <t>12/18/2019 16:48:27</t>
  </si>
  <si>
    <t>91ae4396-c797-4cfb-97f6-93b18ce609d9.tmp</t>
  </si>
  <si>
    <t>\\acsfs\profiles$\anafaes\Downloads\91ae4396-c797-4cfb-97f6-93b18ce609d9.tmp</t>
  </si>
  <si>
    <t>12/18/2019 16:46:40</t>
  </si>
  <si>
    <t>a1ce9711-0ca2-4f46-9d3c-17221e09032c.tmp</t>
  </si>
  <si>
    <t>\\acsfs\profiles$\anafaes\Downloads\a1ce9711-0ca2-4f46-9d3c-17221e09032c.tmp</t>
  </si>
  <si>
    <t>12/18/2019 16:46:45</t>
  </si>
  <si>
    <t>78e1f7ab-4e4e-4a36-8950-e27e5661cb9d.tmp</t>
  </si>
  <si>
    <t>\\acsfs\profiles$\anafaes\Downloads\78e1f7ab-4e4e-4a36-8950-e27e5661cb9d.tmp</t>
  </si>
  <si>
    <t>12/18/2019 16:47:08</t>
  </si>
  <si>
    <t>6e30ce6a-4f95-48ed-9d8d-35e0865beee4.tmp</t>
  </si>
  <si>
    <t>\\acsfs\profiles$\anafaes\Downloads\6e30ce6a-4f95-48ed-9d8d-35e0865beee4.tmp</t>
  </si>
  <si>
    <t>12/18/2019 16:43:11</t>
  </si>
  <si>
    <t>12/18/2019 16:43:47</t>
  </si>
  <si>
    <t>12/18/2019 16:43:59</t>
  </si>
  <si>
    <t>mail.google.com/sync/u/0/i/s?hl=pt-BR&amp;c=549</t>
  </si>
  <si>
    <t>12/18/2019 16:44:09</t>
  </si>
  <si>
    <t>12/18/2019 16:45:35</t>
  </si>
  <si>
    <t>12/18/2019 16:46:58</t>
  </si>
  <si>
    <t>mail.google.com/sync/u/0/i/s?hl=pt-BR&amp;c=561</t>
  </si>
  <si>
    <t>12/18/2019 16:47:12</t>
  </si>
  <si>
    <t>12/18/2019 16:46:28</t>
  </si>
  <si>
    <t>12/18/2019 16:47:47</t>
  </si>
  <si>
    <t>12/18/2019 16:49:27</t>
  </si>
  <si>
    <t>12/18/2019 16:46:48</t>
  </si>
  <si>
    <t>12/18/2019 16:48:48</t>
  </si>
  <si>
    <t>12/18/2019 16:48:51</t>
  </si>
  <si>
    <t>12/18/2019 16:47:31</t>
  </si>
  <si>
    <t>12/18/2019 16:51:27</t>
  </si>
  <si>
    <t>http:///batch?%24ct=multipart%2Fmixed%3B%20boundary%3D%22%3D%3D%3D%3D%3D6eb2onna4etm%3D%3D%3D%3D%3D%22&amp;key=AIzaSyAy9VVXHSpS2IJpptzYtGbLP3-3_l0aBk4</t>
  </si>
  <si>
    <t>12/18/2019 16:47:32</t>
  </si>
  <si>
    <t>http:///batch?%24ct=multipart%2Fmixed%3B%20boundary%3D%22%3D%3D%3D%3D%3Doehjpvrdnjbf%3D%3D%3D%3D%3D%22&amp;key=AIzaSyAy9VVXHSpS2IJpptzYtGbLP3-3_l0aBk4</t>
  </si>
  <si>
    <t>12/18/2019 16:47:33</t>
  </si>
  <si>
    <t>http:///batch?%24ct=multipart%2Fmixed%3B%20boundary%3D%22%3D%3D%3D%3D%3Dnpdqt1v9a1ff%3D%3D%3D%3D%3D%22&amp;key=AIzaSyAy9VVXHSpS2IJpptzYtGbLP3-3_l0aBk4</t>
  </si>
  <si>
    <t>12/18/2019 16:48:30</t>
  </si>
  <si>
    <t>http:///batch?%24ct=multipart%2Fmixed%3B%20boundary%3D%22%3D%3D%3D%3D%3Dkqcn1zpkk4k8%3D%3D%3D%3D%3D%22&amp;key=AIzaSyAy9VVXHSpS2IJpptzYtGbLP3-3_l0aBk4</t>
  </si>
  <si>
    <t>12/18/2019 16:48:31</t>
  </si>
  <si>
    <t>http:///batch?%24ct=multipart%2Fmixed%3B%20boundary%3D%22%3D%3D%3D%3D%3Dskqxn98xm9yo%3D%3D%3D%3D%3D%22&amp;key=AIzaSyAy9VVXHSpS2IJpptzYtGbLP3-3_l0aBk4</t>
  </si>
  <si>
    <t>12/18/2019 16:48:32</t>
  </si>
  <si>
    <t>http:///batch?%24ct=multipart%2Fmixed%3B%20boundary%3D%22%3D%3D%3D%3D%3Daa49gyp15vkj%3D%3D%3D%3D%3D%22&amp;key=AIzaSyAy9VVXHSpS2IJpptzYtGbLP3-3_l0aBk4</t>
  </si>
  <si>
    <t>549a1e051ff1c3baa31846884e13b6_u x-goog-authuser: 0 --=====aa49gyp15vkj=====-- &gt;(0)}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549a1e051ff1c3baa31846884e13b6_u x-goog-authuser: 0 --=====aa49gyp15vkj=====-- &gt;(0)}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8/2019 16:49:17</t>
  </si>
  <si>
    <t>http:///batch?%24ct=multipart%2Fmixed%3B%20boundary%3D%22%3D%3D%3D%3D%3Dta7h1vppk6u%3D%3D%3D%3D%3D%22&amp;key=AIzaSyAy9VVXHSpS2IJpptzYtGbLP3-3_l0aBk4</t>
  </si>
  <si>
    <t>12/18/2019 16:49:18</t>
  </si>
  <si>
    <t>http:///batch?%24ct=multipart%2Fmixed%3B%20boundary%3D%22%3D%3D%3D%3D%3Defmtmz3wdrma%3D%3D%3D%3D%3D%22&amp;key=AIzaSyAy9VVXHSpS2IJpptzYtGbLP3-3_l0aBk4</t>
  </si>
  <si>
    <t>12/18/2019 16:49:19</t>
  </si>
  <si>
    <t>http:///batch?%24ct=multipart%2Fmixed%3B%20boundary%3D%22%3D%3D%3D%3D%3Dj5bqa3rlvu9t%3D%3D%3D%3D%3D%22&amp;key=AIzaSyAy9VVXHSpS2IJpptzYtGbLP3-3_l0aBk4</t>
  </si>
  <si>
    <t>12/18/2019 16:48:36</t>
  </si>
  <si>
    <t>12/18/2019 16:49:35</t>
  </si>
  <si>
    <t>b424941f-cfb8-469c-a5f1-42e7c8b9ffb6.tmp</t>
  </si>
  <si>
    <t>\\acsfs\profiles$\rosileiam\Downloads\b424941f-cfb8-469c-a5f1-42e7c8b9ffb6.tmp</t>
  </si>
  <si>
    <t>12/18/2019 16:50:29</t>
  </si>
  <si>
    <t>4edc280f-4e8c-44eb-ba67-ed53efed55d1.tmp</t>
  </si>
  <si>
    <t>\\acsfs\profiles$\rosileiam\Downloads\4edc280f-4e8c-44eb-ba67-ed53efed55d1.tmp</t>
  </si>
  <si>
    <t>12/18/2019 16:46:33</t>
  </si>
  <si>
    <t>12/18/2019 16:51:05</t>
  </si>
  <si>
    <t>12/18/2019 16:52:27</t>
  </si>
  <si>
    <t>12/18/2019 16:51:06</t>
  </si>
  <si>
    <t>lu175681hhtpv.tmp</t>
  </si>
  <si>
    <t>\\acsfs\profiles$\CINTIADCF\lu175681hhtpv.tmp</t>
  </si>
  <si>
    <t>\\acsfs\profiles$\CINTIADCF\lu175681hhtpv.tmp\</t>
  </si>
  <si>
    <t>\\acsfs\profiles$\CINTIADCF\lu175681hhtpv.tmp\META-INF\</t>
  </si>
  <si>
    <t>\\acsfs\profiles$\CINTIADCF\lu175681hhtpv.tmp\Thumbnails\</t>
  </si>
  <si>
    <t>12/18/2019 16:49:16</t>
  </si>
  <si>
    <t>12/18/2019 16:53:28</t>
  </si>
  <si>
    <t>78594a22-e372-48d7-82c0-593474782966.tmp</t>
  </si>
  <si>
    <t>\\acsfs\profiles$\anafaes\Downloads\78594a22-e372-48d7-82c0-593474782966.tmp</t>
  </si>
  <si>
    <t>12/18/2019 16:48:22</t>
  </si>
  <si>
    <t>12/18/2019 16:49:25</t>
  </si>
  <si>
    <t>12/18/2019 16:52:48</t>
  </si>
  <si>
    <t>12/18/2019 16:54:27</t>
  </si>
  <si>
    <t>12/18/2019 16:52:47</t>
  </si>
  <si>
    <t>12/18/2019 16:55:27</t>
  </si>
  <si>
    <t>12/18/2019 16:50:43</t>
  </si>
  <si>
    <t>12/18/2019 16:50:45</t>
  </si>
  <si>
    <t>12/18/2019 16:50:48</t>
  </si>
  <si>
    <t>12/18/2019 16:50:56</t>
  </si>
  <si>
    <t>12/18/2019 16:51:00</t>
  </si>
  <si>
    <t>mirianppb@algartech.com;talmaiardo@algartech.com;thiagordu@algartech.com;</t>
  </si>
  <si>
    <t>mirianppb@algartech.com,talmaiardo@algartech.com,thiagordu@algartech.com</t>
  </si>
  <si>
    <t>12/18/2019 16:51:16</t>
  </si>
  <si>
    <t>kesiadof@algartech.com;mirianppb@algartech.com;talmaiardo@algartech.com;thiagordu@algartech.com;</t>
  </si>
  <si>
    <t>kesiadof@algartech.com,mirianppb@algartech.com,talmaiardo@algartech.com,thiagordu@algartech.com</t>
  </si>
  <si>
    <t>12/18/2019 16:51:24</t>
  </si>
  <si>
    <t>12/18/2019 16:51:32</t>
  </si>
  <si>
    <t>12/18/2019 16:51:38</t>
  </si>
  <si>
    <t>12/18/2019 16:52:02</t>
  </si>
  <si>
    <t>12/18/2019 16:52:06</t>
  </si>
  <si>
    <t>12/18/2019 16:52:11</t>
  </si>
  <si>
    <t>12/18/2019 16:52:14</t>
  </si>
  <si>
    <t>12/18/2019 16:52:22</t>
  </si>
  <si>
    <t>12/18/2019 16:52:28</t>
  </si>
  <si>
    <t>12/18/2019 16:52:32</t>
  </si>
  <si>
    <t>12/18/2019 16:52:45</t>
  </si>
  <si>
    <t>kesiadof@algartech.com;talmaiardo@algartech.com;thiagordu@algartech.com;</t>
  </si>
  <si>
    <t>kesiadof@algartech.com,talmaiardo@algartech.com,thiagordu@algartech.com</t>
  </si>
  <si>
    <t>12/18/2019 16:52:57</t>
  </si>
  <si>
    <t>12/18/2019 16:53:02</t>
  </si>
  <si>
    <t>12/18/2019 16:53:32</t>
  </si>
  <si>
    <t>12/18/2019 16:54:44</t>
  </si>
  <si>
    <t>\\acsfs\DEPTOS\EDUCACAO EMPRESARIAL\Ligaçoes para MUTANT seg ciclo DEZEMBRO\THAYNARA CAMILA SANTOS LOPES_1_6765949268092060108_1_32.wav</t>
  </si>
  <si>
    <t>12/18/2019 16:54:28</t>
  </si>
  <si>
    <t>12/18/2019 16:56:27</t>
  </si>
  <si>
    <t>12/18/2019 16:55:28</t>
  </si>
  <si>
    <t>12/18/2019 16:56:30</t>
  </si>
  <si>
    <t>12/18/2019 16:57:27</t>
  </si>
  <si>
    <t>\\acsfs\profiles$\maxmillianosv\Favorites\Links\</t>
  </si>
  <si>
    <t>\\acsfs\profiles$\maxmillianosv\Favorites\Links\desktop.ini</t>
  </si>
  <si>
    <t>12/18/2019 16:54:48</t>
  </si>
  <si>
    <t>12/18/2019 16:59:28</t>
  </si>
  <si>
    <t>12/18/2019 16:58:39</t>
  </si>
  <si>
    <t>12/18/2019 17:00:27</t>
  </si>
  <si>
    <t>12/18/2019 16:57:49</t>
  </si>
  <si>
    <t>856315767;false;kesiadof@algartech.com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w6f2v42uy4pl1q0qaj4nmjctybc3rmm3t036kuhfzrw\";mirianppb@algartech.com;talmaiardo@algartech.com;thiagordu@algartech.com;true]";</t>
  </si>
  <si>
    <t>856315767,false,kesiadof@algartech.com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w6f2v42uy4pl1q0qaj4nmjctybc3rmm3t036kuhfzrw\",mirianppb@algartech.com,talmaiardo@algartech.com,thiagordu@algartech.com,true]"</t>
  </si>
  <si>
    <t>12/18/2019 16:58:08</t>
  </si>
  <si>
    <t>12/18/2019 16:58:32</t>
  </si>
  <si>
    <t>gaehxsmyz0rigzmb87rotu06ynk_ao_noxtotok274nx879gaciogfxyo0bbbqbocfqnvh-c5yvfnfnh41sc85qb7i_qqaxly0x-zyhzjxscvv-ujeouryhmdlxrxbstixgvvmgkfmh1fmvpmrbwapbidijswv5mti6r3cv_ylicvmcwzgxtmlfte7pjwfqfoyiswcabplbsksjsn2ev5k5zq_ncbj;</t>
  </si>
  <si>
    <t>gaehxsmyz0rigzmb87rotu06ynk_ao_noxtotok274nx879gaciogfxyo0bbbqbocfqnvh-c5yvfnfnh41sc85qb7i_qqaxly0x-zyhzjxscvv-ujeouryhmdlxrxbstixgvvmgkfmh1fmvpmrbwapbidijswv5mti6r3cv_ylicvmcwzgxtmlfte7pjwfqfoyiswcabplbsksjsn2ev5k5zq_ncbj</t>
  </si>
  <si>
    <t>12/18/2019 16:58:38</t>
  </si>
  <si>
    <t>0];0]�wug�a��;1576095602;1576691137717;1576691722808;1742395574;3;5;[];[]]];bg4f7hpo4uuezqv1hpsj6dejxsejf9dl9ce3zbbwhi1qt6bfj1lrhad8gbmgx0ej_ucfhkduradqj_qd9zkonok-coxqxr9y-kzj-6f7x3i7xouxahakahcqx\";false;mirianppb@algartech.com;n6yx3j93r7loo71ybnmgkp9ur6mpdb9xdqjeewzabkfgyejrudgcdjtxlrrmfwyubnoulxhl7m3pxbtjf54ffe5amot6wrideoqc--im7ixcm9sj-bnzxszlg89vhotqtuuxhk0r_urpxryvhqbqf8oloaqkbvtnhsojz7azwrbvdqexqrzfpg\";nul;null;sbjve0zecapovmzpxnqtvll8rjyr3xrrgjugyqe0yeg_ton6yx3j93r7loo71ybnmgkp9ur6mpdb9xdqjeewzabkfgyejrudgcdjtxlrrmfwyubnoulxhl7m3pxbtjf54ffe5amot6wrideoqc--im7ixcm9sj-bnzxszlg89vhotqtuuxhk0r_urpxryvhqbqf8oloaqkbvtnhsojz7azwrbvdqexqrzfpg\";thiagordu@algartech.com;true]";</t>
  </si>
  <si>
    <t>0],0]�wug�a��,1576095602,1576691137717,1576691722808,1742395574,3,5,[],[]]],bg4f7hpo4uuezqv1hpsj6dejxsejf9dl9ce3zbbwhi1qt6bfj1lrhad8gbmgx0ej_ucfhkduradqj_qd9zkonok-coxqxr9y-kzj-6f7x3i7xouxahakahcqx\",false,mirianppb@algartech.com,n6yx3j93r7loo71ybnmgkp9ur6mpdb9xdqjeewzabkfgyejrudgcdjtxlrrmfwyubnoulxhl7m3pxbtjf54ffe5amot6wrideoqc--im7ixcm9sj-bnzxszlg89vhotqtuuxhk0r_urpxryvhqbqf8oloaqkbvtnhsojz7azwrbvdqexqrzfpg\",nul,null,sbjve0zecapovmzpxnqtvll8rjyr3xrrgjugyqe0yeg_ton6yx3j93r7loo71ybnmgkp9ur6mpdb9xdqjeewzabkfgyejrudgcdjtxlrrmfwyubnoulxhl7m3pxbtjf54ffe5amot6wrideoqc--im7ixcm9sj-bnzxszlg89vhotqtuuxhk0r_urpxryvhqbqf8oloaqkbvtnhsojz7azwrbvdqexqrzfpg\",thiagordu@algartech.com,true]"</t>
  </si>
  <si>
    <t>12/18/2019 16:58:44</t>
  </si>
  <si>
    <t>0];0]�wug�a��;1576095602;1576691137717;1576691722808;1742395574;3;5;[];[]]];bg4f7hpo4uuezqv1hpsj6dejxsejf9dl9ce3zbbwhi1qt6bfj1lrhad8gbmgx0ej_ucfhkduradqj_qd9zkonok-coxqxr9y-kzj-6f7x3i7xouxahakahcqx\";false;kesiadof@algartech.com;mirianppb@algartech.com;n6yx3j93r7loo71ybnmgkp9ur6mpdb9xdqjeewzabkfgyejrudgcdjtxlrrmfwyubnoulxhl7m3pxbtjf54ffe5amot6wrideoqc--im7ixcm9sj-bnzxszlg89vhotqtuuxhk0r_urpxryvhqbqf8oloaqkbvtnhsojz7azwrbvdqexqrzfpg\";nul;null;sbjve0zecapovmzpxnqtvll8rjyr3xrrgjugyqe0yeg_ton6yx3j93r7loo71ybnmgkp9ur6mpdb9xdqjeewzabkfgyejrudgcdjtxlrrmfwyubnoulxhl7m3pxbtjf54ffe5amot6wrideoqc--im7ixcm9sj-bnzxszlg89vhotqtuuxhk0r_urpxryvhqbqf8oloaqkbvtnhsojz7azwrbvdqexqrzfpg\";thiagordu@algartech.com;true]";</t>
  </si>
  <si>
    <t>0],0]�wug�a��,1576095602,1576691137717,1576691722808,1742395574,3,5,[],[]]],bg4f7hpo4uuezqv1hpsj6dejxsejf9dl9ce3zbbwhi1qt6bfj1lrhad8gbmgx0ej_ucfhkduradqj_qd9zkonok-coxqxr9y-kzj-6f7x3i7xouxahakahcqx\",false,kesiadof@algartech.com,mirianppb@algartech.com,n6yx3j93r7loo71ybnmgkp9ur6mpdb9xdqjeewzabkfgyejrudgcdjtxlrrmfwyubnoulxhl7m3pxbtjf54ffe5amot6wrideoqc--im7ixcm9sj-bnzxszlg89vhotqtuuxhk0r_urpxryvhqbqf8oloaqkbvtnhsojz7azwrbvdqexqrzfpg\",nul,null,sbjve0zecapovmzpxnqtvll8rjyr3xrrgjugyqe0yeg_ton6yx3j93r7loo71ybnmgkp9ur6mpdb9xdqjeewzabkfgyejrudgcdjtxlrrmfwyubnoulxhl7m3pxbtjf54ffe5amot6wrideoqc--im7ixcm9sj-bnzxszlg89vhotqtuuxhk0r_urpxryvhqbqf8oloaqkbvtnhsojz7azwrbvdqexqrzfpg\",thiagordu@algartech.com,true]"</t>
  </si>
  <si>
    <t>12/18/2019 16:58:50</t>
  </si>
  <si>
    <t>kesiadof@algartech.com;marianerdo@algartech.com;mirianppb@algartech.com;thiagordu@algartech.com;</t>
  </si>
  <si>
    <t>kesiadof@algartech.com,marianerdo@algartech.com,mirianppb@algartech.com,thiagordu@algartech.com</t>
  </si>
  <si>
    <t>12/18/2019 16:59:47</t>
  </si>
  <si>
    <t>0]l;1576691421079;1742395574;4;[];[]]];false;kesiadof@algartech.com;marianerdo@algartech.com;mirianppb@algartech.com;n6yx3j93r7loo71ybnmgkp9ur6mpdb9xdqjeewzabkfgyejrudgcdjtxlrrmfwyubnoulxhl7m3pxbtjf54ffe5amot6wrideoqc--im7ixcm9sj-bnzxszlg89vhotqtuuxhk0r_uroxryvc25jvdshqsr5dmnlksqtv5kf8jmdt40xlxy7mg\";null;sbjve0zecapovmzpxnqtvll8rjyr3xrrgjugyqe0yeg_ton6yx3j93r7loo71ybnmgkp9ur6mpdb9xdqjeewzabkfgyejrudgcdjtxlrrmfwyubnoulxhl7m3pxbtjf54ffe5amot6wrideoqc--im7ixcm9sj-bnzxszlg89vhotqtuuxhk0r_uroxryvc25jvdshqsr5dmnlksqtv5kf8jmdt40xlxy7mg\";thiagordu@algartech.com;true]";</t>
  </si>
  <si>
    <t>0]l,1576691421079,1742395574,4,[],[]]],false,kesiadof@algartech.com,marianerdo@algartech.com,mirianppb@algartech.com,n6yx3j93r7loo71ybnmgkp9ur6mpdb9xdqjeewzabkfgyejrudgcdjtxlrrmfwyubnoulxhl7m3pxbtjf54ffe5amot6wrideoqc--im7ixcm9sj-bnzxszlg89vhotqtuuxhk0r_uroxryvc25jvdshqsr5dmnlksqtv5kf8jmdt40xlxy7mg\",null,sbjve0zecapovmzpxnqtvll8rjyr3xrrgjugyqe0yeg_ton6yx3j93r7loo71ybnmgkp9ur6mpdb9xdqjeewzabkfgyejrudgcdjtxlrrmfwyubnoulxhl7m3pxbtjf54ffe5amot6wrideoqc--im7ixcm9sj-bnzxszlg89vhotqtuuxhk0r_uroxryvc25jvdshqsr5dmnlksqtv5kf8jmdt40xlxy7mg\",thiagordu@algartech.com,true]"</t>
  </si>
  <si>
    <t>12/18/2019 16:59:57</t>
  </si>
  <si>
    <t>0];0]�wug�a��;1576095602;1576691137717;1576691722808;1742395574;3;5;[];[]]];bg4f7hpo4uuezqv1hpsj6dejxsejf9dl9ce3zbbwhi1qt6bfj1lrhad8gbmgx0ej_ucfhkduradqj_qd9zkonok-coxqxr9y-kzj-6f7x3i7xouxahakahcqx\";false;kesiadof@algartech.com;marianerdo@algartech.com;mirianppb@algartech.com;n6yx3j93r7loo71ybnmgkp9ur6mpdb9xdqjeewzabkfgyejrudgcdjtxlrrmfwyubnoulxhl7m3pxbtjf54ffe5amot6wrideoqc--im7ixcm9sj-bnzxszlg89vhotqtuuxhk0r_urpxryvhqbqf8oloaqkbvtnhsojz7azwrbvdqexqrzfpg\";nul;null;sbjve0zecapovmzpxnqtvll8rjyr3xrrgjugyqe0yeg_ton6yx3j93r7loo71ybnmgkp9ur6mpdb9xdqjeewzabkfgyejrudgcdjtxlrrmfwyubnoulxhl7m3pxbtjf54ffe5amot6wrideoqc--im7ixcm9sj-bnzxszlg89vhotqtuuxhk0r_urpxryvhqbqf8oloaqkbvtnhsojz7azwrbvdqexqrzfpg\";thiagordu@algartech.com;true]";</t>
  </si>
  <si>
    <t>0],0]�wug�a��,1576095602,1576691137717,1576691722808,1742395574,3,5,[],[]]],bg4f7hpo4uuezqv1hpsj6dejxsejf9dl9ce3zbbwhi1qt6bfj1lrhad8gbmgx0ej_ucfhkduradqj_qd9zkonok-coxqxr9y-kzj-6f7x3i7xouxahakahcqx\",false,kesiadof@algartech.com,marianerdo@algartech.com,mirianppb@algartech.com,n6yx3j93r7loo71ybnmgkp9ur6mpdb9xdqjeewzabkfgyejrudgcdjtxlrrmfwyubnoulxhl7m3pxbtjf54ffe5amot6wrideoqc--im7ixcm9sj-bnzxszlg89vhotqtuuxhk0r_urpxryvhqbqf8oloaqkbvtnhsojz7azwrbvdqexqrzfpg\",nul,null,sbjve0zecapovmzpxnqtvll8rjyr3xrrgjugyqe0yeg_ton6yx3j93r7loo71ybnmgkp9ur6mpdb9xdqjeewzabkfgyejrudgcdjtxlrrmfwyubnoulxhl7m3pxbtjf54ffe5amot6wrideoqc--im7ixcm9sj-bnzxszlg89vhotqtuuxhk0r_urpxryvhqbqf8oloaqkbvtnhsojz7azwrbvdqexqrzfpg\",thiagordu@algartech.com,true]"</t>
  </si>
  <si>
    <t>12/18/2019 16:59:03</t>
  </si>
  <si>
    <t>12/18/2019 17:01:28</t>
  </si>
  <si>
    <t>http:///batch?%24ct=multipart%2Fmixed%3B%20boundary%3D%22%3D%3D%3D%3D%3Dqurh7kvkumoa%3D%3D%3D%3D%3D%22&amp;key=AIzaSyAy9VVXHSpS2IJpptzYtGbLP3-3_l0aBk4</t>
  </si>
  <si>
    <t>12/18/2019 16:59:04</t>
  </si>
  <si>
    <t>http:///batch?%24ct=multipart%2Fmixed%3B%20boundary%3D%22%3D%3D%3D%3D%3Dsa6wv0fem8yw%3D%3D%3D%3D%3D%22&amp;key=AIzaSyAy9VVXHSpS2IJpptzYtGbLP3-3_l0aBk4</t>
  </si>
  <si>
    <t>12/18/2019 16:59:05</t>
  </si>
  <si>
    <t>http:///batch?%24ct=multipart%2Fmixed%3B%20boundary%3D%22%3D%3D%3D%3D%3Dmgv4fkh5jokp%3D%3D%3D%3D%3D%22&amp;key=AIzaSyAy9VVXHSpS2IJpptzYtGbLP3-3_l0aBk4</t>
  </si>
  <si>
    <t>12/18/2019 16:59:41</t>
  </si>
  <si>
    <t>12/18/2019 17:00:28</t>
  </si>
  <si>
    <t>12/18/2019 17:01:38</t>
  </si>
  <si>
    <t>12/18/2019 17:03:27</t>
  </si>
  <si>
    <t>12/18/2019 17:01:44</t>
  </si>
  <si>
    <t>12/18/2019 17:02:48</t>
  </si>
  <si>
    <t>12/18/2019 17:05:27</t>
  </si>
  <si>
    <t>kesiadof@algartech.com;marianerdo@algartech.com;mirianppb@algartech.com;talmaiardo@algartech.com;thiagordu@algartech.com;</t>
  </si>
  <si>
    <t>kesiadof@algartech.com,marianerdo@algartech.com,mirianppb@algartech.com,talmaiardo@algartech.com,thiagordu@algartech.com</t>
  </si>
  <si>
    <t>12/18/2019 17:03:43</t>
  </si>
  <si>
    <t>12/18/2019 17:03:06</t>
  </si>
  <si>
    <t>c948bcfd-9b52-4e26-94b6-d93cf3dcbb76.tmp</t>
  </si>
  <si>
    <t>\\acsfs\profiles$\JOAOVAL\Downloads\c948bcfd-9b52-4e26-94b6-d93cf3dcbb76.tmp</t>
  </si>
  <si>
    <t>12/18/2019 17:01:58</t>
  </si>
  <si>
    <t>12/18/2019 17:06:28</t>
  </si>
  <si>
    <t>http:///batch?%24ct=multipart%2Fmixed%3B%20boundary%3D%22%3D%3D%3D%3D%3Dts3gyqno4t8t%3D%3D%3D%3D%3D%22&amp;key=AIzaSyAy9VVXHSpS2IJpptzYtGbLP3-3_l0aBk4</t>
  </si>
  <si>
    <t>12/18/2019 17:01:59</t>
  </si>
  <si>
    <t>http:///batch?%24ct=multipart%2Fmixed%3B%20boundary%3D%22%3D%3D%3D%3D%3Dxarz5lj4vkay%3D%3D%3D%3D%3D%22&amp;key=AIzaSyAy9VVXHSpS2IJpptzYtGbLP3-3_l0aBk4</t>
  </si>
  <si>
    <t>12/18/2019 17:02:00</t>
  </si>
  <si>
    <t>http:///batch?%24ct=multipart%2Fmixed%3B%20boundary%3D%22%3D%3D%3D%3D%3Dydhebfa1dchc%3D%3D%3D%3D%3D%22&amp;key=AIzaSyAy9VVXHSpS2IJpptzYtGbLP3-3_l0aBk4</t>
  </si>
  <si>
    <t>12/18/2019 17:02:16</t>
  </si>
  <si>
    <t>mail.google.com/_/upload?authuser=0&amp;dcp=asu-n&amp;upload_id=AEnB2UoG8fJO_ZU2984rLwfc1Jxy1SmrLjGYpBwq2TCrbgBq61swHZEk77073pRN8mKBvjFKIwgXu43jNT1GU8Fwfy0SS-A4wAcsnCioBT7JJzLGaJf6euc&amp;upload_protocol=resumable</t>
  </si>
  <si>
    <t>CPF 40316858404 KATARINA KEILA VILA NOVA MENDES (1).pdf</t>
  </si>
  <si>
    <t>12/18/2019 17:02:18</t>
  </si>
  <si>
    <t>12/18/2019 17:02:51</t>
  </si>
  <si>
    <t>mail.google.com/_/upload?authuser=0&amp;dcp=asu-n&amp;upload_id=AEnB2Up323pO6HoEjNMXTYKFL5b5CyhpEBVTSNvAJTbpBLWC0m-BtWxTO1h2ULajVDVcA6W3KKsw0OdBShNWDKH_1whYi0gfYQW-p7KDazGHNiOgIl-7Nhc&amp;upload_protocol=resumable</t>
  </si>
  <si>
    <t>C:\Users\fernandaab\Desktop\Késia\Ligações - Reclamações\</t>
  </si>
  <si>
    <t>CPF 40316858404 - OPERADORA JANAYNA TEREZA ROCHA ONOFRE_1_6769713132617138347_1_32.wav</t>
  </si>
  <si>
    <t>12/18/2019 17:02:59</t>
  </si>
  <si>
    <t>12/18/2019 17:07:27</t>
  </si>
  <si>
    <t>12/18/2019 17:04:28</t>
  </si>
  <si>
    <t>12/18/2019 17:06:17</t>
  </si>
  <si>
    <t>12/18/2019 17:08:28</t>
  </si>
  <si>
    <t>mail.google.com/sync/u/0/i/s?hl=pt-BR&amp;c=568</t>
  </si>
  <si>
    <t>12/18/2019 17:06:35</t>
  </si>
  <si>
    <t>mail.google.com/sync/u/0/i/s?hl=pt-BR&amp;c=570</t>
  </si>
  <si>
    <t>12/18/2019 17:06:08</t>
  </si>
  <si>
    <t>12/18/2019 17:07:32</t>
  </si>
  <si>
    <t>12/18/2019 17:10:28</t>
  </si>
  <si>
    <t>CA Programas - Historico OCs.xlsx</t>
  </si>
  <si>
    <t>12/18/2019 17:08:01</t>
  </si>
  <si>
    <t>C:\Users\karlosgc\Dropbox\NB-AlgarTech\ITSM\custo_ca\</t>
  </si>
  <si>
    <t>12/18/2019 17:11:28</t>
  </si>
  <si>
    <t>http:///batch?%24ct=multipart%2Fmixed%3B%20boundary%3D%22%3D%3D%3D%3D%3D13wm94ivl7tw%3D%3D%3D%3D%3D%22&amp;key=AIzaSyAy9VVXHSpS2IJpptzYtGbLP3-3_l0aBk4</t>
  </si>
  <si>
    <t>12/18/2019 17:08:02</t>
  </si>
  <si>
    <t>http:///batch?%24ct=multipart%2Fmixed%3B%20boundary%3D%22%3D%3D%3D%3D%3Di0q81na91jjp%3D%3D%3D%3D%3D%22&amp;key=AIzaSyAy9VVXHSpS2IJpptzYtGbLP3-3_l0aBk4</t>
  </si>
  <si>
    <t>12/18/2019 17:08:03</t>
  </si>
  <si>
    <t>http:///batch?%24ct=multipart%2Fmixed%3B%20boundary%3D%22%3D%3D%3D%3D%3Dyavimirpjnl0%3D%3D%3D%3D%3D%22&amp;key=AIzaSyAy9VVXHSpS2IJpptzYtGbLP3-3_l0aBk4</t>
  </si>
  <si>
    <t>12/18/2019 17:06:02</t>
  </si>
  <si>
    <t>12/18/2019 17:06:29</t>
  </si>
  <si>
    <t>12/18/2019 17:07:29</t>
  </si>
  <si>
    <t>12/18/2019 17:08:26</t>
  </si>
  <si>
    <t>12/18/2019 17:12:27</t>
  </si>
  <si>
    <t>12/18/2019 17:08:37</t>
  </si>
  <si>
    <t>https://udpmailboxap01.acs.com.br:8443/h/search?si=0&amp;so=0&amp;sc=48467&amp;st=conversation&amp;action=compose&amp;id=1721&amp;paction=view&amp;rf=html&amp;op=reply</t>
  </si>
  <si>
    <t>marcosvnds@bv.algartech.com;solicitação 403355 incluída com sucesso.;</t>
  </si>
  <si>
    <t>https://marcosvnds@bv.algartech.com,solicitação 403355 incluída com sucesso.</t>
  </si>
  <si>
    <t>12/18/2019 17:08:46</t>
  </si>
  <si>
    <t>12/18/2019 17:08:52</t>
  </si>
  <si>
    <t>12/18/2019 17:13:12</t>
  </si>
  <si>
    <t>12/18/2019 17:14:27</t>
  </si>
  <si>
    <t>12/18/2019 17:13:28</t>
  </si>
  <si>
    <t>12/18/2019 17:15:27</t>
  </si>
  <si>
    <t>12/18/2019 17:15:04</t>
  </si>
  <si>
    <t>12/18/2019 17:16:27</t>
  </si>
  <si>
    <t>12/18/2019 17:12:29</t>
  </si>
  <si>
    <t>12/18/2019 17:13:29</t>
  </si>
  <si>
    <t>12/18/2019 17:15:00</t>
  </si>
  <si>
    <t>12/18/2019 17:16:22</t>
  </si>
  <si>
    <t>12/18/2019 17:19:26</t>
  </si>
  <si>
    <t>8ba2e8cb-5b57-414b-a4f2-14543216d8e4.tmp</t>
  </si>
  <si>
    <t>\\acsfs\profiles$\georgendsq\Downloads\8ba2e8cb-5b57-414b-a4f2-14543216d8e4.tmp</t>
  </si>
  <si>
    <t>12/18/2019 17:18:29</t>
  </si>
  <si>
    <t>12/18/2019 17:21:27</t>
  </si>
  <si>
    <t>12/18/2019 17:19:29</t>
  </si>
  <si>
    <t>12/18/2019 17:20:39</t>
  </si>
  <si>
    <t>12/18/2019 17:16:29</t>
  </si>
  <si>
    <t>12/18/2019 17:16:31</t>
  </si>
  <si>
    <t>12/18/2019 17:16:54</t>
  </si>
  <si>
    <t>\\acsfs\DEPTOS\EDUCACAO EMPRESARIAL\2 - Operações\2 - Amex\2.1.2 -Treinadores\1 - Treinadores\Equipe Sucielle\ARTHUR\VENDAS\</t>
  </si>
  <si>
    <t>\\acsfs\DEPTOS\EDUCACAO EMPRESARIAL\2 - Operações\2 - Amex\2.1.2 -Treinadores\1 - Treinadores\Equipe Sucielle\ARTHUR\VENDAS\Thumbs.db</t>
  </si>
  <si>
    <t>12/18/2019 17:18:57</t>
  </si>
  <si>
    <t>12/18/2019 17:18:58</t>
  </si>
  <si>
    <t>12/18/2019 17:18:59</t>
  </si>
  <si>
    <t>12/18/2019 17:19:03</t>
  </si>
  <si>
    <t>12/18/2019 17:19:05</t>
  </si>
  <si>
    <t>12/18/2019 17:19:07</t>
  </si>
  <si>
    <t>12/18/2019 17:19:30</t>
  </si>
  <si>
    <t>12/18/2019 17:19:31</t>
  </si>
  <si>
    <t>12/18/2019 17:19:32</t>
  </si>
  <si>
    <t>12/18/2019 17:19:33</t>
  </si>
  <si>
    <t>12/18/2019 17:19:34</t>
  </si>
  <si>
    <t>12/18/2019 17:19:35</t>
  </si>
  <si>
    <t>12/18/2019 17:19:36</t>
  </si>
  <si>
    <t>12/18/2019 17:19:37</t>
  </si>
  <si>
    <t>12/18/2019 17:19:38</t>
  </si>
  <si>
    <t>12/18/2019 17:19:39</t>
  </si>
  <si>
    <t>12/18/2019 17:19:40</t>
  </si>
  <si>
    <t>12/18/2019 17:19:41</t>
  </si>
  <si>
    <t>12/18/2019 17:19:42</t>
  </si>
  <si>
    <t>12/18/2019 17:19:43</t>
  </si>
  <si>
    <t>12/18/2019 17:19:44</t>
  </si>
  <si>
    <t>12/18/2019 17:19:45</t>
  </si>
  <si>
    <t>12/18/2019 17:19:46</t>
  </si>
  <si>
    <t>12/18/2019 17:19:47</t>
  </si>
  <si>
    <t>12/18/2019 17:19:48</t>
  </si>
  <si>
    <t>12/18/2019 17:19:49</t>
  </si>
  <si>
    <t>12/18/2019 17:19:50</t>
  </si>
  <si>
    <t>12/18/2019 17:19:52</t>
  </si>
  <si>
    <t>12/18/2019 17:19:55</t>
  </si>
  <si>
    <t>12/18/2019 17:20:01</t>
  </si>
  <si>
    <t>12/18/2019 17:17:49</t>
  </si>
  <si>
    <t>12/18/2019 17:23:27</t>
  </si>
  <si>
    <t>12/18/2019 17:21:58</t>
  </si>
  <si>
    <t>mail.google.com/sync/u/0/i/s?hl=pt-BR&amp;c=714</t>
  </si>
  <si>
    <t>bvcartes-supervisores@algarnet.onmicrosoft.com;daniela.ribeiro@bv.com.br;eduardo.santana@bv.com.br;thiagordu@algartech.com;</t>
  </si>
  <si>
    <t>bvcartes-supervisores@algarnet.onmicrosoft.com,daniela.ribeiro@bv.com.br,eduardo.santana@bv.com.br,thiagordu@algartech.com</t>
  </si>
  <si>
    <t>12/18/2019 17:19:14</t>
  </si>
  <si>
    <t>a5b1b3ea-4cb1-4565-b265-1eaa2954731f.tmp</t>
  </si>
  <si>
    <t>\\acsfs\profiles$\layonmof\Downloads\a5b1b3ea-4cb1-4565-b265-1eaa2954731f.tmp</t>
  </si>
  <si>
    <t>dc495e54-405d-4e49-a430-9e86f336e3dc.tmp</t>
  </si>
  <si>
    <t>\\acsfs\profiles$\gabrieleods\Downloads\dc495e54-405d-4e49-a430-9e86f336e3dc.tmp</t>
  </si>
  <si>
    <t>12/18/2019 17:20:41</t>
  </si>
  <si>
    <t>f31b711d-8e4e-4ee2-b3b0-f996bd5fc438.tmp</t>
  </si>
  <si>
    <t>\\acsfs\profiles$\gabrieleods\Downloads\f31b711d-8e4e-4ee2-b3b0-f996bd5fc438.tmp</t>
  </si>
  <si>
    <t>12/18/2019 17:23:58</t>
  </si>
  <si>
    <t>12/18/2019 17:26:27</t>
  </si>
  <si>
    <t>de450af9-ad83-4af7-83f9-d8ab6595a5f9.tmp</t>
  </si>
  <si>
    <t>\\acsfs\profiles$\leticiala\Downloads\de450af9-ad83-4af7-83f9-d8ab6595a5f9.tmp</t>
  </si>
  <si>
    <t>12/18/2019 17:22:52</t>
  </si>
  <si>
    <t>12/18/2019 17:24:29</t>
  </si>
  <si>
    <t>12/18/2019 17:25:29</t>
  </si>
  <si>
    <t>12/18/2019 17:25:32</t>
  </si>
  <si>
    <t>12/18/2019 17:28:28</t>
  </si>
  <si>
    <t>mail.google.com/sync/u/0/i/s?hl=pt-BR&amp;c=761</t>
  </si>
  <si>
    <t>12/18/2019 17:26:37</t>
  </si>
  <si>
    <t>12/18/2019 17:27:31</t>
  </si>
  <si>
    <t>12/18/2019 17:28:52</t>
  </si>
  <si>
    <t>12/18/2019 17:30:28</t>
  </si>
  <si>
    <t>12/18/2019 17:27:21</t>
  </si>
  <si>
    <t>12/18/2019 17:31:28</t>
  </si>
  <si>
    <t>12/18/2019 17:30:29</t>
  </si>
  <si>
    <t>12/18/2019 17:32:38</t>
  </si>
  <si>
    <t>12/18/2019 17:34:28</t>
  </si>
  <si>
    <t>\\acsfs\profiles$\gabrielbmdl\Contacts\</t>
  </si>
  <si>
    <t>GABRIEL BOAVENTURA MARTINS DE LIMA (10967).contact</t>
  </si>
  <si>
    <t>\\acsfs\profiles$\gabrielbmdl\Contacts\GABRIEL BOAVENTURA MARTINS DE LIMA (10967).contact</t>
  </si>
  <si>
    <t>12/18/2019 17:32:50</t>
  </si>
  <si>
    <t>\\acsfs\profiles$\gabrielbmdl\My Documents\My Videos\</t>
  </si>
  <si>
    <t>\\acsfs\profiles$\gabrielbmdl\My Documents\My Videos\desktop.ini</t>
  </si>
  <si>
    <t>\\acsfs\profiles$\gabrielbmdl\My Documents\My Pictures\</t>
  </si>
  <si>
    <t>\\acsfs\profiles$\gabrielbmdl\My Documents\My Pictures\desktop.ini</t>
  </si>
  <si>
    <t>12/18/2019 17:32:51</t>
  </si>
  <si>
    <t>12/18/2019 17:32:52</t>
  </si>
  <si>
    <t>\\acsfs\profiles$\gabrielbmdl\Contacts\desktop.ini</t>
  </si>
  <si>
    <t>\\acsfs\profiles$\gabrielbmdl\Favorites\</t>
  </si>
  <si>
    <t>\\acsfs\profiles$\gabrielbmdl\Favorites\desktop.ini</t>
  </si>
  <si>
    <t>12/18/2019 17:32:53</t>
  </si>
  <si>
    <t>12/18/2019 17:32:54</t>
  </si>
  <si>
    <t>\\acsfs\profiles$\gabrielbmdl\My Documents\My Music\</t>
  </si>
  <si>
    <t>\\acsfs\profiles$\gabrielbmdl\My Documents\My Music\desktop.ini</t>
  </si>
  <si>
    <t>12/18/2019 17:32:55</t>
  </si>
  <si>
    <t>\\acsfs\profiles$\gabrielbmdl\Searches\</t>
  </si>
  <si>
    <t>\\acsfs\profiles$\gabrielbmdl\Searches\desktop.ini</t>
  </si>
  <si>
    <t>\\acsfs\profiles$\gabrielbmdl\Downloads\</t>
  </si>
  <si>
    <t>\\acsfs\profiles$\gabrielbmdl\Downloads\desktop.ini</t>
  </si>
  <si>
    <t>12/18/2019 17:32:56</t>
  </si>
  <si>
    <t>\\acsfs\profiles$\gabrielbmdl\My Documents\</t>
  </si>
  <si>
    <t>\\acsfs\profiles$\gabrielbmdl\My Documents\desktop.ini</t>
  </si>
  <si>
    <t>12/18/2019 17:32:57</t>
  </si>
  <si>
    <t>\\acsfs\profiles$\gabrielbmdl\Saved Games\</t>
  </si>
  <si>
    <t>\\acsfs\profiles$\gabrielbmdl\Saved Games\desktop.ini</t>
  </si>
  <si>
    <t>12/18/2019 17:33:12</t>
  </si>
  <si>
    <t>\\acsfs\profiles$\gabrielbmdl\Favorites\Links for Brasil\</t>
  </si>
  <si>
    <t>\\acsfs\profiles$\gabrielbmdl\Favorites\Links for Brasil\desktop.ini</t>
  </si>
  <si>
    <t>12/18/2019 17:33:13</t>
  </si>
  <si>
    <t>\\acsfs\profiles$\gabrielbmdl\Favorites\Links for Brasil\Microsoft Brasil.url</t>
  </si>
  <si>
    <t>\\acsfs\profiles$\gabrielbmdl\Favorites\Links for Brasil\Windows Brasil.url</t>
  </si>
  <si>
    <t>\\acsfs\profiles$\gabrielbmdl\Favorites\Links for Brasil\MSN Brasil.url</t>
  </si>
  <si>
    <t>12/18/2019 17:30:11</t>
  </si>
  <si>
    <t>12/18/2019 17:35:09</t>
  </si>
  <si>
    <t>12/18/2019 17:36:28</t>
  </si>
  <si>
    <t>12/18/2019 17:31:29</t>
  </si>
  <si>
    <t>12/18/2019 17:34:44</t>
  </si>
  <si>
    <t>12/18/2019 17:39:29</t>
  </si>
  <si>
    <t>cc16fe17-304c-42bb-b2b9-46717f7b0112.tmp</t>
  </si>
  <si>
    <t>\\acsfs\profiles$\gabrielbmdl\Downloads\cc16fe17-304c-42bb-b2b9-46717f7b0112.tmp</t>
  </si>
  <si>
    <t>12/18/2019 17:36:29</t>
  </si>
  <si>
    <t>12/18/2019 17:41:29</t>
  </si>
  <si>
    <t>12/18/2019 17:37:29</t>
  </si>
  <si>
    <t>12/18/2019 17:38:00</t>
  </si>
  <si>
    <t>12/18/2019 17:40:57</t>
  </si>
  <si>
    <t>12/18/2019 17:44:28</t>
  </si>
  <si>
    <t>f4edc128-205c-4244-8c43-a631ea291128.tmp</t>
  </si>
  <si>
    <t>\\acsfs\profiles$\KARENJSS\Downloads\f4edc128-205c-4244-8c43-a631ea291128.tmp</t>
  </si>
  <si>
    <t>12/18/2019 17:40:19</t>
  </si>
  <si>
    <t>\\acsfs\profiles$\gabrielbmdl\My Documents\xworkcenter\lex\</t>
  </si>
  <si>
    <t>\\acsfs\profiles$\gabrielbmdl\My Documents\xworkcenter\lex\temp.tlx</t>
  </si>
  <si>
    <t>12/18/2019 17:40:20</t>
  </si>
  <si>
    <t>12/18/2019 17:40:21</t>
  </si>
  <si>
    <t>12/18/2019 17:40:22</t>
  </si>
  <si>
    <t>12/18/2019 17:40:23</t>
  </si>
  <si>
    <t>12/18/2019 17:40:24</t>
  </si>
  <si>
    <t>12/18/2019 17:40:25</t>
  </si>
  <si>
    <t>12/18/2019 17:40:26</t>
  </si>
  <si>
    <t>12/18/2019 17:40:27</t>
  </si>
  <si>
    <t>12/18/2019 17:40:29</t>
  </si>
  <si>
    <t>12/18/2019 17:40:30</t>
  </si>
  <si>
    <t>12/18/2019 17:40:31</t>
  </si>
  <si>
    <t>12/18/2019 17:40:32</t>
  </si>
  <si>
    <t>12/18/2019 17:40:33</t>
  </si>
  <si>
    <t>12/18/2019 17:40:34</t>
  </si>
  <si>
    <t>12/18/2019 17:40:35</t>
  </si>
  <si>
    <t>12/18/2019 17:40:36</t>
  </si>
  <si>
    <t>12/18/2019 17:40:37</t>
  </si>
  <si>
    <t>12/18/2019 17:40:38</t>
  </si>
  <si>
    <t>12/18/2019 17:40:39</t>
  </si>
  <si>
    <t>12/18/2019 17:40:40</t>
  </si>
  <si>
    <t>12/18/2019 17:40:41</t>
  </si>
  <si>
    <t>12/18/2019 17:40:42</t>
  </si>
  <si>
    <t>12/18/2019 17:40:43</t>
  </si>
  <si>
    <t>12/18/2019 17:40:44</t>
  </si>
  <si>
    <t>12/18/2019 17:40:45</t>
  </si>
  <si>
    <t>12/18/2019 17:40:46</t>
  </si>
  <si>
    <t>12/18/2019 17:40:47</t>
  </si>
  <si>
    <t>12/18/2019 17:40:48</t>
  </si>
  <si>
    <t>12/18/2019 17:40:49</t>
  </si>
  <si>
    <t>12/18/2019 17:40:50</t>
  </si>
  <si>
    <t>12/18/2019 17:41:32</t>
  </si>
  <si>
    <t>1399ec71-e161-4dfa-a469-f6650c58464a.tmp</t>
  </si>
  <si>
    <t>\\acsfs\profiles$\gabrielbmdl\Downloads\1399ec71-e161-4dfa-a469-f6650c58464a.tmp</t>
  </si>
  <si>
    <t>12/18/2019 17:42:03</t>
  </si>
  <si>
    <t>0136ee97-78da-4ffe-acec-578b2380d0df.tmp</t>
  </si>
  <si>
    <t>\\acsfs\profiles$\gabrielbmdl\Downloads\0136ee97-78da-4ffe-acec-578b2380d0df.tmp</t>
  </si>
  <si>
    <t>12/18/2019 17:43:24</t>
  </si>
  <si>
    <t>12/18/2019 17:43:28</t>
  </si>
  <si>
    <t>12/18/2019 17:45:28</t>
  </si>
  <si>
    <t>12/18/2019 17:41:54</t>
  </si>
  <si>
    <t>12/18/2019 17:45:35</t>
  </si>
  <si>
    <t>12/18/2019 17:46:28</t>
  </si>
  <si>
    <t>74cbf324-4f11-4d8a-bbfa-f9fb070f09cc.tmp</t>
  </si>
  <si>
    <t>\\acsfs\profiles$\brendadsl\Downloads\74cbf324-4f11-4d8a-bbfa-f9fb070f09cc.tmp</t>
  </si>
  <si>
    <t>12/18/2019 17:42:29</t>
  </si>
  <si>
    <t>12/18/2019 17:43:29</t>
  </si>
  <si>
    <t>12/18/2019 17:44:59</t>
  </si>
  <si>
    <t>12/18/2019 17:45:04</t>
  </si>
  <si>
    <t>12/18/2019 17:47:27</t>
  </si>
  <si>
    <t>12/18/2019 17:42:24</t>
  </si>
  <si>
    <t>624b8638-bfaa-4676-8612-36742a8cad65.tmp</t>
  </si>
  <si>
    <t>\\acsfs\profiles$\laurandos\Downloads\624b8638-bfaa-4676-8612-36742a8cad65.tmp</t>
  </si>
  <si>
    <t>12/18/2019 17:48:49</t>
  </si>
  <si>
    <t>12/18/2019 17:51:27</t>
  </si>
  <si>
    <t>12/18/2019 17:49:28</t>
  </si>
  <si>
    <t>12/18/2019 17:48:29</t>
  </si>
  <si>
    <t>12/18/2019 17:49:29</t>
  </si>
  <si>
    <t>12/18/2019 17:47:28</t>
  </si>
  <si>
    <t>12/18/2019 17:52:27</t>
  </si>
  <si>
    <t>8411f7a0-4a4f-47fe-b7f1-428aa478ea44.tmp</t>
  </si>
  <si>
    <t>\\acsfs\profiles$\philipegsf\Downloads\8411f7a0-4a4f-47fe-b7f1-428aa478ea44.tmp</t>
  </si>
  <si>
    <t>12/18/2019 17:53:01</t>
  </si>
  <si>
    <t>12/18/2019 17:54:27</t>
  </si>
  <si>
    <t>788101a3-2cae-4ade-b067-f9176d30eca7.tmp</t>
  </si>
  <si>
    <t>\\acsfs\profiles$\gabrielamdp\Downloads\788101a3-2cae-4ade-b067-f9176d30eca7.tmp</t>
  </si>
  <si>
    <t>12/18/2019 17:51:19</t>
  </si>
  <si>
    <t>12/18/2019 17:56:28</t>
  </si>
  <si>
    <t>99f13f48-5abf-4d47-96e8-062572b25e4e.tmp</t>
  </si>
  <si>
    <t>\\acsfs\profiles$\brendadsl\Downloads\99f13f48-5abf-4d47-96e8-062572b25e4e.tmp</t>
  </si>
  <si>
    <t>12/18/2019 17:55:16</t>
  </si>
  <si>
    <t>12/18/2019 17:52:54</t>
  </si>
  <si>
    <t>12/18/2019 17:54:29</t>
  </si>
  <si>
    <t>12/18/2019 17:55:29</t>
  </si>
  <si>
    <t>12/18/2019 17:52:14</t>
  </si>
  <si>
    <t>12/18/2019 17:53:44</t>
  </si>
  <si>
    <t>12/18/2019 17:53:55</t>
  </si>
  <si>
    <t>12/18/2019 17:53:56</t>
  </si>
  <si>
    <t>12/18/2019 17:53:58</t>
  </si>
  <si>
    <t>12/18/2019 17:54:00</t>
  </si>
  <si>
    <t>12/18/2019 17:54:01</t>
  </si>
  <si>
    <t>12/18/2019 17:54:03</t>
  </si>
  <si>
    <t>12/18/2019 17:54:08</t>
  </si>
  <si>
    <t>12/18/2019 17:54:10</t>
  </si>
  <si>
    <t>12/18/2019 17:54:11</t>
  </si>
  <si>
    <t>12/18/2019 17:54:21</t>
  </si>
  <si>
    <t>12/18/2019 17:54:22</t>
  </si>
  <si>
    <t>12/18/2019 17:54:23</t>
  </si>
  <si>
    <t>12/18/2019 17:54:24</t>
  </si>
  <si>
    <t>12/18/2019 17:54:28</t>
  </si>
  <si>
    <t>12/18/2019 17:54:34</t>
  </si>
  <si>
    <t>12/18/2019 17:54:36</t>
  </si>
  <si>
    <t>12/18/2019 17:54:37</t>
  </si>
  <si>
    <t>12/18/2019 17:53:49</t>
  </si>
  <si>
    <t>12/18/2019 17:58:28</t>
  </si>
  <si>
    <t>Canal Ouvidoria - Origem Fale conosco.xlsx</t>
  </si>
  <si>
    <t>12/18/2019 17:57:11</t>
  </si>
  <si>
    <t>12/18/2019 17:59:28</t>
  </si>
  <si>
    <t>12/18/2019 17:56:02</t>
  </si>
  <si>
    <t>67140928-2607-449c-8284-36f447d761a2.tmp</t>
  </si>
  <si>
    <t>\\acsfs\profiles$\gabrielbmdl\Downloads\67140928-2607-449c-8284-36f447d761a2.tmp</t>
  </si>
  <si>
    <t>12/18/2019 17:56:06</t>
  </si>
  <si>
    <t>1f08effe-5ad8-4b82-ac7a-7529043f5435.tmp</t>
  </si>
  <si>
    <t>\\acsfs\profiles$\gabrielbmdl\Downloads\1f08effe-5ad8-4b82-ac7a-7529043f5435.tmp</t>
  </si>
  <si>
    <t>12/18/2019 17:56:34</t>
  </si>
  <si>
    <t>288492fc-0b3f-4e72-ac90-9ae707a7af1e.tmp</t>
  </si>
  <si>
    <t>\\acsfs\profiles$\gabrielbmdl\Downloads\288492fc-0b3f-4e72-ac90-9ae707a7af1e.tmp</t>
  </si>
  <si>
    <t>12/18/2019 17:56:57</t>
  </si>
  <si>
    <t>09740fd3-a1e1-44ec-8d3b-1275514f9dd3.tmp</t>
  </si>
  <si>
    <t>\\acsfs\profiles$\gabrielbmdl\Downloads\09740fd3-a1e1-44ec-8d3b-1275514f9dd3.tmp</t>
  </si>
  <si>
    <t>12/18/2019 17:57:12</t>
  </si>
  <si>
    <t>4d9e5f04-dce2-48cb-beaf-72403eba5706.tmp</t>
  </si>
  <si>
    <t>\\acsfs\profiles$\gabrielbmdl\Downloads\4d9e5f04-dce2-48cb-beaf-72403eba5706.tmp</t>
  </si>
  <si>
    <t>12/18/2019 17:57:19</t>
  </si>
  <si>
    <t>202a1424-8836-481a-adfa-8122a1cf81ec.tmp</t>
  </si>
  <si>
    <t>\\acsfs\profiles$\gabrielbmdl\Downloads\202a1424-8836-481a-adfa-8122a1cf81ec.tmp</t>
  </si>
  <si>
    <t>12/18/2019 17:58:01</t>
  </si>
  <si>
    <t>296b9d12-2e4d-4384-ad6e-685c9f2cd501.tmp</t>
  </si>
  <si>
    <t>\\acsfs\profiles$\gabrielbmdl\Downloads\296b9d12-2e4d-4384-ad6e-685c9f2cd501.tmp</t>
  </si>
  <si>
    <t>12/18/2019 17:56:22</t>
  </si>
  <si>
    <t>12/18/2019 18:01:28</t>
  </si>
  <si>
    <t>12/18/2019 17:57:41</t>
  </si>
  <si>
    <t>12/18/2019 18:00:29</t>
  </si>
  <si>
    <t>12/18/2019 18:00:30</t>
  </si>
  <si>
    <t>12/18/2019 17:56:47</t>
  </si>
  <si>
    <t>12/18/2019 17:56:54</t>
  </si>
  <si>
    <t>12/18/2019 17:56:55</t>
  </si>
  <si>
    <t>12/18/2019 17:56:56</t>
  </si>
  <si>
    <t>12/18/2019 17:56:59</t>
  </si>
  <si>
    <t>12/18/2019 17:57:01</t>
  </si>
  <si>
    <t>12/18/2019 17:57:02</t>
  </si>
  <si>
    <t>12/18/2019 17:57:08</t>
  </si>
  <si>
    <t>12/18/2019 17:57:10</t>
  </si>
  <si>
    <t>12/18/2019 18:02:00</t>
  </si>
  <si>
    <t>12/18/2019 18:06:28</t>
  </si>
  <si>
    <t>12/18/2019 18:01:29</t>
  </si>
  <si>
    <t>12/18/2019 18:01:55</t>
  </si>
  <si>
    <t>12/18/2019 18:06:45</t>
  </si>
  <si>
    <t>12/18/2019 18:11:28</t>
  </si>
  <si>
    <t>12/18/2019 18:07:05</t>
  </si>
  <si>
    <t>12/18/2019 18:07:54</t>
  </si>
  <si>
    <t>12/18/2019 18:06:30</t>
  </si>
  <si>
    <t>12/18/2019 18:07:29</t>
  </si>
  <si>
    <t>12/18/2019 18:08:00</t>
  </si>
  <si>
    <t>12/18/2019 18:08:37</t>
  </si>
  <si>
    <t>12/18/2019 18:08:38</t>
  </si>
  <si>
    <t>12/18/2019 18:08:40</t>
  </si>
  <si>
    <t>12/18/2019 18:08:49</t>
  </si>
  <si>
    <t>12/18/2019 18:08:50</t>
  </si>
  <si>
    <t>12/18/2019 18:09:06</t>
  </si>
  <si>
    <t>12/18/2019 18:09:07</t>
  </si>
  <si>
    <t>12/18/2019 18:09:09</t>
  </si>
  <si>
    <t>12/18/2019 18:09:23</t>
  </si>
  <si>
    <t>12/18/2019 18:09:25</t>
  </si>
  <si>
    <t>12/18/2019 18:09:26</t>
  </si>
  <si>
    <t>12/18/2019 18:09:48</t>
  </si>
  <si>
    <t>12/18/2019 18:09:49</t>
  </si>
  <si>
    <t>12/18/2019 18:09:51</t>
  </si>
  <si>
    <t>12/18/2019 18:09:52</t>
  </si>
  <si>
    <t>12/18/2019 18:10:03</t>
  </si>
  <si>
    <t>12/18/2019 18:10:04</t>
  </si>
  <si>
    <t>12/18/2019 18:10:06</t>
  </si>
  <si>
    <t>12/18/2019 18:10:20</t>
  </si>
  <si>
    <t>12/18/2019 18:10:21</t>
  </si>
  <si>
    <t>12/18/2019 18:10:22</t>
  </si>
  <si>
    <t>12/18/2019 18:10:23</t>
  </si>
  <si>
    <t>12/18/2019 18:10:24</t>
  </si>
  <si>
    <t>12/18/2019 18:10:38</t>
  </si>
  <si>
    <t>12/18/2019 18:10:39</t>
  </si>
  <si>
    <t>12/18/2019 18:10:40</t>
  </si>
  <si>
    <t>12/18/2019 18:10:55</t>
  </si>
  <si>
    <t>12/18/2019 18:10:56</t>
  </si>
  <si>
    <t>12/18/2019 18:10:58</t>
  </si>
  <si>
    <t>12/18/2019 18:11:01</t>
  </si>
  <si>
    <t>12/18/2019 18:12:28</t>
  </si>
  <si>
    <t>mail.google.com/_/upload?authuser=0&amp;dcp=asu-n&amp;upload_id=AEnB2UrV35BwnWfErckdjQGktLRlDjTNcg0V1jl9rxs2XI7SyPTfmnM80uqE5IvGIwQg3kpYOAepW-pJmWuCzRfw6a3SUfUezLIyYaPjH0wkrNJJY-Jp8jA&amp;upload_protocol=resumable</t>
  </si>
  <si>
    <t>\\acsfs\Engeset\FINANCEIRO_ULA\FATURAMENTO\22. Controle TIM\1. Acompanhamento de Faturamento\2019\</t>
  </si>
  <si>
    <t>12_19- Acompanhamento Faturamento.v2.xlsb</t>
  </si>
  <si>
    <t>12/18/2019 18:11:10</t>
  </si>
  <si>
    <t>12/18/2019 18:16:28</t>
  </si>
  <si>
    <t>12/18/2019 18:11:11</t>
  </si>
  <si>
    <t>12/18/2019 18:11:13</t>
  </si>
  <si>
    <t>12/18/2019 18:11:25</t>
  </si>
  <si>
    <t>12/18/2019 18:11:26</t>
  </si>
  <si>
    <t>12/18/2019 18:11:51</t>
  </si>
  <si>
    <t>12/18/2019 18:11:52</t>
  </si>
  <si>
    <t>12/18/2019 18:11:53</t>
  </si>
  <si>
    <t>12/18/2019 18:12:07</t>
  </si>
  <si>
    <t>12/18/2019 18:12:08</t>
  </si>
  <si>
    <t>12/18/2019 18:12:09</t>
  </si>
  <si>
    <t>12/18/2019 18:12:11</t>
  </si>
  <si>
    <t>12/18/2019 18:12:25</t>
  </si>
  <si>
    <t>12/18/2019 18:12:26</t>
  </si>
  <si>
    <t>12/18/2019 18:12:27</t>
  </si>
  <si>
    <t>12/18/2019 18:12:29</t>
  </si>
  <si>
    <t>12/18/2019 18:12:30</t>
  </si>
  <si>
    <t>12/18/2019 18:12:31</t>
  </si>
  <si>
    <t>12/18/2019 18:12:40</t>
  </si>
  <si>
    <t>12/18/2019 18:12:41</t>
  </si>
  <si>
    <t>12/18/2019 18:12:43</t>
  </si>
  <si>
    <t>12/18/2019 18:12:44</t>
  </si>
  <si>
    <t>12/18/2019 18:12:48</t>
  </si>
  <si>
    <t>12/18/2019 18:12:49</t>
  </si>
  <si>
    <t>12/18/2019 18:12:55</t>
  </si>
  <si>
    <t>12/18/2019 18:12:56</t>
  </si>
  <si>
    <t>12/18/2019 18:12:57</t>
  </si>
  <si>
    <t>12/18/2019 18:12:59</t>
  </si>
  <si>
    <t>12/18/2019 18:13:04</t>
  </si>
  <si>
    <t>12/18/2019 18:13:05</t>
  </si>
  <si>
    <t>12/18/2019 18:13:11</t>
  </si>
  <si>
    <t>12/18/2019 18:13:13</t>
  </si>
  <si>
    <t>12/18/2019 18:13:14</t>
  </si>
  <si>
    <t>12/18/2019 18:13:15</t>
  </si>
  <si>
    <t>12/18/2019 18:13:22</t>
  </si>
  <si>
    <t>12/18/2019 18:13:23</t>
  </si>
  <si>
    <t>12/18/2019 18:13:27</t>
  </si>
  <si>
    <t>12/18/2019 18:13:29</t>
  </si>
  <si>
    <t>12/18/2019 18:13:30</t>
  </si>
  <si>
    <t>12/18/2019 18:13:31</t>
  </si>
  <si>
    <t>12/18/2019 18:13:43</t>
  </si>
  <si>
    <t>12/18/2019 18:13:44</t>
  </si>
  <si>
    <t>12/18/2019 18:13:45</t>
  </si>
  <si>
    <t>12/18/2019 18:13:58</t>
  </si>
  <si>
    <t>12/18/2019 18:13:59</t>
  </si>
  <si>
    <t>12/18/2019 18:14:00</t>
  </si>
  <si>
    <t>12/18/2019 18:14:08</t>
  </si>
  <si>
    <t>12/18/2019 18:14:09</t>
  </si>
  <si>
    <t>12/18/2019 18:14:32</t>
  </si>
  <si>
    <t>12/18/2019 18:14:34</t>
  </si>
  <si>
    <t>12/18/2019 18:14:35</t>
  </si>
  <si>
    <t>12/18/2019 18:14:51</t>
  </si>
  <si>
    <t>12/18/2019 18:14:52</t>
  </si>
  <si>
    <t>12/18/2019 18:14:53</t>
  </si>
  <si>
    <t>12/18/2019 18:14:54</t>
  </si>
  <si>
    <t>12/18/2019 18:15:06</t>
  </si>
  <si>
    <t>12/18/2019 18:15:07</t>
  </si>
  <si>
    <t>12/18/2019 18:15:08</t>
  </si>
  <si>
    <t>12/18/2019 18:15:09</t>
  </si>
  <si>
    <t>12/18/2019 18:15:11</t>
  </si>
  <si>
    <t>12/18/2019 18:15:13</t>
  </si>
  <si>
    <t>12/18/2019 18:15:21</t>
  </si>
  <si>
    <t>12/18/2019 18:15:22</t>
  </si>
  <si>
    <t>12/18/2019 18:15:24</t>
  </si>
  <si>
    <t>12/18/2019 18:15:25</t>
  </si>
  <si>
    <t>12/18/2019 18:15:31</t>
  </si>
  <si>
    <t>12/18/2019 18:15:38</t>
  </si>
  <si>
    <t>12/18/2019 18:15:39</t>
  </si>
  <si>
    <t>12/18/2019 18:15:40</t>
  </si>
  <si>
    <t>12/18/2019 18:15:42</t>
  </si>
  <si>
    <t>12/18/2019 18:15:47</t>
  </si>
  <si>
    <t>12/18/2019 18:15:49</t>
  </si>
  <si>
    <t>12/18/2019 18:15:51</t>
  </si>
  <si>
    <t>12/18/2019 18:15:52</t>
  </si>
  <si>
    <t>12/18/2019 18:15:53</t>
  </si>
  <si>
    <t>12/18/2019 18:15:54</t>
  </si>
  <si>
    <t>12/18/2019 18:15:56</t>
  </si>
  <si>
    <t>12/18/2019 18:15:57</t>
  </si>
  <si>
    <t>12/18/2019 18:16:09</t>
  </si>
  <si>
    <t>12/18/2019 18:20:40</t>
  </si>
  <si>
    <t>12/18/2019 18:21:28</t>
  </si>
  <si>
    <t>12/18/2019 18:16:10</t>
  </si>
  <si>
    <t>12/18/2019 18:16:11</t>
  </si>
  <si>
    <t>12/18/2019 18:16:13</t>
  </si>
  <si>
    <t>12/18/2019 18:16:26</t>
  </si>
  <si>
    <t>12/18/2019 18:16:27</t>
  </si>
  <si>
    <t>12/18/2019 18:16:41</t>
  </si>
  <si>
    <t>12/18/2019 18:16:42</t>
  </si>
  <si>
    <t>12/18/2019 18:16:44</t>
  </si>
  <si>
    <t>12/18/2019 18:16:48</t>
  </si>
  <si>
    <t>12/18/2019 18:16:49</t>
  </si>
  <si>
    <t>12/18/2019 18:17:15</t>
  </si>
  <si>
    <t>12/18/2019 18:17:16</t>
  </si>
  <si>
    <t>12/18/2019 18:17:17</t>
  </si>
  <si>
    <t>12/18/2019 18:17:19</t>
  </si>
  <si>
    <t>12/18/2019 18:18:07</t>
  </si>
  <si>
    <t>12/18/2019 18:18:08</t>
  </si>
  <si>
    <t>12/18/2019 18:18:23</t>
  </si>
  <si>
    <t>12/18/2019 18:18:24</t>
  </si>
  <si>
    <t>12/18/2019 18:18:25</t>
  </si>
  <si>
    <t>12/18/2019 18:18:47</t>
  </si>
  <si>
    <t>12/18/2019 18:18:48</t>
  </si>
  <si>
    <t>12/18/2019 18:18:49</t>
  </si>
  <si>
    <t>12/18/2019 18:18:50</t>
  </si>
  <si>
    <t>12/18/2019 18:18:51</t>
  </si>
  <si>
    <t>12/18/2019 18:19:05</t>
  </si>
  <si>
    <t>12/18/2019 18:19:06</t>
  </si>
  <si>
    <t>12/18/2019 18:19:07</t>
  </si>
  <si>
    <t>12/18/2019 18:19:30</t>
  </si>
  <si>
    <t>12/18/2019 18:23:20</t>
  </si>
  <si>
    <t>12/18/2019 18:26:28</t>
  </si>
  <si>
    <t>12/18/2019 18:25:07</t>
  </si>
  <si>
    <t>12/18/2019 18:25:37</t>
  </si>
  <si>
    <t>12/18/2019 18:23:05</t>
  </si>
  <si>
    <t>12/18/2019 18:24:30</t>
  </si>
  <si>
    <t>12/18/2019 18:25:29</t>
  </si>
  <si>
    <t>12/18/2019 18:27:34</t>
  </si>
  <si>
    <t>12/18/2019 18:29:29</t>
  </si>
  <si>
    <t>\\acsfs\profiles$\gabrielbmdl\My Documents\anotações\</t>
  </si>
  <si>
    <t>\\acsfs\profiles$\gabrielbmdl\My Documents\anotações\script.txt</t>
  </si>
  <si>
    <t>12/18/2019 18:26:00</t>
  </si>
  <si>
    <t>12/18/2019 18:31:29</t>
  </si>
  <si>
    <t>12/18/2019 18:29:16</t>
  </si>
  <si>
    <t>211e146f-93b2-44a1-bfcf-622c7da016c9.tmp</t>
  </si>
  <si>
    <t>\\acsfs\profiles$\brendadsl\Downloads\211e146f-93b2-44a1-bfcf-622c7da016c9.tmp</t>
  </si>
  <si>
    <t>12/18/2019 18:27:35</t>
  </si>
  <si>
    <t>12/18/2019 18:27:57</t>
  </si>
  <si>
    <t>12/18/2019 18:27:58</t>
  </si>
  <si>
    <t>12/18/2019 18:30:10</t>
  </si>
  <si>
    <t>12/18/2019 18:30:52</t>
  </si>
  <si>
    <t>12/18/2019 18:35:29</t>
  </si>
  <si>
    <t>12/18/2019 18:31:24</t>
  </si>
  <si>
    <t>12/18/2019 18:36:28</t>
  </si>
  <si>
    <t>amandafdcs@algartech.com;amandafdcs@algartech.com.br;</t>
  </si>
  <si>
    <t>Escala Diego</t>
  </si>
  <si>
    <t>Escala Natal x Ano Novo.xlsx</t>
  </si>
  <si>
    <t>amandafdcs@algartech.com,amandafdcs@algartech.com.br</t>
  </si>
  <si>
    <t>12/18/2019 18:31:30</t>
  </si>
  <si>
    <t>12/18/2019 18:33:29</t>
  </si>
  <si>
    <t>12/18/2019 18:38:18</t>
  </si>
  <si>
    <t>12/18/2019 18:41:29</t>
  </si>
  <si>
    <t>12/18/2019 18:37:30</t>
  </si>
  <si>
    <t>12/18/2019 18:37:57</t>
  </si>
  <si>
    <t>12/18/2019 18:39:30</t>
  </si>
  <si>
    <t>12/18/2019 18:43:30</t>
  </si>
  <si>
    <t>12/18/2019 18:46:28</t>
  </si>
  <si>
    <t>12/18/2019 18:45:30</t>
  </si>
  <si>
    <t>12/18/2019 18:50:29</t>
  </si>
  <si>
    <t>12/18/2019 18:51:30</t>
  </si>
  <si>
    <t>12/18/2019 18:49:30</t>
  </si>
  <si>
    <t>12/18/2019 18:47:49</t>
  </si>
  <si>
    <t>12/18/2019 18:52:31</t>
  </si>
  <si>
    <t>12/18/2019 18:51:31</t>
  </si>
  <si>
    <t>12/18/2019 18:56:31</t>
  </si>
  <si>
    <t>12/18/2019 18:53:49</t>
  </si>
  <si>
    <t>12/18/2019 18:55:30</t>
  </si>
  <si>
    <t>12/18/2019 18:51:52</t>
  </si>
  <si>
    <t>12/18/2019 18:57:30</t>
  </si>
  <si>
    <t>12/18/2019 18:55:38</t>
  </si>
  <si>
    <t>12/18/2019 18:59:07</t>
  </si>
  <si>
    <t>12/18/2019 19:00:31</t>
  </si>
  <si>
    <t>eb17df8d-e539-4ff3-9925-466c57b5a1ba.tmp</t>
  </si>
  <si>
    <t>\\acsfs\profiles$\erichds\Downloads\eb17df8d-e539-4ff3-9925-466c57b5a1ba.tmp</t>
  </si>
  <si>
    <t>12/18/2019 19:01:30</t>
  </si>
  <si>
    <t>12/18/2019 19:02:54</t>
  </si>
  <si>
    <t>12/18/2019 19:05:30</t>
  </si>
  <si>
    <t>12/18/2019 19:06:31</t>
  </si>
  <si>
    <t>12/18/2019 19:01:31</t>
  </si>
  <si>
    <t>12/18/2019 19:03:30</t>
  </si>
  <si>
    <t>12/18/2019 19:07:30</t>
  </si>
  <si>
    <t>12/18/2019 19:11:30</t>
  </si>
  <si>
    <t>12/18/2019 19:09:01</t>
  </si>
  <si>
    <t>12/18/2019 19:09:30</t>
  </si>
  <si>
    <t>12/18/2019 18:33:01</t>
  </si>
  <si>
    <t>12/18/2019 19:16:31</t>
  </si>
  <si>
    <t>12/18/2019 18:33:14</t>
  </si>
  <si>
    <t>12/18/2019 19:13:06</t>
  </si>
  <si>
    <t>12/18/2019 19:15:07</t>
  </si>
  <si>
    <t>12/18/2019 19:13:30</t>
  </si>
  <si>
    <t>12/18/2019 19:15:30</t>
  </si>
  <si>
    <t>12/18/2019 19:17:30</t>
  </si>
  <si>
    <t>12/18/2019 19:21:31</t>
  </si>
  <si>
    <t>12/18/2019 19:17:41</t>
  </si>
  <si>
    <t>12/18/2019 19:18:35</t>
  </si>
  <si>
    <t>12/18/2019 19:16:57</t>
  </si>
  <si>
    <t>12/18/2019 19:17:21</t>
  </si>
  <si>
    <t>\\acsfs\DEPTOS\Operacao\Banco_Votorantim\Supervisao\CAMILLA LIMA RODRIGUES\</t>
  </si>
  <si>
    <t>LINKS.txt</t>
  </si>
  <si>
    <t>\\acsfs\DEPTOS\Operacao\Banco_Votorantim\Supervisao\CAMILLA LIMA RODRIGUES\LINKS.txt</t>
  </si>
  <si>
    <t>12/18/2019 19:19:30</t>
  </si>
  <si>
    <t>12/18/2019 19:22:43</t>
  </si>
  <si>
    <t>12/18/2019 19:25:31</t>
  </si>
  <si>
    <t>8c4fe82a-fae8-4221-95bd-5ddbf8bc3910.tmp</t>
  </si>
  <si>
    <t>\\acsfs\profiles$\erichds\Downloads\8c4fe82a-fae8-4221-95bd-5ddbf8bc3910.tmp</t>
  </si>
  <si>
    <t>12/18/2019 19:22:57</t>
  </si>
  <si>
    <t>12/18/2019 19:26:31</t>
  </si>
  <si>
    <t>d26d182d-81e6-4591-a9be-2e2771962060.tmp</t>
  </si>
  <si>
    <t>\\acsfs\profiles$\gabrielamdp\Downloads\d26d182d-81e6-4591-a9be-2e2771962060.tmp</t>
  </si>
  <si>
    <t>12/18/2019 19:22:59</t>
  </si>
  <si>
    <t>4f43c368-4b3b-40d9-a371-3559ba07b057.tmp</t>
  </si>
  <si>
    <t>\\acsfs\profiles$\gabrielamdp\Downloads\4f43c368-4b3b-40d9-a371-3559ba07b057.tmp</t>
  </si>
  <si>
    <t>40e04901-1066-4499-9906-6074084b2212.tmp</t>
  </si>
  <si>
    <t>\\acsfs\profiles$\gabrielamdp\Downloads\40e04901-1066-4499-9906-6074084b2212.tmp</t>
  </si>
  <si>
    <t>2bbc63b2-98ba-4ce7-a2a1-d16b69d8bb2f.tmp</t>
  </si>
  <si>
    <t>\\acsfs\profiles$\gabrielamdp\Downloads\2bbc63b2-98ba-4ce7-a2a1-d16b69d8bb2f.tmp</t>
  </si>
  <si>
    <t>12/18/2019 19:23:00</t>
  </si>
  <si>
    <t>2a3778a8-444f-4bcc-9c4c-4656a0d51b1d.tmp</t>
  </si>
  <si>
    <t>\\acsfs\profiles$\gabrielamdp\Downloads\2a3778a8-444f-4bcc-9c4c-4656a0d51b1d.tmp</t>
  </si>
  <si>
    <t>12/18/2019 19:23:26</t>
  </si>
  <si>
    <t>199d8e3f-586d-4499-b61a-55bf50644b15.tmp</t>
  </si>
  <si>
    <t>\\acsfs\profiles$\gabrielamdp\Downloads\199d8e3f-586d-4499-b61a-55bf50644b15.tmp</t>
  </si>
  <si>
    <t>12/18/2019 19:23:28</t>
  </si>
  <si>
    <t>4bdbd3fc-6f9f-428f-ae11-334ebfde9188.tmp</t>
  </si>
  <si>
    <t>\\acsfs\profiles$\gabrielamdp\Downloads\4bdbd3fc-6f9f-428f-ae11-334ebfde9188.tmp</t>
  </si>
  <si>
    <t>12/18/2019 19:23:29</t>
  </si>
  <si>
    <t>4ac98d69-dcd8-421e-a555-24f69be77cf3.tmp</t>
  </si>
  <si>
    <t>\\acsfs\profiles$\gabrielamdp\Downloads\4ac98d69-dcd8-421e-a555-24f69be77cf3.tmp</t>
  </si>
  <si>
    <t>12/18/2019 19:23:30</t>
  </si>
  <si>
    <t>993e0678-2fc1-4f04-9a5a-ec206a26023f.tmp</t>
  </si>
  <si>
    <t>\\acsfs\profiles$\gabrielamdp\Downloads\993e0678-2fc1-4f04-9a5a-ec206a26023f.tmp</t>
  </si>
  <si>
    <t>f0a9cc84-3916-4834-bd9a-2b3051cebc36.tmp</t>
  </si>
  <si>
    <t>\\acsfs\profiles$\gabrielamdp\Downloads\f0a9cc84-3916-4834-bd9a-2b3051cebc36.tmp</t>
  </si>
  <si>
    <t>12/18/2019 19:23:31</t>
  </si>
  <si>
    <t>b6a4a00c-81f4-4836-b943-d092cf14b601.tmp</t>
  </si>
  <si>
    <t>\\acsfs\profiles$\gabrielamdp\Downloads\b6a4a00c-81f4-4836-b943-d092cf14b601.tmp</t>
  </si>
  <si>
    <t>12/18/2019 19:23:55</t>
  </si>
  <si>
    <t>12/18/2019 19:21:30</t>
  </si>
  <si>
    <t>12/18/2019 19:23:47</t>
  </si>
  <si>
    <t>12/18/2019 19:25:29</t>
  </si>
  <si>
    <t>12/18/2019 19:27:30</t>
  </si>
  <si>
    <t>57b63539-9af5-4d08-afdd-e6bc5ad718af.tmp</t>
  </si>
  <si>
    <t>\\acsfs\profiles$\laurandos\Downloads\57b63539-9af5-4d08-afdd-e6bc5ad718af.tmp</t>
  </si>
  <si>
    <t>12/18/2019 19:24:49</t>
  </si>
  <si>
    <t>12/18/2019 19:29:31</t>
  </si>
  <si>
    <t>12/18/2019 19:28:30</t>
  </si>
  <si>
    <t>12/18/2019 19:31:31</t>
  </si>
  <si>
    <t>12/18/2019 19:26:39</t>
  </si>
  <si>
    <t>67feb90b-97ed-4b87-909e-1fcc1b00055e.tmp</t>
  </si>
  <si>
    <t>\\acsfs\profiles$\victorgl\Downloads\67feb90b-97ed-4b87-909e-1fcc1b00055e.tmp</t>
  </si>
  <si>
    <t>12/18/2019 19:27:29</t>
  </si>
  <si>
    <t>12/18/2019 19:33:28</t>
  </si>
  <si>
    <t>12/18/2019 19:34:30</t>
  </si>
  <si>
    <t>10.200.66.55</t>
  </si>
  <si>
    <t>Karen Jane Santos Silva (20).contact</t>
  </si>
  <si>
    <t>\\acsfs\profiles$\KARENJSS\Contacts\Karen Jane Santos Silva (20).contact</t>
  </si>
  <si>
    <t>12/18/2019 19:33:42</t>
  </si>
  <si>
    <t>12/18/2019 19:33:43</t>
  </si>
  <si>
    <t>12/18/2019 19:33:44</t>
  </si>
  <si>
    <t>12/18/2019 19:33:45</t>
  </si>
  <si>
    <t>12/18/2019 19:33:46</t>
  </si>
  <si>
    <t>12/18/2019 19:33:47</t>
  </si>
  <si>
    <t>12/18/2019 19:33:48</t>
  </si>
  <si>
    <t>12/18/2019 19:34:02</t>
  </si>
  <si>
    <t>12/18/2019 19:34:03</t>
  </si>
  <si>
    <t>12/18/2019 19:31:29</t>
  </si>
  <si>
    <t>12/18/2019 19:36:30</t>
  </si>
  <si>
    <t>12/18/2019 19:33:29</t>
  </si>
  <si>
    <t>12/18/2019 19:37:10</t>
  </si>
  <si>
    <t>12/18/2019 19:39:30</t>
  </si>
  <si>
    <t>9a60b2af-df9f-4f7d-8b96-b189beb7dcfb.tmp</t>
  </si>
  <si>
    <t>\\acsfs\profiles$\vivianibfs\Downloads\9a60b2af-df9f-4f7d-8b96-b189beb7dcfb.tmp</t>
  </si>
  <si>
    <t>12/18/2019 19:37:13</t>
  </si>
  <si>
    <t>f995113d-15db-4424-b923-9754fed69922.tmp</t>
  </si>
  <si>
    <t>\\acsfs\profiles$\vivianibfs\Downloads\f995113d-15db-4424-b923-9754fed69922.tmp</t>
  </si>
  <si>
    <t>12/18/2019 19:40:20</t>
  </si>
  <si>
    <t>12/18/2019 19:41:30</t>
  </si>
  <si>
    <t>12/18/2019 19:38:19</t>
  </si>
  <si>
    <t>67be9b27-12f7-4237-9024-69438f32cca1.tmp</t>
  </si>
  <si>
    <t>\\acsfs\profiles$\brendadsl\Downloads\67be9b27-12f7-4237-9024-69438f32cca1.tmp</t>
  </si>
  <si>
    <t>12/18/2019 19:38:12</t>
  </si>
  <si>
    <t>12/18/2019 19:39:29</t>
  </si>
  <si>
    <t>12/18/2019 19:43:29</t>
  </si>
  <si>
    <t>12/18/2019 19:46:30</t>
  </si>
  <si>
    <t>12/18/2019 19:45:29</t>
  </si>
  <si>
    <t>12/18/2019 19:47:00</t>
  </si>
  <si>
    <t>12/18/2019 19:51:29</t>
  </si>
  <si>
    <t>12/18/2019 19:49:29</t>
  </si>
  <si>
    <t>12/18/2019 19:54:35</t>
  </si>
  <si>
    <t>12/18/2019 19:56:29</t>
  </si>
  <si>
    <t>e246d936-8d09-4bb2-8da4-5c0e8518275b.tmp</t>
  </si>
  <si>
    <t>\\acsfs\profiles$\brendadsl\Downloads\e246d936-8d09-4bb2-8da4-5c0e8518275b.tmp</t>
  </si>
  <si>
    <t>12/18/2019 19:54:43</t>
  </si>
  <si>
    <t>12/18/2019 19:55:29</t>
  </si>
  <si>
    <t>12/18/2019 19:56:04</t>
  </si>
  <si>
    <t>12/18/2019 20:01:29</t>
  </si>
  <si>
    <t>f4cb7ceb-a247-428a-a30d-1c5e9801f142.tmp</t>
  </si>
  <si>
    <t>\\acsfs\profiles$\gabrielamdp\Downloads\f4cb7ceb-a247-428a-a30d-1c5e9801f142.tmp</t>
  </si>
  <si>
    <t>12/18/2019 19:56:05</t>
  </si>
  <si>
    <t>23df31e9-e753-4b4e-a042-a144354ea272.tmp</t>
  </si>
  <si>
    <t>\\acsfs\profiles$\gabrielamdp\Downloads\23df31e9-e753-4b4e-a042-a144354ea272.tmp</t>
  </si>
  <si>
    <t>12/18/2019 19:58:59</t>
  </si>
  <si>
    <t>cb3133cd-e87f-4eeb-bf4f-33e96b16b35c.tmp</t>
  </si>
  <si>
    <t>\\acsfs\profiles$\brendadsl\Downloads\cb3133cd-e87f-4eeb-bf4f-33e96b16b35c.tmp</t>
  </si>
  <si>
    <t>12/18/2019 19:57:29</t>
  </si>
  <si>
    <t>12/18/2019 20:00:41</t>
  </si>
  <si>
    <t>12/18/2019 19:58:46</t>
  </si>
  <si>
    <t>12/18/2019 20:02:30</t>
  </si>
  <si>
    <t>12/18/2019 20:01:31</t>
  </si>
  <si>
    <t>12/18/2019 20:00:22</t>
  </si>
  <si>
    <t>12/18/2019 20:04:29</t>
  </si>
  <si>
    <t>\\acsfs\profiles$\gabrielbmdl\My Documents\xworkcenter\logs\</t>
  </si>
  <si>
    <t>XLOG_gabrielbmdl_18122019_173914.log</t>
  </si>
  <si>
    <t>\\acsfs\profiles$\gabrielbmdl\My Documents\xworkcenter\logs\XLOG_gabrielbmdl_18122019_173914.log</t>
  </si>
  <si>
    <t>12/18/2019 20:03:44</t>
  </si>
  <si>
    <t>12/18/2019 20:06:30</t>
  </si>
  <si>
    <t>12/18/2019 20:03:29</t>
  </si>
  <si>
    <t>12/18/2019 20:06:33</t>
  </si>
  <si>
    <t>12/18/2019 20:08:29</t>
  </si>
  <si>
    <t>12/18/2019 20:09:19</t>
  </si>
  <si>
    <t>12/18/2019 20:10:30</t>
  </si>
  <si>
    <t>12/18/2019 20:09:06</t>
  </si>
  <si>
    <t>113e3278-4d98-431f-a37d-f7c608a9d46d.tmp</t>
  </si>
  <si>
    <t>\\acsfs\profiles$\erichds\Downloads\113e3278-4d98-431f-a37d-f7c608a9d46d.tmp</t>
  </si>
  <si>
    <t>12/18/2019 20:07:29</t>
  </si>
  <si>
    <t>12/18/2019 20:11:30</t>
  </si>
  <si>
    <t>12/18/2019 20:08:24</t>
  </si>
  <si>
    <t>12/18/2019 20:12:35</t>
  </si>
  <si>
    <t>12/18/2019 20:16:30</t>
  </si>
  <si>
    <t>12/18/2019 20:11:34</t>
  </si>
  <si>
    <t>12/18/2019 20:13:29</t>
  </si>
  <si>
    <t>12/18/2019 20:16:18</t>
  </si>
  <si>
    <t>12/18/2019 20:16:38</t>
  </si>
  <si>
    <t>12/18/2019 20:21:29</t>
  </si>
  <si>
    <t>12/18/2019 20:19:29</t>
  </si>
  <si>
    <t>12/18/2019 20:24:50</t>
  </si>
  <si>
    <t>12/18/2019 20:26:29</t>
  </si>
  <si>
    <t>12/18/2019 20:25:21</t>
  </si>
  <si>
    <t>12/18/2019 20:25:30</t>
  </si>
  <si>
    <t>12/18/2019 20:24:06</t>
  </si>
  <si>
    <t>12/18/2019 20:25:29</t>
  </si>
  <si>
    <t>12/18/2019 20:27:12</t>
  </si>
  <si>
    <t>12/18/2019 20:31:30</t>
  </si>
  <si>
    <t>12/18/2019 20:27:23</t>
  </si>
  <si>
    <t>12/18/2019 20:32:11</t>
  </si>
  <si>
    <t>12/18/2019 20:33:30</t>
  </si>
  <si>
    <t>ae260e7b-5267-42f5-8db9-9d83382a6cb0.tmp</t>
  </si>
  <si>
    <t>\\acsfs\profiles$\anafaes\Downloads\ae260e7b-5267-42f5-8db9-9d83382a6cb0.tmp</t>
  </si>
  <si>
    <t>12/18/2019 20:30:41</t>
  </si>
  <si>
    <t>12/18/2019 20:34:29</t>
  </si>
  <si>
    <t>12/18/2019 20:29:46</t>
  </si>
  <si>
    <t>12/18/2019 20:30:54</t>
  </si>
  <si>
    <t>12/18/2019 20:35:30</t>
  </si>
  <si>
    <t>12/18/2019 20:33:03</t>
  </si>
  <si>
    <t>12/18/2019 20:36:29</t>
  </si>
  <si>
    <t>12/18/2019 20:31:29</t>
  </si>
  <si>
    <t>12/18/2019 20:32:00</t>
  </si>
  <si>
    <t>12/18/2019 20:32:30</t>
  </si>
  <si>
    <t>12/18/2019 20:35:19</t>
  </si>
  <si>
    <t>12/18/2019 20:37:30</t>
  </si>
  <si>
    <t>12/18/2019 20:36:06</t>
  </si>
  <si>
    <t>12/18/2019 20:41:30</t>
  </si>
  <si>
    <t>c928dc37-174f-43ed-a9aa-5983ed8dea09.tmp</t>
  </si>
  <si>
    <t>\\acsfs\profiles$\rosileiam\Downloads\c928dc37-174f-43ed-a9aa-5983ed8dea09.tmp</t>
  </si>
  <si>
    <t>12/18/2019 20:36:59</t>
  </si>
  <si>
    <t>385e1da7-8143-44b4-9c93-ebf19b30e502.tmp</t>
  </si>
  <si>
    <t>\\acsfs\profiles$\rosileiam\Downloads\385e1da7-8143-44b4-9c93-ebf19b30e502.tmp</t>
  </si>
  <si>
    <t>12/18/2019 20:40:28</t>
  </si>
  <si>
    <t>12/18/2019 20:40:31</t>
  </si>
  <si>
    <t>12/18/2019 20:40:32</t>
  </si>
  <si>
    <t>12/18/2019 20:40:33</t>
  </si>
  <si>
    <t>12/18/2019 20:40:37</t>
  </si>
  <si>
    <t>12/18/2019 20:40:38</t>
  </si>
  <si>
    <t>12/18/2019 20:40:39</t>
  </si>
  <si>
    <t>12/18/2019 20:40:40</t>
  </si>
  <si>
    <t>12/18/2019 20:40:41</t>
  </si>
  <si>
    <t>12/18/2019 20:40:44</t>
  </si>
  <si>
    <t>12/18/2019 20:38:30</t>
  </si>
  <si>
    <t>12/18/2019 20:40:00</t>
  </si>
  <si>
    <t>12/18/2019 20:40:45</t>
  </si>
  <si>
    <t>12/18/2019 20:40:46</t>
  </si>
  <si>
    <t>12/18/2019 20:40:47</t>
  </si>
  <si>
    <t>12/18/2019 20:40:50</t>
  </si>
  <si>
    <t>12/18/2019 20:40:51</t>
  </si>
  <si>
    <t>12/18/2019 20:40:57</t>
  </si>
  <si>
    <t>12/18/2019 20:40:58</t>
  </si>
  <si>
    <t>12/18/2019 20:41:03</t>
  </si>
  <si>
    <t>12/18/2019 20:41:05</t>
  </si>
  <si>
    <t>12/18/2019 20:41:06</t>
  </si>
  <si>
    <t>12/18/2019 20:41:07</t>
  </si>
  <si>
    <t>12/18/2019 20:41:08</t>
  </si>
  <si>
    <t>12/18/2019 20:41:10</t>
  </si>
  <si>
    <t>12/18/2019 20:41:13</t>
  </si>
  <si>
    <t>12/18/2019 20:41:14</t>
  </si>
  <si>
    <t>12/18/2019 20:41:15</t>
  </si>
  <si>
    <t>12/18/2019 20:43:11</t>
  </si>
  <si>
    <t>12/18/2019 20:46:30</t>
  </si>
  <si>
    <t>12/18/2019 20:43:36</t>
  </si>
  <si>
    <t>12/18/2019 20:43:30</t>
  </si>
  <si>
    <t>12/18/2019 20:44:30</t>
  </si>
  <si>
    <t>12/18/2019 20:45:59</t>
  </si>
  <si>
    <t>12/18/2019 20:41:17</t>
  </si>
  <si>
    <t>12/18/2019 20:41:18</t>
  </si>
  <si>
    <t>12/18/2019 20:41:19</t>
  </si>
  <si>
    <t>12/18/2019 20:41:20</t>
  </si>
  <si>
    <t>12/18/2019 20:41:21</t>
  </si>
  <si>
    <t>12/18/2019 20:41:23</t>
  </si>
  <si>
    <t>12/18/2019 20:41:28</t>
  </si>
  <si>
    <t>12/18/2019 20:49:30</t>
  </si>
  <si>
    <t>12/18/2019 20:51:30</t>
  </si>
  <si>
    <t>12/18/2019 20:50:30</t>
  </si>
  <si>
    <t>12/18/2019 20:52:34</t>
  </si>
  <si>
    <t>12/18/2019 20:54:30</t>
  </si>
  <si>
    <t>12/18/2019 20:53:55</t>
  </si>
  <si>
    <t>12/18/2019 20:56:30</t>
  </si>
  <si>
    <t>12/18/2019 20:54:14</t>
  </si>
  <si>
    <t>12/18/2019 20:55:31</t>
  </si>
  <si>
    <t>12/18/2019 20:52:59</t>
  </si>
  <si>
    <t>76fbc9ac-b99b-46aa-bcd9-4e56aef5b49b.tmp</t>
  </si>
  <si>
    <t>\\acsfs\profiles$\rosileiam\Downloads\76fbc9ac-b99b-46aa-bcd9-4e56aef5b49b.tmp</t>
  </si>
  <si>
    <t>12/18/2019 20:54:24</t>
  </si>
  <si>
    <t>12/18/2019 20:58:31</t>
  </si>
  <si>
    <t>72f4a3a5-96e8-406d-b22f-727aed041033.tmp</t>
  </si>
  <si>
    <t>\\acsfs\profiles$\gabrieleods\Downloads\72f4a3a5-96e8-406d-b22f-727aed041033.tmp</t>
  </si>
  <si>
    <t>12/18/2019 20:56:00</t>
  </si>
  <si>
    <t>12/18/2019 21:00:31</t>
  </si>
  <si>
    <t>12/18/2019 20:58:30</t>
  </si>
  <si>
    <t>12/18/2019 21:01:30</t>
  </si>
  <si>
    <t>12/18/2019 20:58:49</t>
  </si>
  <si>
    <t>12/18/2019 20:59:30</t>
  </si>
  <si>
    <t>12/18/2019 20:57:26</t>
  </si>
  <si>
    <t>12/18/2019 21:02:31</t>
  </si>
  <si>
    <t>12/18/2019 20:59:27</t>
  </si>
  <si>
    <t>12/18/2019 21:04:31</t>
  </si>
  <si>
    <t>e0adacb8-6cae-4512-abd8-b1e58a6b53eb.tmp</t>
  </si>
  <si>
    <t>\\acsfs\profiles$\marcosvnds\Downloads\e0adacb8-6cae-4512-abd8-b1e58a6b53eb.tmp</t>
  </si>
  <si>
    <t>12/18/2019 20:59:39</t>
  </si>
  <si>
    <t>e0e12d0b-7d6a-4b67-92b7-1dd02363de23.tmp</t>
  </si>
  <si>
    <t>\\acsfs\profiles$\marcosvnds\Downloads\e0e12d0b-7d6a-4b67-92b7-1dd02363de23.tmp</t>
  </si>
  <si>
    <t>12/18/2019 21:00:48</t>
  </si>
  <si>
    <t>c7e6aaf5-a130-4c4c-b8ba-f3a33de2706e.tmp</t>
  </si>
  <si>
    <t>\\acsfs\profiles$\marcosvnds\Downloads\c7e6aaf5-a130-4c4c-b8ba-f3a33de2706e.tmp</t>
  </si>
  <si>
    <t>12/18/2019 21:05:43</t>
  </si>
  <si>
    <t>12/18/2019 21:06:30</t>
  </si>
  <si>
    <t>12/18/2019 21:05:30</t>
  </si>
  <si>
    <t>12/18/2019 21:06:01</t>
  </si>
  <si>
    <t>12/18/2019 21:07:30</t>
  </si>
  <si>
    <t>12/18/2019 21:07:12</t>
  </si>
  <si>
    <t>12/18/2019 21:09:30</t>
  </si>
  <si>
    <t>440b0f1e-6532-4616-996c-d5923434a2c6.tmp</t>
  </si>
  <si>
    <t>\\acsfs\profiles$\bernardopcm\Downloads\440b0f1e-6532-4616-996c-d5923434a2c6.tmp</t>
  </si>
  <si>
    <t>12/18/2019 21:11:29</t>
  </si>
  <si>
    <t>12/18/2019 21:09:48</t>
  </si>
  <si>
    <t>12/18/2019 21:09:01</t>
  </si>
  <si>
    <t>12/18/2019 21:12:30</t>
  </si>
  <si>
    <t>f81a46e2-90ef-40ca-a4e1-253cde04bbac.tmp</t>
  </si>
  <si>
    <t>\\acsfs\profiles$\laurandos\Downloads\f81a46e2-90ef-40ca-a4e1-253cde04bbac.tmp</t>
  </si>
  <si>
    <t>12/18/2019 21:10:50</t>
  </si>
  <si>
    <t>12/18/2019 21:13:30</t>
  </si>
  <si>
    <t>\\acsfs\profiles$\gabrieleods\Contacts\</t>
  </si>
  <si>
    <t>GABRIELE OLIVEIRA DE SOUSA (28671).contact</t>
  </si>
  <si>
    <t>\\acsfs\profiles$\gabrieleods\Contacts\GABRIELE OLIVEIRA DE SOUSA (28671).contact</t>
  </si>
  <si>
    <t>12/18/2019 21:11:11</t>
  </si>
  <si>
    <t>\\acsfs\profiles$\gabrieleods\My Documents\My Videos\</t>
  </si>
  <si>
    <t>\\acsfs\profiles$\gabrieleods\My Documents\My Videos\desktop.ini</t>
  </si>
  <si>
    <t>12/18/2019 21:11:12</t>
  </si>
  <si>
    <t>\\acsfs\profiles$\gabrieleods\My Documents\My Pictures\</t>
  </si>
  <si>
    <t>\\acsfs\profiles$\gabrieleods\My Documents\My Pictures\desktop.ini</t>
  </si>
  <si>
    <t>12/18/2019 21:11:13</t>
  </si>
  <si>
    <t>\\acsfs\profiles$\gabrieleods\Contacts\desktop.ini</t>
  </si>
  <si>
    <t>12/18/2019 21:11:14</t>
  </si>
  <si>
    <t>\\acsfs\profiles$\gabrieleods\Favorites\</t>
  </si>
  <si>
    <t>\\acsfs\profiles$\gabrieleods\Favorites\desktop.ini</t>
  </si>
  <si>
    <t>12/18/2019 21:11:16</t>
  </si>
  <si>
    <t>\\acsfs\profiles$\gabrieleods\My Documents\My Music\</t>
  </si>
  <si>
    <t>\\acsfs\profiles$\gabrieleods\My Documents\My Music\desktop.ini</t>
  </si>
  <si>
    <t>12/18/2019 21:11:17</t>
  </si>
  <si>
    <t>12/18/2019 21:11:18</t>
  </si>
  <si>
    <t>\\acsfs\profiles$\gabrieleods\Searches\</t>
  </si>
  <si>
    <t>\\acsfs\profiles$\gabrieleods\Searches\desktop.ini</t>
  </si>
  <si>
    <t>\\acsfs\profiles$\gabrieleods\Downloads\desktop.ini</t>
  </si>
  <si>
    <t>12/18/2019 21:11:19</t>
  </si>
  <si>
    <t>\\acsfs\profiles$\gabrieleods\My Documents\</t>
  </si>
  <si>
    <t>\\acsfs\profiles$\gabrieleods\My Documents\desktop.ini</t>
  </si>
  <si>
    <t>12/18/2019 21:11:20</t>
  </si>
  <si>
    <t>\\acsfs\profiles$\gabrieleods\Saved Games\</t>
  </si>
  <si>
    <t>\\acsfs\profiles$\gabrieleods\Saved Games\desktop.ini</t>
  </si>
  <si>
    <t>12/18/2019 21:12:37</t>
  </si>
  <si>
    <t>\\acsfs\profiles$\gabrieleods\Favorites\Links for Brasil\</t>
  </si>
  <si>
    <t>\\acsfs\profiles$\gabrieleods\Favorites\Links for Brasil\desktop.ini</t>
  </si>
  <si>
    <t>12/18/2019 21:12:39</t>
  </si>
  <si>
    <t>\\acsfs\profiles$\gabrieleods\Favorites\Links for Brasil\Microsoft Brasil.url</t>
  </si>
  <si>
    <t>12/18/2019 21:12:40</t>
  </si>
  <si>
    <t>\\acsfs\profiles$\gabrieleods\Favorites\Links for Brasil\Windows Brasil.url</t>
  </si>
  <si>
    <t>12/18/2019 21:12:41</t>
  </si>
  <si>
    <t>12/18/2019 21:12:43</t>
  </si>
  <si>
    <t>\\acsfs\profiles$\gabrieleods\Favorites\Links for Brasil\MSN Brasil.url</t>
  </si>
  <si>
    <t>12/18/2019 21:13:33</t>
  </si>
  <si>
    <t>12/18/2019 21:14:29</t>
  </si>
  <si>
    <t>12/18/2019 21:11:34</t>
  </si>
  <si>
    <t>3c0d5c3f-4786-4612-8a58-864aee6a49cb.tmp</t>
  </si>
  <si>
    <t>\\acsfs\profiles$\bernardopcm\Downloads\3c0d5c3f-4786-4612-8a58-864aee6a49cb.tmp</t>
  </si>
  <si>
    <t>12/18/2019 21:11:30</t>
  </si>
  <si>
    <t>12/18/2019 21:16:29</t>
  </si>
  <si>
    <t>12/18/2019 21:13:04</t>
  </si>
  <si>
    <t>12/18/2019 21:17:29</t>
  </si>
  <si>
    <t>XLOG_anakcs_18122019_130235.log</t>
  </si>
  <si>
    <t>\\acsfs\profiles$\anakcs\My Documents\xworkcenter\logs\XLOG_anakcs_18122019_130235.log</t>
  </si>
  <si>
    <t>\\acsfs\profiles$\anakcs\My Documents\xworkcenter\logs\wrapper.log</t>
  </si>
  <si>
    <t>12/18/2019 21:17:30</t>
  </si>
  <si>
    <t>12/18/2019 21:21:30</t>
  </si>
  <si>
    <t>12/18/2019 21:19:30</t>
  </si>
  <si>
    <t>12/18/2019 21:23:30</t>
  </si>
  <si>
    <t>12/18/2019 21:26:30</t>
  </si>
  <si>
    <t>12/18/2019 21:25:01</t>
  </si>
  <si>
    <t>12/18/2019 21:25:30</t>
  </si>
  <si>
    <t>12/18/2019 21:27:23</t>
  </si>
  <si>
    <t>12/18/2019 21:31:29</t>
  </si>
  <si>
    <t>12/18/2019 21:28:36</t>
  </si>
  <si>
    <t>12/18/2019 21:31:02</t>
  </si>
  <si>
    <t>12/18/2019 21:29:30</t>
  </si>
  <si>
    <t>12/18/2019 21:31:01</t>
  </si>
  <si>
    <t>12/18/2019 21:31:30</t>
  </si>
  <si>
    <t>12/18/2019 21:36:30</t>
  </si>
  <si>
    <t>12/18/2019 21:35:30</t>
  </si>
  <si>
    <t>12/18/2019 21:31:43</t>
  </si>
  <si>
    <t>12/18/2019 21:31:45</t>
  </si>
  <si>
    <t>12/18/2019 21:31:46</t>
  </si>
  <si>
    <t>12/18/2019 21:31:49</t>
  </si>
  <si>
    <t>12/18/2019 21:31:50</t>
  </si>
  <si>
    <t>12/18/2019 21:31:51</t>
  </si>
  <si>
    <t>12/18/2019 21:31:52</t>
  </si>
  <si>
    <t>12/18/2019 21:31:56</t>
  </si>
  <si>
    <t>12/18/2019 21:31:57</t>
  </si>
  <si>
    <t>12/18/2019 21:37:30</t>
  </si>
  <si>
    <t>12/18/2019 21:41:30</t>
  </si>
  <si>
    <t>12/18/2019 21:38:55</t>
  </si>
  <si>
    <t>12/18/2019 21:43:15</t>
  </si>
  <si>
    <t>12/18/2019 21:46:29</t>
  </si>
  <si>
    <t>12/18/2019 21:44:49</t>
  </si>
  <si>
    <t>12/18/2019 21:45:21</t>
  </si>
  <si>
    <t>12/18/2019 21:45:30</t>
  </si>
  <si>
    <t>12/18/2019 21:45:45</t>
  </si>
  <si>
    <t>12/18/2019 21:43:30</t>
  </si>
  <si>
    <t>12/18/2019 21:41:47</t>
  </si>
  <si>
    <t>12/18/2019 21:47:29</t>
  </si>
  <si>
    <t>12/18/2019 21:46:43</t>
  </si>
  <si>
    <t>12/18/2019 21:51:29</t>
  </si>
  <si>
    <t>12/18/2019 21:47:30</t>
  </si>
  <si>
    <t>12/18/2019 21:49:30</t>
  </si>
  <si>
    <t>12/18/2019 21:54:24</t>
  </si>
  <si>
    <t>12/18/2019 21:56:30</t>
  </si>
  <si>
    <t>12/18/2019 21:55:31</t>
  </si>
  <si>
    <t>12/18/2019 21:54:21</t>
  </si>
  <si>
    <t>12/18/2019 21:54:32</t>
  </si>
  <si>
    <t>12/18/2019 21:57:29</t>
  </si>
  <si>
    <t>12/18/2019 21:57:17</t>
  </si>
  <si>
    <t>12/18/2019 22:01:30</t>
  </si>
  <si>
    <t>12/18/2019 22:00:15</t>
  </si>
  <si>
    <t>12/18/2019 22:03:29</t>
  </si>
  <si>
    <t>12/18/2019 22:04:36</t>
  </si>
  <si>
    <t>12/18/2019 22:05:30</t>
  </si>
  <si>
    <t>12/18/2019 22:06:30</t>
  </si>
  <si>
    <t>12/18/2019 22:01:57</t>
  </si>
  <si>
    <t>12/18/2019 22:03:24</t>
  </si>
  <si>
    <t>12/18/2019 22:07:30</t>
  </si>
  <si>
    <t>12/18/2019 22:11:30</t>
  </si>
  <si>
    <t>12/18/2019 22:09:41</t>
  </si>
  <si>
    <t>12/18/2019 22:11:12</t>
  </si>
  <si>
    <t>12/18/2019 22:11:37</t>
  </si>
  <si>
    <t>12/18/2019 22:12:30</t>
  </si>
  <si>
    <t>12/18/2019 22:13:30</t>
  </si>
  <si>
    <t>12/18/2019 22:16:30</t>
  </si>
  <si>
    <t>12/18/2019 22:17:18</t>
  </si>
  <si>
    <t>12/18/2019 22:19:30</t>
  </si>
  <si>
    <t>12/18/2019 22:17:56</t>
  </si>
  <si>
    <t>12/18/2019 22:16:37</t>
  </si>
  <si>
    <t>12/18/2019 22:21:30</t>
  </si>
  <si>
    <t>12/18/2019 22:19:02</t>
  </si>
  <si>
    <t>12/18/2019 22:24:25</t>
  </si>
  <si>
    <t>12/18/2019 22:26:29</t>
  </si>
  <si>
    <t>12/18/2019 22:25:30</t>
  </si>
  <si>
    <t>12/18/2019 22:28:13</t>
  </si>
  <si>
    <t>12/18/2019 22:29:29</t>
  </si>
  <si>
    <t>12/18/2019 22:26:47</t>
  </si>
  <si>
    <t>12/18/2019 22:31:30</t>
  </si>
  <si>
    <t>12/18/2019 22:36:30</t>
  </si>
  <si>
    <t>12/18/2019 22:32:01</t>
  </si>
  <si>
    <t>12/18/2019 22:34:19</t>
  </si>
  <si>
    <t>12/18/2019 22:31:49</t>
  </si>
  <si>
    <t>12/18/2019 22:37:29</t>
  </si>
  <si>
    <t>12/18/2019 22:37:30</t>
  </si>
  <si>
    <t>12/18/2019 22:41:30</t>
  </si>
  <si>
    <t>12/18/2019 22:39:32</t>
  </si>
  <si>
    <t>12/18/2019 22:41:50</t>
  </si>
  <si>
    <t>12/18/2019 22:46:30</t>
  </si>
  <si>
    <t>12/18/2019 22:43:31</t>
  </si>
  <si>
    <t>12/18/2019 22:47:33</t>
  </si>
  <si>
    <t>12/18/2019 22:51:30</t>
  </si>
  <si>
    <t>12/18/2019 22:49:33</t>
  </si>
  <si>
    <t>12/18/2019 22:55:22</t>
  </si>
  <si>
    <t>12/18/2019 22:56:30</t>
  </si>
  <si>
    <t>12/18/2019 22:55:34</t>
  </si>
  <si>
    <t>12/18/2019 22:57:46</t>
  </si>
  <si>
    <t>12/18/2019 23:01:30</t>
  </si>
  <si>
    <t>12/18/2019 23:01:33</t>
  </si>
  <si>
    <t>12/18/2019 23:06:30</t>
  </si>
  <si>
    <t>12/18/2019 23:01:53</t>
  </si>
  <si>
    <t>12/18/2019 23:05:34</t>
  </si>
  <si>
    <t>12/18/2019 23:03:11</t>
  </si>
  <si>
    <t>12/18/2019 23:07:33</t>
  </si>
  <si>
    <t>12/18/2019 23:11:31</t>
  </si>
  <si>
    <t>12/18/2019 23:09:45</t>
  </si>
  <si>
    <t>12/18/2019 23:13:05</t>
  </si>
  <si>
    <t>12/18/2019 23:16:31</t>
  </si>
  <si>
    <t>12/18/2019 23:13:33</t>
  </si>
  <si>
    <t>12/18/2019 23:17:33</t>
  </si>
  <si>
    <t>12/18/2019 23:21:31</t>
  </si>
  <si>
    <t>12/18/2019 23:19:33</t>
  </si>
  <si>
    <t>12/18/2019 23:20:51</t>
  </si>
  <si>
    <t>12/18/2019 23:21:50</t>
  </si>
  <si>
    <t>12/18/2019 23:22:31</t>
  </si>
  <si>
    <t>12/18/2019 23:25:04</t>
  </si>
  <si>
    <t>12/18/2019 23:26:30</t>
  </si>
  <si>
    <t>12/18/2019 23:25:33</t>
  </si>
  <si>
    <t>12/18/2019 23:28:39</t>
  </si>
  <si>
    <t>12/18/2019 23:31:31</t>
  </si>
  <si>
    <t>12/18/2019 23:31:33</t>
  </si>
  <si>
    <t>12/18/2019 23:36:30</t>
  </si>
  <si>
    <t>12/18/2019 23:32:35</t>
  </si>
  <si>
    <t>12/18/2019 23:36:45</t>
  </si>
  <si>
    <t>12/18/2019 23:41:31</t>
  </si>
  <si>
    <t>12/18/2019 23:37:33</t>
  </si>
  <si>
    <t>12/18/2019 23:40:22</t>
  </si>
  <si>
    <t>12/18/2019 23:43:34</t>
  </si>
  <si>
    <t>12/18/2019 23:46:31</t>
  </si>
  <si>
    <t>12/18/2019 23:44:51</t>
  </si>
  <si>
    <t>12/18/2019 23:47:16</t>
  </si>
  <si>
    <t>12/18/2019 23:51:30</t>
  </si>
  <si>
    <t>12/18/2019 23:49:34</t>
  </si>
  <si>
    <t>12/18/2019 23:52:41</t>
  </si>
  <si>
    <t>12/18/2019 23:56:31</t>
  </si>
  <si>
    <t>12/18/2019 23:55:06</t>
  </si>
  <si>
    <t>12/18/2019 23:55:34</t>
  </si>
  <si>
    <t>12/18/2019 23:58:34</t>
  </si>
  <si>
    <t>12/19/2019 00:01:31</t>
  </si>
  <si>
    <t>12/19/2019 00:00:29</t>
  </si>
  <si>
    <t>12/19/2019 00:03:26</t>
  </si>
  <si>
    <t>12/19/2019 00:04:31</t>
  </si>
  <si>
    <t>12/19/2019 00:03:11</t>
  </si>
  <si>
    <t>12/19/2019 00:05:31</t>
  </si>
  <si>
    <t>12/19/2019 00:01:34</t>
  </si>
  <si>
    <t>12/19/2019 00:06:30</t>
  </si>
  <si>
    <t>12/19/2019 00:02:52</t>
  </si>
  <si>
    <t>12/19/2019 00:04:00</t>
  </si>
  <si>
    <t>12/19/2019 00:07:30</t>
  </si>
  <si>
    <t>12/19/2019 00:08:19</t>
  </si>
  <si>
    <t>12/19/2019 00:11:30</t>
  </si>
  <si>
    <t>12/19/2019 00:07:34</t>
  </si>
  <si>
    <t>12/19/2019 00:08:05</t>
  </si>
  <si>
    <t>12/19/2019 00:10:28</t>
  </si>
  <si>
    <t>12/19/2019 00:10:11</t>
  </si>
  <si>
    <t>12/19/2019 00:12:30</t>
  </si>
  <si>
    <t>12/19/2019 00:10:49</t>
  </si>
  <si>
    <t>12/19/2019 00:11:48</t>
  </si>
  <si>
    <t>12/19/2019 00:14:30</t>
  </si>
  <si>
    <t>12/19/2019 00:13:39</t>
  </si>
  <si>
    <t>12/19/2019 00:15:30</t>
  </si>
  <si>
    <t>12/19/2019 00:13:51</t>
  </si>
  <si>
    <t>12/19/2019 00:16:30</t>
  </si>
  <si>
    <t>12/19/2019 00:11:03</t>
  </si>
  <si>
    <t>12/19/2019 00:14:43</t>
  </si>
  <si>
    <t>12/19/2019 00:13:34</t>
  </si>
  <si>
    <t>12/19/2019 00:15:46</t>
  </si>
  <si>
    <t>12/19/2019 00:14:44</t>
  </si>
  <si>
    <t>12/19/2019 00:18:56</t>
  </si>
  <si>
    <t>12/19/2019 00:20:30</t>
  </si>
  <si>
    <t>12/19/2019 00:18:11</t>
  </si>
  <si>
    <t>12/19/2019 00:21:30</t>
  </si>
  <si>
    <t>12/19/2019 00:19:34</t>
  </si>
  <si>
    <t>12/19/2019 00:23:20</t>
  </si>
  <si>
    <t>12/19/2019 00:26:30</t>
  </si>
  <si>
    <t>12/19/2019 00:23:34</t>
  </si>
  <si>
    <t>12/19/2019 00:25:34</t>
  </si>
  <si>
    <t>12/19/2019 00:26:05</t>
  </si>
  <si>
    <t>12/19/2019 00:25:07</t>
  </si>
  <si>
    <t>12/19/2019 00:27:29</t>
  </si>
  <si>
    <t>12/19/2019 00:31:06</t>
  </si>
  <si>
    <t>12/19/2019 00:31:30</t>
  </si>
  <si>
    <t>12/19/2019 00:31:34</t>
  </si>
  <si>
    <t>12/19/2019 00:36:30</t>
  </si>
  <si>
    <t>12/19/2019 00:32:30</t>
  </si>
  <si>
    <t>12/19/2019 00:37:47</t>
  </si>
  <si>
    <t>12/19/2019 00:41:30</t>
  </si>
  <si>
    <t>12/19/2019 00:37:34</t>
  </si>
  <si>
    <t>12/19/2019 00:40:22</t>
  </si>
  <si>
    <t>12/19/2019 00:44:51</t>
  </si>
  <si>
    <t>12/19/2019 00:46:31</t>
  </si>
  <si>
    <t>12/19/2019 00:41:43</t>
  </si>
  <si>
    <t>12/19/2019 00:43:34</t>
  </si>
  <si>
    <t>12/19/2019 00:46:41</t>
  </si>
  <si>
    <t>12/19/2019 00:51:30</t>
  </si>
  <si>
    <t>12/19/2019 00:48:12</t>
  </si>
  <si>
    <t>12/19/2019 00:49:35</t>
  </si>
  <si>
    <t>12/19/2019 00:51:41</t>
  </si>
  <si>
    <t>12/19/2019 00:55:30</t>
  </si>
  <si>
    <t>12/19/2019 00:54:52</t>
  </si>
  <si>
    <t>12/19/2019 00:56:30</t>
  </si>
  <si>
    <t>12/19/2019 00:54:29</t>
  </si>
  <si>
    <t>12/19/2019 00:55:36</t>
  </si>
  <si>
    <t>12/19/2019 00:56:06</t>
  </si>
  <si>
    <t>12/19/2019 00:54:24</t>
  </si>
  <si>
    <t>12/19/2019 00:57:29</t>
  </si>
  <si>
    <t>12/19/2019 00:59:13</t>
  </si>
  <si>
    <t>12/19/2019 01:13:30</t>
  </si>
  <si>
    <t>12/19/2019 01:01:34</t>
  </si>
  <si>
    <t>12/19/2019 01:14:30</t>
  </si>
  <si>
    <t>12/19/2019 01:01:59</t>
  </si>
  <si>
    <t>12/19/2019 01:03:45</t>
  </si>
  <si>
    <t>12/19/2019 01:13:44</t>
  </si>
  <si>
    <t>12/19/2019 01:07:32</t>
  </si>
  <si>
    <t>12/19/2019 01:09:43</t>
  </si>
  <si>
    <t>12/19/2019 01:11:45</t>
  </si>
  <si>
    <t>12/19/2019 01:13:32</t>
  </si>
  <si>
    <t>12/19/2019 01:11:03</t>
  </si>
  <si>
    <t>12/19/2019 01:16:30</t>
  </si>
  <si>
    <t>12/19/2019 01:17:33</t>
  </si>
  <si>
    <t>12/19/2019 01:19:30</t>
  </si>
  <si>
    <t>12/19/2019 01:16:35</t>
  </si>
  <si>
    <t>12/19/2019 01:21:29</t>
  </si>
  <si>
    <t>12/19/2019 01:16:42</t>
  </si>
  <si>
    <t>12/19/2019 01:22:30</t>
  </si>
  <si>
    <t>12/19/2019 01:19:32</t>
  </si>
  <si>
    <t>12/19/2019 01:24:30</t>
  </si>
  <si>
    <t>12/19/2019 01:25:21</t>
  </si>
  <si>
    <t>12/19/2019 01:29:30</t>
  </si>
  <si>
    <t>12/19/2019 01:25:32</t>
  </si>
  <si>
    <t>12/19/2019 01:28:08</t>
  </si>
  <si>
    <t>12/19/2019 01:31:30</t>
  </si>
  <si>
    <t>12/19/2019 01:31:32</t>
  </si>
  <si>
    <t>12/19/2019 01:34:30</t>
  </si>
  <si>
    <t>12/19/2019 01:32:52</t>
  </si>
  <si>
    <t>12/19/2019 01:37:32</t>
  </si>
  <si>
    <t>12/19/2019 01:39:31</t>
  </si>
  <si>
    <t>12/19/2019 01:40:38</t>
  </si>
  <si>
    <t>12/19/2019 01:44:31</t>
  </si>
  <si>
    <t>12/19/2019 01:43:32</t>
  </si>
  <si>
    <t>12/19/2019 01:48:44</t>
  </si>
  <si>
    <t>12/19/2019 01:49:31</t>
  </si>
  <si>
    <t>12/19/2019 01:49:22</t>
  </si>
  <si>
    <t>12/19/2019 01:54:31</t>
  </si>
  <si>
    <t>12/19/2019 01:49:32</t>
  </si>
  <si>
    <t>12/19/2019 01:54:28</t>
  </si>
  <si>
    <t>12/19/2019 01:55:31</t>
  </si>
  <si>
    <t>12/19/2019 01:55:32</t>
  </si>
  <si>
    <t>12/19/2019 01:59:31</t>
  </si>
  <si>
    <t>12/19/2019 01:56:51</t>
  </si>
  <si>
    <t>12/19/2019 02:01:32</t>
  </si>
  <si>
    <t>12/19/2019 02:04:31</t>
  </si>
  <si>
    <t>12/19/2019 02:02:34</t>
  </si>
  <si>
    <t>12/19/2019 02:02:35</t>
  </si>
  <si>
    <t>12/19/2019 02:07:31</t>
  </si>
  <si>
    <t>12/19/2019 02:04:55</t>
  </si>
  <si>
    <t>12/19/2019 02:09:31</t>
  </si>
  <si>
    <t>12/19/2019 02:07:32</t>
  </si>
  <si>
    <t>12/19/2019 02:10:39</t>
  </si>
  <si>
    <t>12/19/2019 02:14:31</t>
  </si>
  <si>
    <t>12/19/2019 02:12:40</t>
  </si>
  <si>
    <t>12/19/2019 02:13:32</t>
  </si>
  <si>
    <t>12/19/2019 02:13:29</t>
  </si>
  <si>
    <t>12/19/2019 02:17:31</t>
  </si>
  <si>
    <t>12/19/2019 02:18:25</t>
  </si>
  <si>
    <t>12/19/2019 02:19:31</t>
  </si>
  <si>
    <t>12/19/2019 02:18:26</t>
  </si>
  <si>
    <t>12/19/2019 02:19:32</t>
  </si>
  <si>
    <t>12/19/2019 02:24:29</t>
  </si>
  <si>
    <t>12/19/2019 02:20:49</t>
  </si>
  <si>
    <t>12/19/2019 02:25:32</t>
  </si>
  <si>
    <t>12/19/2019 02:29:29</t>
  </si>
  <si>
    <t>12/19/2019 02:25:57</t>
  </si>
  <si>
    <t>12/19/2019 02:28:39</t>
  </si>
  <si>
    <t>12/19/2019 02:31:32</t>
  </si>
  <si>
    <t>12/19/2019 02:34:30</t>
  </si>
  <si>
    <t>12/19/2019 02:33:44</t>
  </si>
  <si>
    <t>12/19/2019 02:36:10</t>
  </si>
  <si>
    <t>12/19/2019 02:39:30</t>
  </si>
  <si>
    <t>12/19/2019 02:37:32</t>
  </si>
  <si>
    <t>12/19/2019 02:41:33</t>
  </si>
  <si>
    <t>12/19/2019 02:44:30</t>
  </si>
  <si>
    <t>12/19/2019 02:43:32</t>
  </si>
  <si>
    <t>12/19/2019 02:43:41</t>
  </si>
  <si>
    <t>12/19/2019 02:47:51</t>
  </si>
  <si>
    <t>12/19/2019 02:49:29</t>
  </si>
  <si>
    <t>12/19/2019 02:49:32</t>
  </si>
  <si>
    <t>12/19/2019 02:54:30</t>
  </si>
  <si>
    <t>12/19/2019 02:51:44</t>
  </si>
  <si>
    <t>12/19/2019 02:55:33</t>
  </si>
  <si>
    <t>12/19/2019 02:59:29</t>
  </si>
  <si>
    <t>12/19/2019 03:00:50</t>
  </si>
  <si>
    <t>12/19/2019 03:02:29</t>
  </si>
  <si>
    <t>12/19/2019 02:59:34</t>
  </si>
  <si>
    <t>12/19/2019 03:04:29</t>
  </si>
  <si>
    <t>12/19/2019 03:01:33</t>
  </si>
  <si>
    <t>12/19/2019 03:03:44</t>
  </si>
  <si>
    <t>12/19/2019 03:03:01</t>
  </si>
  <si>
    <t>12/19/2019 03:05:30</t>
  </si>
  <si>
    <t>12/19/2019 03:06:00</t>
  </si>
  <si>
    <t>12/19/2019 03:09:30</t>
  </si>
  <si>
    <t>12/19/2019 03:07:04</t>
  </si>
  <si>
    <t>12/19/2019 03:07:33</t>
  </si>
  <si>
    <t>12/19/2019 03:13:52</t>
  </si>
  <si>
    <t>12/19/2019 03:14:29</t>
  </si>
  <si>
    <t>12/19/2019 03:11:34</t>
  </si>
  <si>
    <t>12/19/2019 03:13:33</t>
  </si>
  <si>
    <t>12/19/2019 03:14:35</t>
  </si>
  <si>
    <t>12/19/2019 03:19:30</t>
  </si>
  <si>
    <t>12/19/2019 03:16:11</t>
  </si>
  <si>
    <t>12/19/2019 03:20:30</t>
  </si>
  <si>
    <t>12/19/2019 03:20:14</t>
  </si>
  <si>
    <t>12/19/2019 03:21:30</t>
  </si>
  <si>
    <t>12/19/2019 03:20:26</t>
  </si>
  <si>
    <t>12/19/2019 03:19:33</t>
  </si>
  <si>
    <t>12/19/2019 03:24:30</t>
  </si>
  <si>
    <t>12/19/2019 03:22:39</t>
  </si>
  <si>
    <t>12/19/2019 03:25:34</t>
  </si>
  <si>
    <t>12/19/2019 03:29:30</t>
  </si>
  <si>
    <t>12/19/2019 03:27:05</t>
  </si>
  <si>
    <t>12/19/2019 03:27:51</t>
  </si>
  <si>
    <t>12/19/2019 03:27:52</t>
  </si>
  <si>
    <t>12/19/2019 03:28:17</t>
  </si>
  <si>
    <t>12/19/2019 03:28:19</t>
  </si>
  <si>
    <t>12/19/2019 03:28:20</t>
  </si>
  <si>
    <t>12/19/2019 03:28:22</t>
  </si>
  <si>
    <t>12/19/2019 03:28:23</t>
  </si>
  <si>
    <t>12/19/2019 03:28:25</t>
  </si>
  <si>
    <t>12/19/2019 03:28:27</t>
  </si>
  <si>
    <t>12/19/2019 03:28:29</t>
  </si>
  <si>
    <t>12/19/2019 03:28:37</t>
  </si>
  <si>
    <t>12/19/2019 03:28:38</t>
  </si>
  <si>
    <t>12/19/2019 03:29:11</t>
  </si>
  <si>
    <t>12/19/2019 03:29:12</t>
  </si>
  <si>
    <t>12/19/2019 03:29:13</t>
  </si>
  <si>
    <t>12/19/2019 03:29:14</t>
  </si>
  <si>
    <t>12/19/2019 03:29:16</t>
  </si>
  <si>
    <t>12/19/2019 03:29:17</t>
  </si>
  <si>
    <t>12/19/2019 03:29:18</t>
  </si>
  <si>
    <t>12/19/2019 03:29:20</t>
  </si>
  <si>
    <t>12/19/2019 03:29:21</t>
  </si>
  <si>
    <t>12/19/2019 03:29:22</t>
  </si>
  <si>
    <t>12/19/2019 03:29:24</t>
  </si>
  <si>
    <t>12/19/2019 03:29:25</t>
  </si>
  <si>
    <t>12/19/2019 03:29:26</t>
  </si>
  <si>
    <t>12/19/2019 03:28:36</t>
  </si>
  <si>
    <t>12/19/2019 03:31:30</t>
  </si>
  <si>
    <t>12/19/2019 03:29:28</t>
  </si>
  <si>
    <t>12/19/2019 03:34:30</t>
  </si>
  <si>
    <t>12/19/2019 03:29:29</t>
  </si>
  <si>
    <t>12/19/2019 03:29:32</t>
  </si>
  <si>
    <t>12/19/2019 03:29:33</t>
  </si>
  <si>
    <t>12/19/2019 03:29:34</t>
  </si>
  <si>
    <t>12/19/2019 03:29:36</t>
  </si>
  <si>
    <t>12/19/2019 03:29:37</t>
  </si>
  <si>
    <t>12/19/2019 03:29:38</t>
  </si>
  <si>
    <t>12/19/2019 03:29:40</t>
  </si>
  <si>
    <t>12/19/2019 03:29:41</t>
  </si>
  <si>
    <t>12/19/2019 03:35:30</t>
  </si>
  <si>
    <t>12/19/2019 03:29:42</t>
  </si>
  <si>
    <t>12/19/2019 03:29:44</t>
  </si>
  <si>
    <t>12/19/2019 03:29:45</t>
  </si>
  <si>
    <t>12/19/2019 03:29:46</t>
  </si>
  <si>
    <t>12/19/2019 03:29:48</t>
  </si>
  <si>
    <t>12/19/2019 03:29:49</t>
  </si>
  <si>
    <t>12/19/2019 03:29:50</t>
  </si>
  <si>
    <t>12/19/2019 03:29:52</t>
  </si>
  <si>
    <t>12/19/2019 03:29:53</t>
  </si>
  <si>
    <t>12/19/2019 03:29:54</t>
  </si>
  <si>
    <t>12/19/2019 03:29:56</t>
  </si>
  <si>
    <t>12/19/2019 03:29:57</t>
  </si>
  <si>
    <t>12/19/2019 03:29:58</t>
  </si>
  <si>
    <t>12/19/2019 03:30:00</t>
  </si>
  <si>
    <t>12/19/2019 03:30:01</t>
  </si>
  <si>
    <t>12/19/2019 03:30:02</t>
  </si>
  <si>
    <t>12/19/2019 03:30:04</t>
  </si>
  <si>
    <t>12/19/2019 03:30:05</t>
  </si>
  <si>
    <t>12/19/2019 03:30:06</t>
  </si>
  <si>
    <t>12/19/2019 03:30:08</t>
  </si>
  <si>
    <t>12/19/2019 03:30:09</t>
  </si>
  <si>
    <t>12/19/2019 03:30:10</t>
  </si>
  <si>
    <t>12/19/2019 03:30:12</t>
  </si>
  <si>
    <t>12/19/2019 03:30:13</t>
  </si>
  <si>
    <t>12/19/2019 03:30:14</t>
  </si>
  <si>
    <t>12/19/2019 03:30:16</t>
  </si>
  <si>
    <t>12/19/2019 03:30:17</t>
  </si>
  <si>
    <t>12/19/2019 03:30:18</t>
  </si>
  <si>
    <t>12/19/2019 03:30:23</t>
  </si>
  <si>
    <t>12/19/2019 03:30:25</t>
  </si>
  <si>
    <t>12/19/2019 03:30:33</t>
  </si>
  <si>
    <t>12/19/2019 03:30:34</t>
  </si>
  <si>
    <t>12/19/2019 03:30:35</t>
  </si>
  <si>
    <t>12/19/2019 03:30:37</t>
  </si>
  <si>
    <t>12/19/2019 03:32:53</t>
  </si>
  <si>
    <t>12/19/2019 03:38:14</t>
  </si>
  <si>
    <t>12/19/2019 03:39:30</t>
  </si>
  <si>
    <t>12/19/2019 03:36:34</t>
  </si>
  <si>
    <t>12/19/2019 03:40:30</t>
  </si>
  <si>
    <t>12/19/2019 03:37:51</t>
  </si>
  <si>
    <t>12/19/2019 03:36:36</t>
  </si>
  <si>
    <t>12/19/2019 03:41:30</t>
  </si>
  <si>
    <t>12/19/2019 03:40:20</t>
  </si>
  <si>
    <t>12/19/2019 03:42:30</t>
  </si>
  <si>
    <t>12/19/2019 03:41:09</t>
  </si>
  <si>
    <t>12/19/2019 03:45:31</t>
  </si>
  <si>
    <t>12/19/2019 03:42:34</t>
  </si>
  <si>
    <t>12/19/2019 03:43:15</t>
  </si>
  <si>
    <t>12/19/2019 03:46:30</t>
  </si>
  <si>
    <t>12/19/2019 03:41:13</t>
  </si>
  <si>
    <t>12/19/2019 03:45:22</t>
  </si>
  <si>
    <t>12/19/2019 03:50:30</t>
  </si>
  <si>
    <t>12/19/2019 03:48:34</t>
  </si>
  <si>
    <t>12/19/2019 03:49:05</t>
  </si>
  <si>
    <t>12/19/2019 03:53:16</t>
  </si>
  <si>
    <t>12/19/2019 03:55:30</t>
  </si>
  <si>
    <t>12/19/2019 03:54:34</t>
  </si>
  <si>
    <t>12/19/2019 04:00:30</t>
  </si>
  <si>
    <t>12/19/2019 03:56:47</t>
  </si>
  <si>
    <t>12/19/2019 03:58:10</t>
  </si>
  <si>
    <t>12/19/2019 04:01:30</t>
  </si>
  <si>
    <t>12/19/2019 04:00:35</t>
  </si>
  <si>
    <t>12/19/2019 04:05:30</t>
  </si>
  <si>
    <t>12/19/2019 04:00:47</t>
  </si>
  <si>
    <t>12/19/2019 04:03:37</t>
  </si>
  <si>
    <t>12/19/2019 04:06:30</t>
  </si>
  <si>
    <t>12/19/2019 04:04:53</t>
  </si>
  <si>
    <t>12/19/2019 04:10:30</t>
  </si>
  <si>
    <t>12/19/2019 04:06:34</t>
  </si>
  <si>
    <t>12/19/2019 04:08:45</t>
  </si>
  <si>
    <t>12/19/2019 04:09:26</t>
  </si>
  <si>
    <t>12/19/2019 04:12:30</t>
  </si>
  <si>
    <t>12/19/2019 04:12:34</t>
  </si>
  <si>
    <t>12/19/2019 04:15:30</t>
  </si>
  <si>
    <t>12/19/2019 04:14:54</t>
  </si>
  <si>
    <t>12/19/2019 04:16:30</t>
  </si>
  <si>
    <t>12/19/2019 04:17:14</t>
  </si>
  <si>
    <t>12/19/2019 04:19:30</t>
  </si>
  <si>
    <t>12/19/2019 04:16:17</t>
  </si>
  <si>
    <t>12/19/2019 04:20:30</t>
  </si>
  <si>
    <t>12/19/2019 04:18:34</t>
  </si>
  <si>
    <t>12/19/2019 04:16:54</t>
  </si>
  <si>
    <t>12/19/2019 04:24:23</t>
  </si>
  <si>
    <t>12/19/2019 04:25:30</t>
  </si>
  <si>
    <t>12/19/2019 04:19:57</t>
  </si>
  <si>
    <t>12/19/2019 04:24:34</t>
  </si>
  <si>
    <t>12/19/2019 04:27:30</t>
  </si>
  <si>
    <t>12/19/2019 04:24:37</t>
  </si>
  <si>
    <t>12/19/2019 04:30:31</t>
  </si>
  <si>
    <t>12/19/2019 04:26:45</t>
  </si>
  <si>
    <t>12/19/2019 04:27:51</t>
  </si>
  <si>
    <t>12/19/2019 04:31:30</t>
  </si>
  <si>
    <t>12/19/2019 04:30:34</t>
  </si>
  <si>
    <t>12/19/2019 04:35:31</t>
  </si>
  <si>
    <t>12/19/2019 04:31:54</t>
  </si>
  <si>
    <t>12/19/2019 04:34:17</t>
  </si>
  <si>
    <t>12/19/2019 04:36:34</t>
  </si>
  <si>
    <t>12/19/2019 04:40:31</t>
  </si>
  <si>
    <t>12/19/2019 04:39:32</t>
  </si>
  <si>
    <t>12/19/2019 04:44:31</t>
  </si>
  <si>
    <t>12/19/2019 04:39:40</t>
  </si>
  <si>
    <t>12/19/2019 04:45:31</t>
  </si>
  <si>
    <t>12/19/2019 04:42:06</t>
  </si>
  <si>
    <t>12/19/2019 04:42:34</t>
  </si>
  <si>
    <t>12/19/2019 04:42:41</t>
  </si>
  <si>
    <t>12/19/2019 04:47:32</t>
  </si>
  <si>
    <t>12/19/2019 04:45:56</t>
  </si>
  <si>
    <t>mail.google.com/_/upload?authuser=0&amp;dcp=asu-n&amp;upload_id=AEnB2Uq9uA5zSEXpxZRrRxHiIqzGYHPYbOGj_V7NBNEEw0R7y44cZtKuIxtGto8iMV2Jd2E-bKf0lxbHEtCFo2wAmhG_wB9S8V8xPM4dYduW60edBHsEEQ8&amp;upload_protocol=resumable</t>
  </si>
  <si>
    <t>fernanda.abilel@how2pay.com.br;</t>
  </si>
  <si>
    <t>Revisão Salarial_Diretoria de Gente_Dez2019.xlsx</t>
  </si>
  <si>
    <t>fernanda.abilel@how2pay.com.br</t>
  </si>
  <si>
    <t>12/19/2019 04:47:11</t>
  </si>
  <si>
    <t>12/19/2019 04:50:31</t>
  </si>
  <si>
    <t>12/19/2019 04:47:37</t>
  </si>
  <si>
    <t>12/19/2019 04:47:38</t>
  </si>
  <si>
    <t>12/19/2019 04:47:39</t>
  </si>
  <si>
    <t>12/19/2019 04:47:40</t>
  </si>
  <si>
    <t>12/19/2019 04:47:41</t>
  </si>
  <si>
    <t>12/19/2019 04:47:42</t>
  </si>
  <si>
    <t>12/19/2019 04:47:43</t>
  </si>
  <si>
    <t>12/19/2019 04:47:48</t>
  </si>
  <si>
    <t>12/19/2019 04:47:51</t>
  </si>
  <si>
    <t>12/19/2019 04:47:52</t>
  </si>
  <si>
    <t>12/19/2019 04:47:57</t>
  </si>
  <si>
    <t>12/19/2019 04:47:58</t>
  </si>
  <si>
    <t>12/19/2019 04:48:01</t>
  </si>
  <si>
    <t>12/19/2019 04:48:02</t>
  </si>
  <si>
    <t>12/19/2019 04:48:12</t>
  </si>
  <si>
    <t>12/19/2019 04:48:15</t>
  </si>
  <si>
    <t>12/19/2019 04:50:46</t>
  </si>
  <si>
    <t>12/19/2019 04:55:30</t>
  </si>
  <si>
    <t>12/19/2019 04:54:05</t>
  </si>
  <si>
    <t>12/19/2019 04:55:53</t>
  </si>
  <si>
    <t>12/19/2019 04:59:30</t>
  </si>
  <si>
    <t>12/19/2019 04:58:17</t>
  </si>
  <si>
    <t>12/19/2019 05:00:30</t>
  </si>
  <si>
    <t>12/19/2019 04:58:12</t>
  </si>
  <si>
    <t>12/19/2019 05:01:30</t>
  </si>
  <si>
    <t>12/19/2019 04:56:13</t>
  </si>
  <si>
    <t>12/19/2019 04:59:42</t>
  </si>
  <si>
    <t>12/19/2019 05:03:30</t>
  </si>
  <si>
    <t>12/19/2019 04:59:07</t>
  </si>
  <si>
    <t>12/19/2019 05:04:30</t>
  </si>
  <si>
    <t>12/19/2019 05:00:05</t>
  </si>
  <si>
    <t>12/19/2019 05:05:30</t>
  </si>
  <si>
    <t>12/19/2019 05:03:12</t>
  </si>
  <si>
    <t>12/19/2019 05:08:30</t>
  </si>
  <si>
    <t>12/19/2019 05:05:48</t>
  </si>
  <si>
    <t>12/19/2019 05:10:30</t>
  </si>
  <si>
    <t>12/19/2019 05:06:05</t>
  </si>
  <si>
    <t>12/19/2019 05:08:01</t>
  </si>
  <si>
    <t>12/19/2019 05:08:02</t>
  </si>
  <si>
    <t>12/19/2019 05:10:50</t>
  </si>
  <si>
    <t>12/19/2019 05:15:30</t>
  </si>
  <si>
    <t>12/19/2019 05:12:18</t>
  </si>
  <si>
    <t>12/19/2019 05:12:24</t>
  </si>
  <si>
    <t>12/19/2019 05:12:25</t>
  </si>
  <si>
    <t>12/19/2019 05:12:26</t>
  </si>
  <si>
    <t>12/19/2019 05:12:27</t>
  </si>
  <si>
    <t>12/19/2019 05:12:40</t>
  </si>
  <si>
    <t>12/19/2019 05:12:41</t>
  </si>
  <si>
    <t>12/19/2019 05:12:42</t>
  </si>
  <si>
    <t>12/19/2019 05:12:43</t>
  </si>
  <si>
    <t>12/19/2019 05:12:44</t>
  </si>
  <si>
    <t>12/19/2019 05:12:45</t>
  </si>
  <si>
    <t>12/19/2019 05:12:46</t>
  </si>
  <si>
    <t>12/19/2019 05:12:52</t>
  </si>
  <si>
    <t>12/19/2019 05:15:26</t>
  </si>
  <si>
    <t>12/19/2019 05:20:29</t>
  </si>
  <si>
    <t>12/19/2019 05:18:02</t>
  </si>
  <si>
    <t>12/19/2019 05:15:29</t>
  </si>
  <si>
    <t>12/19/2019 05:18:47</t>
  </si>
  <si>
    <t>12/19/2019 05:22:29</t>
  </si>
  <si>
    <t>12/19/2019 05:20:11</t>
  </si>
  <si>
    <t>12/19/2019 05:21:12</t>
  </si>
  <si>
    <t>12/19/2019 05:24:30</t>
  </si>
  <si>
    <t>12/19/2019 05:20:22</t>
  </si>
  <si>
    <t>12/19/2019 05:25:30</t>
  </si>
  <si>
    <t>12/19/2019 05:23:15</t>
  </si>
  <si>
    <t>12/19/2019 05:24:02</t>
  </si>
  <si>
    <t>12/19/2019 05:26:41</t>
  </si>
  <si>
    <t>12/19/2019 05:29:30</t>
  </si>
  <si>
    <t>12/19/2019 05:28:44</t>
  </si>
  <si>
    <t>12/19/2019 05:30:30</t>
  </si>
  <si>
    <t>12/19/2019 05:30:02</t>
  </si>
  <si>
    <t>12/19/2019 05:35:30</t>
  </si>
  <si>
    <t>12/19/2019 05:31:19</t>
  </si>
  <si>
    <t>12/19/2019 05:35:27</t>
  </si>
  <si>
    <t>12/19/2019 05:37:29</t>
  </si>
  <si>
    <t>Meritocracia - Marcelo e Carlos Maurício_jan2020.xlsx</t>
  </si>
  <si>
    <t>12/19/2019 05:35:43</t>
  </si>
  <si>
    <t>12/19/2019 05:40:30</t>
  </si>
  <si>
    <t>12/19/2019 05:35:44</t>
  </si>
  <si>
    <t>12/19/2019 05:36:14</t>
  </si>
  <si>
    <t>12/19/2019 05:38:38</t>
  </si>
  <si>
    <t>12/19/2019 05:42:30</t>
  </si>
  <si>
    <t>ACT Manual_Marco Aurélio_jan2020.xlsx</t>
  </si>
  <si>
    <t>12/19/2019 05:40:37</t>
  </si>
  <si>
    <t>Diária de Viagem_Marco Aurélio_jan2020.xlsx</t>
  </si>
  <si>
    <t>12/19/2019 05:41:01</t>
  </si>
  <si>
    <t>12/19/2019 05:45:31</t>
  </si>
  <si>
    <t>12/19/2019 05:43:45</t>
  </si>
  <si>
    <t>12/19/2019 05:47:18</t>
  </si>
  <si>
    <t>12/19/2019 05:49:31</t>
  </si>
  <si>
    <t>12/19/2019 05:47:01</t>
  </si>
  <si>
    <t>12/19/2019 05:50:31</t>
  </si>
  <si>
    <t>12/19/2019 05:51:56</t>
  </si>
  <si>
    <t>12/19/2019 05:55:31</t>
  </si>
  <si>
    <t>12/19/2019 05:53:01</t>
  </si>
  <si>
    <t>12/19/2019 05:54:32</t>
  </si>
  <si>
    <t>12/19/2019 05:57:52</t>
  </si>
  <si>
    <t>12/19/2019 06:00:31</t>
  </si>
  <si>
    <t>12/19/2019 05:59:01</t>
  </si>
  <si>
    <t>12/19/2019 05:59:33</t>
  </si>
  <si>
    <t>12/19/2019 06:05:01</t>
  </si>
  <si>
    <t>12/19/2019 06:10:31</t>
  </si>
  <si>
    <t>12/19/2019 06:05:32</t>
  </si>
  <si>
    <t>12/19/2019 06:07:03</t>
  </si>
  <si>
    <t>12/19/2019 06:11:01</t>
  </si>
  <si>
    <t>12/19/2019 06:15:31</t>
  </si>
  <si>
    <t>12/19/2019 06:13:13</t>
  </si>
  <si>
    <t>12/19/2019 06:15:01</t>
  </si>
  <si>
    <t>12/19/2019 06:20:31</t>
  </si>
  <si>
    <t>12/19/2019 06:17:01</t>
  </si>
  <si>
    <t>12/19/2019 06:22:32</t>
  </si>
  <si>
    <t>12/19/2019 06:25:31</t>
  </si>
  <si>
    <t>12/19/2019 06:23:01</t>
  </si>
  <si>
    <t>12/19/2019 06:28:50</t>
  </si>
  <si>
    <t>12/19/2019 06:30:31</t>
  </si>
  <si>
    <t>12/19/2019 06:29:01</t>
  </si>
  <si>
    <t>12/19/2019 06:27:20</t>
  </si>
  <si>
    <t>12/19/2019 06:27:15</t>
  </si>
  <si>
    <t>12/19/2019 06:31:31</t>
  </si>
  <si>
    <t>12/19/2019 06:30:19</t>
  </si>
  <si>
    <t>12/19/2019 06:35:31</t>
  </si>
  <si>
    <t>12/19/2019 06:35:01</t>
  </si>
  <si>
    <t>12/19/2019 06:40:31</t>
  </si>
  <si>
    <t>12/19/2019 06:36:21</t>
  </si>
  <si>
    <t>12/19/2019 06:37:50</t>
  </si>
  <si>
    <t>12/19/2019 06:41:46</t>
  </si>
  <si>
    <t>12/19/2019 06:44:31</t>
  </si>
  <si>
    <t>12/19/2019 06:41:01</t>
  </si>
  <si>
    <t>12/19/2019 06:45:30</t>
  </si>
  <si>
    <t>12/19/2019 06:43:13</t>
  </si>
  <si>
    <t>12/19/2019 06:44:11</t>
  </si>
  <si>
    <t>12/19/2019 06:46:31</t>
  </si>
  <si>
    <t>12/19/2019 06:45:11</t>
  </si>
  <si>
    <t>12/19/2019 06:49:31</t>
  </si>
  <si>
    <t>12/19/2019 06:45:33</t>
  </si>
  <si>
    <t>Dimensionamento_Dezembro 1 (2).xlsx</t>
  </si>
  <si>
    <t>\\acsfs\DEPTOS\Operacao\Banco_Votorantim\Qualidade\Anderson\Dimensionamento Elii kk\Dimensionamento_Dezembro 1 (2).xlsx</t>
  </si>
  <si>
    <t>\\acsfs\DEPTOS\Operacao\Banco_Votorantim\Qualidade\Anderson\Dimensionamento Elii kk\Dimensionamento_Dezembro 1 (2).xlsx\</t>
  </si>
  <si>
    <t>\\acsfs\DEPTOS\Operacao\Banco_Votorantim\Qualidade\Anderson\Dimensionamento Elii kk\Dimensionamento_Dezembro 1 (2).xlsx\:Zone.Identifier:$DATA</t>
  </si>
  <si>
    <t>12/19/2019 06:45:38</t>
  </si>
  <si>
    <t>12/19/2019 06:50:31</t>
  </si>
  <si>
    <t>12/19/2019 06:47:01</t>
  </si>
  <si>
    <t>12/19/2019 06:47:02</t>
  </si>
  <si>
    <t>12/19/2019 06:48:14</t>
  </si>
  <si>
    <t>12/19/2019 06:49:43</t>
  </si>
  <si>
    <t>12/19/2019 06:51:31</t>
  </si>
  <si>
    <t>\\acsfs\profiles$\brendavdoa\My Documents\$RECYCLE.BIN\</t>
  </si>
  <si>
    <t>$IYKNBEU.txt</t>
  </si>
  <si>
    <t>\\acsfs\profiles$\brendavdoa\My Documents\$RECYCLE.BIN\$IYKNBEU.txt</t>
  </si>
  <si>
    <t>12/19/2019 06:51:08</t>
  </si>
  <si>
    <t>12/19/2019 06:52:31</t>
  </si>
  <si>
    <t>12/19/2019 06:54:31</t>
  </si>
  <si>
    <t>12/19/2019 06:51:21</t>
  </si>
  <si>
    <t>12/19/2019 06:55:31</t>
  </si>
  <si>
    <t>12/19/2019 06:53:46</t>
  </si>
  <si>
    <t>12/19/2019 06:54:02</t>
  </si>
  <si>
    <t>12/19/2019 06:52:43</t>
  </si>
  <si>
    <t>45721c16-39d7-4db3-8f25-c77221bb6903.tmp</t>
  </si>
  <si>
    <t>\\acsfs\profiles$\vivianealda\Downloads\45721c16-39d7-4db3-8f25-c77221bb6903.tmp</t>
  </si>
  <si>
    <t>12/19/2019 06:53:31</t>
  </si>
  <si>
    <t>9ac6a33d-e479-47ba-be33-729f257abc41.tmp</t>
  </si>
  <si>
    <t>\\acsfs\profiles$\vivianealda\Downloads\9ac6a33d-e479-47ba-be33-729f257abc41.tmp</t>
  </si>
  <si>
    <t>12/19/2019 06:50:48</t>
  </si>
  <si>
    <t>a2d45781-a9c1-461e-8878-f2fd90984a73.tmp</t>
  </si>
  <si>
    <t>\\acsfs\profiles$\nathaliadf\Downloads\a2d45781-a9c1-461e-8878-f2fd90984a73.tmp</t>
  </si>
  <si>
    <t>12/19/2019 06:51:56</t>
  </si>
  <si>
    <t>814f784f-d881-4a58-b5a1-a34a473b689d.tmp</t>
  </si>
  <si>
    <t>\\acsfs\profiles$\nathaliadf\Downloads\814f784f-d881-4a58-b5a1-a34a473b689d.tmp</t>
  </si>
  <si>
    <t>12/19/2019 06:52:44</t>
  </si>
  <si>
    <t>f66a9b5d-3621-4453-b8fd-d57761125b84.tmp</t>
  </si>
  <si>
    <t>\\acsfs\profiles$\nathaliadf\Downloads\f66a9b5d-3621-4453-b8fd-d57761125b84.tmp</t>
  </si>
  <si>
    <t>12/19/2019 06:53:09</t>
  </si>
  <si>
    <t>403bf170-c3df-47b5-997e-4124daf48a9f.tmp</t>
  </si>
  <si>
    <t>\\acsfs\profiles$\nathaliadf\Downloads\403bf170-c3df-47b5-997e-4124daf48a9f.tmp</t>
  </si>
  <si>
    <t>12/19/2019 06:53:20</t>
  </si>
  <si>
    <t>12/19/2019 06:56:30</t>
  </si>
  <si>
    <t>12/19/2019 06:54:52</t>
  </si>
  <si>
    <t>12/19/2019 06:52:13</t>
  </si>
  <si>
    <t>$IH4K16P.txt</t>
  </si>
  <si>
    <t>\\acsfs\profiles$\brendavdoa\My Documents\$RECYCLE.BIN\$IH4K16P.txt</t>
  </si>
  <si>
    <t>12/19/2019 06:52:49</t>
  </si>
  <si>
    <t>$I8X7KTM.txt</t>
  </si>
  <si>
    <t>\\acsfs\profiles$\brendavdoa\My Documents\$RECYCLE.BIN\$I8X7KTM.txt</t>
  </si>
  <si>
    <t>12/19/2019 06:59:31</t>
  </si>
  <si>
    <t>12/19/2019 06:59:34</t>
  </si>
  <si>
    <t>12/19/2019 07:00:30</t>
  </si>
  <si>
    <t>12/19/2019 06:57:25</t>
  </si>
  <si>
    <t>12/19/2019 06:55:42</t>
  </si>
  <si>
    <t>6d1cf42a-af22-4f34-819f-a57cb66df459.tmp</t>
  </si>
  <si>
    <t>\\acsfs\profiles$\vivianealda\Downloads\6d1cf42a-af22-4f34-819f-a57cb66df459.tmp</t>
  </si>
  <si>
    <t>12/19/2019 06:58:22</t>
  </si>
  <si>
    <t>12/19/2019 07:04:30</t>
  </si>
  <si>
    <t>12/19/2019 07:00:02</t>
  </si>
  <si>
    <t>12/19/2019 07:05:31</t>
  </si>
  <si>
    <t>12/19/2019 07:01:55</t>
  </si>
  <si>
    <t>12/19/2019 07:03:24</t>
  </si>
  <si>
    <t>12/19/2019 07:03:29</t>
  </si>
  <si>
    <t>731e7585-231f-48ae-beda-66eecc68e00a.tmp</t>
  </si>
  <si>
    <t>\\acsfs\profiles$\vivianealda\Downloads\731e7585-231f-48ae-beda-66eecc68e00a.tmp</t>
  </si>
  <si>
    <t>12/19/2019 07:09:30</t>
  </si>
  <si>
    <t>12/19/2019 07:06:02</t>
  </si>
  <si>
    <t>12/19/2019 07:10:31</t>
  </si>
  <si>
    <t>12/19/2019 07:07:21</t>
  </si>
  <si>
    <t>12/19/2019 07:06:40</t>
  </si>
  <si>
    <t>12/19/2019 07:09:24</t>
  </si>
  <si>
    <t>12/19/2019 07:08:29</t>
  </si>
  <si>
    <t>12/19/2019 07:11:30</t>
  </si>
  <si>
    <t>12/19/2019 07:14:31</t>
  </si>
  <si>
    <t>12/19/2019 07:09:45</t>
  </si>
  <si>
    <t>12/19/2019 07:15:31</t>
  </si>
  <si>
    <t>12/19/2019 07:12:02</t>
  </si>
  <si>
    <t>12/19/2019 07:15:16</t>
  </si>
  <si>
    <t>12/19/2019 07:17:31</t>
  </si>
  <si>
    <t>12/19/2019 07:15:28</t>
  </si>
  <si>
    <t>12/19/2019 07:16:31</t>
  </si>
  <si>
    <t>7d1a1f85-8a8f-4fa1-9781-c8ae96c1382b.tmp</t>
  </si>
  <si>
    <t>\\acsfs\profiles$\deboraaa\Downloads\7d1a1f85-8a8f-4fa1-9781-c8ae96c1382b.tmp</t>
  </si>
  <si>
    <t>12/19/2019 07:19:31</t>
  </si>
  <si>
    <t>12/19/2019 07:14:52</t>
  </si>
  <si>
    <t>12/19/2019 07:20:31</t>
  </si>
  <si>
    <t>12/19/2019 07:17:16</t>
  </si>
  <si>
    <t>12/19/2019 07:18:02</t>
  </si>
  <si>
    <t>12/19/2019 07:15:24</t>
  </si>
  <si>
    <t>12/19/2019 07:20:04</t>
  </si>
  <si>
    <t>12/19/2019 07:21:30</t>
  </si>
  <si>
    <t>12/19/2019 07:19:52</t>
  </si>
  <si>
    <t>12/19/2019 07:22:31</t>
  </si>
  <si>
    <t>143a40db-c928-43e3-a88e-64fd5d99a564.tmp</t>
  </si>
  <si>
    <t>\\acsfs\profiles$\deboraaa\Downloads\143a40db-c928-43e3-a88e-64fd5d99a564.tmp</t>
  </si>
  <si>
    <t>12/19/2019 07:19:27</t>
  </si>
  <si>
    <t>12/19/2019 07:24:31</t>
  </si>
  <si>
    <t>12/19/2019 07:22:56</t>
  </si>
  <si>
    <t>12/19/2019 07:25:31</t>
  </si>
  <si>
    <t>12/19/2019 07:24:02</t>
  </si>
  <si>
    <t>12/19/2019 07:24:36</t>
  </si>
  <si>
    <t>12/19/2019 07:21:24</t>
  </si>
  <si>
    <t>12/19/2019 07:24:06</t>
  </si>
  <si>
    <t>12/19/2019 07:27:30</t>
  </si>
  <si>
    <t>3103a05f-28cb-4372-ae81-13f960b25447.tmp</t>
  </si>
  <si>
    <t>\\acsfs\profiles$\deboraaa\Downloads\3103a05f-28cb-4372-ae81-13f960b25447.tmp</t>
  </si>
  <si>
    <t>12/19/2019 07:26:00</t>
  </si>
  <si>
    <t>12/19/2019 07:28:31</t>
  </si>
  <si>
    <t>62919de7-8eb6-4127-8480-9dced4a863ea.tmp</t>
  </si>
  <si>
    <t>\\acsfs\profiles$\gabrieleods\Downloads\62919de7-8eb6-4127-8480-9dced4a863ea.tmp</t>
  </si>
  <si>
    <t>12/19/2019 07:26:59</t>
  </si>
  <si>
    <t>19b88c6a-1935-481a-b438-54c289b14590.tmp</t>
  </si>
  <si>
    <t>\\acsfs\profiles$\gabrieleods\Downloads\19b88c6a-1935-481a-b438-54c289b14590.tmp</t>
  </si>
  <si>
    <t>12/19/2019 07:27:18</t>
  </si>
  <si>
    <t>7e209e83-cf61-42e3-bb90-a00b978229c5.tmp</t>
  </si>
  <si>
    <t>\\acsfs\profiles$\gabrieleods\Downloads\7e209e83-cf61-42e3-bb90-a00b978229c5.tmp</t>
  </si>
  <si>
    <t>12/19/2019 07:27:59</t>
  </si>
  <si>
    <t>b36a7681-23ae-4bb5-b53f-2152a44905ab.tmp</t>
  </si>
  <si>
    <t>\\acsfs\profiles$\gabrieleods\Downloads\b36a7681-23ae-4bb5-b53f-2152a44905ab.tmp</t>
  </si>
  <si>
    <t>12/19/2019 07:25:33</t>
  </si>
  <si>
    <t>0c28046d-9720-4c20-9bb5-8defc1b1d710.tmp</t>
  </si>
  <si>
    <t>\\acsfs\profiles$\sarahbal\Downloads\0c28046d-9720-4c20-9bb5-8defc1b1d710.tmp</t>
  </si>
  <si>
    <t>12/19/2019 07:25:35</t>
  </si>
  <si>
    <t>ae41d4d2-3437-4a9e-87f9-38667b090504.tmp</t>
  </si>
  <si>
    <t>\\acsfs\profiles$\sarahbal\Downloads\ae41d4d2-3437-4a9e-87f9-38667b090504.tmp</t>
  </si>
  <si>
    <t>12/19/2019 07:27:31</t>
  </si>
  <si>
    <t>9eb2b57b-5fda-4560-a1b6-b97007809789.tmp</t>
  </si>
  <si>
    <t>\\acsfs\profiles$\sarahbal\Downloads\9eb2b57b-5fda-4560-a1b6-b97007809789.tmp</t>
  </si>
  <si>
    <t>12/19/2019 07:26:04</t>
  </si>
  <si>
    <t>12/19/2019 07:29:31</t>
  </si>
  <si>
    <t>emojis.jpg.crdownload</t>
  </si>
  <si>
    <t>\\acsfs\DEPTOS\Operacao\Banco_Votorantim\Qualidade\Eliane\emojis.jpg.crdownload</t>
  </si>
  <si>
    <t>12/19/2019 07:26:05</t>
  </si>
  <si>
    <t>emojis.jpg:Zone.Identifier</t>
  </si>
  <si>
    <t>\\acsfs\DEPTOS\Operacao\Banco_Votorantim\Qualidade\Eliane\emojis.jpg:Zone.Identifier</t>
  </si>
  <si>
    <t>12/19/2019 07:26:16</t>
  </si>
  <si>
    <t>12/19/2019 07:26:28</t>
  </si>
  <si>
    <t>12/19/2019 07:25:21</t>
  </si>
  <si>
    <t>12/19/2019 07:30:30</t>
  </si>
  <si>
    <t>12/19/2019 07:28:39</t>
  </si>
  <si>
    <t>12/19/2019 07:27:24</t>
  </si>
  <si>
    <t>12/19/2019 07:25:40</t>
  </si>
  <si>
    <t>12/19/2019 07:28:49</t>
  </si>
  <si>
    <t>8d3f1c7f-84dc-42c9-b753-457b2b944452.tmp</t>
  </si>
  <si>
    <t>\\acsfs\profiles$\alicecpbc\Downloads\8d3f1c7f-84dc-42c9-b753-457b2b944452.tmp</t>
  </si>
  <si>
    <t>12/19/2019 07:29:35</t>
  </si>
  <si>
    <t>4fb7a2e6-3b3b-4c25-bf31-bf2fb72d7c70.tmp</t>
  </si>
  <si>
    <t>\\acsfs\profiles$\ERICALSR\Downloads\4fb7a2e6-3b3b-4c25-bf31-bf2fb72d7c70.tmp</t>
  </si>
  <si>
    <t>12/19/2019 07:31:05</t>
  </si>
  <si>
    <t>12/19/2019 07:32:30</t>
  </si>
  <si>
    <t>79917f01-24f2-457d-a924-01ed8e98c221.tmp</t>
  </si>
  <si>
    <t>\\acsfs\profiles$\matheushds\Downloads\79917f01-24f2-457d-a924-01ed8e98c221.tmp</t>
  </si>
  <si>
    <t>12/19/2019 07:28:24</t>
  </si>
  <si>
    <t>79de8a84-4c65-4c8b-9454-9dfad97a37be.tmp</t>
  </si>
  <si>
    <t>\\acsfs\profiles$\deboraaa\Downloads\79de8a84-4c65-4c8b-9454-9dfad97a37be.tmp</t>
  </si>
  <si>
    <t>12/19/2019 07:28:00</t>
  </si>
  <si>
    <t>12/19/2019 07:33:30</t>
  </si>
  <si>
    <t>12/19/2019 07:28:36</t>
  </si>
  <si>
    <t>539bc1e5-3f37-49aa-9cbf-6c8a92dc747b.tmp</t>
  </si>
  <si>
    <t>\\acsfs\profiles$\gabrieleods\Downloads\539bc1e5-3f37-49aa-9cbf-6c8a92dc747b.tmp</t>
  </si>
  <si>
    <t>12/19/2019 07:28:34</t>
  </si>
  <si>
    <t>53c17c95-610d-479b-8589-6478df6f1260.tmp</t>
  </si>
  <si>
    <t>\\acsfs\profiles$\sarahbal\Downloads\53c17c95-610d-479b-8589-6478df6f1260.tmp</t>
  </si>
  <si>
    <t>12/19/2019 07:30:06</t>
  </si>
  <si>
    <t>03834b55-2210-4d72-82c4-ea0611c6ae31.tmp</t>
  </si>
  <si>
    <t>\\acsfs\profiles$\sarahbal\Downloads\03834b55-2210-4d72-82c4-ea0611c6ae31.tmp</t>
  </si>
  <si>
    <t>12/19/2019 07:33:19</t>
  </si>
  <si>
    <t>12/19/2019 07:34:30</t>
  </si>
  <si>
    <t>6f6c077c-c90c-4b44-ba4b-c1d744c3ef19.tmp</t>
  </si>
  <si>
    <t>\\acsfs\profiles$\websondsa\Downloads\6f6c077c-c90c-4b44-ba4b-c1d744c3ef19.tmp</t>
  </si>
  <si>
    <t>12/19/2019 07:33:27</t>
  </si>
  <si>
    <t>768e443e-68c2-43a6-bc1d-9ee4252c22a9.tmp</t>
  </si>
  <si>
    <t>\\acsfs\profiles$\websondsa\Downloads\768e443e-68c2-43a6-bc1d-9ee4252c22a9.tmp</t>
  </si>
  <si>
    <t>12/19/2019 07:30:02</t>
  </si>
  <si>
    <t>12/19/2019 07:35:31</t>
  </si>
  <si>
    <t>12/19/2019 07:33:08</t>
  </si>
  <si>
    <t>12/19/2019 07:33:24</t>
  </si>
  <si>
    <t>12/19/2019 07:30:16</t>
  </si>
  <si>
    <t>9ccfd461-10ee-43ba-9c23-8eef0b21e252.tmp</t>
  </si>
  <si>
    <t>\\acsfs\profiles$\alicecpbc\Downloads\9ccfd461-10ee-43ba-9c23-8eef0b21e252.tmp</t>
  </si>
  <si>
    <t>12/19/2019 07:31:04</t>
  </si>
  <si>
    <t>9f21d953-91e3-4234-af9a-b0cfd7aabb01.tmp</t>
  </si>
  <si>
    <t>\\acsfs\profiles$\alicecpbc\Downloads\9f21d953-91e3-4234-af9a-b0cfd7aabb01.tmp</t>
  </si>
  <si>
    <t>12/19/2019 07:33:40</t>
  </si>
  <si>
    <t>12/19/2019 07:34:23</t>
  </si>
  <si>
    <t>06f1ea34-4969-46a8-b42c-cf7f37b55211.tmp</t>
  </si>
  <si>
    <t>\\acsfs\profiles$\alicecpbc\Downloads\06f1ea34-4969-46a8-b42c-cf7f37b55211.tmp</t>
  </si>
  <si>
    <t>12/19/2019 07:34:54</t>
  </si>
  <si>
    <t>39a8c6b8-610b-48f6-b765-4a31cfdbfb9f.tmp</t>
  </si>
  <si>
    <t>\\acsfs\profiles$\alicecpbc\Downloads\39a8c6b8-610b-48f6-b765-4a31cfdbfb9f.tmp</t>
  </si>
  <si>
    <t>12/19/2019 07:30:44</t>
  </si>
  <si>
    <t>145106b7-ce9c-478a-96d4-92d7bca14c35.tmp</t>
  </si>
  <si>
    <t>\\acsfs\profiles$\ERICALSR\Downloads\145106b7-ce9c-478a-96d4-92d7bca14c35.tmp</t>
  </si>
  <si>
    <t>12/19/2019 07:32:18</t>
  </si>
  <si>
    <t>12/19/2019 07:37:31</t>
  </si>
  <si>
    <t>4f3548bd-0553-469d-9a58-8a1dac1ac660.tmp</t>
  </si>
  <si>
    <t>\\acsfs\profiles$\matheushds\Downloads\4f3548bd-0553-469d-9a58-8a1dac1ac660.tmp</t>
  </si>
  <si>
    <t>12/19/2019 07:32:24</t>
  </si>
  <si>
    <t>db71671b-ccc8-4c80-912b-aad8d164c947.tmp</t>
  </si>
  <si>
    <t>\\acsfs\profiles$\matheushds\Downloads\db71671b-ccc8-4c80-912b-aad8d164c947.tmp</t>
  </si>
  <si>
    <t>4bfbef96-6d8b-482b-bfe1-0407edeca853.tmp</t>
  </si>
  <si>
    <t>\\acsfs\profiles$\matheushds\Downloads\4bfbef96-6d8b-482b-bfe1-0407edeca853.tmp</t>
  </si>
  <si>
    <t>12/19/2019 07:34:16</t>
  </si>
  <si>
    <t>12/19/2019 07:39:31</t>
  </si>
  <si>
    <t>c5e8695e-1f16-4d3f-8b3c-236939a9135f.tmp</t>
  </si>
  <si>
    <t>\\acsfs\profiles$\websondsa\Downloads\c5e8695e-1f16-4d3f-8b3c-236939a9135f.tmp</t>
  </si>
  <si>
    <t>12/19/2019 07:36:18</t>
  </si>
  <si>
    <t>ef7bfb8d-4aac-4b81-a1ab-784ca4e4caa0.tmp</t>
  </si>
  <si>
    <t>\\acsfs\profiles$\websondsa\Downloads\ef7bfb8d-4aac-4b81-a1ab-784ca4e4caa0.tmp</t>
  </si>
  <si>
    <t>12/19/2019 07:36:32</t>
  </si>
  <si>
    <t>a40c382e-ed43-44bb-8412-fc9c61f5a228.tmp</t>
  </si>
  <si>
    <t>\\acsfs\profiles$\websondsa\Downloads\a40c382e-ed43-44bb-8412-fc9c61f5a228.tmp</t>
  </si>
  <si>
    <t>12/19/2019 07:36:02</t>
  </si>
  <si>
    <t>12/19/2019 07:40:32</t>
  </si>
  <si>
    <t>12/19/2019 07:36:10</t>
  </si>
  <si>
    <t>12/19/2019 07:39:00</t>
  </si>
  <si>
    <t>12/19/2019 07:39:24</t>
  </si>
  <si>
    <t>12/19/2019 07:38:54</t>
  </si>
  <si>
    <t>12/19/2019 07:42:32</t>
  </si>
  <si>
    <t>12/19/2019 07:40:02</t>
  </si>
  <si>
    <t>10.12.242.32</t>
  </si>
  <si>
    <t>Base BW % Conversão - Dez -2019 - Parcial - 18 -12-19.xlsm</t>
  </si>
  <si>
    <t>12/19/2019 07:44:32</t>
  </si>
  <si>
    <t>12/19/2019 07:41:14</t>
  </si>
  <si>
    <t>12/19/2019 07:45:31</t>
  </si>
  <si>
    <t>12/19/2019 07:42:02</t>
  </si>
  <si>
    <t>12/19/2019 07:44:15</t>
  </si>
  <si>
    <t>12/19/2019 07:49:32</t>
  </si>
  <si>
    <t>12/19/2019 07:48:02</t>
  </si>
  <si>
    <t>12/19/2019 07:50:32</t>
  </si>
  <si>
    <t>12/19/2019 07:49:20</t>
  </si>
  <si>
    <t>12/19/2019 07:45:24</t>
  </si>
  <si>
    <t>12/19/2019 07:45:59</t>
  </si>
  <si>
    <t>/o=exchangelabs/ou=exchange administrative group (fydibohf23spdlt)/cn=recipients/cn=eae1d23908f040f9bf7661e0ceec4c8f-paula crist;servicedesk@bancovotorantim.com.br;</t>
  </si>
  <si>
    <t>RES: TME- CHAT</t>
  </si>
  <si>
    <t>/o=exchangelabs/ou=exchange administrative group (fydibohf23spdlt)/cn=recipients/cn=eae1d23908f040f9bf7661e0ceec4c8f-paula crist,servicedesk@bancovotorantim.com.br</t>
  </si>
  <si>
    <t>12/18/2019 13:41:56</t>
  </si>
  <si>
    <t>C:\Users\filemoncmj\OneDrive - Grupo Algar\01. Algar Tech\01. Projetos de Clientes\08. Protege\01. Filemon\CA\Requisitos CA\Entrevistas de Negócio - Detalhadas\</t>
  </si>
  <si>
    <t>Levantamento Protege - Francisco.xlsx</t>
  </si>
  <si>
    <t>Levantamento Protege - Gil Arlindo.xlsx</t>
  </si>
  <si>
    <t>Levantamento Protege - Gilberto Gil Camargo.xlsx</t>
  </si>
  <si>
    <t>Levantamento Protege - Guilherme.xlsx</t>
  </si>
  <si>
    <t>Levantamento Protege - Gutembergue de Sa Campos.xlsx</t>
  </si>
  <si>
    <t>Levantamento Protege - Jorge Possinho.xlsx</t>
  </si>
  <si>
    <t>Levantamento Protege - Lucas.xlsx</t>
  </si>
  <si>
    <t>Levantamento Protege - Luiz Fernando Florêncio Lima.xlsx</t>
  </si>
  <si>
    <t>12/18/2019 13:41:57</t>
  </si>
  <si>
    <t>Levantamento Protege - Marcia.xlsx</t>
  </si>
  <si>
    <t>Levantamento Protege - Marcos.xlsx</t>
  </si>
  <si>
    <t>Levantamento Protege - Nelson.xlsx</t>
  </si>
  <si>
    <t>Levantamento Protege - Patricia.xlsx</t>
  </si>
  <si>
    <t>Levantamento Protege - RH.xlsx</t>
  </si>
  <si>
    <t>Levantamento Protege - Robson.xlsx</t>
  </si>
  <si>
    <t>Levantamento Protege - Silvana.xlsx</t>
  </si>
  <si>
    <t>Levantamento Protege - Silvia Algar.xlsx</t>
  </si>
  <si>
    <t>12/19/2019 07:51:32</t>
  </si>
  <si>
    <t>Levantamento Protege - Tatiane.xlsx</t>
  </si>
  <si>
    <t>Levantamento Protege - Wildirson.xlsx</t>
  </si>
  <si>
    <t>12/18/2019 13:41:58</t>
  </si>
  <si>
    <t>Levantamento Protege - João Batista.xlsx</t>
  </si>
  <si>
    <t>12/18/2019 13:42:03</t>
  </si>
  <si>
    <t>C:\Users\filemoncmj\OneDrive - Grupo Algar\01. Algar Tech\01. Projetos de Clientes\08. Protege\01. Filemon\Entrevistas\</t>
  </si>
  <si>
    <t>Agenda de Entrevistas.xlsx</t>
  </si>
  <si>
    <t>Levantamento Protege - Eduardo Luiz Furlan.xlsx</t>
  </si>
  <si>
    <t>Levantamento Protege - Fábio Tecnoset.xlsx</t>
  </si>
  <si>
    <t>12/18/2019 13:42:04</t>
  </si>
  <si>
    <t>Levantamento Protege - Fabrício Cozaki.xlsx</t>
  </si>
  <si>
    <t>C:\Users\filemoncmj\OneDrive - Grupo Algar\01. Algar Tech\01. Projetos de Clientes\08. Protege\01. Filemon\Entrevistas\24.10\</t>
  </si>
  <si>
    <t>Levantamento Protege - Dijone Santos.xlsx</t>
  </si>
  <si>
    <t>Levantamento Protege - Fernanda Ballesteros.xlsx</t>
  </si>
  <si>
    <t>12/18/2019 13:42:06</t>
  </si>
  <si>
    <t>C:\Users\filemoncmj\OneDrive - Grupo Algar\01. Algar Tech\01. Projetos de Clientes\08. Protege\01. Filemon\Comparativo Entre Soluções ITSM\</t>
  </si>
  <si>
    <t>Comparativo Ferramentas ITSM.xlsx</t>
  </si>
  <si>
    <t>12/18/2019 13:42:07</t>
  </si>
  <si>
    <t>C:\Users\filemoncmj\OneDrive - Grupo Algar\01. Algar Tech\01. Projetos de Clientes\08. Protege\01. Filemon\Planilha de Pendências\</t>
  </si>
  <si>
    <t>Planilha de Pendências - Projeto SD Protege.xls</t>
  </si>
  <si>
    <t>12/18/2019 13:42:08</t>
  </si>
  <si>
    <t>Planilha de Atividades - Projeto SD Protege.xls</t>
  </si>
  <si>
    <t>12/18/2019 13:42:20</t>
  </si>
  <si>
    <t>Planilha de Pendências - Projeto SD Protege.xlsx</t>
  </si>
  <si>
    <t>12/18/2019 13:42:34</t>
  </si>
  <si>
    <t>Planilha de Pendências CA Protege.xlsx</t>
  </si>
  <si>
    <t>12/18/2019 13:42:38</t>
  </si>
  <si>
    <t>Projeto Protege - Ponto de Controle 24.11.2016.xlsx</t>
  </si>
  <si>
    <t>12/18/2019 13:42:39</t>
  </si>
  <si>
    <t>C:\Users\filemoncmj\OneDrive - Grupo Algar\01. Algar Tech\01. Projetos de Clientes\08. Protege\01. Filemon\Projeto\</t>
  </si>
  <si>
    <t>Controle de Gastos.xlsx</t>
  </si>
  <si>
    <t>Gastos.xlsx</t>
  </si>
  <si>
    <t>12/18/2019 13:42:43</t>
  </si>
  <si>
    <t>C:\Users\filemoncmj\OneDrive - Grupo Algar\01. Algar Tech\01. Projetos de Clientes\08. Protege\01. Filemon\Propostas\Próspera Consultoria\Documentos do Contrato\</t>
  </si>
  <si>
    <t>ACC Contrato Algar TI e D S de Oliveira.xls</t>
  </si>
  <si>
    <t>12/18/2019 13:42:44</t>
  </si>
  <si>
    <t>C:\Users\filemoncmj\OneDrive - Grupo Algar\01. Algar Tech\01. Projetos de Clientes\08. Protege\01. Filemon\Propostas\Próspera Consultoria\Documentação Para Contrato\</t>
  </si>
  <si>
    <t>ACC - Próspera Consultoria.xls</t>
  </si>
  <si>
    <t>12/18/2019 13:42:45</t>
  </si>
  <si>
    <t>Formulário Avaliação Contratação.xlsx</t>
  </si>
  <si>
    <t>C:\Users\filemoncmj\OneDrive - Grupo Algar\01. Algar Tech\01. Projetos de Clientes\08. Protege\01. Filemon\Propostas\Próspera Consultoria\Contrato Assinado\</t>
  </si>
  <si>
    <t>Cadastro de Fornecedor - Próspera Consultoria.xls</t>
  </si>
  <si>
    <t>12/18/2019 13:42:48</t>
  </si>
  <si>
    <t>C:\Users\filemoncmj\OneDrive - Grupo Algar\01. Algar Tech\01. Projetos de Clientes\08. Protege\01. Filemon\Grupos Solucionadores\</t>
  </si>
  <si>
    <t>Grupo Solucionador - Mapeamento Inicial.xlsx</t>
  </si>
  <si>
    <t>Grupos Solucionadores Protege - Validado Qualidade.xlsx</t>
  </si>
  <si>
    <t>Grupos Solucionadores Protege - Visão com N1, N2 e N3.xlsx</t>
  </si>
  <si>
    <t>Grupos Solucionadores Protege.xlsx</t>
  </si>
  <si>
    <t>C:\Users\filemoncmj\OneDrive - Grupo Algar\01. Algar Tech\01. Projetos de Clientes\08. Protege\01. Filemon\Levantamento de Requisitos\</t>
  </si>
  <si>
    <t>Consolidação Requisitos CA.xlsx</t>
  </si>
  <si>
    <t>12/18/2019 13:42:49</t>
  </si>
  <si>
    <t>Consolidado Protege.xlsx</t>
  </si>
  <si>
    <t>C:\Users\filemoncmj\OneDrive - Grupo Algar\01. Algar Tech\01. Projetos de Clientes\08. Protege\01. Filemon\Relatórios\</t>
  </si>
  <si>
    <t>PTG - CA - QuickView Operação.xlsx</t>
  </si>
  <si>
    <t>PTG - Exemplo de Relatorio.xlsx</t>
  </si>
  <si>
    <t>12/18/2019 13:42:50</t>
  </si>
  <si>
    <t>Extração Todos Chamados CA - 26.09.2016.xls</t>
  </si>
  <si>
    <t>12/18/2019 13:42:51</t>
  </si>
  <si>
    <t>Relatório Chamados 04.10.2016.xls</t>
  </si>
  <si>
    <t>12/18/2019 13:42:52</t>
  </si>
  <si>
    <t>Relatório Chamados 05.10.2016 - Com Inc Critico.xls</t>
  </si>
  <si>
    <t>12/18/2019 13:42:54</t>
  </si>
  <si>
    <t>Relatório Chamados 05.10.2016.xls</t>
  </si>
  <si>
    <t>12/18/2019 13:42:56</t>
  </si>
  <si>
    <t>Relatório Tickets Protege 29.09.2016.xlsx</t>
  </si>
  <si>
    <t>12/18/2019 13:43:00</t>
  </si>
  <si>
    <t>Tabelão Chamados Protege.xls</t>
  </si>
  <si>
    <t>12/18/2019 13:43:04</t>
  </si>
  <si>
    <t>C:\Users\filemoncmj\OneDrive - Grupo Algar\01. Algar Tech\01. Projetos de Clientes\08. Protege\01. Filemon\NFs Gastos SP\</t>
  </si>
  <si>
    <t>Formulário - Protocolo Relatório de Despesas CSC Algar.xls</t>
  </si>
  <si>
    <t>12/18/2019 13:43:06</t>
  </si>
  <si>
    <t>C:\Users\filemoncmj\OneDrive - Grupo Algar\01. Algar Tech\01. Projetos de Clientes\08. Protege\01. Filemon\Lista de Ramais Protege\</t>
  </si>
  <si>
    <t>Lista de Ramais - Consolação e Augusta (Original).xls</t>
  </si>
  <si>
    <t>Lista de Ramais Lapa.xlsx</t>
  </si>
  <si>
    <t>12/18/2019 13:43:07</t>
  </si>
  <si>
    <t>C:\Users\filemoncmj\OneDrive - Grupo Algar\01. Algar Tech\01. Projetos de Clientes\08. Protege\01. Filemon\QlikView\</t>
  </si>
  <si>
    <t>Indicadores Qualidade Protege v1.xlsx</t>
  </si>
  <si>
    <t>Indicadores Qualidade Protege v2.xlsx</t>
  </si>
  <si>
    <t>12/18/2019 13:43:08</t>
  </si>
  <si>
    <t>C:\Users\filemoncmj\OneDrive - Grupo Algar\01. Algar Tech\01. Projetos de Clientes\08. Protege\01. Filemon\Homologação\</t>
  </si>
  <si>
    <t>Check-List Homologação Geral.xlsx</t>
  </si>
  <si>
    <t>C:\Users\filemoncmj\OneDrive - Grupo Algar\01. Algar Tech\01. Projetos de Clientes\08. Protege\01. Filemon\Homologação\Homologação CA.msg\s1\</t>
  </si>
  <si>
    <t>Checklist_Homologação_Geral.xlsx</t>
  </si>
  <si>
    <t>12/18/2019 13:43:11</t>
  </si>
  <si>
    <t>C:\Users\filemoncmj\OneDrive - Grupo Algar\01. Algar Tech\01. Projetos de Clientes\08. Protege\01. Filemon\Venda\</t>
  </si>
  <si>
    <t>PC_PR120232-2016_v9 - Protege - Service Desk - BP Preço C003 B005.xlsb</t>
  </si>
  <si>
    <t>12/18/2019 13:43:12</t>
  </si>
  <si>
    <t>C:\Users\filemoncmj\OneDrive - Grupo Algar\01. Algar Tech\01. Projetos de Clientes\08. Protege\01. Filemon\Solicitação de Mudança\</t>
  </si>
  <si>
    <t>ATEC-2016-0032-010 - Service Desk e Produção Grupo Protege.xlsx</t>
  </si>
  <si>
    <t>12/18/2019 13:43:15</t>
  </si>
  <si>
    <t>C:\Users\filemoncmj\OneDrive - Grupo Algar\01. Algar Tech\01. Projetos de Clientes\08. Protege\01. Filemon\Solicitação de Mudança\RES Projeto Protege - Custos Integrações CA no BP.msg\s1\</t>
  </si>
  <si>
    <t>CALCULO_CUSTO_CERVELLO_E_CA_SDM_v4.xlsx</t>
  </si>
  <si>
    <t>Dimensionamento_ITSM_Junho_2016.xlsx</t>
  </si>
  <si>
    <t>12/18/2019 13:43:24</t>
  </si>
  <si>
    <t>C:\Users\filemoncmj\OneDrive - Grupo Algar\01. Algar Tech\01. Projetos de Clientes\15. BR Distribuidora\1. Central de Serviços\</t>
  </si>
  <si>
    <t>2011_XX_XXXX_nome do solicitante_Breve descrição da change_Cliente_IC.xls</t>
  </si>
  <si>
    <t>2011_11_XXXX_Filemon Candido Machado Junior_Ampliacao_Canais_Voz_BR_Liquigas.xls</t>
  </si>
  <si>
    <t>Servidores BR e Liquigás.xlsx</t>
  </si>
  <si>
    <t>Solicitação de Viagem+ Hospedagem Fabio I1512V1612.xlsx</t>
  </si>
  <si>
    <t>Solicitação de Viagem+ Hospedagem Uilker I1512V1612.xlsx</t>
  </si>
  <si>
    <t>12/18/2019 13:43:28</t>
  </si>
  <si>
    <t>Solicitação de Viagem+ Hospedagem Volnei I1212V1612 - Cópia.xlsx</t>
  </si>
  <si>
    <t>Taxa de Ocupação dos Apartamentos.xlsx</t>
  </si>
  <si>
    <t>12/18/2019 13:43:29</t>
  </si>
  <si>
    <t>C:\Users\filemoncmj\OneDrive - Grupo Algar\01. Algar Tech\01. Projetos de Clientes\15. BR Distribuidora\1. Central de Serviços\Back Log\</t>
  </si>
  <si>
    <t>Modelo Status Report Backoffice.xlsx</t>
  </si>
  <si>
    <t>12/18/2019 13:43:56</t>
  </si>
  <si>
    <t>C:\Users\filemoncmj\OneDrive - Grupo Algar\01. Algar Tech\01. Projetos de Clientes\15. BR Distribuidora\1. Central de Serviços\santarem\Diário de Bordo - Operação Assistida\</t>
  </si>
  <si>
    <t>CHECKLIST.xlsx</t>
  </si>
  <si>
    <t>CONTROLE BACKOFFICE.xlsx</t>
  </si>
  <si>
    <t>Diário de bordo - BR-modelo.xls</t>
  </si>
  <si>
    <t>12/18/2019 13:43:57</t>
  </si>
  <si>
    <t>DIARIO DE BORDO-01-08.xlsx</t>
  </si>
  <si>
    <t>12/18/2019 13:43:59</t>
  </si>
  <si>
    <t>DIARIO DE BORDO-08-08.xlsx</t>
  </si>
  <si>
    <t>Entregas_backoffice 23-08.xlsx</t>
  </si>
  <si>
    <t>Escala Backoffice 07.xlsx</t>
  </si>
  <si>
    <t>Plano de ação semana 3.xlsx</t>
  </si>
  <si>
    <t>12/18/2019 13:44:01</t>
  </si>
  <si>
    <t>C:\Users\filemoncmj\OneDrive - Grupo Algar\01. Algar Tech\01. Projetos de Clientes\15. BR Distribuidora\1. Central de Serviços\santarem\Diário de Bordo - Operação Assistida\EVIDENCIAS FO\</t>
  </si>
  <si>
    <t>Evidência Envio de Pesquisa - Setembro 2011.xls</t>
  </si>
  <si>
    <t>12/18/2019 13:44:02</t>
  </si>
  <si>
    <t>Irregularidade plano de saude.xls</t>
  </si>
  <si>
    <t>Relação_associados_atl_pontas_dependentes.xlsx</t>
  </si>
  <si>
    <t>12/18/2019 13:44:03</t>
  </si>
  <si>
    <t>Relação de Kits ATLs.xls</t>
  </si>
  <si>
    <t>12/18/2019 13:44:04</t>
  </si>
  <si>
    <t>C:\Users\filemoncmj\OneDrive - Grupo Algar\01. Algar Tech\01. Projetos de Clientes\15. BR Distribuidora\1. Central de Serviços\Solicitações de Viagens\</t>
  </si>
  <si>
    <t>Solicitação de Hospdedagem Giovanni I0411V1311.xlsx</t>
  </si>
  <si>
    <t>Solicitação de Viagem + Hospedagem Giovanni I0710V01010.xlsx</t>
  </si>
  <si>
    <t>Solicitação de Viagem + Hospedagem Uilker I0710V01010.xlsx</t>
  </si>
  <si>
    <t>Solicitação de Viagem + Hospedagem Valter I0411V0711.xlsx</t>
  </si>
  <si>
    <t>Solicitação de Viagem Alessandro I1910V2410.xlsx</t>
  </si>
  <si>
    <t>Solicitação de Viagem Anderson I1110.xlsx</t>
  </si>
  <si>
    <t>12/18/2019 13:44:05</t>
  </si>
  <si>
    <t>Solicitação de Hospedagem Valter I2110V0411.xlsx</t>
  </si>
  <si>
    <t>Solicitação de Viagem Anderson V0211.xlsx</t>
  </si>
  <si>
    <t>12/19/2019 07:46:47</t>
  </si>
  <si>
    <t>Solicitação de Viagem Diego Josiano I2810V3110.xlsx</t>
  </si>
  <si>
    <t>Solicitação de Viagem Diego Josiano V2010.xlsx</t>
  </si>
  <si>
    <t>Solicitação de Viagem Elvio V2811.xlsx</t>
  </si>
  <si>
    <t>Solicitação de Viagem Elvio I2010V2610.xlsx</t>
  </si>
  <si>
    <t>Solicitação de Viagem Fausto V2810V3010.xlsx</t>
  </si>
  <si>
    <t>12/18/2019 13:44:06</t>
  </si>
  <si>
    <t>Solicitação de Viagem Filemon I1610.xlsx</t>
  </si>
  <si>
    <t>Solicitação de Viagem Filemon I2710V3010.xlsx</t>
  </si>
  <si>
    <t>Solicitação de Viagem Gustavo I1110.xlsx</t>
  </si>
  <si>
    <t>Solicitação de Viagem Giovanni I2110V2410.xlsx</t>
  </si>
  <si>
    <t>Solicitação de Viagem Gustavo I3010.xlsx</t>
  </si>
  <si>
    <t>Solicitação de Viagem Gustavo V2710V3010.xlsx</t>
  </si>
  <si>
    <t>12/18/2019 13:44:07</t>
  </si>
  <si>
    <t>Solicitação de Viagem Haddan I2810.xlsx</t>
  </si>
  <si>
    <t>Solicitação de Viagem Haddan V2811.xlsx</t>
  </si>
  <si>
    <t>Solicitação de Viagem Gustavo V1610.xlsx</t>
  </si>
  <si>
    <t>Solicitação de Viagem Diego Josiano I1110V1710.xlsx</t>
  </si>
  <si>
    <t>Solicitação de Viagem Henrique I2110V2410.xlsx</t>
  </si>
  <si>
    <t>Solicitação de Viagem Henrique V0411.xlsx</t>
  </si>
  <si>
    <t>Solicitação de Viagem Julio Cesar I0611V1111.xlsx</t>
  </si>
  <si>
    <t>12/18/2019 13:44:08</t>
  </si>
  <si>
    <t>Solicitação de Viagem Keilamar I0411V0611.xlsx</t>
  </si>
  <si>
    <t>Solicitação de Viagem Keilamar I0710V0910.xlsx</t>
  </si>
  <si>
    <t>Solicitação de Viagem Keilamar I2110V2310.xlsx</t>
  </si>
  <si>
    <t>Solicitação de Viagem Luiz Fernando I1511.xlsx</t>
  </si>
  <si>
    <t>Solicitação de Viagem Luiz Fernando I2211.xlsx</t>
  </si>
  <si>
    <t>Solicitação de Viagem Luiz Fernando I2710V3110.xlsx</t>
  </si>
  <si>
    <t>Solicitação de Viagem Quezia I0111.xlsx</t>
  </si>
  <si>
    <t>12/18/2019 13:44:09</t>
  </si>
  <si>
    <t>Solicitação de Viagem Quezia I2010V2410.xlsx</t>
  </si>
  <si>
    <t>Solicitação de Viagem Robespierre I0510V0710.xlsx</t>
  </si>
  <si>
    <t>Solicitação de Viagem Robespierre I3110V0411.xlsx</t>
  </si>
  <si>
    <t>Solicitação de Viagem Thais I0311V0611.xlsx</t>
  </si>
  <si>
    <t>Solicitação de Viagem Thais I0610V0910.xlsx</t>
  </si>
  <si>
    <t>Solicitação de Viagem Thais I2710V3010.xlsx</t>
  </si>
  <si>
    <t>Solicitação de Viagem Thiago I2110.xlsx</t>
  </si>
  <si>
    <t>12/18/2019 13:44:10</t>
  </si>
  <si>
    <t>Solicitação de Viagem Uilker I1410V1610.xlsx</t>
  </si>
  <si>
    <t>Solicitação de Viagem Uilker I2110V2610.xlsx</t>
  </si>
  <si>
    <t>Solicitação de Viagem Volnei I1310V1310.xlsx</t>
  </si>
  <si>
    <t>Solicitação de Viagem Henrique I0710V0910.xlsx</t>
  </si>
  <si>
    <t>C:\Users\filemoncmj\OneDrive - Grupo Algar\01. Algar Tech\01. Projetos de Clientes\15. BR Distribuidora\1. Central de Serviços\Back Log\Consolidado Diário Equipe\</t>
  </si>
  <si>
    <t>Status Report Backoffice Uberlândia 03OUT.xlsx</t>
  </si>
  <si>
    <t>12/18/2019 13:44:11</t>
  </si>
  <si>
    <t>Status Report Backoffice Uberlândia 29SET.xlsx</t>
  </si>
  <si>
    <t>Status Report Backoffice Uberlândia 30SET.xlsx</t>
  </si>
  <si>
    <t>Status Report Backoffice Uberlândia 28SET.xlsx</t>
  </si>
  <si>
    <t>C:\Users\filemoncmj\OneDrive - Grupo Algar\01. Algar Tech\01. Projetos de Clientes\15. BR Distribuidora\1. Central de Serviços\Back Log\Consolidado Pessoal\28.09.2011\</t>
  </si>
  <si>
    <t>Back Log Realizado Filemon 28.09.2011.xlsx</t>
  </si>
  <si>
    <t>Resolução 28.09.2011.xls</t>
  </si>
  <si>
    <t>12/18/2019 13:44:12</t>
  </si>
  <si>
    <t>C:\Users\filemoncmj\OneDrive - Grupo Algar\01. Algar Tech\01. Projetos de Clientes\15. BR Distribuidora\1. Central de Serviços\Back Log\Consolidado Pessoal\30.09.2011\</t>
  </si>
  <si>
    <t>Back Log Realizado Filemon 30.09.2011.xlsx</t>
  </si>
  <si>
    <t>C:\Users\filemoncmj\OneDrive - Grupo Algar\01. Algar Tech\01. Projetos de Clientes\15. BR Distribuidora\1. Central de Serviços\Back Log\Consolidado Pessoal\22.09.2011\</t>
  </si>
  <si>
    <t>Back Log Realizado Filemon 22.09.2011.xlsx</t>
  </si>
  <si>
    <t>Resolução 22.09.2011.xls</t>
  </si>
  <si>
    <t>C:\Users\filemoncmj\OneDrive - Grupo Algar\01. Algar Tech\01. Projetos de Clientes\15. BR Distribuidora\1. Central de Serviços\Back Log\Consolidado Pessoal\27.09.2011\</t>
  </si>
  <si>
    <t>Back Log Realizado Filemon 27.09.2011.xlsx</t>
  </si>
  <si>
    <t>Resolução 27.09.2011.xls</t>
  </si>
  <si>
    <t>12/18/2019 13:44:13</t>
  </si>
  <si>
    <t>C:\Users\filemoncmj\OneDrive - Grupo Algar\01. Algar Tech\01. Projetos de Clientes\15. BR Distribuidora\1. Central de Serviços\Back Log\Consolidado Pessoal\16.09.2011\</t>
  </si>
  <si>
    <t>Back Log 16.09.2011.xlsx</t>
  </si>
  <si>
    <t>Back Log Realizado Filemon 16.09.2011.xlsx</t>
  </si>
  <si>
    <t>C:\Users\filemoncmj\OneDrive - Grupo Algar\01. Algar Tech\01. Projetos de Clientes\15. BR Distribuidora\1. Central de Serviços\Back Log\Consolidado Pessoal\19.09.2011\</t>
  </si>
  <si>
    <t>Back Log Realizado Filemon 19.09.2011.xlsx</t>
  </si>
  <si>
    <t>12/18/2019 13:44:14</t>
  </si>
  <si>
    <t>Back Log 19.09.2011.xls</t>
  </si>
  <si>
    <t>C:\Users\filemoncmj\OneDrive - Grupo Algar\01. Algar Tech\01. Projetos de Clientes\15. BR Distribuidora\1. Central de Serviços\Back Log\Consolidado Pessoal\20.09.2011\</t>
  </si>
  <si>
    <t>Back Log Realizado Filemon 20.09.2011.xlsx</t>
  </si>
  <si>
    <t>Back Log 20.09.2011.xls</t>
  </si>
  <si>
    <t>C:\Users\filemoncmj\OneDrive - Grupo Algar\01. Algar Tech\01. Projetos de Clientes\15. BR Distribuidora\1. Central de Serviços\Back Log\Consolidado Pessoal\23.09.2011\</t>
  </si>
  <si>
    <t>Back Log Realizado Filemon 23.09.2011.xlsx</t>
  </si>
  <si>
    <t>12/18/2019 13:44:15</t>
  </si>
  <si>
    <t>Resolução 23.09.2011.xls</t>
  </si>
  <si>
    <t>C:\Users\filemoncmj\OneDrive - Grupo Algar\01. Algar Tech\01. Projetos de Clientes\15. BR Distribuidora\1. Central de Serviços\Back Log\Consolidado Pessoal\26.09.2011\</t>
  </si>
  <si>
    <t>Back Log Realizado Filemon 26.09.2011.xlsx</t>
  </si>
  <si>
    <t>12/18/2019 13:44:16</t>
  </si>
  <si>
    <t>Resolução 26.09.2011.xls</t>
  </si>
  <si>
    <t>C:\Users\filemoncmj\OneDrive - Grupo Algar\01. Algar Tech\01. Projetos de Clientes\15. BR Distribuidora\1. Central de Serviços\Back Log\Consolidado Pessoal\15.09.2011\</t>
  </si>
  <si>
    <t>Status Report Backoffice.xlsx</t>
  </si>
  <si>
    <t>12/18/2019 13:44:17</t>
  </si>
  <si>
    <t>Back Log 15.09.2011.xls</t>
  </si>
  <si>
    <t>C:\Users\filemoncmj\OneDrive - Grupo Algar\01. Algar Tech\01. Projetos de Clientes\15. BR Distribuidora\1. Central de Serviços\Back Log\Lista de Distribuição\</t>
  </si>
  <si>
    <t>Resolucao 03.10.2011.xls</t>
  </si>
  <si>
    <t>12/18/2019 13:44:18</t>
  </si>
  <si>
    <t>Resolucao 03.10.2011.xlsx</t>
  </si>
  <si>
    <t>12/18/2019 13:44:20</t>
  </si>
  <si>
    <t>C:\Users\filemoncmj\OneDrive - Grupo Algar\01. Algar Tech\01. Projetos de Clientes\15. BR Distribuidora\1. Central de Serviços\Acessos\VPN\</t>
  </si>
  <si>
    <t>Especialistas.xls</t>
  </si>
  <si>
    <t>Lista dos Associados.xlsx</t>
  </si>
  <si>
    <t>12/18/2019 13:44:21</t>
  </si>
  <si>
    <t>C:\Users\filemoncmj\OneDrive - Grupo Algar\01. Algar Tech\01. Projetos de Clientes\15. BR Distribuidora\1. Central de Serviços\ATL\</t>
  </si>
  <si>
    <t>CONSOLIDADO ATENDIMENTO BASES BR E LQ V2.xlsx</t>
  </si>
  <si>
    <t>C:\Users\filemoncmj\OneDrive - Grupo Algar\01. Algar Tech\01. Projetos de Clientes\15. BR Distribuidora\1. Central de Serviços\Filemon\</t>
  </si>
  <si>
    <t>Uniformes_faltantes.xlsx</t>
  </si>
  <si>
    <t>C:\Users\filemoncmj\OneDrive - Grupo Algar\01. Algar Tech\01. Projetos de Clientes\15. BR Distribuidora\1. Central de Serviços\Filemon\ATL_Pontas\</t>
  </si>
  <si>
    <t>Controle TH ATL Pontas.xlsx</t>
  </si>
  <si>
    <t>Emails ATL.xls</t>
  </si>
  <si>
    <t>Inclusao dpt saude.xls</t>
  </si>
  <si>
    <t>12/18/2019 13:44:22</t>
  </si>
  <si>
    <t>Status TH BR.xlsx</t>
  </si>
  <si>
    <t>Usuários PETROBRÁS.xlsx</t>
  </si>
  <si>
    <t>12/18/2019 13:44:25</t>
  </si>
  <si>
    <t>C:\Users\filemoncmj\OneDrive - Grupo Algar\01. Algar Tech\01. Projetos de Clientes\15. BR Distribuidora\1. Central de Serviços\Relatórios do Qlikview\Histórico de alteração do status das ORDENS DE SERVIÇO.zip\</t>
  </si>
  <si>
    <t>Hist¢rico de altera‡Æo do status das ORDENS DE SERVI€O.xls</t>
  </si>
  <si>
    <t>C:\Users\filemoncmj\OneDrive - Grupo Algar\01. Algar Tech\01. Projetos de Clientes\15. BR Distribuidora\1. Central de Serviços\Relatórios do Qlikview\Histórico de alteração do status dos INCIDENTES E SOLICITAÇÕES DE SERVIÇOS.zip\</t>
  </si>
  <si>
    <t>Hist¢rico de altera‡Æo do status dos INCIDENTES E SOLICITA€åES DE SERVI€OS.xls</t>
  </si>
  <si>
    <t>12/18/2019 13:44:29</t>
  </si>
  <si>
    <t>C:\Users\filemoncmj\OneDrive - Grupo Algar\01. Algar Tech\01. Projetos de Clientes\15. BR Distribuidora\1. Central de Serviços\Reuniões\</t>
  </si>
  <si>
    <t>Pendências para 26.10.2011.xlsx</t>
  </si>
  <si>
    <t>C:\Users\filemoncmj\OneDrive - Grupo Algar\01. Algar Tech\01. Projetos de Clientes\15. BR Distribuidora\1. Central de Serviços\Infraestrutura\VPN\</t>
  </si>
  <si>
    <t>Equipe_VPN_BR.xls</t>
  </si>
  <si>
    <t>12/18/2019 13:44:32</t>
  </si>
  <si>
    <t>C:\Users\filemoncmj\OneDrive - Grupo Algar\01. Algar Tech\01. Projetos de Clientes\15. BR Distribuidora\2. Reestruturação IBM MAXIMO\3. Planos de Ajustes\2. Ajustes Pontuais\2. Plano de Ajustes 2\</t>
  </si>
  <si>
    <t>Ajustes MAXIMO 2.xlsx</t>
  </si>
  <si>
    <t>12/18/2019 13:44:33</t>
  </si>
  <si>
    <t>C:\Users\filemoncmj\OneDrive - Grupo Algar\01. Algar Tech\01. Projetos de Clientes\15. BR Distribuidora\2. Reestruturação IBM MAXIMO\3. Planos de Ajustes\1. Ajustes Globais\1. Proposta Árvore de Classificações\</t>
  </si>
  <si>
    <t>Classificações Liquigas.xlsx</t>
  </si>
  <si>
    <t>Proposta Esqueleto IBMA MAXIMO.xlsx</t>
  </si>
  <si>
    <t>12/18/2019 13:44:35</t>
  </si>
  <si>
    <t>C:\Users\filemoncmj\OneDrive - Grupo Algar\01. Algar Tech\01. Projetos de Clientes\15. BR Distribuidora\2. Reestruturação IBM MAXIMO\5. Ações de Rentabilização\</t>
  </si>
  <si>
    <t>Formulário de Solicitação de Requisição - Notebooks Projeto IBM MAXIMO BR.xlsx</t>
  </si>
  <si>
    <t>12/18/2019 13:44:37</t>
  </si>
  <si>
    <t>Pricing BR - Especialistas de Sistemas e Processos com 4 v2.xlsb</t>
  </si>
  <si>
    <t>12/18/2019 13:44:39</t>
  </si>
  <si>
    <t>Pricing BR - Especialistas de Sistemas e Processos FINAL.xlsb</t>
  </si>
  <si>
    <t>12/18/2019 13:44:41</t>
  </si>
  <si>
    <t>Pricing BR - Especialistas de Sistemas e Processos FINAL - planilha nova V2.xlsb</t>
  </si>
  <si>
    <t>C:\Users\filemoncmj\OneDrive - Grupo Algar\01. Algar Tech\01. Projetos de Clientes\15. BR Distribuidora\2. Reestruturação IBM MAXIMO\5. Ações de Rentabilização\02. Solicitações de Viagens\</t>
  </si>
  <si>
    <t>Solicitação de Viagem + Hospedagem Matheus Mendes 1106V1506.xlsx</t>
  </si>
  <si>
    <t>12/18/2019 13:44:42</t>
  </si>
  <si>
    <t>Solicitação de Viagem + Hospedagem Matheus Mendes 1806V2206.xlsx</t>
  </si>
  <si>
    <t>Solicitação de Viagem + Hospedagem Matheus Mendes 2506V2906.xlsx</t>
  </si>
  <si>
    <t>Solicitação de Viagem + Hospedagem Pedro Graciano 1806V2206.xlsx</t>
  </si>
  <si>
    <t>Solicitação de Viagem + Hospedagem Pedro Graciano 1106V1506.xlsx</t>
  </si>
  <si>
    <t>12/18/2019 13:44:43</t>
  </si>
  <si>
    <t>C:\Users\filemoncmj\OneDrive - Grupo Algar\01. Algar Tech\01. Projetos de Clientes\15. BR Distribuidora\2. Reestruturação IBM MAXIMO\5. Ações de Rentabilização\06. Solicitações de AD\</t>
  </si>
  <si>
    <t>AD Pedro 18.06.2012.xlsx</t>
  </si>
  <si>
    <t>12/18/2019 13:44:44</t>
  </si>
  <si>
    <t>AD Matheus 18.06.2012.xlsx</t>
  </si>
  <si>
    <t>12/18/2019 13:44:45</t>
  </si>
  <si>
    <t>C:\Users\filemoncmj\OneDrive - Grupo Algar\01. Algar Tech\01. Projetos de Clientes\15. BR Distribuidora\2. Reestruturação IBM MAXIMO\5. Ações de Rentabilização\03. Cadastros OEBS\</t>
  </si>
  <si>
    <t>Cadastro Associado Matheus Gonçalves Mendes.xlsx</t>
  </si>
  <si>
    <t>Cadastro Associado Pedro Henrique Andrade Graciano.xlsx</t>
  </si>
  <si>
    <t>12/18/2019 13:44:46</t>
  </si>
  <si>
    <t>C:\Users\filemoncmj\OneDrive - Grupo Algar\01. Algar Tech\01. Projetos de Clientes\15. BR Distribuidora\6. Link de Contingência\</t>
  </si>
  <si>
    <t>2012_XX_XXXX_RDM_Filemon_Ativacao_Link_Contingencia_BR.xls</t>
  </si>
  <si>
    <t>12/18/2019 13:44:49</t>
  </si>
  <si>
    <t>C:\Users\filemoncmj\OneDrive - Grupo Algar\01. Algar Tech\01. Projetos de Clientes\15. BR Distribuidora\4. Integração VoIP\</t>
  </si>
  <si>
    <t>2012_XX_XXXX_RDM_Filemon_Criar_Maquina_Virtual_Testes_Asterisk_Algar_Tecnologia.xls</t>
  </si>
  <si>
    <t>12/18/2019 13:44:50</t>
  </si>
  <si>
    <t>2012_XX_XXXX_RDM_Filemon_Integração_VoIP_Algar_e_BR.xls</t>
  </si>
  <si>
    <t>12/18/2019 13:44:52</t>
  </si>
  <si>
    <t>C:\Users\filemoncmj\OneDrive - Grupo Algar\01. Algar Tech\01. Projetos de Clientes\16. Bradesco\5. AAYA-EK7YXU RFP TI\02. Aquisições\</t>
  </si>
  <si>
    <t>Aquisições (Silvio).xlsx</t>
  </si>
  <si>
    <t>12/18/2019 13:44:55</t>
  </si>
  <si>
    <t>Controle de Aquisições.xlsx</t>
  </si>
  <si>
    <t>C:\Users\filemoncmj\OneDrive - Grupo Algar\01. Algar Tech\01. Projetos de Clientes\16. Bradesco\5. AAYA-EK7YXU RFP TI\02. Aquisições\01. CAPEX\01. Switches\</t>
  </si>
  <si>
    <t>Espelho de Nota Promon.xlsx</t>
  </si>
  <si>
    <t>Formulário de Solicitação de Compra - Switches V2.xlsx</t>
  </si>
  <si>
    <t>Projeto Bradesco AAYA-EK7YXU RFP TI - Cadastro de Itens (Switches) - V2.xlsx</t>
  </si>
  <si>
    <t>Formulário de Solicitação de Compra - Switches V1.xlsx</t>
  </si>
  <si>
    <t>12/18/2019 13:44:56</t>
  </si>
  <si>
    <t>Projeto Bradesco AAYA-EK7YXU RFP TI - Cadastro de Itens (Switches).xlsx</t>
  </si>
  <si>
    <t>Projeto Bradesco AAYA-EK7YXU RFP TI - Detalhamentos Técnicos Switches.xlsx</t>
  </si>
  <si>
    <t>Formulário de Solicitação de Compra - Switches V3.xlsx</t>
  </si>
  <si>
    <t>C:\Users\filemoncmj\OneDrive - Grupo Algar\01. Algar Tech\01. Projetos de Clientes\16. Bradesco\5. AAYA-EK7YXU RFP TI\02. Aquisições\01. CAPEX\04. Firewall\</t>
  </si>
  <si>
    <t>Formulário de Solicitação de Compra - Firewall V2.xlsx</t>
  </si>
  <si>
    <t>Formulário de Solicitação de Compra - Firewall V3.xlsx</t>
  </si>
  <si>
    <t>Projeto Bradesco AAYA-EK7YXU RFP TI - Cadastro de Itens (Firewall).xlsx</t>
  </si>
  <si>
    <t>Formulário de Solicitação de Compra - Firewall.xlsx</t>
  </si>
  <si>
    <t>C:\Users\filemoncmj\OneDrive - Grupo Algar\01. Algar Tech\01. Projetos de Clientes\16. Bradesco\5. AAYA-EK7YXU RFP TI\02. Aquisições\01. CAPEX\05. Storage\</t>
  </si>
  <si>
    <t>Formulário de Solicitação de Compra - Storage.xlsx</t>
  </si>
  <si>
    <t>Projeto Bradesco AAYA-EK7YXU RFP TI - Cadastro de Itens (Storage).xlsx</t>
  </si>
  <si>
    <t>C:\Users\filemoncmj\OneDrive - Grupo Algar\01. Algar Tech\01. Projetos de Clientes\16. Bradesco\5. AAYA-EK7YXU RFP TI\02. Aquisições\01. CAPEX\06. URA\</t>
  </si>
  <si>
    <t>Formulário de Solicitação de Compra - Placas C-LAN.xlsx</t>
  </si>
  <si>
    <t>Formulário de Solicitação de Compra - URA V2.xlsx</t>
  </si>
  <si>
    <t>12/18/2019 13:44:58</t>
  </si>
  <si>
    <t>Formulário de Solicitação de Compra - URA.xlsx</t>
  </si>
  <si>
    <t>Projeto Bradesco AAYA-EK7YXU RFP TI - Cadastro de Itens (URA) V2.xlsx</t>
  </si>
  <si>
    <t>Projeto Bradesco AAYA-EK7YXU RFP TI - Cadastro de Itens (URA).xlsx</t>
  </si>
  <si>
    <t>Projeto Bradesco AAYA-EK7YXU RFP TI - Especificações Técnicas.xlsx</t>
  </si>
  <si>
    <t>12/18/2019 13:44:59</t>
  </si>
  <si>
    <t>C:\Users\filemoncmj\OneDrive - Grupo Algar\01. Algar Tech\01. Projetos de Clientes\16. Bradesco\5. AAYA-EK7YXU RFP TI\02. Aquisições\01. CAPEX\02. Servidores Dell PowerEdge R720\</t>
  </si>
  <si>
    <t>Formulário de Solicitação de Compra - Servidores Dell PowerEdge R720 V2.xlsx</t>
  </si>
  <si>
    <t>Formulário de Solicitação de Compra - Servidores Dell PowerEdge R720 V3.xlsx</t>
  </si>
  <si>
    <t>Formulário de Solicitação de Compra - Servidores Dell PowerEdge R720 V4.xlsx</t>
  </si>
  <si>
    <t>Formulário de Solicitação de Compra - Servidores Dell PowerEdge R720.xlsx</t>
  </si>
  <si>
    <t>RFP 2012 - Quadro Final.xls</t>
  </si>
  <si>
    <t>12/18/2019 13:45:00</t>
  </si>
  <si>
    <t>C:\Users\filemoncmj\OneDrive - Grupo Algar\01. Algar Tech\01. Projetos de Clientes\16. Bradesco\5. AAYA-EK7YXU RFP TI\02. Aquisições\02. OPEX\01. Patch Cords\</t>
  </si>
  <si>
    <t>Formulário de Solicitação de Compra - Patch Cords - Segunda Remessa.xlsx</t>
  </si>
  <si>
    <t>Formulário de Solicitação de Compra - Patch Cords V2.xlsx</t>
  </si>
  <si>
    <t>Formulário de Solicitação de Compra - Patch Cords.xlsx</t>
  </si>
  <si>
    <t>C:\Users\filemoncmj\OneDrive - Grupo Algar\01. Algar Tech\01. Projetos de Clientes\16. Bradesco\5. AAYA-EK7YXU RFP TI\01. Iniciação\</t>
  </si>
  <si>
    <t>Cronograma Macro Aquisições (Silvio).xls</t>
  </si>
  <si>
    <t>12/18/2019 13:45:02</t>
  </si>
  <si>
    <t>C:\Users\filemoncmj\OneDrive - Grupo Algar\01. Algar Tech\01. Projetos de Clientes\16. Bradesco\6. AAYA-J2I9MI\1. Planejamento\04. RDM\</t>
  </si>
  <si>
    <t>2013_XX_XXXX_Filemon_Ativacao_5_PAs_e_Remanejamento_46_PA's_Bradesco.xls</t>
  </si>
  <si>
    <t>Alteração SD Corporativo.xlsx</t>
  </si>
  <si>
    <t>C:\Users\filemoncmj\OneDrive - Grupo Algar\01. Algar Tech\01. Projetos de Clientes\16. Bradesco\6. AAYA-J2I9MI\2. Execução\3. Aquisições\03. Desktops\</t>
  </si>
  <si>
    <t>Formulário de Solicitação de Compra - Projeto Bradesco AAYA-J2I9MI HD GOE - Desktops.xls</t>
  </si>
  <si>
    <t>C:\Users\filemoncmj\OneDrive - Grupo Algar\01. Algar Tech\01. Projetos de Clientes\16. Bradesco\3. CA Unicenter Bradesco Trial\</t>
  </si>
  <si>
    <t>CA - Unicenter - Help Desk.xlsx</t>
  </si>
  <si>
    <t>Carga Empresas.xlsx</t>
  </si>
  <si>
    <t>12/18/2019 13:45:04</t>
  </si>
  <si>
    <t>Catálogo de Serviços.xlsx</t>
  </si>
  <si>
    <t>12/18/2019 13:45:05</t>
  </si>
  <si>
    <t>C:\Users\filemoncmj\OneDrive - Grupo Algar\01. Algar Tech\01. Projetos de Clientes\16. Bradesco\3. CA Unicenter Bradesco Trial\Documentações CA Unicenter Bradesco Trial.rar\</t>
  </si>
  <si>
    <t>CatÃ¡logo de ServiÃ§os.xlsx</t>
  </si>
  <si>
    <t>12/18/2019 13:45:07</t>
  </si>
  <si>
    <t>C:\Users\filemoncmj\OneDrive - Grupo Algar\01. Algar Tech\01. Projetos de Clientes\18. Service Desk Algar Telecom\4. Monitoramento e Controle\2. Apresentações de Reunião\</t>
  </si>
  <si>
    <t>Status Report.xlsx</t>
  </si>
  <si>
    <t>C:\Users\filemoncmj\OneDrive - Grupo Algar\01. Algar Tech\01. Projetos de Clientes\18. Service Desk Algar Telecom\1. Iniciação\</t>
  </si>
  <si>
    <t>Anexo I - Planilha de Especificações - ALGAR TECNOLOGIA (V2).xls</t>
  </si>
  <si>
    <t>Anexo I - Planilha de Especificações - ALGAR TECNOLOGIA.xls</t>
  </si>
  <si>
    <t>Anexo I - Planilha de Especificações.xls</t>
  </si>
  <si>
    <t>12/18/2019 13:45:10</t>
  </si>
  <si>
    <t>C:\Users\filemoncmj\OneDrive - Grupo Algar\01. Algar Tech\01. Projetos de Clientes\33. MCTI\20 - Escritório de Projetos\01 - Controle de CAPEX e OPEX\</t>
  </si>
  <si>
    <t>Controle de CAPEX e OPEX.xlsx</t>
  </si>
  <si>
    <t>12/18/2019 13:45:12</t>
  </si>
  <si>
    <t>C:\Users\filemoncmj\OneDrive - Grupo Algar\01. Algar Tech\01. Projetos de Clientes\33. MCTI\20 - Escritório de Projetos\01 - Controle de CAPEX e OPEX\01 - Solicitações de Viagens e Hospedagens\</t>
  </si>
  <si>
    <t>Solicitação de Hospedagem Gustavo 0811a1111.xlsx</t>
  </si>
  <si>
    <t>Solicitação de Viagem Gustavo I1511.xlsx</t>
  </si>
  <si>
    <t>Solicitação de Viagem I1601V2701.xlsx</t>
  </si>
  <si>
    <t>Solicitação de Viagem Volnei I0201V1301.xlsx</t>
  </si>
  <si>
    <t>12/18/2019 13:45:13</t>
  </si>
  <si>
    <t>C:\Users\filemoncmj\OneDrive - Grupo Algar\01. Algar Tech\01. Projetos de Clientes\33. MCTI\19 - Dimensionamento de Suporte\</t>
  </si>
  <si>
    <t>Escala Oficial Operação MCTI.xlsx</t>
  </si>
  <si>
    <t>12/18/2019 13:45:28</t>
  </si>
  <si>
    <t>C:\Users\filemoncmj\OneDrive - Grupo Algar\01. Algar Tech\01. Projetos de Clientes\33. MCTI\01. Comercial\Preços\</t>
  </si>
  <si>
    <t>planilha molde STEFANINI.xlsx</t>
  </si>
  <si>
    <t>12/18/2019 13:45:29</t>
  </si>
  <si>
    <t>Planilha de Custos - Algar Tecnologia.xlsx</t>
  </si>
  <si>
    <t>planilha stefanini - final MDA.xlsx</t>
  </si>
  <si>
    <t>12/18/2019 13:45:30</t>
  </si>
  <si>
    <t>Planilha_de_Custo MCT _-_versão 02.xlsx</t>
  </si>
  <si>
    <t>Planilha molde MCT.xlsx</t>
  </si>
  <si>
    <t>12/18/2019 13:45:51</t>
  </si>
  <si>
    <t>C:\Users\filemoncmj\OneDrive - Grupo Algar\01. Algar Tech\01. Projetos de Clientes\31. Notebook Tricard\</t>
  </si>
  <si>
    <t>Solicitação de compras Algar Tecnologia_Projeto_Tricard_Notebook.xls</t>
  </si>
  <si>
    <t>C:\Users\filemoncmj\OneDrive - Grupo Algar\01. Algar Tech\01. Projetos de Clientes\16. Bradesco\5. AAYA-EK7YXU RFP TI\02. Aquisições\01. CAPEX\03. Profissional em Gerenciamento de Projetos\</t>
  </si>
  <si>
    <t>Formulário de Solicitação de Compra - Gerente de Projetos.xlsx</t>
  </si>
  <si>
    <t>12/18/2019 13:45:52</t>
  </si>
  <si>
    <t>C:\Users\filemoncmj\OneDrive - Grupo Algar\01. Algar Tech\01. Projetos de Clientes\16. Bradesco\5. AAYA-EK7YXU RFP TI\02. Aquisições\01. CAPEX\08. Placas C-LAN\</t>
  </si>
  <si>
    <t>C:\Users\filemoncmj\OneDrive - Grupo Algar\01. Algar Tech\01. Projetos de Clientes\16. Bradesco\5. AAYA-EK7YXU RFP TI\02. Aquisições\01. CAPEX\07. Racks\</t>
  </si>
  <si>
    <t>Formulário de Solicitação de Compra - Racks V2.xlsx</t>
  </si>
  <si>
    <t>12/19/2019 07:52:32</t>
  </si>
  <si>
    <t>Formulário de Solicitação de Compra - Racks.xlsx</t>
  </si>
  <si>
    <t>12/18/2019 13:45:53</t>
  </si>
  <si>
    <t>Projeto Bradesco AAYA-EK7YXU RFP TI - Cadastro de Itens (Racks).xlsx</t>
  </si>
  <si>
    <t>C:\Users\filemoncmj\OneDrive - Grupo Algar\01. Algar Tech\01. Projetos de Clientes\16. Bradesco\6. AAYA-J2I9MI\2. Execução\3. Aquisições\02. Ramais\</t>
  </si>
  <si>
    <t>Formulário de Solicitação de Compra - Projeto Bradesco AAYA-J2I9MI HD GOE - Ramais.xls</t>
  </si>
  <si>
    <t>C:\Users\filemoncmj\OneDrive - Grupo Algar\01. Algar Tech\01. Projetos de Clientes\16. Bradesco\6. AAYA-J2I9MI\2. Execução\3. Aquisições\01. Notebooks\</t>
  </si>
  <si>
    <t>Formulário de Solicitação de Compra - Projeto Bradesco AAYA-J2I9MI HD GOE - Notebooks.xls</t>
  </si>
  <si>
    <t>12/18/2019 13:45:54</t>
  </si>
  <si>
    <t>Projeto Bradesco AAYA-J2I9MI - Cadastro de Itens.xlsx</t>
  </si>
  <si>
    <t>12/19/2019 07:49:33</t>
  </si>
  <si>
    <t>C:\Users\filemoncmj\OneDrive - Grupo Algar\01. Algar Tech\01. Projetos de Clientes\16. Bradesco\4. Bolsão Cartões Bradesco\</t>
  </si>
  <si>
    <t>Formulário de Solicitação de Requisição - Bolsão Notebooks Bradesco.xlsx</t>
  </si>
  <si>
    <t>C:\Users\filemoncmj\OneDrive - Grupo Algar\01. Algar Tech\01. Projetos de Clientes\16. Bradesco\2. TS Bradesco\</t>
  </si>
  <si>
    <t>Formulario_Solicitacao_de_Requisicao.xls</t>
  </si>
  <si>
    <t>12/18/2019 13:45:55</t>
  </si>
  <si>
    <t>C:\Users\filemoncmj\OneDrive - Grupo Algar\01. Algar Tech\01. Projetos de Clientes\16. Bradesco\1. Notebook Bradesco\</t>
  </si>
  <si>
    <t>GA - Formulário - Movimentação de Notebook - Transporte.xlsx</t>
  </si>
  <si>
    <t>GA - Formulário - Movimentação de Notebook Bradesco - Elton Santos.xlsx</t>
  </si>
  <si>
    <t>Solicitação de Compras Algar Tecnologia Notebook Bradesco.xlsx</t>
  </si>
  <si>
    <t>12/18/2019 13:45:56</t>
  </si>
  <si>
    <t>C:\Users\filemoncmj\OneDrive - Grupo Algar\01. Algar Tech\01. Projetos de Clientes\33. MCTI\09 - Processos - Procedimentos\9.2 - Procedimentos\</t>
  </si>
  <si>
    <t>ESTRUTURA DE DOCUMENTAÇÃO.xlsx</t>
  </si>
  <si>
    <t>C:\Users\filemoncmj\OneDrive - Grupo Algar\01. Algar Tech\01. Projetos de Clientes\33. MCTI\04 - Lista de Contatos e Áreas Envolvidas\</t>
  </si>
  <si>
    <t>Relação Associados MCTI.xls</t>
  </si>
  <si>
    <t>Controle de R&amp;S MCTI.xlsx</t>
  </si>
  <si>
    <t>12/18/2019 13:45:59</t>
  </si>
  <si>
    <t>C:\Users\filemoncmj\OneDrive - Grupo Algar\01. Algar Tech\01. Projetos de Clientes\33. MCTI\08 - Ferramenta - Tecnologia\</t>
  </si>
  <si>
    <t>PACOTE CA-MCTI-v3.xls</t>
  </si>
  <si>
    <t>C:\Users\filemoncmj\OneDrive - Grupo Algar\01. Algar Tech\01. Projetos de Clientes\33. MCTI\07 - CATÁLOGO DE SERVIÇOS\7.1 - Em construção\</t>
  </si>
  <si>
    <t>CATALOGO DE TAREFAS MCTI - COMPLEXIDADES.xlsx</t>
  </si>
  <si>
    <t>12/18/2019 13:46:04</t>
  </si>
  <si>
    <t>CATALOGO DE TAREFAS MCTI.xlsx</t>
  </si>
  <si>
    <t>CATALOGO DE TAREFAS MCTI-V2.xlsx</t>
  </si>
  <si>
    <t>12/18/2019 13:46:05</t>
  </si>
  <si>
    <t>CATALOGO DE TAREFAS MCTI-V3.xlsx</t>
  </si>
  <si>
    <t>CATALOGO DE TAREFAS MCTI-V4.xlsx</t>
  </si>
  <si>
    <t>12/18/2019 13:46:06</t>
  </si>
  <si>
    <t>CATALOGO DE TAREFAS MCTI-V5.xlsx</t>
  </si>
  <si>
    <t>12/18/2019 13:46:07</t>
  </si>
  <si>
    <t>CATALOGO DE TAREFAS MCTI-V7.xlsx</t>
  </si>
  <si>
    <t>12/18/2019 13:46:08</t>
  </si>
  <si>
    <t>CATALOGO DE TAREFAS MCTI-V8.xlsx</t>
  </si>
  <si>
    <t>C:\Users\filemoncmj\OneDrive - Grupo Algar\01. Algar Tech\01. Projetos de Clientes\18. Service Desk Algar Telecom\3. Execução\</t>
  </si>
  <si>
    <t>GA - Formulário - Movimentação de Notebook - Clejair Braz Ferreira.xlsx</t>
  </si>
  <si>
    <t>12/18/2019 13:46:09</t>
  </si>
  <si>
    <t>C:\Users\filemoncmj\OneDrive - Grupo Algar\01. Algar Tech\01. Projetos de Clientes\15. BR Distribuidora\7. Treinamento SharePoint\</t>
  </si>
  <si>
    <t>Formulário de Solicitação de Requisição - Treinamento SharePoint.xlsx</t>
  </si>
  <si>
    <t>STPIF 007 - CR - Treinamento - MS 10174.xls</t>
  </si>
  <si>
    <t>STPIF 008 - CR - Treinamento - MS 10231.xls</t>
  </si>
  <si>
    <t>12/18/2019 13:46:11</t>
  </si>
  <si>
    <t>C:\Users\filemoncmj\OneDrive - Grupo Algar\01. Algar Tech\01. Projetos de Clientes\15. BR Distribuidora\8. Transportes de Materiais\</t>
  </si>
  <si>
    <t>Formulário de Solicitação de Requisição - Transporte de Materiais.xlsx</t>
  </si>
  <si>
    <t>Protocolo para Envio de Notas Fiscais.xlsx</t>
  </si>
  <si>
    <t>12/18/2019 13:46:12</t>
  </si>
  <si>
    <t>C:\Users\filemoncmj\OneDrive - Grupo Algar\01. Algar Tech\01. Projetos de Clientes\37. SVN TOPTI\.svn\pristine\77\</t>
  </si>
  <si>
    <t>7799af71e418170b00684e445e5fe2c11f91eea1.svn-base</t>
  </si>
  <si>
    <t>12/18/2019 13:46:13</t>
  </si>
  <si>
    <t>C:\Users\filemoncmj\OneDrive - Grupo Algar\01. Algar Tech\01. Projetos de Clientes\37. SVN TOPTI\.svn\pristine\77\77ebad73eef72916d9e020d11b1b7fde0c5a3e2d.svn-base\s4\</t>
  </si>
  <si>
    <t>12/18/2019 13:46:18</t>
  </si>
  <si>
    <t>C:\Users\filemoncmj\OneDrive - Grupo Algar\01. Algar Tech\01. Projetos de Clientes\37. SVN TOPTI\.svn\pristine\0c\0c5be43f7d698267d2a541aeeb05bca1daa7dc4a.svn-base\s4\</t>
  </si>
  <si>
    <t>12/19/2019 07:53:32</t>
  </si>
  <si>
    <t>12/18/2019 13:46:19</t>
  </si>
  <si>
    <t>12/19/2019 07:54:32</t>
  </si>
  <si>
    <t>12/19/2019 07:51:46</t>
  </si>
  <si>
    <t>12/19/2019 07:55:31</t>
  </si>
  <si>
    <t>12/19/2019 07:54:02</t>
  </si>
  <si>
    <t>12/19/2019 07:51:24</t>
  </si>
  <si>
    <t>12/19/2019 07:53:18</t>
  </si>
  <si>
    <t>12/19/2019 07:53:17</t>
  </si>
  <si>
    <t>12/19/2019 07:56:32</t>
  </si>
  <si>
    <t>0a271df8-11b6-483c-a37a-a86762875764.tmp</t>
  </si>
  <si>
    <t>\\acsfs\profiles$\gabrielarb\Downloads\0a271df8-11b6-483c-a37a-a86762875764.tmp</t>
  </si>
  <si>
    <t>4db7b894-c63f-4909-ac62-9533a9b46396.tmp</t>
  </si>
  <si>
    <t>\\acsfs\profiles$\gabrielarb\Downloads\4db7b894-c63f-4909-ac62-9533a9b46396.tmp</t>
  </si>
  <si>
    <t>12/19/2019 07:54:23</t>
  </si>
  <si>
    <t>5bc147fd-c7ba-4276-891d-1cfe135835bb.tmp</t>
  </si>
  <si>
    <t>\\acsfs\profiles$\gabrielarb\Downloads\5bc147fd-c7ba-4276-891d-1cfe135835bb.tmp</t>
  </si>
  <si>
    <t>12/19/2019 07:55:22</t>
  </si>
  <si>
    <t>2232ded6-7ca5-4558-a10a-971c07974420.tmp</t>
  </si>
  <si>
    <t>\\acsfs\profiles$\gabrielarb\Downloads\2232ded6-7ca5-4558-a10a-971c07974420.tmp</t>
  </si>
  <si>
    <t>12/19/2019 07:53:08</t>
  </si>
  <si>
    <t>d83bf5cb-21a1-4ab8-aa46-071487e11220.tmp</t>
  </si>
  <si>
    <t>\\acsfs\profiles$\valeriasda\Downloads\d83bf5cb-21a1-4ab8-aa46-071487e11220.tmp</t>
  </si>
  <si>
    <t>b4a103d3-1f56-4075-b0c0-967af07cb186.tmp</t>
  </si>
  <si>
    <t>\\acsfs\profiles$\valeriasda\Downloads\b4a103d3-1f56-4075-b0c0-967af07cb186.tmp</t>
  </si>
  <si>
    <t>12/19/2019 07:53:58</t>
  </si>
  <si>
    <t>12/19/2019 07:55:15</t>
  </si>
  <si>
    <t>12/19/2019 07:58:32</t>
  </si>
  <si>
    <t>\\acsfs\profiles$\luanarda\My Documents\My Pictures\</t>
  </si>
  <si>
    <t>\\acsfs\profiles$\luanarda\My Documents\My Videos\desktop.ini</t>
  </si>
  <si>
    <t>12/19/2019 07:55:18</t>
  </si>
  <si>
    <t>\\acsfs\profiles$\luanarda\My Documents\My Videos\</t>
  </si>
  <si>
    <t>12/19/2019 07:55:20</t>
  </si>
  <si>
    <t>12/19/2019 07:55:21</t>
  </si>
  <si>
    <t>12/19/2019 07:55:23</t>
  </si>
  <si>
    <t>\\acsfs\profiles$\luanarda\My Documents\My Music\</t>
  </si>
  <si>
    <t>\\acsfs\profiles$\luanarda\My Documents\My Pictures\desktop.ini</t>
  </si>
  <si>
    <t>12/19/2019 07:55:25</t>
  </si>
  <si>
    <t>12/19/2019 07:55:27</t>
  </si>
  <si>
    <t>12/19/2019 07:55:29</t>
  </si>
  <si>
    <t>12/19/2019 07:55:30</t>
  </si>
  <si>
    <t>12/19/2019 07:55:32</t>
  </si>
  <si>
    <t>\\acsfs\profiles$\luanarda\Contacts\</t>
  </si>
  <si>
    <t>\\acsfs\profiles$\luanarda\Contacts\desktop.ini</t>
  </si>
  <si>
    <t>12/19/2019 07:55:33</t>
  </si>
  <si>
    <t>12/19/2019 07:55:34</t>
  </si>
  <si>
    <t>12/19/2019 07:55:35</t>
  </si>
  <si>
    <t>12/19/2019 07:55:37</t>
  </si>
  <si>
    <t>12/19/2019 07:55:38</t>
  </si>
  <si>
    <t>12/19/2019 07:55:39</t>
  </si>
  <si>
    <t>\\acsfs\profiles$\luanarda\My Documents\</t>
  </si>
  <si>
    <t>\\acsfs\profiles$\luanarda\Favorites\desktop.ini</t>
  </si>
  <si>
    <t>12/19/2019 07:55:40</t>
  </si>
  <si>
    <t>12/19/2019 07:55:41</t>
  </si>
  <si>
    <t>12/19/2019 07:55:42</t>
  </si>
  <si>
    <t>12/19/2019 07:55:44</t>
  </si>
  <si>
    <t>12/19/2019 07:55:45</t>
  </si>
  <si>
    <t>12/19/2019 07:55:46</t>
  </si>
  <si>
    <t>12/19/2019 07:55:47</t>
  </si>
  <si>
    <t>\\acsfs\profiles$\luanarda\My Documents\My Music\desktop.ini</t>
  </si>
  <si>
    <t>12/19/2019 07:55:49</t>
  </si>
  <si>
    <t>12/19/2019 07:55:50</t>
  </si>
  <si>
    <t>12/19/2019 07:55:51</t>
  </si>
  <si>
    <t>12/19/2019 07:55:52</t>
  </si>
  <si>
    <t>12/19/2019 07:55:54</t>
  </si>
  <si>
    <t>\\acsfs\profiles$\luanarda\Searches\</t>
  </si>
  <si>
    <t>\\acsfs\profiles$\luanarda\Searches\desktop.ini</t>
  </si>
  <si>
    <t>12/19/2019 07:55:56</t>
  </si>
  <si>
    <t>12/19/2019 07:55:58</t>
  </si>
  <si>
    <t>12/19/2019 07:55:59</t>
  </si>
  <si>
    <t>12/19/2019 07:56:00</t>
  </si>
  <si>
    <t>12/19/2019 07:56:03</t>
  </si>
  <si>
    <t>\\acsfs\profiles$\luanarda\Downloads\desktop.ini</t>
  </si>
  <si>
    <t>12/19/2019 07:56:04</t>
  </si>
  <si>
    <t>12/19/2019 07:56:06</t>
  </si>
  <si>
    <t>\\acsfs\profiles$\luanarda\Favorites\</t>
  </si>
  <si>
    <t>\\acsfs\profiles$\luanarda\My Documents\desktop.ini</t>
  </si>
  <si>
    <t>12/19/2019 07:56:09</t>
  </si>
  <si>
    <t>12/19/2019 07:56:11</t>
  </si>
  <si>
    <t>12/19/2019 07:56:12</t>
  </si>
  <si>
    <t>12/19/2019 07:56:14</t>
  </si>
  <si>
    <t>12/19/2019 07:56:15</t>
  </si>
  <si>
    <t>12/19/2019 07:56:17</t>
  </si>
  <si>
    <t>\\acsfs\profiles$\luanarda\Saved Games\desktop.ini</t>
  </si>
  <si>
    <t>12/19/2019 07:56:20</t>
  </si>
  <si>
    <t>12/19/2019 07:56:40</t>
  </si>
  <si>
    <t>winrt--{S-1-5-21-602162358-764733703-839522115-358565}-.searchconnector-ms</t>
  </si>
  <si>
    <t>\\acsfs\profiles$\luanarda\Searches\winrt--{S-1-5-21-602162358-764733703-839522115-358565}-.searchconnector-ms</t>
  </si>
  <si>
    <t>12/19/2019 07:53:01</t>
  </si>
  <si>
    <t>mail.google.com/_/upload?authuser=0&amp;dcp=asu-n&amp;upload_id=AEnB2UoQAtyHbd1z2uxyV-DWvw8nymDnTPFzjgXFO-Dk-35A0jV_UScg5-PFTrY_6YSkxs4Qq5DxB771JorlG1AdZnb3NJNVfQ-PlHP98tkzJD8emkywuew&amp;upload_protocol=resumable</t>
  </si>
  <si>
    <t>12/19/2019 07:53:22</t>
  </si>
  <si>
    <t>mail.google.com/_/upload?authuser=0&amp;dcp=asu-n&amp;upload_id=AEnB2UoES33aHxhIFo9_OBkZaPX5nZH804S-R3gw1U9d58O8iLHmR0zuZgs1fJM4Hgu7OYrWKoj8G1vPQi4Q1-FbKIxVhcvo19ptIFETuiWv2q5Fr8XfRaI&amp;upload_protocol=resumable</t>
  </si>
  <si>
    <t>12/19/2019 07:54:42</t>
  </si>
  <si>
    <t>12/19/2019 07:57:36</t>
  </si>
  <si>
    <t>efa549f9-b03d-44e2-8fcb-f530a371d337.tmp</t>
  </si>
  <si>
    <t>\\acsfs\profiles$\paulovadc\Downloads\efa549f9-b03d-44e2-8fcb-f530a371d337.tmp</t>
  </si>
  <si>
    <t>12/19/2019 07:55:02</t>
  </si>
  <si>
    <t>quindaizaagds</t>
  </si>
  <si>
    <t>\\acsfs\profiles$\quindaizaagds\My Documents\My Pictures\</t>
  </si>
  <si>
    <t>\\acsfs\profiles$\quindaizaagds\My Documents\My Videos\desktop.ini</t>
  </si>
  <si>
    <t>12/19/2019 07:55:43</t>
  </si>
  <si>
    <t>\\acsfs\profiles$\quindaizaagds\My Documents\My Videos\</t>
  </si>
  <si>
    <t>\\acsfs\profiles$\quindaizaagds\My Documents\My Music\</t>
  </si>
  <si>
    <t>\\acsfs\profiles$\quindaizaagds\My Documents\My Pictures\desktop.ini</t>
  </si>
  <si>
    <t>12/19/2019 07:55:55</t>
  </si>
  <si>
    <t>12/19/2019 07:56:01</t>
  </si>
  <si>
    <t>\\acsfs\profiles$\quindaizaagds\Contacts\</t>
  </si>
  <si>
    <t>\\acsfs\profiles$\quindaizaagds\Contacts\desktop.ini</t>
  </si>
  <si>
    <t>12/19/2019 07:56:23</t>
  </si>
  <si>
    <t>12/19/2019 07:56:24</t>
  </si>
  <si>
    <t>12/19/2019 07:56:27</t>
  </si>
  <si>
    <t>12/19/2019 07:56:28</t>
  </si>
  <si>
    <t>12/19/2019 07:56:31</t>
  </si>
  <si>
    <t>\\acsfs\profiles$\quindaizaagds\My Documents\</t>
  </si>
  <si>
    <t>\\acsfs\profiles$\quindaizaagds\Favorites\desktop.ini</t>
  </si>
  <si>
    <t>12/19/2019 07:56:37</t>
  </si>
  <si>
    <t>12/19/2019 07:56:43</t>
  </si>
  <si>
    <t>12/19/2019 07:56:45</t>
  </si>
  <si>
    <t>12/19/2019 07:56:46</t>
  </si>
  <si>
    <t>12/19/2019 07:56:48</t>
  </si>
  <si>
    <t>\\acsfs\profiles$\quindaizaagds\My Documents\My Music\desktop.ini</t>
  </si>
  <si>
    <t>12/19/2019 07:56:52</t>
  </si>
  <si>
    <t>12/19/2019 07:56:53</t>
  </si>
  <si>
    <t>12/19/2019 07:56:55</t>
  </si>
  <si>
    <t>12/19/2019 07:56:56</t>
  </si>
  <si>
    <t>12/19/2019 07:56:58</t>
  </si>
  <si>
    <t>\\acsfs\profiles$\quindaizaagds\Searches\</t>
  </si>
  <si>
    <t>\\acsfs\profiles$\quindaizaagds\Searches\desktop.ini</t>
  </si>
  <si>
    <t>12/19/2019 07:57:00</t>
  </si>
  <si>
    <t>12/19/2019 07:57:02</t>
  </si>
  <si>
    <t>12/19/2019 07:57:03</t>
  </si>
  <si>
    <t>12/19/2019 07:59:31</t>
  </si>
  <si>
    <t>12/19/2019 07:57:05</t>
  </si>
  <si>
    <t>12/19/2019 07:57:06</t>
  </si>
  <si>
    <t>\\acsfs\profiles$\quindaizaagds\Downloads\</t>
  </si>
  <si>
    <t>\\acsfs\profiles$\quindaizaagds\Downloads\desktop.ini</t>
  </si>
  <si>
    <t>12/19/2019 07:57:07</t>
  </si>
  <si>
    <t>12/19/2019 07:57:09</t>
  </si>
  <si>
    <t>\\acsfs\profiles$\quindaizaagds\Favorites\</t>
  </si>
  <si>
    <t>\\acsfs\profiles$\quindaizaagds\My Documents\desktop.ini</t>
  </si>
  <si>
    <t>12/19/2019 07:57:11</t>
  </si>
  <si>
    <t>12/19/2019 07:57:12</t>
  </si>
  <si>
    <t>12/19/2019 07:57:14</t>
  </si>
  <si>
    <t>12/19/2019 07:57:15</t>
  </si>
  <si>
    <t>12/19/2019 07:57:17</t>
  </si>
  <si>
    <t>\\acsfs\profiles$\quindaizaagds\Saved Games\desktop.ini</t>
  </si>
  <si>
    <t>12/19/2019 07:57:19</t>
  </si>
  <si>
    <t>12/19/2019 07:57:45</t>
  </si>
  <si>
    <t>winrt--{S-1-5-21-602162358-764733703-839522115-330524}-.searchconnector-ms</t>
  </si>
  <si>
    <t>\\acsfs\profiles$\quindaizaagds\Searches\winrt--{S-1-5-21-602162358-764733703-839522115-330524}-.searchconnector-ms</t>
  </si>
  <si>
    <t>12/18/2019 17:05:09</t>
  </si>
  <si>
    <t>camila.guasco@bradesco.com.br;</t>
  </si>
  <si>
    <t>camila.guasco@bradesco.com.br</t>
  </si>
  <si>
    <t>12/19/2019 07:56:29</t>
  </si>
  <si>
    <t>11182931-1da8-4177-a569-3c83065c1f2d.tmp</t>
  </si>
  <si>
    <t>\\acsfs\profiles$\adrielyas\Downloads\11182931-1da8-4177-a569-3c83065c1f2d.tmp</t>
  </si>
  <si>
    <t>12/19/2019 07:57:51</t>
  </si>
  <si>
    <t>9098f38a-9f1a-43b5-aacd-efd4e015bf0f.tmp</t>
  </si>
  <si>
    <t>\\acsfs\profiles$\adrielyas\Downloads\9098f38a-9f1a-43b5-aacd-efd4e015bf0f.tmp</t>
  </si>
  <si>
    <t>12/19/2019 07:58:36</t>
  </si>
  <si>
    <t>12/19/2019 07:58:11</t>
  </si>
  <si>
    <t>cinthiacsda</t>
  </si>
  <si>
    <t>\\acsfs\profiles$\cinthiacsda\Contacts\</t>
  </si>
  <si>
    <t>CINTHIA CRISTYELLE SANTOS DE ARAUJO (35).contact</t>
  </si>
  <si>
    <t>\\acsfs\profiles$\cinthiacsda\Contacts\CINTHIA CRISTYELLE SANTOS DE ARAUJO (35).contact</t>
  </si>
  <si>
    <t>12/19/2019 07:58:12</t>
  </si>
  <si>
    <t>12/19/2019 07:58:28</t>
  </si>
  <si>
    <t>\\acsfs\profiles$\cinthiacsda\My Documents\My Videos\</t>
  </si>
  <si>
    <t>\\acsfs\profiles$\cinthiacsda\My Documents\My Videos\desktop.ini</t>
  </si>
  <si>
    <t>\\acsfs\profiles$\cinthiacsda\My Documents\My Pictures\</t>
  </si>
  <si>
    <t>\\acsfs\profiles$\cinthiacsda\My Documents\My Pictures\desktop.ini</t>
  </si>
  <si>
    <t>12/19/2019 07:58:29</t>
  </si>
  <si>
    <t>12/19/2019 07:58:30</t>
  </si>
  <si>
    <t>\\acsfs\profiles$\cinthiacsda\Contacts\desktop.ini</t>
  </si>
  <si>
    <t>12/19/2019 07:58:31</t>
  </si>
  <si>
    <t>\\acsfs\profiles$\cinthiacsda\Favorites\</t>
  </si>
  <si>
    <t>\\acsfs\profiles$\cinthiacsda\Favorites\desktop.ini</t>
  </si>
  <si>
    <t>\\acsfs\profiles$\cinthiacsda\My Documents\My Music\</t>
  </si>
  <si>
    <t>\\acsfs\profiles$\cinthiacsda\My Documents\My Music\desktop.ini</t>
  </si>
  <si>
    <t>12/19/2019 07:58:33</t>
  </si>
  <si>
    <t>12/19/2019 07:58:34</t>
  </si>
  <si>
    <t>\\acsfs\profiles$\cinthiacsda\Searches\</t>
  </si>
  <si>
    <t>\\acsfs\profiles$\cinthiacsda\Searches\desktop.ini</t>
  </si>
  <si>
    <t>12/19/2019 07:58:35</t>
  </si>
  <si>
    <t>\\acsfs\profiles$\cinthiacsda\Downloads\</t>
  </si>
  <si>
    <t>\\acsfs\profiles$\cinthiacsda\Downloads\desktop.ini</t>
  </si>
  <si>
    <t>\\acsfs\profiles$\cinthiacsda\My Documents\</t>
  </si>
  <si>
    <t>\\acsfs\profiles$\cinthiacsda\My Documents\desktop.ini</t>
  </si>
  <si>
    <t>12/19/2019 07:58:37</t>
  </si>
  <si>
    <t>12/19/2019 07:58:38</t>
  </si>
  <si>
    <t>\\acsfs\profiles$\cinthiacsda\Saved Games\</t>
  </si>
  <si>
    <t>\\acsfs\profiles$\cinthiacsda\Saved Games\desktop.ini</t>
  </si>
  <si>
    <t>12/19/2019 07:58:50</t>
  </si>
  <si>
    <t>12/19/2019 07:58:51</t>
  </si>
  <si>
    <t>12/19/2019 07:58:52</t>
  </si>
  <si>
    <t>12/19/2019 07:58:53</t>
  </si>
  <si>
    <t>12/19/2019 07:58:54</t>
  </si>
  <si>
    <t>12/19/2019 07:58:55</t>
  </si>
  <si>
    <t>12/19/2019 07:58:56</t>
  </si>
  <si>
    <t>12/19/2019 07:58:57</t>
  </si>
  <si>
    <t>12/19/2019 07:58:58</t>
  </si>
  <si>
    <t>12/19/2019 07:58:59</t>
  </si>
  <si>
    <t>12/19/2019 07:59:00</t>
  </si>
  <si>
    <t>12/19/2019 08:00:32</t>
  </si>
  <si>
    <t>12/19/2019 07:59:33</t>
  </si>
  <si>
    <t>12/19/2019 07:57:24</t>
  </si>
  <si>
    <t>12/19/2019 07:56:47</t>
  </si>
  <si>
    <t>12/19/2019 07:57:31</t>
  </si>
  <si>
    <t>059d128a-f016-4abb-890a-f12b5469b7de.tmp</t>
  </si>
  <si>
    <t>\\acsfs\profiles$\marcellewdl\Downloads\059d128a-f016-4abb-890a-f12b5469b7de.tmp</t>
  </si>
  <si>
    <t>12/19/2019 07:58:49</t>
  </si>
  <si>
    <t>0d2cbb85-a728-47be-a180-c6aa9e4c2f20.tmp</t>
  </si>
  <si>
    <t>\\acsfs\profiles$\marcellewdl\Downloads\0d2cbb85-a728-47be-a180-c6aa9e4c2f20.tmp</t>
  </si>
  <si>
    <t>12/19/2019 08:00:09</t>
  </si>
  <si>
    <t>12/19/2019 07:58:46</t>
  </si>
  <si>
    <t>12/19/2019 07:55:53</t>
  </si>
  <si>
    <t>12/19/2019 08:01:31</t>
  </si>
  <si>
    <t>7de4392b-7368-4574-b668-57cb42e90160.tmp</t>
  </si>
  <si>
    <t>\\acsfs\profiles$\gabrielarb\Downloads\7de4392b-7368-4574-b668-57cb42e90160.tmp</t>
  </si>
  <si>
    <t>6bc2d36a-8c54-483a-956d-7ee26a73e2d7.tmp</t>
  </si>
  <si>
    <t>\\acsfs\profiles$\gabrielarb\Downloads\6bc2d36a-8c54-483a-956d-7ee26a73e2d7.tmp</t>
  </si>
  <si>
    <t>12/19/2019 07:57:56</t>
  </si>
  <si>
    <t>\\acsfs\profiles$\gabrielarb\Contacts\</t>
  </si>
  <si>
    <t>GABRIELA RODRIGUES BARREIRO (22851).contact</t>
  </si>
  <si>
    <t>\\acsfs\profiles$\gabrielarb\Contacts\GABRIELA RODRIGUES BARREIRO (22851).contact</t>
  </si>
  <si>
    <t>12/19/2019 07:56:54</t>
  </si>
  <si>
    <t>b5e27d04-1614-4bc4-82ff-3b7a966bf0b8.tmp</t>
  </si>
  <si>
    <t>\\acsfs\profiles$\deborahsi\Downloads\b5e27d04-1614-4bc4-82ff-3b7a966bf0b8.tmp</t>
  </si>
  <si>
    <t>39994083-2fdb-471e-842e-e7218ae324c2.tmp</t>
  </si>
  <si>
    <t>\\acsfs\profiles$\deborahsi\Downloads\39994083-2fdb-471e-842e-e7218ae324c2.tmp</t>
  </si>
  <si>
    <t>12/19/2019 07:59:26</t>
  </si>
  <si>
    <t>b4dcd347-df94-4e31-a4ba-5b1fe1141213.tmp</t>
  </si>
  <si>
    <t>\\acsfs\profiles$\deborahsi\Downloads\b4dcd347-df94-4e31-a4ba-5b1fe1141213.tmp</t>
  </si>
  <si>
    <t>12/19/2019 07:59:18</t>
  </si>
  <si>
    <t>12/19/2019 07:59:22</t>
  </si>
  <si>
    <t>12/19/2019 07:59:23</t>
  </si>
  <si>
    <t>12/19/2019 07:59:27</t>
  </si>
  <si>
    <t>12/19/2019 07:59:28</t>
  </si>
  <si>
    <t>12/19/2019 07:59:30</t>
  </si>
  <si>
    <t>12/19/2019 07:59:34</t>
  </si>
  <si>
    <t>12/19/2019 07:59:39</t>
  </si>
  <si>
    <t>12/19/2019 07:59:41</t>
  </si>
  <si>
    <t>12/19/2019 07:59:46</t>
  </si>
  <si>
    <t>12/19/2019 07:59:47</t>
  </si>
  <si>
    <t>12/19/2019 07:59:50</t>
  </si>
  <si>
    <t>12/19/2019 07:59:51</t>
  </si>
  <si>
    <t>12/19/2019 07:59:52</t>
  </si>
  <si>
    <t>12/19/2019 07:59:53</t>
  </si>
  <si>
    <t>12/19/2019 07:59:54</t>
  </si>
  <si>
    <t>12/19/2019 07:59:56</t>
  </si>
  <si>
    <t>12/19/2019 07:59:57</t>
  </si>
  <si>
    <t>12/19/2019 07:59:58</t>
  </si>
  <si>
    <t>12/19/2019 07:59:59</t>
  </si>
  <si>
    <t>12/19/2019 08:00:01</t>
  </si>
  <si>
    <t>12/19/2019 08:00:02</t>
  </si>
  <si>
    <t>12/19/2019 08:00:03</t>
  </si>
  <si>
    <t>12/19/2019 08:00:04</t>
  </si>
  <si>
    <t>12/19/2019 08:00:06</t>
  </si>
  <si>
    <t>12/19/2019 08:00:07</t>
  </si>
  <si>
    <t>12/19/2019 08:00:08</t>
  </si>
  <si>
    <t>12/19/2019 08:00:11</t>
  </si>
  <si>
    <t>12/19/2019 08:00:13</t>
  </si>
  <si>
    <t>12/19/2019 08:00:14</t>
  </si>
  <si>
    <t>12/19/2019 08:00:15</t>
  </si>
  <si>
    <t>12/19/2019 08:00:17</t>
  </si>
  <si>
    <t>12/19/2019 08:00:18</t>
  </si>
  <si>
    <t>12/19/2019 08:00:19</t>
  </si>
  <si>
    <t>12/19/2019 08:00:20</t>
  </si>
  <si>
    <t>12/19/2019 08:00:22</t>
  </si>
  <si>
    <t>12/19/2019 08:00:24</t>
  </si>
  <si>
    <t>12/19/2019 08:00:58</t>
  </si>
  <si>
    <t>12/19/2019 07:59:48</t>
  </si>
  <si>
    <t>12/19/2019 07:59:49</t>
  </si>
  <si>
    <t>12/19/2019 07:59:55</t>
  </si>
  <si>
    <t>12/19/2019 08:00:00</t>
  </si>
  <si>
    <t>12/19/2019 08:00:05</t>
  </si>
  <si>
    <t>12/19/2019 07:57:33</t>
  </si>
  <si>
    <t>12/19/2019 08:02:32</t>
  </si>
  <si>
    <t>4d83f5b6-a2c1-4a83-afed-97cee48e1e5d.tmp</t>
  </si>
  <si>
    <t>\\acsfs\profiles$\raicabog\Downloads\4d83f5b6-a2c1-4a83-afed-97cee48e1e5d.tmp</t>
  </si>
  <si>
    <t>3ed9eda8-1666-48c0-9799-cab3afc699d4.tmp</t>
  </si>
  <si>
    <t>\\acsfs\profiles$\raicabog\Downloads\3ed9eda8-1666-48c0-9799-cab3afc699d4.tmp</t>
  </si>
  <si>
    <t>12/19/2019 07:58:17</t>
  </si>
  <si>
    <t>57f379e5-0b09-47a7-a399-573fa5122ece.tmp</t>
  </si>
  <si>
    <t>\\acsfs\profiles$\raicabog\Downloads\57f379e5-0b09-47a7-a399-573fa5122ece.tmp</t>
  </si>
  <si>
    <t>f17e7a7d-bb07-4974-8f69-540843c6813f.tmp</t>
  </si>
  <si>
    <t>\\acsfs\profiles$\raicabog\Downloads\f17e7a7d-bb07-4974-8f69-540843c6813f.tmp</t>
  </si>
  <si>
    <t>28bd92fa-fda5-44ca-90e3-bf5d8013d113.tmp</t>
  </si>
  <si>
    <t>\\acsfs\profiles$\raicabog\Downloads\28bd92fa-fda5-44ca-90e3-bf5d8013d113.tmp</t>
  </si>
  <si>
    <t>12/19/2019 08:03:31</t>
  </si>
  <si>
    <t>12/19/2019 08:01:06</t>
  </si>
  <si>
    <t>10.200.66.20</t>
  </si>
  <si>
    <t>ulog_AcroARM2_Reader_22bb18ef-a0cc-4985-b2f1-d8449a05e1d0_7f4066ad-bea8-47a4-a6d8-dc629ccaa2d9_0.log</t>
  </si>
  <si>
    <t>C:\Users\Jordanarb\AppData\Roaming\Adobe\LogTransport2\Logs\ulog_AcroARM2_Reader_22bb18ef-a0cc-4985-b2f1-d8449a05e1d0_7f4066ad-bea8-47a4-a6d8-dc629ccaa2d9_0.log\</t>
  </si>
  <si>
    <t>ulog_HeadlightsOptinProductFamily_HeadlightsOptinProduct_00000000-0000-0000-0000-000000000000_1dff7995-6b0d-4317-a30b-d0be966ac42e.log</t>
  </si>
  <si>
    <t>C:\Users\Jordanarb\AppData\Roaming\Adobe\LogTransport2\Logs\ulog_HeadlightsOptinProductFamily_HeadlightsOptinProduct_00000000-0000-0000-0000-000000000000_1dff7995-6b0d-4317-a30b-d0be966ac42e.log\</t>
  </si>
  <si>
    <t>f560af83-6cb7-4705-8a12-b489d5cb169e.tmp</t>
  </si>
  <si>
    <t>\\acsfs\profiles$\paulovadc\Downloads\f560af83-6cb7-4705-8a12-b489d5cb169e.tmp</t>
  </si>
  <si>
    <t>12/19/2019 08:04:32</t>
  </si>
  <si>
    <t>12/19/2019 08:00:54</t>
  </si>
  <si>
    <t>12/19/2019 08:00:12</t>
  </si>
  <si>
    <t>12/19/2019 08:00:26</t>
  </si>
  <si>
    <t>12/19/2019 08:00:27</t>
  </si>
  <si>
    <t>12/19/2019 08:00:28</t>
  </si>
  <si>
    <t>12/19/2019 08:00:30</t>
  </si>
  <si>
    <t>12/19/2019 08:01:09</t>
  </si>
  <si>
    <t>12/19/2019 08:01:43</t>
  </si>
  <si>
    <t>12/19/2019 07:59:19</t>
  </si>
  <si>
    <t>\\acsfs\profiles$\cinthiacsda\Favorites\Links for Brasil\</t>
  </si>
  <si>
    <t>\\acsfs\profiles$\cinthiacsda\Favorites\Links for Brasil\desktop.ini</t>
  </si>
  <si>
    <t>12/19/2019 07:59:21</t>
  </si>
  <si>
    <t>\\acsfs\profiles$\cinthiacsda\Favorites\Links for Brasil\Microsoft Brasil.url</t>
  </si>
  <si>
    <t>\\acsfs\profiles$\cinthiacsda\Favorites\Links for Brasil\Windows Brasil.url</t>
  </si>
  <si>
    <t>\\acsfs\profiles$\cinthiacsda\Favorites\Links for Brasil\MSN Brasil.url</t>
  </si>
  <si>
    <t>12/19/2019 08:05:31</t>
  </si>
  <si>
    <t>12/19/2019 08:00:52</t>
  </si>
  <si>
    <t>12/19/2019 08:03:24</t>
  </si>
  <si>
    <t>12/19/2019 08:03:53</t>
  </si>
  <si>
    <t>cinthiaa.txt</t>
  </si>
  <si>
    <t>\\acsfs\profiles$\cinthiacsda\My Documents\cinthiaa.txt</t>
  </si>
  <si>
    <t>12/19/2019 08:03:59</t>
  </si>
  <si>
    <t>12/19/2019 08:01:37</t>
  </si>
  <si>
    <t>12/19/2019 08:06:31</t>
  </si>
  <si>
    <t>35844da5-7ae2-4260-bc86-93a1dfb28c0d.tmp</t>
  </si>
  <si>
    <t>\\acsfs\profiles$\gabrielarb\Downloads\35844da5-7ae2-4260-bc86-93a1dfb28c0d.tmp</t>
  </si>
  <si>
    <t>12/19/2019 08:03:16</t>
  </si>
  <si>
    <t>12/19/2019 08:02:31</t>
  </si>
  <si>
    <t>12/19/2019 08:07:31</t>
  </si>
  <si>
    <t>12/19/2019 08:02:55</t>
  </si>
  <si>
    <t>12/19/2019 08:02:56</t>
  </si>
  <si>
    <t>12/19/2019 08:02:57</t>
  </si>
  <si>
    <t>12/19/2019 08:02:58</t>
  </si>
  <si>
    <t>12/19/2019 08:02:59</t>
  </si>
  <si>
    <t>12/19/2019 08:03:00</t>
  </si>
  <si>
    <t>12/19/2019 08:03:01</t>
  </si>
  <si>
    <t>12/19/2019 08:03:02</t>
  </si>
  <si>
    <t>12/19/2019 08:03:03</t>
  </si>
  <si>
    <t>12/19/2019 08:03:04</t>
  </si>
  <si>
    <t>12/19/2019 08:03:05</t>
  </si>
  <si>
    <t>12/19/2019 08:03:06</t>
  </si>
  <si>
    <t>12/19/2019 08:03:07</t>
  </si>
  <si>
    <t>12/19/2019 08:03:08</t>
  </si>
  <si>
    <t>12/19/2019 08:03:09</t>
  </si>
  <si>
    <t>12/19/2019 08:03:10</t>
  </si>
  <si>
    <t>12/19/2019 08:03:11</t>
  </si>
  <si>
    <t>12/19/2019 08:03:12</t>
  </si>
  <si>
    <t>12/19/2019 08:03:13</t>
  </si>
  <si>
    <t>12/19/2019 08:03:14</t>
  </si>
  <si>
    <t>12/19/2019 08:03:15</t>
  </si>
  <si>
    <t>12/19/2019 08:03:17</t>
  </si>
  <si>
    <t>12/19/2019 08:03:18</t>
  </si>
  <si>
    <t>12/19/2019 08:03:19</t>
  </si>
  <si>
    <t>12/19/2019 08:04:23</t>
  </si>
  <si>
    <t>a27d701a-3d7f-47a1-ba4c-c01ce03fe8b9.tmp</t>
  </si>
  <si>
    <t>\\acsfs\profiles$\raicabog\Downloads\a27d701a-3d7f-47a1-ba4c-c01ce03fe8b9.tmp</t>
  </si>
  <si>
    <t>12/19/2019 08:08:31</t>
  </si>
  <si>
    <t>5b02f1c1-f852-483c-98cd-2989528e2845.tmp</t>
  </si>
  <si>
    <t>\\acsfs\profiles$\luanarda\Downloads\5b02f1c1-f852-483c-98cd-2989528e2845.tmp</t>
  </si>
  <si>
    <t>12/19/2019 08:04:08</t>
  </si>
  <si>
    <t>51f5b897-2953-4b46-ac88-62d0dd05bacb.tmp</t>
  </si>
  <si>
    <t>\\acsfs\profiles$\luanarda\Downloads\51f5b897-2953-4b46-ac88-62d0dd05bacb.tmp</t>
  </si>
  <si>
    <t>12/19/2019 08:04:36</t>
  </si>
  <si>
    <t>1807b4e6-a128-4b8e-b6ea-d189a29d3f1e.tmp</t>
  </si>
  <si>
    <t>\\acsfs\profiles$\geovannasm\Downloads\1807b4e6-a128-4b8e-b6ea-d189a29d3f1e.tmp</t>
  </si>
  <si>
    <t>12/19/2019 08:04:49</t>
  </si>
  <si>
    <t>1d333557-66ef-4906-b654-f548adac88ca.tmp</t>
  </si>
  <si>
    <t>\\acsfs\profiles$\geovannasm\Downloads\1d333557-66ef-4906-b654-f548adac88ca.tmp</t>
  </si>
  <si>
    <t>12/19/2019 08:05:05</t>
  </si>
  <si>
    <t>a4cbd1c1-d7c0-400c-8d7f-55b6d0ac07e4.tmp</t>
  </si>
  <si>
    <t>\\acsfs\profiles$\geovannasm\Downloads\a4cbd1c1-d7c0-400c-8d7f-55b6d0ac07e4.tmp</t>
  </si>
  <si>
    <t>12/19/2019 08:06:39</t>
  </si>
  <si>
    <t>5f938b18-1f04-4c98-a029-c8679bc6c0bb.tmp</t>
  </si>
  <si>
    <t>\\acsfs\profiles$\geovannasm\Downloads\5f938b18-1f04-4c98-a029-c8679bc6c0bb.tmp</t>
  </si>
  <si>
    <t>12/19/2019 08:05:35</t>
  </si>
  <si>
    <t>12/19/2019 08:09:31</t>
  </si>
  <si>
    <t>12/19/2019 08:06:35</t>
  </si>
  <si>
    <t>12/19/2019 08:04:57</t>
  </si>
  <si>
    <t>12/19/2019 08:10:31</t>
  </si>
  <si>
    <t>12/19/2019 08:06:03</t>
  </si>
  <si>
    <t>12/19/2019 08:07:20</t>
  </si>
  <si>
    <t>12/19/2019 08:06:56</t>
  </si>
  <si>
    <t>12/19/2019 08:09:25</t>
  </si>
  <si>
    <t>12/19/2019 08:07:29</t>
  </si>
  <si>
    <t>12/19/2019 08:10:12</t>
  </si>
  <si>
    <t>12/19/2019 08:11:31</t>
  </si>
  <si>
    <t>8d4808c9-eee9-4f0e-b5c9-1440bd8a8309.tmp</t>
  </si>
  <si>
    <t>\\acsfs\profiles$\alicecpbc\Downloads\8d4808c9-eee9-4f0e-b5c9-1440bd8a8309.tmp</t>
  </si>
  <si>
    <t>12/19/2019 08:07:50</t>
  </si>
  <si>
    <t>Unconfirmed 256094.crdownload</t>
  </si>
  <si>
    <t>\\acsfs\profiles$\alicecpbc\Downloads\Unconfirmed 256094.crdownload</t>
  </si>
  <si>
    <t>12/19/2019 08:10:27</t>
  </si>
  <si>
    <t>0d06c2c6-e820-4229-a57b-134981add60e.tmp</t>
  </si>
  <si>
    <t>\\acsfs\profiles$\alicecpbc\Downloads\0d06c2c6-e820-4229-a57b-134981add60e.tmp</t>
  </si>
  <si>
    <t>12/19/2019 08:10:49</t>
  </si>
  <si>
    <t>Unconfirmed 961171.crdownload</t>
  </si>
  <si>
    <t>\\acsfs\profiles$\alicecpbc\Downloads\Unconfirmed 961171.crdownload</t>
  </si>
  <si>
    <t>12/19/2019 08:10:51</t>
  </si>
  <si>
    <t>c519976e-2299-4650-b748-9a92014b00f6.tmp</t>
  </si>
  <si>
    <t>\\acsfs\profiles$\alicecpbc\Downloads\c519976e-2299-4650-b748-9a92014b00f6.tmp</t>
  </si>
  <si>
    <t>12/19/2019 08:10:55</t>
  </si>
  <si>
    <t>89ff6988-0761-4720-a134-65872cfaae07.tmp</t>
  </si>
  <si>
    <t>\\acsfs\profiles$\alicecpbc\Downloads\89ff6988-0761-4720-a134-65872cfaae07.tmp</t>
  </si>
  <si>
    <t>12/19/2019 08:08:52</t>
  </si>
  <si>
    <t>12/19/2019 08:09:11</t>
  </si>
  <si>
    <t>b733870a-a67e-498b-b009-d5045b830d5e.tmp</t>
  </si>
  <si>
    <t>\\acsfs\profiles$\jonatanls\Downloads\b733870a-a67e-498b-b009-d5045b830d5e.tmp</t>
  </si>
  <si>
    <t>12/19/2019 08:11:03</t>
  </si>
  <si>
    <t>b6e101d5-13ed-43e3-a6cc-94a4d3269eb0.tmp</t>
  </si>
  <si>
    <t>\\acsfs\profiles$\jonatanls\Downloads\b6e101d5-13ed-43e3-a6cc-94a4d3269eb0.tmp</t>
  </si>
  <si>
    <t>12/19/2019 00:58:44</t>
  </si>
  <si>
    <t>12/19/2019 08:12:31</t>
  </si>
  <si>
    <t>Crescimento_Vegetativo_Ultimos06_meses_Banco_BMG.xlsx</t>
  </si>
  <si>
    <t>12/19/2019 08:08:37</t>
  </si>
  <si>
    <t>12/19/2019 08:13:31</t>
  </si>
  <si>
    <t>Novo(a) Planilha OpenDocument.ods</t>
  </si>
  <si>
    <t>\\acsfs\profiles$\paulovadc\Novo(a) Planilha OpenDocument.ods</t>
  </si>
  <si>
    <t>\\acsfs\profiles$\paulovadc\Novo(a) Planilha OpenDocument.ods\</t>
  </si>
  <si>
    <t>\\acsfs\profiles$\paulovadc\Novo(a) Planilha OpenDocument.ods\META-INF\</t>
  </si>
  <si>
    <t>\\acsfs\profiles$\paulovadc\Novo(a) Planilha OpenDocument.ods\Thumbnails\</t>
  </si>
  <si>
    <t>12/19/2019 08:08:47</t>
  </si>
  <si>
    <t>.~lock.Novo(a) Planilha OpenDocument.ods#</t>
  </si>
  <si>
    <t>\\acsfs\profiles$\paulovadc\.~lock.Novo(a) Planilha OpenDocument.ods#</t>
  </si>
  <si>
    <t>12/19/2019 08:10:19</t>
  </si>
  <si>
    <t>55c4cace-e7b7-452d-969e-37ee349aa9c4.tmp</t>
  </si>
  <si>
    <t>\\acsfs\profiles$\geovannasm\Downloads\55c4cace-e7b7-452d-969e-37ee349aa9c4.tmp</t>
  </si>
  <si>
    <t>12/19/2019 08:12:07</t>
  </si>
  <si>
    <t>e7aa8cff-82fb-4770-b923-1edacef43279.tmp</t>
  </si>
  <si>
    <t>\\acsfs\profiles$\geovannasm\Downloads\e7aa8cff-82fb-4770-b923-1edacef43279.tmp</t>
  </si>
  <si>
    <t>12/19/2019 08:11:35</t>
  </si>
  <si>
    <t>12/19/2019 08:14:31</t>
  </si>
  <si>
    <t>12/19/2019 08:12:35</t>
  </si>
  <si>
    <t>12/19/2019 08:12:03</t>
  </si>
  <si>
    <t>12/19/2019 08:15:31</t>
  </si>
  <si>
    <t>12/19/2019 08:12:28</t>
  </si>
  <si>
    <t>12/19/2019 08:14:13</t>
  </si>
  <si>
    <t>12/19/2019 08:10:16</t>
  </si>
  <si>
    <t>12/19/2019 08:14:58</t>
  </si>
  <si>
    <t>12/19/2019 08:12:48</t>
  </si>
  <si>
    <t>\\acsfs\profiles$\cinthiacsda\My Documents\scripts.txt</t>
  </si>
  <si>
    <t>12/19/2019 08:12:44</t>
  </si>
  <si>
    <t>12/19/2019 08:16:31</t>
  </si>
  <si>
    <t>Anotações Importantes.txt</t>
  </si>
  <si>
    <t>\\acsfs\profiles$\diosquellysc\Anotações Importantes.txt</t>
  </si>
  <si>
    <t>12/19/2019 08:12:43</t>
  </si>
  <si>
    <t>cea3dec4-8062-4159-8f10-995c7f7d7f86.tmp</t>
  </si>
  <si>
    <t>\\acsfs\profiles$\alicecpbc\Downloads\cea3dec4-8062-4159-8f10-995c7f7d7f86.tmp</t>
  </si>
  <si>
    <t>12/19/2019 08:13:09</t>
  </si>
  <si>
    <t>12/19/2019 08:15:10</t>
  </si>
  <si>
    <t>b72b6b18-e9a7-46de-8a6d-f52f3be68cd4.tmp</t>
  </si>
  <si>
    <t>\\acsfs\profiles$\felipetds\Downloads\b72b6b18-e9a7-46de-8a6d-f52f3be68cd4.tmp</t>
  </si>
  <si>
    <t>12/19/2019 08:13:41</t>
  </si>
  <si>
    <t>12/19/2019 08:13:08</t>
  </si>
  <si>
    <t>9de4518c-7c07-470a-92c9-8f98a2b7553e.tmp</t>
  </si>
  <si>
    <t>\\acsfs\profiles$\larissaad\Downloads\9de4518c-7c07-470a-92c9-8f98a2b7553e.tmp</t>
  </si>
  <si>
    <t>12/19/2019 08:13:32</t>
  </si>
  <si>
    <t>3320c9d6-e598-41e0-8464-7a269c3f7b94.tmp</t>
  </si>
  <si>
    <t>\\acsfs\profiles$\larissaad\Downloads\3320c9d6-e598-41e0-8464-7a269c3f7b94.tmp</t>
  </si>
  <si>
    <t>12/18/2019 17:13:41</t>
  </si>
  <si>
    <t>12/19/2019 08:17:31</t>
  </si>
  <si>
    <t>12/19/2019 08:15:23</t>
  </si>
  <si>
    <t>12/19/2019 08:18:31</t>
  </si>
  <si>
    <t>12/19/2019 08:17:38</t>
  </si>
  <si>
    <t>https://udpmailboxap01.acs.com.br:8443/h/search?si=0&amp;so=0&amp;sc=48651&amp;st=conversation&amp;action=compose&amp;paction=paneview</t>
  </si>
  <si>
    <t>12/19/2019 08:15:33</t>
  </si>
  <si>
    <t>12/19/2019 08:19:31</t>
  </si>
  <si>
    <t>12/19/2019 08:17:35</t>
  </si>
  <si>
    <t>12/19/2019 08:18:34</t>
  </si>
  <si>
    <t>12/19/2019 08:18:03</t>
  </si>
  <si>
    <t>12/19/2019 08:20:32</t>
  </si>
  <si>
    <t>12/19/2019 08:15:01</t>
  </si>
  <si>
    <t>12/19/2019 08:19:15</t>
  </si>
  <si>
    <t>12/19/2019 08:19:21</t>
  </si>
  <si>
    <t>12/19/2019 08:19:34</t>
  </si>
  <si>
    <t>12/19/2019 08:19:35</t>
  </si>
  <si>
    <t>12/19/2019 08:19:36</t>
  </si>
  <si>
    <t>12/19/2019 08:16:24</t>
  </si>
  <si>
    <t>12/19/2019 08:21:32</t>
  </si>
  <si>
    <t>12/19/2019 08:17:08</t>
  </si>
  <si>
    <t>31d06e8a-a47b-49f7-b57b-914a9da9248e.tmp</t>
  </si>
  <si>
    <t>\\acsfs\profiles$\felipetds\Downloads\31d06e8a-a47b-49f7-b57b-914a9da9248e.tmp</t>
  </si>
  <si>
    <t>12/19/2019 08:18:13</t>
  </si>
  <si>
    <t>12/19/2019 08:18:45</t>
  </si>
  <si>
    <t>12/19/2019 08:16:20</t>
  </si>
  <si>
    <t>85ed0a51-5d90-40a2-8c40-1e6314d3de4d.tmp</t>
  </si>
  <si>
    <t>\\acsfs\profiles$\larissaad\Downloads\85ed0a51-5d90-40a2-8c40-1e6314d3de4d.tmp</t>
  </si>
  <si>
    <t>12/19/2019 08:18:00</t>
  </si>
  <si>
    <t>12/19/2019 08:19:25</t>
  </si>
  <si>
    <t>\\acsfs\profiles$\rosileiam\My Documents\My Pictures\</t>
  </si>
  <si>
    <t>\\acsfs\profiles$\rosileiam\My Documents\My Videos\desktop.ini</t>
  </si>
  <si>
    <t>12/19/2019 08:19:27</t>
  </si>
  <si>
    <t>\\acsfs\profiles$\rosileiam\My Documents\My Videos\</t>
  </si>
  <si>
    <t>12/19/2019 08:19:38</t>
  </si>
  <si>
    <t>\\acsfs\profiles$\rosileiam\My Documents\My Music\</t>
  </si>
  <si>
    <t>\\acsfs\profiles$\rosileiam\My Documents\My Pictures\desktop.ini</t>
  </si>
  <si>
    <t>12/19/2019 08:19:41</t>
  </si>
  <si>
    <t>12/19/2019 08:19:43</t>
  </si>
  <si>
    <t>12/19/2019 08:19:44</t>
  </si>
  <si>
    <t>12/19/2019 08:19:47</t>
  </si>
  <si>
    <t>12/19/2019 08:19:56</t>
  </si>
  <si>
    <t>\\acsfs\profiles$\rosileiam\Contacts\</t>
  </si>
  <si>
    <t>\\acsfs\profiles$\rosileiam\Contacts\desktop.ini</t>
  </si>
  <si>
    <t>12/19/2019 08:19:57</t>
  </si>
  <si>
    <t>12/19/2019 08:19:58</t>
  </si>
  <si>
    <t>12/19/2019 08:19:59</t>
  </si>
  <si>
    <t>12/19/2019 08:20:05</t>
  </si>
  <si>
    <t>12/19/2019 08:20:08</t>
  </si>
  <si>
    <t>12/19/2019 08:20:15</t>
  </si>
  <si>
    <t>\\acsfs\profiles$\rosileiam\My Documents\</t>
  </si>
  <si>
    <t>\\acsfs\profiles$\rosileiam\Favorites\desktop.ini</t>
  </si>
  <si>
    <t>12/19/2019 08:20:16</t>
  </si>
  <si>
    <t>12/19/2019 08:20:18</t>
  </si>
  <si>
    <t>12/19/2019 08:20:19</t>
  </si>
  <si>
    <t>12/19/2019 08:20:20</t>
  </si>
  <si>
    <t>12/19/2019 08:20:21</t>
  </si>
  <si>
    <t>12/19/2019 08:20:22</t>
  </si>
  <si>
    <t>12/19/2019 08:20:24</t>
  </si>
  <si>
    <t>\\acsfs\profiles$\rosileiam\My Documents\My Music\desktop.ini</t>
  </si>
  <si>
    <t>12/19/2019 08:20:26</t>
  </si>
  <si>
    <t>12/19/2019 08:20:27</t>
  </si>
  <si>
    <t>12/19/2019 08:20:28</t>
  </si>
  <si>
    <t>12/19/2019 08:20:29</t>
  </si>
  <si>
    <t>12/19/2019 08:20:31</t>
  </si>
  <si>
    <t>\\acsfs\profiles$\rosileiam\Searches\</t>
  </si>
  <si>
    <t>\\acsfs\profiles$\rosileiam\Searches\desktop.ini</t>
  </si>
  <si>
    <t>12/19/2019 08:20:33</t>
  </si>
  <si>
    <t>12/19/2019 08:20:35</t>
  </si>
  <si>
    <t>12/19/2019 08:20:36</t>
  </si>
  <si>
    <t>12/19/2019 08:20:38</t>
  </si>
  <si>
    <t>12/19/2019 08:20:39</t>
  </si>
  <si>
    <t>\\acsfs\profiles$\rosileiam\Downloads\desktop.ini</t>
  </si>
  <si>
    <t>12/19/2019 08:20:40</t>
  </si>
  <si>
    <t>12/19/2019 08:20:42</t>
  </si>
  <si>
    <t>\\acsfs\profiles$\rosileiam\Favorites\</t>
  </si>
  <si>
    <t>\\acsfs\profiles$\rosileiam\My Documents\desktop.ini</t>
  </si>
  <si>
    <t>12/19/2019 08:20:44</t>
  </si>
  <si>
    <t>12/19/2019 08:20:45</t>
  </si>
  <si>
    <t>12/19/2019 08:20:46</t>
  </si>
  <si>
    <t>12/19/2019 08:20:47</t>
  </si>
  <si>
    <t>12/19/2019 08:20:48</t>
  </si>
  <si>
    <t>12/19/2019 08:20:51</t>
  </si>
  <si>
    <t>\\acsfs\profiles$\rosileiam\Saved Games\desktop.ini</t>
  </si>
  <si>
    <t>12/19/2019 08:20:52</t>
  </si>
  <si>
    <t>12/19/2019 08:21:19</t>
  </si>
  <si>
    <t>winrt--{S-1-5-21-602162358-764733703-839522115-286585}-.searchconnector-ms</t>
  </si>
  <si>
    <t>\\acsfs\profiles$\rosileiam\Searches\winrt--{S-1-5-21-602162358-764733703-839522115-286585}-.searchconnector-ms</t>
  </si>
  <si>
    <t>12/19/2019 08:22:32</t>
  </si>
  <si>
    <t>1487a6b2-757d-4e1e-8ad0-a777a2b76829.tmp</t>
  </si>
  <si>
    <t>\\acsfs\profiles$\raicabog\Downloads\1487a6b2-757d-4e1e-8ad0-a777a2b76829.tmp</t>
  </si>
  <si>
    <t>12/19/2019 08:18:38</t>
  </si>
  <si>
    <t>12/19/2019 08:23:32</t>
  </si>
  <si>
    <t>12/19/2019 08:19:08</t>
  </si>
  <si>
    <t>12/19/2019 08:21:38</t>
  </si>
  <si>
    <t>12/19/2019 08:22:08</t>
  </si>
  <si>
    <t>12/19/2019 08:23:08</t>
  </si>
  <si>
    <t>12/19/2019 08:19:33</t>
  </si>
  <si>
    <t>94f10633-7dad-45d8-9d68-d038b7153855.tmp</t>
  </si>
  <si>
    <t>\\acsfs\profiles$\sarahbal\Downloads\94f10633-7dad-45d8-9d68-d038b7153855.tmp</t>
  </si>
  <si>
    <t>12/19/2019 08:24:31</t>
  </si>
  <si>
    <t>12/19/2019 08:25:32</t>
  </si>
  <si>
    <t>12/19/2019 08:21:45</t>
  </si>
  <si>
    <t>12/19/2019 08:24:03</t>
  </si>
  <si>
    <t>12/19/2019 08:22:28</t>
  </si>
  <si>
    <t>55882739-a043-42f4-821c-f9ec9f676cec.tmp</t>
  </si>
  <si>
    <t>\\acsfs\profiles$\ayalabfi\Downloads\55882739-a043-42f4-821c-f9ec9f676cec.tmp</t>
  </si>
  <si>
    <t>1fe35f44-a917-4d11-b7b4-b36e94556d9e.tmp</t>
  </si>
  <si>
    <t>\\acsfs\profiles$\ayalabfi\Downloads\1fe35f44-a917-4d11-b7b4-b36e94556d9e.tmp</t>
  </si>
  <si>
    <t>12/19/2019 08:22:30</t>
  </si>
  <si>
    <t>5249ea20-9384-4720-b723-77b9d0c55887.tmp</t>
  </si>
  <si>
    <t>\\acsfs\profiles$\ayalabfi\Downloads\5249ea20-9384-4720-b723-77b9d0c55887.tmp</t>
  </si>
  <si>
    <t>12/19/2019 08:23:50</t>
  </si>
  <si>
    <t>db49deaa-9ab5-4024-8d61-614335e94cf5.tmp</t>
  </si>
  <si>
    <t>\\acsfs\profiles$\ayalabfi\Downloads\db49deaa-9ab5-4024-8d61-614335e94cf5.tmp</t>
  </si>
  <si>
    <t>12/19/2019 08:24:56</t>
  </si>
  <si>
    <t>12/19/2019 08:27:32</t>
  </si>
  <si>
    <t>12/19/2019 08:24:38</t>
  </si>
  <si>
    <t>12/19/2019 08:28:32</t>
  </si>
  <si>
    <t>12/19/2019 08:23:35</t>
  </si>
  <si>
    <t>12/19/2019 08:29:32</t>
  </si>
  <si>
    <t>12/19/2019 08:24:35</t>
  </si>
  <si>
    <t>12/19/2019 08:27:41</t>
  </si>
  <si>
    <t>12/19/2019 08:27:43</t>
  </si>
  <si>
    <t>12/19/2019 08:27:51</t>
  </si>
  <si>
    <t>12/19/2019 08:27:52</t>
  </si>
  <si>
    <t>12/19/2019 08:28:03</t>
  </si>
  <si>
    <t>12/19/2019 08:30:32</t>
  </si>
  <si>
    <t>12/19/2019 08:29:33</t>
  </si>
  <si>
    <t>12/19/2019 08:27:07</t>
  </si>
  <si>
    <t>12/19/2019 08:30:06</t>
  </si>
  <si>
    <t>f29ca9dd-6065-4a22-ad3d-46d5ef8e3df4.tmp</t>
  </si>
  <si>
    <t>\\acsfs\profiles$\ayalabfi\Downloads\f29ca9dd-6065-4a22-ad3d-46d5ef8e3df4.tmp</t>
  </si>
  <si>
    <t>12/19/2019 08:28:21</t>
  </si>
  <si>
    <t>12/19/2019 08:28:25</t>
  </si>
  <si>
    <t>https://outlook.office365.com/owa/qualidadealgarbv@algartech.com/service.svc?action=updateitem&amp;app=mail&amp;n=147</t>
  </si>
  <si>
    <t>12/19/2019 08:31:32</t>
  </si>
  <si>
    <t>12/19/2019 08:27:29</t>
  </si>
  <si>
    <t>12/19/2019 08:32:32</t>
  </si>
  <si>
    <t>12/19/2019 08:27:31</t>
  </si>
  <si>
    <t>12/19/2019 08:27:33</t>
  </si>
  <si>
    <t>12/19/2019 08:27:34</t>
  </si>
  <si>
    <t>12/19/2019 08:27:35</t>
  </si>
  <si>
    <t>12/19/2019 08:27:38</t>
  </si>
  <si>
    <t>12/19/2019 08:27:42</t>
  </si>
  <si>
    <t>12/19/2019 08:27:44</t>
  </si>
  <si>
    <t>12/19/2019 08:27:45</t>
  </si>
  <si>
    <t>12/19/2019 08:27:48</t>
  </si>
  <si>
    <t>12/19/2019 08:27:50</t>
  </si>
  <si>
    <t>12/19/2019 08:27:55</t>
  </si>
  <si>
    <t>12/19/2019 08:27:57</t>
  </si>
  <si>
    <t>12/19/2019 08:27:59</t>
  </si>
  <si>
    <t>12/19/2019 08:28:00</t>
  </si>
  <si>
    <t>12/19/2019 08:28:02</t>
  </si>
  <si>
    <t>12/19/2019 08:28:07</t>
  </si>
  <si>
    <t>12/19/2019 08:28:09</t>
  </si>
  <si>
    <t>12/19/2019 08:28:10</t>
  </si>
  <si>
    <t>12/19/2019 08:28:14</t>
  </si>
  <si>
    <t>12/19/2019 08:28:16</t>
  </si>
  <si>
    <t>12/19/2019 08:28:19</t>
  </si>
  <si>
    <t>12/19/2019 08:28:20</t>
  </si>
  <si>
    <t>12/19/2019 08:28:22</t>
  </si>
  <si>
    <t>12/19/2019 08:28:23</t>
  </si>
  <si>
    <t>12/19/2019 08:28:27</t>
  </si>
  <si>
    <t>12/19/2019 08:28:28</t>
  </si>
  <si>
    <t>12/19/2019 08:28:30</t>
  </si>
  <si>
    <t>12/19/2019 08:28:31</t>
  </si>
  <si>
    <t>12/19/2019 08:28:33</t>
  </si>
  <si>
    <t>12/19/2019 08:28:35</t>
  </si>
  <si>
    <t>12/19/2019 08:28:37</t>
  </si>
  <si>
    <t>12/19/2019 08:28:38</t>
  </si>
  <si>
    <t>12/19/2019 08:28:39</t>
  </si>
  <si>
    <t>12/19/2019 08:28:41</t>
  </si>
  <si>
    <t>12/19/2019 08:28:42</t>
  </si>
  <si>
    <t>12/19/2019 08:28:45</t>
  </si>
  <si>
    <t>12/19/2019 08:28:48</t>
  </si>
  <si>
    <t>12/19/2019 08:29:06</t>
  </si>
  <si>
    <t>12/19/2019 08:30:37</t>
  </si>
  <si>
    <t>f02eff53-ebe2-48ba-ae52-cd3663f303d1.tmp</t>
  </si>
  <si>
    <t>\\acsfs\profiles$\YASMINSC\Downloads\f02eff53-ebe2-48ba-ae52-cd3663f303d1.tmp</t>
  </si>
  <si>
    <t>12/19/2019 08:31:31</t>
  </si>
  <si>
    <t>ddcce911-956b-4c67-bc47-92c0cced5e49.tmp</t>
  </si>
  <si>
    <t>\\acsfs\profiles$\YASMINSC\Downloads\ddcce911-956b-4c67-bc47-92c0cced5e49.tmp</t>
  </si>
  <si>
    <t>12/19/2019 08:31:15</t>
  </si>
  <si>
    <t>12/19/2019 08:33:32</t>
  </si>
  <si>
    <t>fbcb8505-5bce-4f02-a22e-cce7c2024054.tmp</t>
  </si>
  <si>
    <t>\\acsfs\profiles$\luanarda\Downloads\fbcb8505-5bce-4f02-a22e-cce7c2024054.tmp</t>
  </si>
  <si>
    <t>12/19/2019 08:32:16</t>
  </si>
  <si>
    <t>64dd4dd9-bf52-41cf-b85c-56bd477608c0.tmp</t>
  </si>
  <si>
    <t>\\acsfs\profiles$\luanarda\Downloads\64dd4dd9-bf52-41cf-b85c-56bd477608c0.tmp</t>
  </si>
  <si>
    <t>12/19/2019 08:31:10</t>
  </si>
  <si>
    <t>12/19/2019 08:31:11</t>
  </si>
  <si>
    <t>12/19/2019 08:32:08</t>
  </si>
  <si>
    <t>12/19/2019 08:30:34</t>
  </si>
  <si>
    <t>12/19/2019 08:34:32</t>
  </si>
  <si>
    <t>12/19/2019 08:33:34</t>
  </si>
  <si>
    <t>12/19/2019 08:30:03</t>
  </si>
  <si>
    <t>12/19/2019 08:35:32</t>
  </si>
  <si>
    <t>12/18/2019 19:12:30</t>
  </si>
  <si>
    <t>mail.google.com/_/upload?authuser=0&amp;dcp=asu-n&amp;upload_id=AEnB2UqYJg-e-bwp6JS4SbKy7sRwoeawnylCwpo_BqDWNmO6jaR4sS51m5sdFTGZ3WUWQuzVRbjZr6Qx80w8DG1C7BaPPI5DOg9JItLJWqz6QDweqQpMfmA&amp;upload_protocol=resumable</t>
  </si>
  <si>
    <t>C:\Users\lucianabo\Desktop\2019\11 - Novembro\FECHAMENTO CONTÁBIL\RAO SLIDE CAIXA + YOUSE\</t>
  </si>
  <si>
    <t>112019_RAO_GRC V2.xlsx</t>
  </si>
  <si>
    <t>12/19/2019 08:35:02</t>
  </si>
  <si>
    <t>12/19/2019 08:32:44</t>
  </si>
  <si>
    <t>\\acsfs\profiles$\isabellegtds\My Documents\My Pictures\</t>
  </si>
  <si>
    <t>\\acsfs\profiles$\isabellegtds\My Documents\My Videos\desktop.ini</t>
  </si>
  <si>
    <t>12/19/2019 08:32:45</t>
  </si>
  <si>
    <t>\\acsfs\profiles$\isabellegtds\My Documents\My Videos\</t>
  </si>
  <si>
    <t>12/19/2019 08:32:51</t>
  </si>
  <si>
    <t>12/19/2019 08:32:53</t>
  </si>
  <si>
    <t>12/19/2019 08:32:58</t>
  </si>
  <si>
    <t>12/19/2019 08:33:00</t>
  </si>
  <si>
    <t>\\acsfs\profiles$\isabellegtds\My Documents\My Music\</t>
  </si>
  <si>
    <t>\\acsfs\profiles$\isabellegtds\My Documents\My Pictures\desktop.ini</t>
  </si>
  <si>
    <t>12/19/2019 08:33:01</t>
  </si>
  <si>
    <t>12/19/2019 08:33:02</t>
  </si>
  <si>
    <t>12/19/2019 08:33:04</t>
  </si>
  <si>
    <t>12/19/2019 08:33:06</t>
  </si>
  <si>
    <t>\\acsfs\profiles$\isabellegtds\Contacts\</t>
  </si>
  <si>
    <t>\\acsfs\profiles$\isabellegtds\Contacts\desktop.ini</t>
  </si>
  <si>
    <t>12/19/2019 08:33:07</t>
  </si>
  <si>
    <t>12/19/2019 08:33:09</t>
  </si>
  <si>
    <t>12/19/2019 08:33:10</t>
  </si>
  <si>
    <t>12/19/2019 08:33:11</t>
  </si>
  <si>
    <t>12/19/2019 08:33:12</t>
  </si>
  <si>
    <t>12/19/2019 08:33:13</t>
  </si>
  <si>
    <t>\\acsfs\profiles$\isabellegtds\My Documents\</t>
  </si>
  <si>
    <t>\\acsfs\profiles$\isabellegtds\Favorites\desktop.ini</t>
  </si>
  <si>
    <t>12/19/2019 08:33:14</t>
  </si>
  <si>
    <t>12/19/2019 08:33:15</t>
  </si>
  <si>
    <t>12/19/2019 08:33:16</t>
  </si>
  <si>
    <t>12/19/2019 08:33:17</t>
  </si>
  <si>
    <t>12/19/2019 08:33:18</t>
  </si>
  <si>
    <t>12/19/2019 08:33:19</t>
  </si>
  <si>
    <t>\\acsfs\profiles$\isabellegtds\My Documents\My Music\desktop.ini</t>
  </si>
  <si>
    <t>12/19/2019 08:33:20</t>
  </si>
  <si>
    <t>12/19/2019 08:33:21</t>
  </si>
  <si>
    <t>12/19/2019 08:33:22</t>
  </si>
  <si>
    <t>12/19/2019 08:33:24</t>
  </si>
  <si>
    <t>\\acsfs\profiles$\isabellegtds\Searches\</t>
  </si>
  <si>
    <t>\\acsfs\profiles$\isabellegtds\Searches\desktop.ini</t>
  </si>
  <si>
    <t>12/19/2019 08:33:25</t>
  </si>
  <si>
    <t>12/19/2019 08:33:26</t>
  </si>
  <si>
    <t>12/19/2019 08:33:27</t>
  </si>
  <si>
    <t>12/19/2019 08:33:28</t>
  </si>
  <si>
    <t>12/19/2019 08:33:30</t>
  </si>
  <si>
    <t>\\acsfs\profiles$\isabellegtds\Downloads\desktop.ini</t>
  </si>
  <si>
    <t>12/19/2019 08:33:31</t>
  </si>
  <si>
    <t>\\acsfs\profiles$\isabellegtds\Favorites\</t>
  </si>
  <si>
    <t>\\acsfs\profiles$\isabellegtds\My Documents\desktop.ini</t>
  </si>
  <si>
    <t>12/19/2019 08:33:35</t>
  </si>
  <si>
    <t>12/19/2019 08:33:36</t>
  </si>
  <si>
    <t>12/19/2019 08:33:37</t>
  </si>
  <si>
    <t>12/19/2019 08:33:39</t>
  </si>
  <si>
    <t>\\acsfs\profiles$\isabellegtds\Saved Games\desktop.ini</t>
  </si>
  <si>
    <t>12/19/2019 08:33:44</t>
  </si>
  <si>
    <t>12/19/2019 08:33:55</t>
  </si>
  <si>
    <t>winrt--{S-1-5-21-602162358-764733703-839522115-350547}-.searchconnector-ms</t>
  </si>
  <si>
    <t>\\acsfs\profiles$\isabellegtds\Searches\winrt--{S-1-5-21-602162358-764733703-839522115-350547}-.searchconnector-ms</t>
  </si>
  <si>
    <t>12/19/2019 08:34:05</t>
  </si>
  <si>
    <t>12/19/2019 08:36:32</t>
  </si>
  <si>
    <t>969685fc-159f-4b1d-b83b-a83aad7f030a.tmp</t>
  </si>
  <si>
    <t>\\acsfs\profiles$\valeriasda\Downloads\969685fc-159f-4b1d-b83b-a83aad7f030a.tmp</t>
  </si>
  <si>
    <t>12/19/2019 08:34:03</t>
  </si>
  <si>
    <t>014b133e-a9a2-4248-a597-95c61423c459.tmp</t>
  </si>
  <si>
    <t>\\acsfs\profiles$\valeriasda\Downloads\014b133e-a9a2-4248-a597-95c61423c459.tmp</t>
  </si>
  <si>
    <t>12/19/2019 08:33:41</t>
  </si>
  <si>
    <t>783759f0-fd36-4748-aa88-5e0a9160bb18.tmp</t>
  </si>
  <si>
    <t>\\acsfs\profiles$\wenderbnm\Downloads\783759f0-fd36-4748-aa88-5e0a9160bb18.tmp</t>
  </si>
  <si>
    <t>12/19/2019 08:33:42</t>
  </si>
  <si>
    <t>3b8b8a18-1c85-44a0-a0f7-cea572f8d396.tmp</t>
  </si>
  <si>
    <t>\\acsfs\profiles$\wenderbnm\Downloads\3b8b8a18-1c85-44a0-a0f7-cea572f8d396.tmp</t>
  </si>
  <si>
    <t>12/19/2019 08:34:02</t>
  </si>
  <si>
    <t>0cf33ac7-6b9c-44e4-a325-4a34eb6b82f2.tmp</t>
  </si>
  <si>
    <t>\\acsfs\profiles$\wenderbnm\Downloads\0cf33ac7-6b9c-44e4-a325-4a34eb6b82f2.tmp</t>
  </si>
  <si>
    <t>12/19/2019 08:34:57</t>
  </si>
  <si>
    <t>a56d2601-21fb-4c4c-8c99-daab5760f703.tmp</t>
  </si>
  <si>
    <t>\\acsfs\profiles$\wenderbnm\Downloads\a56d2601-21fb-4c4c-8c99-daab5760f703.tmp</t>
  </si>
  <si>
    <t>12/19/2019 08:35:54</t>
  </si>
  <si>
    <t>12/19/2019 08:37:32</t>
  </si>
  <si>
    <t>12/19/2019 08:35:55</t>
  </si>
  <si>
    <t>12/19/2019 08:35:56</t>
  </si>
  <si>
    <t>12/19/2019 08:35:57</t>
  </si>
  <si>
    <t>12/19/2019 08:35:58</t>
  </si>
  <si>
    <t>12/19/2019 08:35:59</t>
  </si>
  <si>
    <t>12/19/2019 08:36:00</t>
  </si>
  <si>
    <t>12/19/2019 08:36:01</t>
  </si>
  <si>
    <t>12/19/2019 08:36:02</t>
  </si>
  <si>
    <t>12/19/2019 08:36:03</t>
  </si>
  <si>
    <t>12/19/2019 08:36:04</t>
  </si>
  <si>
    <t>12/19/2019 08:36:05</t>
  </si>
  <si>
    <t>12/19/2019 08:36:06</t>
  </si>
  <si>
    <t>12/19/2019 08:36:07</t>
  </si>
  <si>
    <t>12/19/2019 08:36:08</t>
  </si>
  <si>
    <t>12/19/2019 08:36:09</t>
  </si>
  <si>
    <t>12/19/2019 08:36:10</t>
  </si>
  <si>
    <t>12/19/2019 08:36:11</t>
  </si>
  <si>
    <t>12/19/2019 08:36:12</t>
  </si>
  <si>
    <t>12/19/2019 08:36:13</t>
  </si>
  <si>
    <t>12/19/2019 08:36:14</t>
  </si>
  <si>
    <t>12/19/2019 08:36:15</t>
  </si>
  <si>
    <t>12/19/2019 08:36:16</t>
  </si>
  <si>
    <t>12/19/2019 08:32:56</t>
  </si>
  <si>
    <t>12/19/2019 08:38:32</t>
  </si>
  <si>
    <t>12/19/2019 08:34:52</t>
  </si>
  <si>
    <t>Lucasbs</t>
  </si>
  <si>
    <t>\\acsfs\profiles$\Lucasbs\My Documents\My Pictures\</t>
  </si>
  <si>
    <t>\\acsfs\profiles$\LUCASBS\My Documents\My Videos\desktop.ini</t>
  </si>
  <si>
    <t>12/19/2019 08:34:56</t>
  </si>
  <si>
    <t>\\acsfs\profiles$\LUCASBS\My Documents\My Videos\</t>
  </si>
  <si>
    <t>12/19/2019 08:34:59</t>
  </si>
  <si>
    <t>12/19/2019 08:35:01</t>
  </si>
  <si>
    <t>12/19/2019 08:35:06</t>
  </si>
  <si>
    <t>\\acsfs\profiles$\Lucasbs\My Documents\My Music\</t>
  </si>
  <si>
    <t>\\acsfs\profiles$\LUCASBS\My Documents\My Pictures\desktop.ini</t>
  </si>
  <si>
    <t>12/19/2019 08:35:08</t>
  </si>
  <si>
    <t>\\acsfs\profiles$\Lucasbs\My Documents\My Videos\</t>
  </si>
  <si>
    <t>12/19/2019 08:35:10</t>
  </si>
  <si>
    <t>12/19/2019 08:35:11</t>
  </si>
  <si>
    <t>12/19/2019 08:35:12</t>
  </si>
  <si>
    <t>\\acsfs\profiles$\LUCASBS\Contacts\</t>
  </si>
  <si>
    <t>\\acsfs\profiles$\LUCASBS\Contacts\desktop.ini</t>
  </si>
  <si>
    <t>12/19/2019 08:35:15</t>
  </si>
  <si>
    <t>12/19/2019 08:35:16</t>
  </si>
  <si>
    <t>12/19/2019 08:35:17</t>
  </si>
  <si>
    <t>12/19/2019 08:35:18</t>
  </si>
  <si>
    <t>12/19/2019 08:35:19</t>
  </si>
  <si>
    <t>12/19/2019 08:35:21</t>
  </si>
  <si>
    <t>\\acsfs\profiles$\Lucasbs\My Documents\</t>
  </si>
  <si>
    <t>\\acsfs\profiles$\LUCASBS\Favorites\desktop.ini</t>
  </si>
  <si>
    <t>12/19/2019 08:35:22</t>
  </si>
  <si>
    <t>12/19/2019 08:35:23</t>
  </si>
  <si>
    <t>12/19/2019 08:35:24</t>
  </si>
  <si>
    <t>12/19/2019 08:35:26</t>
  </si>
  <si>
    <t>12/19/2019 08:35:27</t>
  </si>
  <si>
    <t>12/19/2019 08:35:28</t>
  </si>
  <si>
    <t>12/19/2019 08:35:29</t>
  </si>
  <si>
    <t>\\acsfs\profiles$\LUCASBS\My Documents\My Music\desktop.ini</t>
  </si>
  <si>
    <t>12/19/2019 08:35:31</t>
  </si>
  <si>
    <t>\\acsfs\profiles$\LUCASBS\My Documents\My Music\</t>
  </si>
  <si>
    <t>12/19/2019 08:35:33</t>
  </si>
  <si>
    <t>12/19/2019 08:35:35</t>
  </si>
  <si>
    <t>12/19/2019 08:35:36</t>
  </si>
  <si>
    <t>\\acsfs\profiles$\Lucasbs\Searches\</t>
  </si>
  <si>
    <t>\\acsfs\profiles$\LUCASBS\Searches\desktop.ini</t>
  </si>
  <si>
    <t>12/19/2019 08:35:37</t>
  </si>
  <si>
    <t>\\acsfs\profiles$\LUCASBS\Searches\</t>
  </si>
  <si>
    <t>12/19/2019 08:35:39</t>
  </si>
  <si>
    <t>12/19/2019 08:35:40</t>
  </si>
  <si>
    <t>12/19/2019 08:35:42</t>
  </si>
  <si>
    <t>\\acsfs\profiles$\LUCASBS\Downloads\</t>
  </si>
  <si>
    <t>\\acsfs\profiles$\LUCASBS\Downloads\desktop.ini</t>
  </si>
  <si>
    <t>12/19/2019 08:35:43</t>
  </si>
  <si>
    <t>12/19/2019 08:35:45</t>
  </si>
  <si>
    <t>\\acsfs\profiles$\Lucasbs\Favorites\</t>
  </si>
  <si>
    <t>\\acsfs\profiles$\LUCASBS\My Documents\desktop.ini</t>
  </si>
  <si>
    <t>12/19/2019 08:35:47</t>
  </si>
  <si>
    <t>\\acsfs\profiles$\LUCASBS\My Documents\</t>
  </si>
  <si>
    <t>12/19/2019 08:35:49</t>
  </si>
  <si>
    <t>12/19/2019 08:35:50</t>
  </si>
  <si>
    <t>12/19/2019 08:35:52</t>
  </si>
  <si>
    <t>12/19/2019 08:35:53</t>
  </si>
  <si>
    <t>\\acsfs\profiles$\Lucasbs\Downloads\</t>
  </si>
  <si>
    <t>\\acsfs\profiles$\LUCASBS\Saved Games\desktop.ini</t>
  </si>
  <si>
    <t>12/19/2019 08:36:23</t>
  </si>
  <si>
    <t>winrt--{S-1-5-21-602162358-764733703-839522115-332620}-.searchconnector-ms</t>
  </si>
  <si>
    <t>\\acsfs\profiles$\LUCASBS\Searches\winrt--{S-1-5-21-602162358-764733703-839522115-332620}-.searchconnector-ms</t>
  </si>
  <si>
    <t>12/19/2019 08:33:23</t>
  </si>
  <si>
    <t>956c33ba-24a7-451c-8b8e-19673e11352e.tmp</t>
  </si>
  <si>
    <t>\\acsfs\profiles$\luanarda\Downloads\956c33ba-24a7-451c-8b8e-19673e11352e.tmp</t>
  </si>
  <si>
    <t>12/19/2019 08:34:09</t>
  </si>
  <si>
    <t>12/19/2019 08:36:38</t>
  </si>
  <si>
    <t>12/19/2019 08:37:08</t>
  </si>
  <si>
    <t>12/19/2019 08:37:38</t>
  </si>
  <si>
    <t>12/19/2019 08:38:08</t>
  </si>
  <si>
    <t>12/19/2019 08:36:35</t>
  </si>
  <si>
    <t>12/19/2019 08:39:32</t>
  </si>
  <si>
    <t>claudiajca</t>
  </si>
  <si>
    <t>\\acsfs\profiles$\claudiajca\My Documents\My Pictures\</t>
  </si>
  <si>
    <t>\\acsfs\profiles$\claudiajca\My Documents\My Videos\desktop.ini</t>
  </si>
  <si>
    <t>12/19/2019 08:33:57</t>
  </si>
  <si>
    <t>\\acsfs\profiles$\claudiajca\My Documents\My Videos\</t>
  </si>
  <si>
    <t>12/19/2019 08:33:59</t>
  </si>
  <si>
    <t>12/19/2019 08:34:00</t>
  </si>
  <si>
    <t>\\acsfs\profiles$\claudiajca\My Documents\My Music\</t>
  </si>
  <si>
    <t>\\acsfs\profiles$\claudiajca\My Documents\My Pictures\desktop.ini</t>
  </si>
  <si>
    <t>12/19/2019 08:34:04</t>
  </si>
  <si>
    <t>\\acsfs\profiles$\claudiajca\Contacts\</t>
  </si>
  <si>
    <t>\\acsfs\profiles$\claudiajca\Contacts\desktop.ini</t>
  </si>
  <si>
    <t>12/19/2019 08:34:06</t>
  </si>
  <si>
    <t>12/19/2019 08:34:07</t>
  </si>
  <si>
    <t>12/19/2019 08:34:08</t>
  </si>
  <si>
    <t>12/19/2019 08:34:10</t>
  </si>
  <si>
    <t>\\acsfs\profiles$\claudiajca\My Documents\</t>
  </si>
  <si>
    <t>\\acsfs\profiles$\claudiajca\Favorites\desktop.ini</t>
  </si>
  <si>
    <t>12/19/2019 08:34:12</t>
  </si>
  <si>
    <t>12/19/2019 08:34:13</t>
  </si>
  <si>
    <t>12/19/2019 08:34:15</t>
  </si>
  <si>
    <t>12/19/2019 08:34:16</t>
  </si>
  <si>
    <t>12/19/2019 08:34:18</t>
  </si>
  <si>
    <t>12/19/2019 08:34:19</t>
  </si>
  <si>
    <t>\\acsfs\profiles$\claudiajca\My Documents\My Music\desktop.ini</t>
  </si>
  <si>
    <t>12/19/2019 08:34:20</t>
  </si>
  <si>
    <t>12/19/2019 08:34:21</t>
  </si>
  <si>
    <t>12/19/2019 08:34:22</t>
  </si>
  <si>
    <t>12/19/2019 08:34:25</t>
  </si>
  <si>
    <t>\\acsfs\profiles$\claudiajca\Searches\</t>
  </si>
  <si>
    <t>\\acsfs\profiles$\claudiajca\Searches\desktop.ini</t>
  </si>
  <si>
    <t>12/19/2019 08:34:26</t>
  </si>
  <si>
    <t>12/19/2019 08:34:27</t>
  </si>
  <si>
    <t>12/19/2019 08:34:28</t>
  </si>
  <si>
    <t>12/19/2019 08:34:29</t>
  </si>
  <si>
    <t>12/19/2019 08:34:33</t>
  </si>
  <si>
    <t>\\acsfs\profiles$\claudiajca\Downloads\</t>
  </si>
  <si>
    <t>\\acsfs\profiles$\claudiajca\Downloads\desktop.ini</t>
  </si>
  <si>
    <t>12/19/2019 08:34:34</t>
  </si>
  <si>
    <t>\\acsfs\profiles$\claudiajca\Favorites\</t>
  </si>
  <si>
    <t>\\acsfs\profiles$\claudiajca\My Documents\desktop.ini</t>
  </si>
  <si>
    <t>12/19/2019 08:34:35</t>
  </si>
  <si>
    <t>12/19/2019 08:34:37</t>
  </si>
  <si>
    <t>12/19/2019 08:34:39</t>
  </si>
  <si>
    <t>12/19/2019 08:34:40</t>
  </si>
  <si>
    <t>12/19/2019 08:34:42</t>
  </si>
  <si>
    <t>\\acsfs\profiles$\claudiajca\Saved Games\desktop.ini</t>
  </si>
  <si>
    <t>12/19/2019 08:34:43</t>
  </si>
  <si>
    <t>winrt--{S-1-5-21-602162358-764733703-839522115-332504}-.searchconnector-ms</t>
  </si>
  <si>
    <t>\\acsfs\profiles$\claudiajca\Searches\winrt--{S-1-5-21-602162358-764733703-839522115-332504}-.searchconnector-ms</t>
  </si>
  <si>
    <t>12/19/2019 08:40:32</t>
  </si>
  <si>
    <t>12/19/2019 08:37:39</t>
  </si>
  <si>
    <t>12/19/2019 08:36:45</t>
  </si>
  <si>
    <t>12/19/2019 08:41:31</t>
  </si>
  <si>
    <t>1f526c5f-e921-4699-b83f-ea02d1e44c10.tmp</t>
  </si>
  <si>
    <t>\\acsfs\profiles$\deborahsi\Downloads\1f526c5f-e921-4699-b83f-ea02d1e44c10.tmp</t>
  </si>
  <si>
    <t>12/19/2019 08:38:01</t>
  </si>
  <si>
    <t>06786602-9a5d-4f71-ad39-4e85beba6e87.tmp</t>
  </si>
  <si>
    <t>\\acsfs\profiles$\deborahsi\Downloads\06786602-9a5d-4f71-ad39-4e85beba6e87.tmp</t>
  </si>
  <si>
    <t>12/19/2019 08:39:03</t>
  </si>
  <si>
    <t>cadf7181-612c-48ed-a028-c145e9256b65.tmp</t>
  </si>
  <si>
    <t>\\acsfs\profiles$\gabrieleods\Downloads\cadf7181-612c-48ed-a028-c145e9256b65.tmp</t>
  </si>
  <si>
    <t>12/19/2019 08:38:23</t>
  </si>
  <si>
    <t>528c7ca3-ecc2-47cf-b7fc-d224ecb527b4.tmp</t>
  </si>
  <si>
    <t>\\acsfs\profiles$\alicecpbc\Downloads\528c7ca3-ecc2-47cf-b7fc-d224ecb527b4.tmp</t>
  </si>
  <si>
    <t>12/19/2019 08:39:19</t>
  </si>
  <si>
    <t>12/19/2019 08:39:55</t>
  </si>
  <si>
    <t>12/19/2019 08:42:32</t>
  </si>
  <si>
    <t>4c5160f9-bb46-463b-bbf8-23b50592160b.tmp</t>
  </si>
  <si>
    <t>\\acsfs\profiles$\deboraaa\Downloads\4c5160f9-bb46-463b-bbf8-23b50592160b.tmp</t>
  </si>
  <si>
    <t>12/19/2019 08:38:25</t>
  </si>
  <si>
    <t>12/19/2019 08:43:31</t>
  </si>
  <si>
    <t>https://udpwfmniceap02/pt_br/web/guest/home?p_auth=oza78rt8&amp;p_p_id=58&amp;p_p_lifecycle=1&amp;p_p_state=maximized&amp;p_p_mode=view&amp;savelastpath=0&amp;_58_struts_action=/login/forgot_password</t>
  </si>
  <si>
    <t>12/19/2019 08:38:38</t>
  </si>
  <si>
    <t>12/19/2019 08:39:35</t>
  </si>
  <si>
    <t>12/19/2019 08:44:32</t>
  </si>
  <si>
    <t>12/19/2019 08:42:35</t>
  </si>
  <si>
    <t>12/19/2019 08:42:03</t>
  </si>
  <si>
    <t>12/19/2019 08:45:32</t>
  </si>
  <si>
    <t>12/19/2019 08:43:21</t>
  </si>
  <si>
    <t>12/19/2019 08:42:33</t>
  </si>
  <si>
    <t>12/19/2019 08:44:03</t>
  </si>
  <si>
    <t>XLOG_anacdos_19122019_083543.log</t>
  </si>
  <si>
    <t>\\acsfs\profiles$\anacdos\My Documents\xworkcenter\logs\XLOG_anacdos_19122019_083543.log</t>
  </si>
  <si>
    <t>12/19/2019 08:43:39</t>
  </si>
  <si>
    <t>12/19/2019 08:46:32</t>
  </si>
  <si>
    <t>24d236fb-5682-490a-b9e0-a81aab9bee76.tmp</t>
  </si>
  <si>
    <t>\\acsfs\profiles$\PEDROHAB\Downloads\24d236fb-5682-490a-b9e0-a81aab9bee76.tmp</t>
  </si>
  <si>
    <t>12/19/2019 08:43:40</t>
  </si>
  <si>
    <t>f5916cb6-02a4-4f2a-a206-c784cba90e47.tmp</t>
  </si>
  <si>
    <t>\\acsfs\profiles$\PEDROHAB\Downloads\f5916cb6-02a4-4f2a-a206-c784cba90e47.tmp</t>
  </si>
  <si>
    <t>12/19/2019 08:44:52</t>
  </si>
  <si>
    <t>12/19/2019 08:47:32</t>
  </si>
  <si>
    <t>mail.google.com/_/upload?authuser=1&amp;dcp=asu-n&amp;upload_id=AEnB2Up0zUdkEkkUFFZeuMaiNdj2wIER-7gAawAV2cwO6EUaO6tjOa10O2q_9d5oOoLxaADNUYR3lPtvvGUOfOn7LopcphBKiK4SSC1e8b_S1XA5oQRYNHs&amp;upload_protocol=resumable</t>
  </si>
  <si>
    <t>C:\Users\marcelof\Desktop\consolidação dos termos x ativos\planilhas gerais\planilhas gerais.rar\</t>
  </si>
  <si>
    <t>ATUALIZAÃ‡ÃƒO SET-2019 Marcio Rogerio.xlsx</t>
  </si>
  <si>
    <t>planilha contagem geral Sandro Matsuno.xlsx</t>
  </si>
  <si>
    <t>Planilha de Contagem - BA - Atualizada (1).xlsx</t>
  </si>
  <si>
    <t>Planilha de Contagem final Moises.xlsx</t>
  </si>
  <si>
    <t>Planilha de Contagem geral Wesley.xlsx</t>
  </si>
  <si>
    <t>Planilha de Contagem Marcelo.xlsx</t>
  </si>
  <si>
    <t>Planilha de Contagem_GERAL Marilia.xlsx</t>
  </si>
  <si>
    <t>12/19/2019 08:46:36</t>
  </si>
  <si>
    <t>mail.google.com/_/upload?authuser=1&amp;dcp=asu-n&amp;upload_id=AEnB2UruG8wizs7HZnmc6ge9AUu6Rb5r_VY3bYi7BNQsCGveh7SwTau3UA6xz3HgzvKqj8ktP4Z98lxgpJYwOZHugU_k4VBANUXQR29RnYfMZX7m9gsnTz4&amp;upload_protocol=resumable</t>
  </si>
  <si>
    <t>C:\Users\marcelof\Desktop\consolidação dos termos x ativos\</t>
  </si>
  <si>
    <t>consolidado geral ferramentas Brasil.xlsx</t>
  </si>
  <si>
    <t>12/19/2019 08:45:56</t>
  </si>
  <si>
    <t>08ed1142-e966-4cb0-8ba4-0435e35aef49.tmp</t>
  </si>
  <si>
    <t>\\acsfs\profiles$\matheushds\Downloads\08ed1142-e966-4cb0-8ba4-0435e35aef49.tmp</t>
  </si>
  <si>
    <t>12/19/2019 08:46:52</t>
  </si>
  <si>
    <t>12/19/2019 08:48:32</t>
  </si>
  <si>
    <t>12/19/2019 08:44:08</t>
  </si>
  <si>
    <t>12/19/2019 08:45:38</t>
  </si>
  <si>
    <t>12/19/2019 08:46:08</t>
  </si>
  <si>
    <t>12/19/2019 08:46:38</t>
  </si>
  <si>
    <t>12/19/2019 08:45:35</t>
  </si>
  <si>
    <t>12/19/2019 08:49:33</t>
  </si>
  <si>
    <t>12/19/2019 08:48:35</t>
  </si>
  <si>
    <t>12/19/2019 08:45:45</t>
  </si>
  <si>
    <t>12/19/2019 08:50:32</t>
  </si>
  <si>
    <t>12/19/2019 08:48:03</t>
  </si>
  <si>
    <t>12/19/2019 08:45:27</t>
  </si>
  <si>
    <t>\\acsfs\profiles$\stefaniasdf\Favorites\</t>
  </si>
  <si>
    <t>SinergyRH.url</t>
  </si>
  <si>
    <t>\\acsfs\profiles$\stefaniasdf\Favorites\SinergyRH.url</t>
  </si>
  <si>
    <t>12/19/2019 08:45:29</t>
  </si>
  <si>
    <t>SinergyRH.url:favicon</t>
  </si>
  <si>
    <t>\\acsfs\profiles$\stefaniasdf\Favorites\SinergyRH.url:favicon</t>
  </si>
  <si>
    <t>\\acsfs\profiles$\stefaniasdf\Favorites\SinergyRH.url\</t>
  </si>
  <si>
    <t>\\acsfs\profiles$\stefaniasdf\Favorites\SinergyRH.url\:favicon:$DATA</t>
  </si>
  <si>
    <t>12/19/2019 08:46:18</t>
  </si>
  <si>
    <t>12/19/2019 08:46:19</t>
  </si>
  <si>
    <t>12/19/2019 08:46:21</t>
  </si>
  <si>
    <t>12/19/2019 08:46:22</t>
  </si>
  <si>
    <t>12/19/2019 08:46:23</t>
  </si>
  <si>
    <t>12/19/2019 08:46:24</t>
  </si>
  <si>
    <t>12/19/2019 08:46:25</t>
  </si>
  <si>
    <t>12/19/2019 08:46:26</t>
  </si>
  <si>
    <t>12/19/2019 08:46:27</t>
  </si>
  <si>
    <t>12/19/2019 08:46:28</t>
  </si>
  <si>
    <t>12/19/2019 08:46:29</t>
  </si>
  <si>
    <t>12/19/2019 08:46:30</t>
  </si>
  <si>
    <t>12/19/2019 08:46:31</t>
  </si>
  <si>
    <t>12/19/2019 08:46:33</t>
  </si>
  <si>
    <t>12/19/2019 08:46:34</t>
  </si>
  <si>
    <t>12/19/2019 08:46:35</t>
  </si>
  <si>
    <t>12/19/2019 08:46:37</t>
  </si>
  <si>
    <t>12/19/2019 08:46:39</t>
  </si>
  <si>
    <t>12/19/2019 08:46:40</t>
  </si>
  <si>
    <t>12/19/2019 08:46:41</t>
  </si>
  <si>
    <t>12/19/2019 08:46:42</t>
  </si>
  <si>
    <t>12/19/2019 08:46:43</t>
  </si>
  <si>
    <t>12/19/2019 08:46:44</t>
  </si>
  <si>
    <t>12/19/2019 08:46:45</t>
  </si>
  <si>
    <t>12/19/2019 08:46:46</t>
  </si>
  <si>
    <t>12/19/2019 08:46:47</t>
  </si>
  <si>
    <t>12/19/2019 08:46:48</t>
  </si>
  <si>
    <t>12/19/2019 08:46:49</t>
  </si>
  <si>
    <t>12/19/2019 08:46:50</t>
  </si>
  <si>
    <t>12/19/2019 08:46:51</t>
  </si>
  <si>
    <t>12/19/2019 08:49:12</t>
  </si>
  <si>
    <t>12/19/2019 08:45:54</t>
  </si>
  <si>
    <t>lista de presença nr17 - avon (19-12-2019).xlsx</t>
  </si>
  <si>
    <t>12/19/2019 08:47:40</t>
  </si>
  <si>
    <t>12/19/2019 08:51:32</t>
  </si>
  <si>
    <t>cfd43848-60ae-431c-8f60-0ebab6d6d943.tmp</t>
  </si>
  <si>
    <t>\\acsfs\profiles$\PEDROHAB\Downloads\cfd43848-60ae-431c-8f60-0ebab6d6d943.tmp</t>
  </si>
  <si>
    <t>12/19/2019 08:48:43</t>
  </si>
  <si>
    <t>12/19/2019 08:48:38</t>
  </si>
  <si>
    <t>10.16.72.50</t>
  </si>
  <si>
    <t>mail.google.com/_/upload?authuser=0&amp;dcp=asu-n&amp;upload_id=AEnB2Ur95tnPKdcSvu6bwLiFXpVeV2vStgIDDSRf1nSedlvgg1sxt-yR8pIiRwZIP2-j0HQkgMd4xkc-E5xdSg2QYrx0sP6QSxMAWr4oAx-sKCo8BqWzHyQ&amp;upload_protocol=resumable</t>
  </si>
  <si>
    <t>CHAVES ANF-31 JULIANO.xlsx</t>
  </si>
  <si>
    <t>12/19/2019 08:47:16</t>
  </si>
  <si>
    <t>e253ce2f-1647-4a63-b017-73bd32594a0f.tmp</t>
  </si>
  <si>
    <t>\\acsfs\profiles$\larissaad\Downloads\e253ce2f-1647-4a63-b017-73bd32594a0f.tmp</t>
  </si>
  <si>
    <t>12/19/2019 08:50:10</t>
  </si>
  <si>
    <t>9a355292-a0a6-4fa0-b50b-7fbc400bb05d.tmp</t>
  </si>
  <si>
    <t>\\acsfs\profiles$\larissaad\Downloads\9a355292-a0a6-4fa0-b50b-7fbc400bb05d.tmp</t>
  </si>
  <si>
    <t>12/19/2019 08:52:32</t>
  </si>
  <si>
    <t>mail.google.com/_/upload?authuser=1&amp;dcp=asu-n&amp;upload_id=AEnB2Uqp1PX-lMLJFiVFTuTQsBELHuw7yBg79jcAK3yKaxEbw3S3d2w7Nen8Z5wIPkQBNm7h8Pk-Sla3rBQdWKmRX50tY6UCNbInK13w2JoCSLplGjQfxXE&amp;upload_protocol=resumable</t>
  </si>
  <si>
    <t>consolidado geral ativos Brasil.xlsx</t>
  </si>
  <si>
    <t>12/19/2019 08:47:24</t>
  </si>
  <si>
    <t>12/19/2019 08:51:35</t>
  </si>
  <si>
    <t>12/19/2019 08:54:32</t>
  </si>
  <si>
    <t>12/19/2019 08:53:15</t>
  </si>
  <si>
    <t>12/19/2019 08:53:28</t>
  </si>
  <si>
    <t>12/19/2019 08:53:33</t>
  </si>
  <si>
    <t>12/19/2019 08:53:11</t>
  </si>
  <si>
    <t>12/19/2019 08:50:12</t>
  </si>
  <si>
    <t>KAREN DE SOUZA RODRIGUES (18).contact</t>
  </si>
  <si>
    <t>\\acsfs\profiles$\KARENDSR\Contacts\KAREN DE SOUZA RODRIGUES (18).contact</t>
  </si>
  <si>
    <t>12/19/2019 08:50:24</t>
  </si>
  <si>
    <t>12/19/2019 08:50:25</t>
  </si>
  <si>
    <t>12/19/2019 08:50:26</t>
  </si>
  <si>
    <t>12/19/2019 08:50:27</t>
  </si>
  <si>
    <t>12/19/2019 08:50:28</t>
  </si>
  <si>
    <t>12/19/2019 08:50:29</t>
  </si>
  <si>
    <t>12/19/2019 08:50:30</t>
  </si>
  <si>
    <t>12/19/2019 08:50:31</t>
  </si>
  <si>
    <t>12/19/2019 08:50:33</t>
  </si>
  <si>
    <t>12/19/2019 08:50:46</t>
  </si>
  <si>
    <t>12/19/2019 08:50:47</t>
  </si>
  <si>
    <t>12/19/2019 08:51:55</t>
  </si>
  <si>
    <t>421b518d-b82e-4ba6-852d-462d27b2f8b7.tmp</t>
  </si>
  <si>
    <t>\\acsfs\profiles$\KARENDSR\Downloads\421b518d-b82e-4ba6-852d-462d27b2f8b7.tmp</t>
  </si>
  <si>
    <t>12/19/2019 08:53:03</t>
  </si>
  <si>
    <t>74e7d5f1-280c-4601-a055-386bdcee4fb6.tmp</t>
  </si>
  <si>
    <t>\\acsfs\profiles$\KARENDSR\Downloads\74e7d5f1-280c-4601-a055-386bdcee4fb6.tmp</t>
  </si>
  <si>
    <t>12/19/2019 08:53:46</t>
  </si>
  <si>
    <t>2371fd44-8604-42b5-bf91-fcce86d4c737.tmp</t>
  </si>
  <si>
    <t>\\acsfs\profiles$\KARENDSR\Downloads\2371fd44-8604-42b5-bf91-fcce86d4c737.tmp</t>
  </si>
  <si>
    <t>12/19/2019 08:53:54</t>
  </si>
  <si>
    <t>7be484fe-84d9-4b21-ba8e-daeb3940d158.tmp</t>
  </si>
  <si>
    <t>\\acsfs\profiles$\KARENDSR\Downloads\7be484fe-84d9-4b21-ba8e-daeb3940d158.tmp</t>
  </si>
  <si>
    <t>12/19/2019 08:49:36</t>
  </si>
  <si>
    <t>12/19/2019 08:51:08</t>
  </si>
  <si>
    <t>12/19/2019 08:55:33</t>
  </si>
  <si>
    <t>12/19/2019 08:53:32</t>
  </si>
  <si>
    <t>12/19/2019 08:54:03</t>
  </si>
  <si>
    <t>12/19/2019 08:50:20</t>
  </si>
  <si>
    <t>12/19/2019 08:51:45</t>
  </si>
  <si>
    <t>12/19/2019 08:50:45</t>
  </si>
  <si>
    <t>7bf9bbc8-beaa-4eb0-9c2b-efd61408eb08.tmp</t>
  </si>
  <si>
    <t>\\acsfs\profiles$\nathaliadf\Downloads\7bf9bbc8-beaa-4eb0-9c2b-efd61408eb08.tmp</t>
  </si>
  <si>
    <t>3c79956f-2510-4816-b316-251b3c06fc63.tmp</t>
  </si>
  <si>
    <t>\\acsfs\profiles$\nathaliadf\Downloads\3c79956f-2510-4816-b316-251b3c06fc63.tmp</t>
  </si>
  <si>
    <t>12/19/2019 08:53:02</t>
  </si>
  <si>
    <t>12/19/2019 08:56:32</t>
  </si>
  <si>
    <t>a4f1516f-2902-4f29-a27f-2b47e064a00e.tmp</t>
  </si>
  <si>
    <t>\\acsfs\profiles$\gabrieleods\Downloads\a4f1516f-2902-4f29-a27f-2b47e064a00e.tmp</t>
  </si>
  <si>
    <t>12/19/2019 08:54:47</t>
  </si>
  <si>
    <t>1a4f1c19-2654-4921-aca3-86e881efa73c.tmp</t>
  </si>
  <si>
    <t>\\acsfs\profiles$\gabrieleods\Downloads\1a4f1c19-2654-4921-aca3-86e881efa73c.tmp</t>
  </si>
  <si>
    <t>12/19/2019 08:55:00</t>
  </si>
  <si>
    <t>0eb0397e-4a53-43c9-bf0b-20c59e3c90a6.tmp</t>
  </si>
  <si>
    <t>\\acsfs\profiles$\gabrieleods\Downloads\0eb0397e-4a53-43c9-bf0b-20c59e3c90a6.tmp</t>
  </si>
  <si>
    <t>12/19/2019 08:55:19</t>
  </si>
  <si>
    <t>cb9f2910-7b3b-4c01-99eb-b98cd98e0dd4.tmp</t>
  </si>
  <si>
    <t>\\acsfs\profiles$\PEDROHAB\Downloads\cb9f2910-7b3b-4c01-99eb-b98cd98e0dd4.tmp</t>
  </si>
  <si>
    <t>12/19/2019 08:55:38</t>
  </si>
  <si>
    <t>12/19/2019 08:58:32</t>
  </si>
  <si>
    <t>12/19/2019 08:56:11</t>
  </si>
  <si>
    <t>0c6e222c-72ea-45d6-b660-4e5695329a2c.tmp</t>
  </si>
  <si>
    <t>\\acsfs\profiles$\paulovadc\Downloads\0c6e222c-72ea-45d6-b660-4e5695329a2c.tmp</t>
  </si>
  <si>
    <t>12/19/2019 08:57:04</t>
  </si>
  <si>
    <t>67ec332d-37d0-4b17-8954-b3c28b5ec4d7.tmp</t>
  </si>
  <si>
    <t>\\acsfs\profiles$\paulovadc\Downloads\67ec332d-37d0-4b17-8954-b3c28b5ec4d7.tmp</t>
  </si>
  <si>
    <t>12/19/2019 08:54:16</t>
  </si>
  <si>
    <t>12/19/2019 08:59:32</t>
  </si>
  <si>
    <t>12/19/2019 08:54:34</t>
  </si>
  <si>
    <t>12/19/2019 08:54:35</t>
  </si>
  <si>
    <t>12/19/2019 08:54:37</t>
  </si>
  <si>
    <t>12/19/2019 08:54:46</t>
  </si>
  <si>
    <t>12/19/2019 08:55:18</t>
  </si>
  <si>
    <t>12/19/2019 08:55:27</t>
  </si>
  <si>
    <t>12/19/2019 08:55:36</t>
  </si>
  <si>
    <t>12/19/2019 08:55:42</t>
  </si>
  <si>
    <t>12/19/2019 08:55:53</t>
  </si>
  <si>
    <t>12/19/2019 08:56:03</t>
  </si>
  <si>
    <t>12/19/2019 08:56:31</t>
  </si>
  <si>
    <t>12/19/2019 08:56:53</t>
  </si>
  <si>
    <t>12/19/2019 08:57:35</t>
  </si>
  <si>
    <t>12/19/2019 09:00:32</t>
  </si>
  <si>
    <t>2f10eec3-1a9f-4da2-aef2-23c3f3236f1c.tmp</t>
  </si>
  <si>
    <t>\\acsfs\profiles$\laianear\Downloads\2f10eec3-1a9f-4da2-aef2-23c3f3236f1c.tmp</t>
  </si>
  <si>
    <t>12/19/2019 08:57:12</t>
  </si>
  <si>
    <t>52dc008b-8252-43a3-9f9a-5076e9720fea.tmp</t>
  </si>
  <si>
    <t>\\acsfs\profiles$\laianear\Downloads\52dc008b-8252-43a3-9f9a-5076e9720fea.tmp</t>
  </si>
  <si>
    <t>12/19/2019 08:57:16</t>
  </si>
  <si>
    <t>abd6f9ea-650b-4fa6-9c91-5b621dd609ea.tmp</t>
  </si>
  <si>
    <t>\\acsfs\profiles$\laianear\Downloads\abd6f9ea-650b-4fa6-9c91-5b621dd609ea.tmp</t>
  </si>
  <si>
    <t>12/19/2019 08:58:57</t>
  </si>
  <si>
    <t>12/19/2019 08:59:28</t>
  </si>
  <si>
    <t>12/19/2019 08:59:34</t>
  </si>
  <si>
    <t>12/19/2019 09:01:33</t>
  </si>
  <si>
    <t>7b3bed23-5444-4609-81a6-5b33e94bb363.tmp</t>
  </si>
  <si>
    <t>\\acsfs\profiles$\deborahsi\Downloads\7b3bed23-5444-4609-81a6-5b33e94bb363.tmp</t>
  </si>
  <si>
    <t>12/19/2019 08:56:51</t>
  </si>
  <si>
    <t>efcc259c-4eb5-4a51-a551-339a4285e4e0.tmp</t>
  </si>
  <si>
    <t>\\acsfs\profiles$\gabrieleods\Downloads\efcc259c-4eb5-4a51-a551-339a4285e4e0.tmp</t>
  </si>
  <si>
    <t>12/19/2019 08:57:18</t>
  </si>
  <si>
    <t>ed822c3d-542e-4ba4-8c83-9321a296bd6e.tmp</t>
  </si>
  <si>
    <t>\\acsfs\profiles$\gabrieleods\Downloads\ed822c3d-542e-4ba4-8c83-9321a296bd6e.tmp</t>
  </si>
  <si>
    <t>12/19/2019 08:58:08</t>
  </si>
  <si>
    <t>12/19/2019 08:58:39</t>
  </si>
  <si>
    <t>12/19/2019 08:58:40</t>
  </si>
  <si>
    <t>12/19/2019 08:58:41</t>
  </si>
  <si>
    <t>12/19/2019 08:58:42</t>
  </si>
  <si>
    <t>12/19/2019 08:58:43</t>
  </si>
  <si>
    <t>12/19/2019 08:58:44</t>
  </si>
  <si>
    <t>12/19/2019 08:58:45</t>
  </si>
  <si>
    <t>12/19/2019 08:58:46</t>
  </si>
  <si>
    <t>12/19/2019 08:58:47</t>
  </si>
  <si>
    <t>12/19/2019 08:58:48</t>
  </si>
  <si>
    <t>12/19/2019 08:58:49</t>
  </si>
  <si>
    <t>12/19/2019 08:58:50</t>
  </si>
  <si>
    <t>12/19/2019 08:58:51</t>
  </si>
  <si>
    <t>12/19/2019 08:58:52</t>
  </si>
  <si>
    <t>12/19/2019 08:58:53</t>
  </si>
  <si>
    <t>12/19/2019 08:58:54</t>
  </si>
  <si>
    <t>12/19/2019 08:58:55</t>
  </si>
  <si>
    <t>12/19/2019 08:58:56</t>
  </si>
  <si>
    <t>12/19/2019 08:58:58</t>
  </si>
  <si>
    <t>12/19/2019 08:58:59</t>
  </si>
  <si>
    <t>12/19/2019 08:59:00</t>
  </si>
  <si>
    <t>12/19/2019 08:59:01</t>
  </si>
  <si>
    <t>12/19/2019 08:59:02</t>
  </si>
  <si>
    <t>\\acsfs\profiles$\tiagosno\My Documents\dbxwc\</t>
  </si>
  <si>
    <t>\\acsfs\profiles$\tiagosno\My Documents\dbxwc\dbxwc.xwc</t>
  </si>
  <si>
    <t>12/19/2019 08:59:07</t>
  </si>
  <si>
    <t>12/19/2019 09:02:32</t>
  </si>
  <si>
    <t>ESTRUTURA IPO.xlsx</t>
  </si>
  <si>
    <t>mail.google.com/_/upload?authuser=1&amp;dcp=asu-n&amp;upload_id=AEnB2Up5h7iT5lFlWq8ixY-s-NXZgdIfiUKOsjDgX0DYHTmavlO5ptPKEDjsEJOwSAIUFCYx-lAwD1m_FvOCHPdAoQSxwgs0O9i8-AIiKCG4mlEPm_ERlTw&amp;upload_protocol=resumable</t>
  </si>
  <si>
    <t>12/19/2019 09:02:43</t>
  </si>
  <si>
    <t>12/19/2019 09:03:33</t>
  </si>
  <si>
    <t>Cronograma Dynamics Ecohouse (3).xlsx</t>
  </si>
  <si>
    <t>12/19/2019 09:02:45</t>
  </si>
  <si>
    <t>mail.google.com/_/upload?authuser=1&amp;dcp=asu-n&amp;upload_id=AEnB2UpRVu1kr2fG3i2X9l56e4YP4TteKw5FwkLjALcEwXoIorAF7Tj2pcAKc7fczn9N0NykGwahmyOTdmMceoM6IN6Pdr4vb4hh9bRqbMUWTXub7AlhY84&amp;upload_protocol=resumable</t>
  </si>
  <si>
    <t>C:\Users\rosilenedlf\Desktop\WHP 27-05\DYNAMICS\</t>
  </si>
  <si>
    <t>12/19/2019 09:00:09</t>
  </si>
  <si>
    <t>12/19/2019 09:00:38</t>
  </si>
  <si>
    <t>12/19/2019 09:01:08</t>
  </si>
  <si>
    <t>12/19/2019 08:59:38</t>
  </si>
  <si>
    <t>b907a817-95e8-4edc-93a8-5b29ea74f611.tmp</t>
  </si>
  <si>
    <t>\\acsfs\profiles$\sarahbal\Downloads\b907a817-95e8-4edc-93a8-5b29ea74f611.tmp</t>
  </si>
  <si>
    <t>12/19/2019 09:02:53</t>
  </si>
  <si>
    <t>4546c8d2-9a0d-4e90-8e7f-2cdb8560e9d4.tmp</t>
  </si>
  <si>
    <t>\\acsfs\profiles$\sarahbal\Downloads\4546c8d2-9a0d-4e90-8e7f-2cdb8560e9d4.tmp</t>
  </si>
  <si>
    <t>12/19/2019 08:59:35</t>
  </si>
  <si>
    <t>12/19/2019 09:04:32</t>
  </si>
  <si>
    <t>12/19/2019 09:00:35</t>
  </si>
  <si>
    <t>12/19/2019 09:03:10</t>
  </si>
  <si>
    <t>12/19/2019 09:03:20</t>
  </si>
  <si>
    <t>12/19/2019 09:03:35</t>
  </si>
  <si>
    <t>12/19/2019 09:00:05</t>
  </si>
  <si>
    <t>12/19/2019 09:05:33</t>
  </si>
  <si>
    <t>12/19/2019 09:02:55</t>
  </si>
  <si>
    <t>12/19/2019 09:06:32</t>
  </si>
  <si>
    <t>kesiadof</t>
  </si>
  <si>
    <t>12/19/2019 09:03:03</t>
  </si>
  <si>
    <t>eduardo.santana@bv;fernandaab@algartech.com;mirianppb@algartech.com;</t>
  </si>
  <si>
    <t>eduardo.santana@bv,fernandaab@algartech.com,mirianppb@algartech.com</t>
  </si>
  <si>
    <t>12/19/2019 09:03:07</t>
  </si>
  <si>
    <t>eduardo.santana@bv.;fernandaab@algartech.com;mirianppb@algartech.com;</t>
  </si>
  <si>
    <t>eduardo.santana@bv.,fernandaab@algartech.com,mirianppb@algartech.com</t>
  </si>
  <si>
    <t>12/19/2019 09:03:11</t>
  </si>
  <si>
    <t>eduardo.santana@bv.;eduardo.santana@bv.com.br;fernandaab@algartech.com;mirianppb@algartech.com;</t>
  </si>
  <si>
    <t>eduardo.santana@bv.,eduardo.santana@bv.com.br,fernandaab@algartech.com,mirianppb@algartech.com</t>
  </si>
  <si>
    <t>12/19/2019 09:03:15</t>
  </si>
  <si>
    <t>12/19/2019 09:03:16</t>
  </si>
  <si>
    <t>12/19/2019 09:03:29</t>
  </si>
  <si>
    <t>eduardo.santana@bv.com.br;fabio.ernest@bv.com.br;fernandaab@algartech.com;mirianppb@algartech.com;thiagord@algartech.com;</t>
  </si>
  <si>
    <t>eduardo.santana@bv.com.br,fabio.ernest@bv.com.br,fernandaab@algartech.com,mirianppb@algartech.com,thiagord@algartech.com</t>
  </si>
  <si>
    <t>12/19/2019 09:03:50</t>
  </si>
  <si>
    <t>mail.google.com/_/upload?authuser=0&amp;dcp=asu-n&amp;upload_id=AEnB2UqiLJbAB5VQs2zlxnO44KxSqJYk-rziRqzs6WgrPWmvT_XDwsv1k2GmQTuIamclHHGOdSj5JWhWde0FmXj1U9x1g9oB-Hmf9Qb2Wra47FVA3Jy6q1Q&amp;upload_protocol=resumable</t>
  </si>
  <si>
    <t>C:\Users\TEMP\</t>
  </si>
  <si>
    <t>CPF 02044286882 - OPERADOR LUCAS QUITONIO DE SOUZA SILVA_1_6769173250933067415_1_32.wav</t>
  </si>
  <si>
    <t>12/19/2019 09:03:56</t>
  </si>
  <si>
    <t>eduardo.santana@bv.;eduardo.santana@bv.com.br;fabio.ernest@bv.com.br;fernandaab@algartech.com;mirianppb@algartech.com;thiagord@algartech.com;</t>
  </si>
  <si>
    <t>eduardo.santana@bv.,eduardo.santana@bv.com.br,fabio.ernest@bv.com.br,fernandaab@algartech.com,mirianppb@algartech.com,thiagord@algartech.com</t>
  </si>
  <si>
    <t>12/19/2019 09:04:13</t>
  </si>
  <si>
    <t>12/19/2019 09:04:31</t>
  </si>
  <si>
    <t>12/19/2019 09:04:50</t>
  </si>
  <si>
    <t>12/19/2019 09:04:54</t>
  </si>
  <si>
    <t>12/19/2019 09:05:09</t>
  </si>
  <si>
    <t>12/19/2019 09:03:22</t>
  </si>
  <si>
    <t>fe55dffa-d1b0-4a7f-84de-79b2613edd37.tmp</t>
  </si>
  <si>
    <t>\\acsfs\profiles$\gabrieleods\Downloads\fe55dffa-d1b0-4a7f-84de-79b2613edd37.tmp</t>
  </si>
  <si>
    <t>12/19/2019 09:04:24</t>
  </si>
  <si>
    <t>12/19/2019 09:07:33</t>
  </si>
  <si>
    <t>e5a76271-d719-40b6-96cd-dc94efd4002c.tmp</t>
  </si>
  <si>
    <t>\\acsfs\profiles$\gabrielhca\Downloads\e5a76271-d719-40b6-96cd-dc94efd4002c.tmp</t>
  </si>
  <si>
    <t>12/19/2019 09:04:52</t>
  </si>
  <si>
    <t>f56f0801-2416-401d-b44d-900ffe902d8d.tmp</t>
  </si>
  <si>
    <t>\\acsfs\profiles$\gabrielhca\Downloads\f56f0801-2416-401d-b44d-900ffe902d8d.tmp</t>
  </si>
  <si>
    <t>8451de06-9225-4058-917d-94fb5515033b.tmp</t>
  </si>
  <si>
    <t>\\acsfs\profiles$\gabrielhca\Downloads\8451de06-9225-4058-917d-94fb5515033b.tmp</t>
  </si>
  <si>
    <t>12/19/2019 09:04:35</t>
  </si>
  <si>
    <t>12/19/2019 09:08:32</t>
  </si>
  <si>
    <t>12/19/2019 09:06:56</t>
  </si>
  <si>
    <t>bf0a6e47-087e-4abf-a66f-764facbda8dd.tmp</t>
  </si>
  <si>
    <t>\\acsfs\profiles$\kellzylenneasr\Downloads\bf0a6e47-087e-4abf-a66f-764facbda8dd.tmp</t>
  </si>
  <si>
    <t>12/19/2019 09:07:50</t>
  </si>
  <si>
    <t>bab4e5ff-5183-45b4-b03a-d3c5c945d4e4.tmp</t>
  </si>
  <si>
    <t>\\acsfs\profiles$\kellzylenneasr\Downloads\bab4e5ff-5183-45b4-b03a-d3c5c945d4e4.tmp</t>
  </si>
  <si>
    <t>12/19/2019 09:05:38</t>
  </si>
  <si>
    <t>12/19/2019 09:06:38</t>
  </si>
  <si>
    <t>12/19/2019 09:07:08</t>
  </si>
  <si>
    <t>12/19/2019 09:07:38</t>
  </si>
  <si>
    <t>12/19/2019 09:03:40</t>
  </si>
  <si>
    <t>12/19/2019 09:09:33</t>
  </si>
  <si>
    <t>12/19/2019 09:03:52</t>
  </si>
  <si>
    <t>12/19/2019 09:04:02</t>
  </si>
  <si>
    <t>12/19/2019 09:04:07</t>
  </si>
  <si>
    <t>12/19/2019 09:04:15</t>
  </si>
  <si>
    <t>12/19/2019 09:04:59</t>
  </si>
  <si>
    <t>12/19/2019 09:05:07</t>
  </si>
  <si>
    <t>12/19/2019 09:05:18</t>
  </si>
  <si>
    <t>12/19/2019 09:06:35</t>
  </si>
  <si>
    <t>12/19/2019 09:08:19</t>
  </si>
  <si>
    <t>12/19/2019 09:08:20</t>
  </si>
  <si>
    <t>12/19/2019 09:08:22</t>
  </si>
  <si>
    <t>12/19/2019 09:08:23</t>
  </si>
  <si>
    <t>12/19/2019 09:08:24</t>
  </si>
  <si>
    <t>12/19/2019 09:08:25</t>
  </si>
  <si>
    <t>12/19/2019 09:07:21</t>
  </si>
  <si>
    <t>12/19/2019 09:06:03</t>
  </si>
  <si>
    <t>12/19/2019 09:10:32</t>
  </si>
  <si>
    <t>12/19/2019 09:06:30</t>
  </si>
  <si>
    <t>12/19/2019 09:07:01</t>
  </si>
  <si>
    <t>12/19/2019 09:09:38</t>
  </si>
  <si>
    <t>12/19/2019 09:13:32</t>
  </si>
  <si>
    <t>12/19/2019 09:10:09</t>
  </si>
  <si>
    <t>12/19/2019 09:10:38</t>
  </si>
  <si>
    <t>12/19/2019 09:11:09</t>
  </si>
  <si>
    <t>12/19/2019 09:11:39</t>
  </si>
  <si>
    <t>12/19/2019 09:12:09</t>
  </si>
  <si>
    <t>12/19/2019 09:10:52</t>
  </si>
  <si>
    <t>12/19/2019 09:14:33</t>
  </si>
  <si>
    <t>12/19/2019 09:12:37</t>
  </si>
  <si>
    <t>12/19/2019 09:13:35</t>
  </si>
  <si>
    <t>12/19/2019 09:12:03</t>
  </si>
  <si>
    <t>12/19/2019 09:15:32</t>
  </si>
  <si>
    <t>12/19/2019 09:14:15</t>
  </si>
  <si>
    <t>12/19/2019 09:15:45</t>
  </si>
  <si>
    <t>12/19/2019 09:16:33</t>
  </si>
  <si>
    <t>12/19/2019 09:13:08</t>
  </si>
  <si>
    <t>eb5ad269-a8f2-4d61-8555-fb002a205b87.tmp</t>
  </si>
  <si>
    <t>\\acsfs\profiles$\larissaad\Downloads\eb5ad269-a8f2-4d61-8555-fb002a205b87.tmp</t>
  </si>
  <si>
    <t>12/19/2019 09:17:08</t>
  </si>
  <si>
    <t>12/19/2019 09:18:33</t>
  </si>
  <si>
    <t>12/19/2019 09:17:31</t>
  </si>
  <si>
    <t>12/19/2019 09:19:32</t>
  </si>
  <si>
    <t>9eb13096-42e0-45aa-83c0-1aa6a8f02f49.tmp</t>
  </si>
  <si>
    <t>\\acsfs\profiles$\quindaizaagds\Downloads\9eb13096-42e0-45aa-83c0-1aa6a8f02f49.tmp</t>
  </si>
  <si>
    <t>12/19/2019 09:18:03</t>
  </si>
  <si>
    <t>camila.guasco@bradesco.com.br;camila.guasco@next.b.br;eliamardo@algartech.com.br;flaviamas@algartech.com.br;</t>
  </si>
  <si>
    <t>Falhas Graves_ SACL</t>
  </si>
  <si>
    <t>Falhas graves_SACL.xls</t>
  </si>
  <si>
    <t>camila.guasco@bradesco.com.br,camila.guasco@next.b.br,eliamardo@algartech.com.br,flaviamas@algartech.com.br</t>
  </si>
  <si>
    <t>12/19/2019 09:18:35</t>
  </si>
  <si>
    <t>12/19/2019 09:14:46</t>
  </si>
  <si>
    <t>12/19/2019 09:20:33</t>
  </si>
  <si>
    <t>12/19/2019 09:19:45</t>
  </si>
  <si>
    <t>12/19/2019 09:17:20</t>
  </si>
  <si>
    <t>12/19/2019 09:21:32</t>
  </si>
  <si>
    <t>1a6d4c3c-fb30-4849-97e6-bee17af27469.tmp</t>
  </si>
  <si>
    <t>\\acsfs\profiles$\gabrielarb\Downloads\1a6d4c3c-fb30-4849-97e6-bee17af27469.tmp</t>
  </si>
  <si>
    <t>12/19/2019 09:19:07</t>
  </si>
  <si>
    <t>12/19/2019 09:22:33</t>
  </si>
  <si>
    <t>12/19/2019 09:19:08</t>
  </si>
  <si>
    <t>12/19/2019 09:23:32</t>
  </si>
  <si>
    <t>12/19/2019 09:19:20</t>
  </si>
  <si>
    <t>12/19/2019 09:20:32</t>
  </si>
  <si>
    <t>\\acsfs\profiles$\geovanaasa\My Documents\My Pictures\</t>
  </si>
  <si>
    <t>\\acsfs\profiles$\geovanaasa\My Documents\My Videos\desktop.ini</t>
  </si>
  <si>
    <t>12/19/2019 09:20:36</t>
  </si>
  <si>
    <t>\\acsfs\profiles$\geovanaasa\My Documents\My Videos\</t>
  </si>
  <si>
    <t>12/19/2019 09:20:39</t>
  </si>
  <si>
    <t>12/19/2019 09:20:53</t>
  </si>
  <si>
    <t>12/19/2019 09:20:54</t>
  </si>
  <si>
    <t>12/19/2019 09:20:56</t>
  </si>
  <si>
    <t>\\acsfs\profiles$\geovanaasa\My Documents\My Music\</t>
  </si>
  <si>
    <t>\\acsfs\profiles$\geovanaasa\My Documents\My Pictures\desktop.ini</t>
  </si>
  <si>
    <t>12/19/2019 09:20:57</t>
  </si>
  <si>
    <t>12/19/2019 09:21:03</t>
  </si>
  <si>
    <t>12/19/2019 09:21:13</t>
  </si>
  <si>
    <t>12/19/2019 09:22:05</t>
  </si>
  <si>
    <t>\\acsfs\profiles$\geovanaasa\Contacts\</t>
  </si>
  <si>
    <t>\\acsfs\profiles$\geovanaasa\Contacts\desktop.ini</t>
  </si>
  <si>
    <t>12/19/2019 09:22:07</t>
  </si>
  <si>
    <t>12/19/2019 09:22:10</t>
  </si>
  <si>
    <t>12/19/2019 09:22:12</t>
  </si>
  <si>
    <t>12/19/2019 09:22:13</t>
  </si>
  <si>
    <t>12/19/2019 09:22:16</t>
  </si>
  <si>
    <t>12/19/2019 09:22:17</t>
  </si>
  <si>
    <t>\\acsfs\profiles$\geovanaasa\My Documents\</t>
  </si>
  <si>
    <t>\\acsfs\profiles$\geovanaasa\Favorites\desktop.ini</t>
  </si>
  <si>
    <t>12/19/2019 09:22:19</t>
  </si>
  <si>
    <t>12/19/2019 09:22:20</t>
  </si>
  <si>
    <t>12/19/2019 09:22:22</t>
  </si>
  <si>
    <t>12/19/2019 09:22:24</t>
  </si>
  <si>
    <t>12/19/2019 09:22:25</t>
  </si>
  <si>
    <t>12/19/2019 09:22:26</t>
  </si>
  <si>
    <t>12/19/2019 09:22:28</t>
  </si>
  <si>
    <t>\\acsfs\profiles$\geovanaasa\My Documents\My Music\desktop.ini</t>
  </si>
  <si>
    <t>12/19/2019 09:22:30</t>
  </si>
  <si>
    <t>12/19/2019 09:22:31</t>
  </si>
  <si>
    <t>12/19/2019 09:22:32</t>
  </si>
  <si>
    <t>12/19/2019 09:22:35</t>
  </si>
  <si>
    <t>\\acsfs\profiles$\geovanaasa\Searches\desktop.ini</t>
  </si>
  <si>
    <t>12/19/2019 09:22:36</t>
  </si>
  <si>
    <t>12/19/2019 09:22:37</t>
  </si>
  <si>
    <t>12/19/2019 09:22:38</t>
  </si>
  <si>
    <t>12/19/2019 09:22:39</t>
  </si>
  <si>
    <t>12/19/2019 09:22:41</t>
  </si>
  <si>
    <t>C:\Users\geovanaasa\Desktop\</t>
  </si>
  <si>
    <t>\\acsfs\profiles$\geovanaasa\Downloads\desktop.ini</t>
  </si>
  <si>
    <t>12/19/2019 09:22:42</t>
  </si>
  <si>
    <t>12/19/2019 09:22:44</t>
  </si>
  <si>
    <t>\\acsfs\profiles$\geovanaasa\Favorites\</t>
  </si>
  <si>
    <t>\\acsfs\profiles$\geovanaasa\My Documents\desktop.ini</t>
  </si>
  <si>
    <t>12/19/2019 09:22:47</t>
  </si>
  <si>
    <t>12/19/2019 09:22:48</t>
  </si>
  <si>
    <t>12/19/2019 09:22:49</t>
  </si>
  <si>
    <t>12/19/2019 09:22:50</t>
  </si>
  <si>
    <t>12/19/2019 09:22:51</t>
  </si>
  <si>
    <t>12/19/2019 09:22:54</t>
  </si>
  <si>
    <t>\\acsfs\profiles$\geovanaasa\Saved Games\desktop.ini</t>
  </si>
  <si>
    <t>12/19/2019 09:22:55</t>
  </si>
  <si>
    <t>12/19/2019 09:23:17</t>
  </si>
  <si>
    <t>6a3096e0-a0df-460e-828f-ea58c665025b.tmp</t>
  </si>
  <si>
    <t>\\acsfs\profiles$\geovannasm\Downloads\6a3096e0-a0df-460e-828f-ea58c665025b.tmp</t>
  </si>
  <si>
    <t>12/19/2019 09:23:26</t>
  </si>
  <si>
    <t>e37ad075-c322-45aa-a7dd-c4e407449e12.tmp</t>
  </si>
  <si>
    <t>\\acsfs\profiles$\geovannasm\Downloads\e37ad075-c322-45aa-a7dd-c4e407449e12.tmp</t>
  </si>
  <si>
    <t>12/19/2019 09:19:09</t>
  </si>
  <si>
    <t>12/19/2019 09:20:31</t>
  </si>
  <si>
    <t>12/19/2019 09:24:32</t>
  </si>
  <si>
    <t>78bd75da-3cd1-4441-97e7-36c0131c77a0.tmp</t>
  </si>
  <si>
    <t>\\acsfs\profiles$\quindaizaagds\Downloads\78bd75da-3cd1-4441-97e7-36c0131c77a0.tmp</t>
  </si>
  <si>
    <t>50a9ae75-4638-4437-887b-22926a0c3ac6.tmp</t>
  </si>
  <si>
    <t>\\acsfs\profiles$\quindaizaagds\Downloads\50a9ae75-4638-4437-887b-22926a0c3ac6.tmp</t>
  </si>
  <si>
    <t>12/19/2019 09:20:49</t>
  </si>
  <si>
    <t>52ac8b76-c234-40b6-82c6-c0c4830281f5.tmp</t>
  </si>
  <si>
    <t>\\acsfs\profiles$\quindaizaagds\Downloads\52ac8b76-c234-40b6-82c6-c0c4830281f5.tmp</t>
  </si>
  <si>
    <t>12/19/2019 09:19:10</t>
  </si>
  <si>
    <t>12/19/2019 09:22:53</t>
  </si>
  <si>
    <t>fc749417-8038-4841-b6d9-39144f8c0eec.tmp</t>
  </si>
  <si>
    <t>\\acsfs\profiles$\claudiajca\Downloads\fc749417-8038-4841-b6d9-39144f8c0eec.tmp</t>
  </si>
  <si>
    <t>12/19/2019 09:19:35</t>
  </si>
  <si>
    <t>12/19/2019 09:20:08</t>
  </si>
  <si>
    <t>12/19/2019 09:25:32</t>
  </si>
  <si>
    <t>e0f3d8ca-36e2-4798-b844-36db725317f3.tmp</t>
  </si>
  <si>
    <t>\\acsfs\profiles$\laianear\Downloads\e0f3d8ca-36e2-4798-b844-36db725317f3.tmp</t>
  </si>
  <si>
    <t>12/19/2019 09:22:03</t>
  </si>
  <si>
    <t>12/19/2019 09:22:34</t>
  </si>
  <si>
    <t>12/19/2019 09:24:03</t>
  </si>
  <si>
    <t>12/19/2019 09:24:47</t>
  </si>
  <si>
    <t>315cf5c4-e540-45c4-abcb-52e88dd51b2c.tmp</t>
  </si>
  <si>
    <t>\\acsfs\profiles$\isabellegtds\Downloads\315cf5c4-e540-45c4-abcb-52e88dd51b2c.tmp</t>
  </si>
  <si>
    <t>12/19/2019 09:24:33</t>
  </si>
  <si>
    <t>52ba729a-8f62-4e95-a8c4-1f9d17c3122c.tmp</t>
  </si>
  <si>
    <t>\\acsfs\profiles$\marcellewdl\Downloads\52ba729a-8f62-4e95-a8c4-1f9d17c3122c.tmp</t>
  </si>
  <si>
    <t>12/19/2019 09:26:32</t>
  </si>
  <si>
    <t>d4b6ab74-535d-4efa-802d-569e724cadad.tmp</t>
  </si>
  <si>
    <t>\\acsfs\profiles$\alicecpbc\Downloads\d4b6ab74-535d-4efa-802d-569e724cadad.tmp</t>
  </si>
  <si>
    <t>12/19/2019 09:22:57</t>
  </si>
  <si>
    <t>1afc1a93-028b-4d45-9ec3-d5bcbd23e4b9.tmp</t>
  </si>
  <si>
    <t>\\acsfs\profiles$\felipetds\Downloads\1afc1a93-028b-4d45-9ec3-d5bcbd23e4b9.tmp</t>
  </si>
  <si>
    <t>12/19/2019 09:23:59</t>
  </si>
  <si>
    <t>12/19/2019 09:27:32</t>
  </si>
  <si>
    <t>D2C_OA_V3.xlsb</t>
  </si>
  <si>
    <t>12/19/2019 09:23:27</t>
  </si>
  <si>
    <t>12/19/2019 09:28:32</t>
  </si>
  <si>
    <t>12/19/2019 09:23:57</t>
  </si>
  <si>
    <t>18edc94f-8ae0-46e4-b8a4-57ff7ba6661f.tmp</t>
  </si>
  <si>
    <t>\\acsfs\profiles$\geovannasm\Downloads\18edc94f-8ae0-46e4-b8a4-57ff7ba6661f.tmp</t>
  </si>
  <si>
    <t>12/19/2019 09:23:39</t>
  </si>
  <si>
    <t>12/19/2019 09:24:09</t>
  </si>
  <si>
    <t>12/19/2019 09:26:46</t>
  </si>
  <si>
    <t>d80aae0a-ce7f-4f85-b795-fe17fee2c1bf.tmp</t>
  </si>
  <si>
    <t>\\acsfs\profiles$\sarahbal\Downloads\d80aae0a-ce7f-4f85-b795-fe17fee2c1bf.tmp</t>
  </si>
  <si>
    <t>12/19/2019 09:24:39</t>
  </si>
  <si>
    <t>12/19/2019 09:29:32</t>
  </si>
  <si>
    <t>12/19/2019 09:25:15</t>
  </si>
  <si>
    <t>12/19/2019 09:24:35</t>
  </si>
  <si>
    <t>12/19/2019 09:27:44</t>
  </si>
  <si>
    <t>3b093557-d9c0-40a9-91c1-28c1af1263f4.tmp</t>
  </si>
  <si>
    <t>\\acsfs\profiles$\claudiajca\Downloads\3b093557-d9c0-40a9-91c1-28c1af1263f4.tmp</t>
  </si>
  <si>
    <t>12/19/2019 09:25:35</t>
  </si>
  <si>
    <t>12/19/2019 09:27:00</t>
  </si>
  <si>
    <t>12/19/2019 09:30:32</t>
  </si>
  <si>
    <t>33305761-aed6-45c1-baeb-fc3ab89078b2.tmp</t>
  </si>
  <si>
    <t>\\acsfs\profiles$\leticiala\Downloads\33305761-aed6-45c1-baeb-fc3ab89078b2.tmp</t>
  </si>
  <si>
    <t>12/19/2019 09:27:05</t>
  </si>
  <si>
    <t>2ff31e20-4fd3-4d73-9fe4-0903135b0821.tmp</t>
  </si>
  <si>
    <t>\\acsfs\profiles$\leticiala\Downloads\2ff31e20-4fd3-4d73-9fe4-0903135b0821.tmp</t>
  </si>
  <si>
    <t>12/19/2019 09:27:39</t>
  </si>
  <si>
    <t>f98c3e9c-01e8-446a-8e67-c831902bfd26.tmp</t>
  </si>
  <si>
    <t>\\acsfs\profiles$\leticiala\Downloads\f98c3e9c-01e8-446a-8e67-c831902bfd26.tmp</t>
  </si>
  <si>
    <t>12/19/2019 09:28:11</t>
  </si>
  <si>
    <t>8366e14b-11a9-4c58-a2cf-a82aaa1fc15c.tmp</t>
  </si>
  <si>
    <t>\\acsfs\profiles$\leticiala\Downloads\8366e14b-11a9-4c58-a2cf-a82aaa1fc15c.tmp</t>
  </si>
  <si>
    <t>12/19/2019 09:28:54</t>
  </si>
  <si>
    <t>fda053d6-60ab-44e0-abc5-2a3975ea0cc4.tmp</t>
  </si>
  <si>
    <t>\\acsfs\profiles$\leticiala\Downloads\fda053d6-60ab-44e0-abc5-2a3975ea0cc4.tmp</t>
  </si>
  <si>
    <t>12/19/2019 09:27:22</t>
  </si>
  <si>
    <t>aefb8c1e-06da-4c3a-8de8-26dc29a5f828.tmp</t>
  </si>
  <si>
    <t>\\acsfs\profiles$\isabellegtds\Downloads\aefb8c1e-06da-4c3a-8de8-26dc29a5f828.tmp</t>
  </si>
  <si>
    <t>12/19/2019 09:26:00</t>
  </si>
  <si>
    <t>8b424cea-f031-4695-ac91-f5ced0a06337.tmp</t>
  </si>
  <si>
    <t>\\acsfs\profiles$\JOAOVAL\Downloads\8b424cea-f031-4695-ac91-f5ced0a06337.tmp</t>
  </si>
  <si>
    <t>12/19/2019 09:26:11</t>
  </si>
  <si>
    <t>e1c86703-61d7-40f2-9257-68f5da308865.tmp</t>
  </si>
  <si>
    <t>\\acsfs\profiles$\JOAOVAL\Downloads\e1c86703-61d7-40f2-9257-68f5da308865.tmp</t>
  </si>
  <si>
    <t>12/19/2019 09:27:01</t>
  </si>
  <si>
    <t>7566a1d4-5b7b-417a-a938-7cf3a57267f3.tmp</t>
  </si>
  <si>
    <t>\\acsfs\profiles$\JOAOVAL\Downloads\7566a1d4-5b7b-417a-a938-7cf3a57267f3.tmp</t>
  </si>
  <si>
    <t>b7c82904-bcae-4d0b-ab6d-64fa548f340b.tmp</t>
  </si>
  <si>
    <t>\\acsfs\profiles$\JOAOVAL\Downloads\b7c82904-bcae-4d0b-ab6d-64fa548f340b.tmp</t>
  </si>
  <si>
    <t>12/19/2019 09:30:01</t>
  </si>
  <si>
    <t>12/19/2019 09:28:36</t>
  </si>
  <si>
    <t>12/19/2019 09:31:32</t>
  </si>
  <si>
    <t>12/19/2019 09:27:24</t>
  </si>
  <si>
    <t>97035c1f-d9a4-4de7-9c8d-14f315189331.tmp</t>
  </si>
  <si>
    <t>\\acsfs\profiles$\larissaad\Downloads\97035c1f-d9a4-4de7-9c8d-14f315189331.tmp</t>
  </si>
  <si>
    <t>12/19/2019 09:31:39</t>
  </si>
  <si>
    <t>12/19/2019 09:33:32</t>
  </si>
  <si>
    <t>12/19/2019 09:31:40</t>
  </si>
  <si>
    <t>12/19/2019 09:31:41</t>
  </si>
  <si>
    <t>12/19/2019 09:31:42</t>
  </si>
  <si>
    <t>12/19/2019 09:31:43</t>
  </si>
  <si>
    <t>12/19/2019 09:31:44</t>
  </si>
  <si>
    <t>12/19/2019 09:31:45</t>
  </si>
  <si>
    <t>12/19/2019 09:31:46</t>
  </si>
  <si>
    <t>12/19/2019 09:31:47</t>
  </si>
  <si>
    <t>12/19/2019 09:31:48</t>
  </si>
  <si>
    <t>12/19/2019 09:31:49</t>
  </si>
  <si>
    <t>12/19/2019 09:31:50</t>
  </si>
  <si>
    <t>12/19/2019 09:31:51</t>
  </si>
  <si>
    <t>12/19/2019 09:31:52</t>
  </si>
  <si>
    <t>12/19/2019 09:31:53</t>
  </si>
  <si>
    <t>433a6d2f-227a-4e0e-8f01-90aa79d3d92d.tmp</t>
  </si>
  <si>
    <t>\\acsfs\profiles$\geovannasm\Downloads\433a6d2f-227a-4e0e-8f01-90aa79d3d92d.tmp</t>
  </si>
  <si>
    <t>12/19/2019 09:28:39</t>
  </si>
  <si>
    <t>12/19/2019 09:29:09</t>
  </si>
  <si>
    <t>12/19/2019 09:29:39</t>
  </si>
  <si>
    <t>12/19/2019 09:29:51</t>
  </si>
  <si>
    <t>12/19/2019 09:34:32</t>
  </si>
  <si>
    <t>4194b156-d92d-43c1-a05f-713846444b12.tmp</t>
  </si>
  <si>
    <t>\\acsfs\profiles$\claudiajca\Downloads\4194b156-d92d-43c1-a05f-713846444b12.tmp</t>
  </si>
  <si>
    <t>12/19/2019 09:30:35</t>
  </si>
  <si>
    <t>12/19/2019 09:31:35</t>
  </si>
  <si>
    <t>12/19/2019 09:33:45</t>
  </si>
  <si>
    <t>\\acsfs\profiles$\CLAUDIAJCA\</t>
  </si>
  <si>
    <t>.~lock.VENDAS.ods#</t>
  </si>
  <si>
    <t>\\acsfs\profiles$\CLAUDIAJCA\.~lock.VENDAS.ods#</t>
  </si>
  <si>
    <t>12/19/2019 09:33:35</t>
  </si>
  <si>
    <t>12/19/2019 09:35:32</t>
  </si>
  <si>
    <t>/o=exchangelabs/ou=exchange administrative group (fydibohf23spdlt)/cn=recipients/cn=0b12aab521944ecb8b32eb8c0929be5c-rafael gonz;/o=exchangelabs/ou=exchange administrative group (fydibohf23spdlt)/cn=recipients/cn=eae1d23908f040f9bf7661e0ceec4c8f-paula crist;bvservicedesk@bancovotorantim.com.br;</t>
  </si>
  <si>
    <t>Erro alteração de Skill</t>
  </si>
  <si>
    <t>/o=exchangelabs/ou=exchange administrative group (fydibohf23spdlt)/cn=recipients/cn=0b12aab521944ecb8b32eb8c0929be5c-rafael gonz,/o=exchangelabs/ou=exchange administrative group (fydibohf23spdlt)/cn=recipients/cn=eae1d23908f040f9bf7661e0ceec4c8f-paula crist,bvservicedesk@bancovotorantim.com.br</t>
  </si>
  <si>
    <t>12/19/2019 09:34:46</t>
  </si>
  <si>
    <t>12/19/2019 09:36:32</t>
  </si>
  <si>
    <t>2e17ed62-e631-4d80-a986-688cec58c51e.tmp</t>
  </si>
  <si>
    <t>\\acsfs\profiles$\larissaad\Downloads\2e17ed62-e631-4d80-a986-688cec58c51e.tmp</t>
  </si>
  <si>
    <t>12/19/2019 09:32:33</t>
  </si>
  <si>
    <t>12/19/2019 09:32:52</t>
  </si>
  <si>
    <t>12/19/2019 09:37:33</t>
  </si>
  <si>
    <t>\\acsfs\profiles$\alessandraan\Contacts\</t>
  </si>
  <si>
    <t>ALESSANDRA APARECIDA NUNES (36).contact</t>
  </si>
  <si>
    <t>\\acsfs\profiles$\alessandraan\Contacts\ALESSANDRA APARECIDA NUNES (36).contact</t>
  </si>
  <si>
    <t>12/19/2019 09:33:07</t>
  </si>
  <si>
    <t>\\acsfs\profiles$\alessandraan\My Documents\My Videos\</t>
  </si>
  <si>
    <t>\\acsfs\profiles$\alessandraan\My Documents\My Videos\desktop.ini</t>
  </si>
  <si>
    <t>12/19/2019 09:33:08</t>
  </si>
  <si>
    <t>\\acsfs\profiles$\alessandraan\My Documents\My Pictures\</t>
  </si>
  <si>
    <t>\\acsfs\profiles$\alessandraan\My Documents\My Pictures\desktop.ini</t>
  </si>
  <si>
    <t>12/19/2019 09:33:09</t>
  </si>
  <si>
    <t>\\acsfs\profiles$\alessandraan\Contacts\desktop.ini</t>
  </si>
  <si>
    <t>12/19/2019 09:33:10</t>
  </si>
  <si>
    <t>\\acsfs\profiles$\alessandraan\Favorites\</t>
  </si>
  <si>
    <t>\\acsfs\profiles$\alessandraan\Favorites\desktop.ini</t>
  </si>
  <si>
    <t>12/19/2019 09:33:11</t>
  </si>
  <si>
    <t>\\acsfs\profiles$\alessandraan\My Documents\My Music\</t>
  </si>
  <si>
    <t>\\acsfs\profiles$\alessandraan\My Documents\My Music\desktop.ini</t>
  </si>
  <si>
    <t>12/19/2019 09:33:12</t>
  </si>
  <si>
    <t>\\acsfs\profiles$\alessandraan\Searches\</t>
  </si>
  <si>
    <t>\\acsfs\profiles$\alessandraan\Searches\desktop.ini</t>
  </si>
  <si>
    <t>\\acsfs\profiles$\alessandraan\Downloads\desktop.ini</t>
  </si>
  <si>
    <t>12/19/2019 09:33:13</t>
  </si>
  <si>
    <t>\\acsfs\profiles$\alessandraan\My Documents\desktop.ini</t>
  </si>
  <si>
    <t>12/19/2019 09:33:14</t>
  </si>
  <si>
    <t>\\acsfs\profiles$\alessandraan\Saved Games\</t>
  </si>
  <si>
    <t>\\acsfs\profiles$\alessandraan\Saved Games\desktop.ini</t>
  </si>
  <si>
    <t>12/19/2019 09:33:23</t>
  </si>
  <si>
    <t>\\acsfs\profiles$\alessandraan\Favorites\Links for Brasil\</t>
  </si>
  <si>
    <t>\\acsfs\profiles$\alessandraan\Favorites\Links for Brasil\desktop.ini</t>
  </si>
  <si>
    <t>12/19/2019 09:33:24</t>
  </si>
  <si>
    <t>\\acsfs\profiles$\alessandraan\Favorites\Links for Brasil\Microsoft Brasil.url</t>
  </si>
  <si>
    <t>\\acsfs\profiles$\alessandraan\Favorites\Links for Brasil\Windows Brasil.url</t>
  </si>
  <si>
    <t>\\acsfs\profiles$\alessandraan\Favorites\Links for Brasil\MSN Brasil.url</t>
  </si>
  <si>
    <t>12/19/2019 09:33:47</t>
  </si>
  <si>
    <t>12/19/2019 09:38:32</t>
  </si>
  <si>
    <t>mail.google.com/_/upload?authuser=0&amp;dcp=asu-n&amp;upload_id=AEnB2Uq-G_RlhUJiQ0Kh8Nih2RVRc-hD7aLoViOn4MeAu5B80f99exYtt0BiTIBYr0j9Fd49mhwU5l02IwE7RGIXoZAxsgbu-xHyO_pEdk7VDa3VmNlfSH0&amp;upload_protocol=resumable</t>
  </si>
  <si>
    <t>Consolidado Tarefas v consolidada.xlsx</t>
  </si>
  <si>
    <t>12/19/2019 09:36:39</t>
  </si>
  <si>
    <t>12/19/2019 09:37:09</t>
  </si>
  <si>
    <t>12/19/2019 09:37:39</t>
  </si>
  <si>
    <t>12/19/2019 09:38:09</t>
  </si>
  <si>
    <t>12/19/2019 09:36:35</t>
  </si>
  <si>
    <t>12/19/2019 09:39:32</t>
  </si>
  <si>
    <t>12/19/2019 09:37:35</t>
  </si>
  <si>
    <t>12/19/2019 09:36:02</t>
  </si>
  <si>
    <t>12/19/2019 09:35:42</t>
  </si>
  <si>
    <t>12/19/2019 09:40:32</t>
  </si>
  <si>
    <t>12/19/2019 09:39:25</t>
  </si>
  <si>
    <t>12/19/2019 09:41:32</t>
  </si>
  <si>
    <t>0bf9fbd9-9b31-4709-a143-d0edca8275a3.tmp</t>
  </si>
  <si>
    <t>\\acsfs\profiles$\gabrielarb\Downloads\0bf9fbd9-9b31-4709-a143-d0edca8275a3.tmp</t>
  </si>
  <si>
    <t>12/19/2019 09:37:31</t>
  </si>
  <si>
    <t>12/19/2019 09:38:20</t>
  </si>
  <si>
    <t>12/19/2019 09:42:32</t>
  </si>
  <si>
    <t>ef947d83-a028-4b51-8d3b-7c5918a328da.tmp</t>
  </si>
  <si>
    <t>\\acsfs\profiles$\alessandraan\Downloads\ef947d83-a028-4b51-8d3b-7c5918a328da.tmp</t>
  </si>
  <si>
    <t>12/19/2019 09:38:22</t>
  </si>
  <si>
    <t>0cf53ea4-ca35-4262-a4e7-397c03ffff10.tmp</t>
  </si>
  <si>
    <t>\\acsfs\profiles$\alessandraan\Downloads\0cf53ea4-ca35-4262-a4e7-397c03ffff10.tmp</t>
  </si>
  <si>
    <t>12/19/2019 09:38:23</t>
  </si>
  <si>
    <t>ccd1e429-3ee8-42ba-9e18-065e01260cf6.tmp</t>
  </si>
  <si>
    <t>\\acsfs\profiles$\alessandraan\Downloads\ccd1e429-3ee8-42ba-9e18-065e01260cf6.tmp</t>
  </si>
  <si>
    <t>12/19/2019 09:38:25</t>
  </si>
  <si>
    <t>75dd8309-3e69-40b6-b015-4b9c06bf0649.tmp</t>
  </si>
  <si>
    <t>\\acsfs\profiles$\alessandraan\Downloads\75dd8309-3e69-40b6-b015-4b9c06bf0649.tmp</t>
  </si>
  <si>
    <t>12/19/2019 09:41:11</t>
  </si>
  <si>
    <t>12/19/2019 09:41:25</t>
  </si>
  <si>
    <t>3abe3b6f-5609-46b0-b531-123c9e6cf817.tmp</t>
  </si>
  <si>
    <t>\\acsfs\profiles$\alessandraan\Downloads\3abe3b6f-5609-46b0-b531-123c9e6cf817.tmp</t>
  </si>
  <si>
    <t>12/19/2019 09:39:17</t>
  </si>
  <si>
    <t>12/19/2019 09:39:54</t>
  </si>
  <si>
    <t>https://udpmailboxap01.acs.com.br:8443/h/search;jsessionid=4smsr9iibk1s1up9ddblb0mhu?si=0&amp;so=0&amp;sc=48802&amp;st=conversation&amp;action=compose</t>
  </si>
  <si>
    <t>12/19/2019 09:39:49</t>
  </si>
  <si>
    <t>12/19/2019 09:43:32</t>
  </si>
  <si>
    <t>12/19/2019 09:40:45</t>
  </si>
  <si>
    <t>e0a851ff-bc94-419e-856e-dad52c5ce6ae.tmp</t>
  </si>
  <si>
    <t>\\acsfs\profiles$\paulovadc\Downloads\e0a851ff-bc94-419e-856e-dad52c5ce6ae.tmp</t>
  </si>
  <si>
    <t>12/19/2019 09:38:39</t>
  </si>
  <si>
    <t>12/19/2019 09:40:09</t>
  </si>
  <si>
    <t>12/19/2019 09:42:51</t>
  </si>
  <si>
    <t>12/19/2019 09:44:32</t>
  </si>
  <si>
    <t>3° CICLO DEZEMBRO.txt</t>
  </si>
  <si>
    <t>\\acsfs\DEPTOS\Operacao\Banco_Votorantim\Qualidade\Eliane\Monitorias DEZEMBRO\3° CICLO DEZEMBRO.txt</t>
  </si>
  <si>
    <t>12/19/2019 09:43:05</t>
  </si>
  <si>
    <t>12/19/2019 09:43:29</t>
  </si>
  <si>
    <t>12/19/2019 09:42:35</t>
  </si>
  <si>
    <t>12/19/2019 09:43:35</t>
  </si>
  <si>
    <t>12/19/2019 09:42:22</t>
  </si>
  <si>
    <t>34759d69-4545-4bc1-9f49-46131ab84920.tmp</t>
  </si>
  <si>
    <t>\\acsfs\profiles$\adrielyas\Downloads\34759d69-4545-4bc1-9f49-46131ab84920.tmp</t>
  </si>
  <si>
    <t>12/19/2019 09:40:35</t>
  </si>
  <si>
    <t>12/19/2019 09:45:32</t>
  </si>
  <si>
    <t>7195a994-63f9-4243-a20b-4bdefc9315db.tmp</t>
  </si>
  <si>
    <t>\\acsfs\profiles$\leticiala\Downloads\7195a994-63f9-4243-a20b-4bdefc9315db.tmp</t>
  </si>
  <si>
    <t>12/19/2019 09:41:34</t>
  </si>
  <si>
    <t>8e13e51c-1a1e-47cb-b061-9477988ebe22.tmp</t>
  </si>
  <si>
    <t>\\acsfs\profiles$\leticiala\Downloads\8e13e51c-1a1e-47cb-b061-9477988ebe22.tmp</t>
  </si>
  <si>
    <t>12/19/2019 09:43:14</t>
  </si>
  <si>
    <t>12/19/2019 09:46:31</t>
  </si>
  <si>
    <t>12/19/2019 09:42:09</t>
  </si>
  <si>
    <t>d8ce4977-9a9e-47f3-8b4b-be2d6ecc5706.tmp</t>
  </si>
  <si>
    <t>\\acsfs\profiles$\geovanaasa\Downloads\d8ce4977-9a9e-47f3-8b4b-be2d6ecc5706.tmp</t>
  </si>
  <si>
    <t>12/19/2019 09:43:25</t>
  </si>
  <si>
    <t>ae4478ed-4173-4c53-a325-298ae1fc57a9.tmp</t>
  </si>
  <si>
    <t>\\acsfs\profiles$\geovanaasa\Downloads\ae4478ed-4173-4c53-a325-298ae1fc57a9.tmp</t>
  </si>
  <si>
    <t>12/19/2019 09:42:37</t>
  </si>
  <si>
    <t>12/19/2019 09:47:32</t>
  </si>
  <si>
    <t>ddf57614-a856-4596-841a-e4993aad719b.tmp</t>
  </si>
  <si>
    <t>\\acsfs\profiles$\gabrielhca\Downloads\ddf57614-a856-4596-841a-e4993aad719b.tmp</t>
  </si>
  <si>
    <t>12/19/2019 09:42:36</t>
  </si>
  <si>
    <t>12/19/2019 09:43:48</t>
  </si>
  <si>
    <t>12/19/2019 09:44:28</t>
  </si>
  <si>
    <t>12/19/2019 09:47:45</t>
  </si>
  <si>
    <t>12/19/2019 09:49:32</t>
  </si>
  <si>
    <t>c228c440-911d-4b49-a5a8-9cf566f1778c.tmp</t>
  </si>
  <si>
    <t>\\acsfs\profiles$\quindaizaagds\Downloads\c228c440-911d-4b49-a5a8-9cf566f1778c.tmp</t>
  </si>
  <si>
    <t>12/19/2019 09:48:35</t>
  </si>
  <si>
    <t>12/19/2019 09:47:37</t>
  </si>
  <si>
    <t>mail.google.com/_/upload?authuser=0&amp;dcp=asu-n&amp;upload_id=AEnB2UrHy9mYM7zo3ks7pFO3y7q__ajiIeTcSrN-Om_FzYRNRZcBBxNI--s7WxNGye3LRdJD5LXFYoPUXO08psfgYYbP9QxoK9vaFdTqlh5Duua7w5xJGqw&amp;upload_protocol=resumable</t>
  </si>
  <si>
    <t>alcenirss@algartech.com;daniloleal@petrobras.com.br;edvaljdcn@algartech.com;franciscoebf@algartecnologia.com.br;janio.laurindo@petrobras.com.br;luciano.moraes@petrobras.com.br;robson.antunes@petrobras.com.br;rosanapccb@algartech.com;</t>
  </si>
  <si>
    <t>ISS Microsiga_Atualizado.xlsx</t>
  </si>
  <si>
    <t>alcenirss@algartech.com,daniloleal@petrobras.com.br,edvaljdcn@algartech.com,franciscoebf@algartecnologia.com.br,janio.laurindo@petrobras.com.br,luciano.moraes@petrobras.com.br,robson.antunes@petrobras.com.br,rosanapccb@algartech.com</t>
  </si>
  <si>
    <t>12/19/2019 09:48:00</t>
  </si>
  <si>
    <t>TALITA SANTOS SILVA CASTRO (946).contact</t>
  </si>
  <si>
    <t>\\acsfs\profiles$\talitassc\Contacts\TALITA SANTOS SILVA CASTRO (946).contact</t>
  </si>
  <si>
    <t>12/19/2019 09:48:12</t>
  </si>
  <si>
    <t>12/19/2019 09:48:13</t>
  </si>
  <si>
    <t>12/19/2019 09:48:14</t>
  </si>
  <si>
    <t>12/19/2019 09:48:15</t>
  </si>
  <si>
    <t>12/19/2019 09:48:16</t>
  </si>
  <si>
    <t>12/19/2019 09:48:17</t>
  </si>
  <si>
    <t>12/19/2019 09:48:18</t>
  </si>
  <si>
    <t>12/19/2019 09:48:30</t>
  </si>
  <si>
    <t>12/19/2019 09:48:31</t>
  </si>
  <si>
    <t>12/19/2019 09:45:16</t>
  </si>
  <si>
    <t>12/19/2019 09:50:32</t>
  </si>
  <si>
    <t>12/19/2019 09:45:24</t>
  </si>
  <si>
    <t>12/19/2019 09:47:44</t>
  </si>
  <si>
    <t>12/19/2019 09:46:47</t>
  </si>
  <si>
    <t>12/19/2019 09:51:31</t>
  </si>
  <si>
    <t>b3d5e989-ca1c-4cdf-aa49-0396c2e6b5ae.tmp</t>
  </si>
  <si>
    <t>\\acsfs\profiles$\wenderbnm\Downloads\b3d5e989-ca1c-4cdf-aa49-0396c2e6b5ae.tmp</t>
  </si>
  <si>
    <t>12/19/2019 09:50:29</t>
  </si>
  <si>
    <t>12/19/2019 09:49:02</t>
  </si>
  <si>
    <t>12/19/2019 09:52:32</t>
  </si>
  <si>
    <t>12/19/2019 09:49:03</t>
  </si>
  <si>
    <t>12/19/2019 09:49:04</t>
  </si>
  <si>
    <t>12/19/2019 09:49:49</t>
  </si>
  <si>
    <t>12/19/2019 09:49:51</t>
  </si>
  <si>
    <t>12/19/2019 09:49:52</t>
  </si>
  <si>
    <t>12/19/2019 09:49:54</t>
  </si>
  <si>
    <t>12/19/2019 09:50:00</t>
  </si>
  <si>
    <t>12/18/2019 17:30:50</t>
  </si>
  <si>
    <t>12/19/2019 09:51:39</t>
  </si>
  <si>
    <t>12/19/2019 09:53:32</t>
  </si>
  <si>
    <t>12/19/2019 09:52:09</t>
  </si>
  <si>
    <t>12/19/2019 09:52:39</t>
  </si>
  <si>
    <t>12/19/2019 09:49:35</t>
  </si>
  <si>
    <t>12/19/2019 09:54:32</t>
  </si>
  <si>
    <t>12/19/2019 09:53:59</t>
  </si>
  <si>
    <t>Capturar.PNG</t>
  </si>
  <si>
    <t>\\acsfs\profiles$\cinthiacsda\My Documents\My Pictures\Capturar.PNG</t>
  </si>
  <si>
    <t>12/19/2019 09:49:45</t>
  </si>
  <si>
    <t>12/19/2019 09:55:32</t>
  </si>
  <si>
    <t>def8d54d-c2a3-4d39-bad3-2f025a5eb574.tmp</t>
  </si>
  <si>
    <t>\\acsfs\profiles$\leticiala\Downloads\def8d54d-c2a3-4d39-bad3-2f025a5eb574.tmp</t>
  </si>
  <si>
    <t>12/19/2019 09:54:48</t>
  </si>
  <si>
    <t>12/19/2019 09:52:59</t>
  </si>
  <si>
    <t>12/19/2019 09:57:32</t>
  </si>
  <si>
    <t>12/19/2019 09:53:00</t>
  </si>
  <si>
    <t>12/19/2019 09:55:12</t>
  </si>
  <si>
    <t>12/19/2019 09:55:18</t>
  </si>
  <si>
    <t>12/19/2019 09:58:32</t>
  </si>
  <si>
    <t>a68b7a5b-4b7d-4f87-9ad1-5aca086219f6.tmp</t>
  </si>
  <si>
    <t>\\acsfs\profiles$\LUCASBS\Downloads\a68b7a5b-4b7d-4f87-9ad1-5aca086219f6.tmp</t>
  </si>
  <si>
    <t>12/19/2019 09:57:51</t>
  </si>
  <si>
    <t>10.200.58.52</t>
  </si>
  <si>
    <t>mail.google.com/_/upload?authuser=0&amp;dcp=asu-n&amp;upload_id=AEnB2UpwEW-CRtbnnyqlfZv4QG1kWjhfsiQ0GOHPBK9UgobHrN-aZVMZF2bmZA04ZfnNO9rgXc4VI2oTuauIkxwtoQ1z6QvZ3-ZEvbk-AvWRloaf4kRfybw&amp;upload_protocol=resumable</t>
  </si>
  <si>
    <t>bu financeira 2020 (2).xlsx</t>
  </si>
  <si>
    <t>12/19/2019 09:56:22</t>
  </si>
  <si>
    <t>XLOG_vanessacgs_19122019_093133.log</t>
  </si>
  <si>
    <t>\\acsfs\profiles$\vanessacgs\My Documents\xworkcenter\logs\XLOG_vanessacgs_19122019_093133.log</t>
  </si>
  <si>
    <t>XLOG_vanessacgs_19122019_093112.log</t>
  </si>
  <si>
    <t>\\acsfs\profiles$\vanessacgs\My Documents\xworkcenter\logs\XLOG_vanessacgs_19122019_093112.log</t>
  </si>
  <si>
    <t>12/19/2019 09:57:45</t>
  </si>
  <si>
    <t>12/19/2019 09:58:07</t>
  </si>
  <si>
    <t>12/19/2019 09:59:32</t>
  </si>
  <si>
    <t>12/19/2019 09:54:35</t>
  </si>
  <si>
    <t>12/19/2019 09:55:35</t>
  </si>
  <si>
    <t>12/19/2019 09:55:01</t>
  </si>
  <si>
    <t>foto.PNG</t>
  </si>
  <si>
    <t>\\acsfs\profiles$\cinthiacsda\My Documents\My Pictures\foto.PNG</t>
  </si>
  <si>
    <t>12/19/2019 09:59:18</t>
  </si>
  <si>
    <t>12/19/2019 10:00:32</t>
  </si>
  <si>
    <t>f72482f2-8389-4afc-9ad7-ab846bf7f5f0.tmp</t>
  </si>
  <si>
    <t>\\acsfs\profiles$\claudiajca\Downloads\f72482f2-8389-4afc-9ad7-ab846bf7f5f0.tmp</t>
  </si>
  <si>
    <t>12/19/2019 09:59:45</t>
  </si>
  <si>
    <t>12/19/2019 09:59:55</t>
  </si>
  <si>
    <t>12/19/2019 09:59:59</t>
  </si>
  <si>
    <t>12/19/2019 09:56:09</t>
  </si>
  <si>
    <t>78ee3369-eace-46be-babf-c50debff0e5a.tmp</t>
  </si>
  <si>
    <t>\\acsfs\profiles$\kamilamrc\Downloads\78ee3369-eace-46be-babf-c50debff0e5a.tmp</t>
  </si>
  <si>
    <t>12/19/2019 09:57:04</t>
  </si>
  <si>
    <t>a2a78c8f-622a-44d5-b733-2a5ee82c31b6.tmp</t>
  </si>
  <si>
    <t>\\acsfs\profiles$\kamilamrc\Downloads\a2a78c8f-622a-44d5-b733-2a5ee82c31b6.tmp</t>
  </si>
  <si>
    <t>12/19/2019 09:57:54</t>
  </si>
  <si>
    <t>ff853730-eb98-4d4d-bf5a-1d4ca96f56d4.tmp</t>
  </si>
  <si>
    <t>\\acsfs\profiles$\kamilamrc\Downloads\ff853730-eb98-4d4d-bf5a-1d4ca96f56d4.tmp</t>
  </si>
  <si>
    <t>12/19/2019 09:58:29</t>
  </si>
  <si>
    <t>9a482162-12c2-4bca-ae68-c08dddba421b.tmp</t>
  </si>
  <si>
    <t>\\acsfs\profiles$\kamilamrc\Downloads\9a482162-12c2-4bca-ae68-c08dddba421b.tmp</t>
  </si>
  <si>
    <t>12/19/2019 09:58:35</t>
  </si>
  <si>
    <t>a429ffba-c6c2-4ef4-8d7c-9286198548a1.tmp</t>
  </si>
  <si>
    <t>\\acsfs\profiles$\kamilamrc\Downloads\a429ffba-c6c2-4ef4-8d7c-9286198548a1.tmp</t>
  </si>
  <si>
    <t>12/19/2019 09:58:39</t>
  </si>
  <si>
    <t>04269d5f-e951-4bd5-97e6-734bdc2b1784.tmp</t>
  </si>
  <si>
    <t>\\acsfs\profiles$\kamilamrc\Downloads\04269d5f-e951-4bd5-97e6-734bdc2b1784.tmp</t>
  </si>
  <si>
    <t>12/19/2019 09:55:54</t>
  </si>
  <si>
    <t>12/19/2019 09:58:24</t>
  </si>
  <si>
    <t>12/19/2019 10:00:06</t>
  </si>
  <si>
    <t>12/19/2019 10:01:32</t>
  </si>
  <si>
    <t>12/19/2019 09:59:51</t>
  </si>
  <si>
    <t>flaviojmm</t>
  </si>
  <si>
    <t>d5ca65d9-1654-409f-841d-c78dccb1ded9.tmp</t>
  </si>
  <si>
    <t>\\acsfs\profiles$\Flaviojmm\Downloads\d5ca65d9-1654-409f-841d-c78dccb1ded9.tmp</t>
  </si>
  <si>
    <t>12/19/2019 09:59:20</t>
  </si>
  <si>
    <t>12/19/2019 10:00:14</t>
  </si>
  <si>
    <t>lu215322o5g67.tmp</t>
  </si>
  <si>
    <t>\\acsfs\profiles$\jonatanls\My Documents\lu215322o5g67.tmp</t>
  </si>
  <si>
    <t>12/19/2019 09:57:12</t>
  </si>
  <si>
    <t>12/19/2019 10:02:32</t>
  </si>
  <si>
    <t>SC 217561 - Questionamentos_19122019.xlsx</t>
  </si>
  <si>
    <t>12/19/2019 09:57:01</t>
  </si>
  <si>
    <t>12/19/2019 09:59:30</t>
  </si>
  <si>
    <t>12/19/2019 10:00:33</t>
  </si>
  <si>
    <t>12/19/2019 10:00:37</t>
  </si>
  <si>
    <t>12/19/2019 10:00:42</t>
  </si>
  <si>
    <t>12/19/2019 09:59:21</t>
  </si>
  <si>
    <t>12/19/2019 10:03:31</t>
  </si>
  <si>
    <t>12/19/2019 09:59:31</t>
  </si>
  <si>
    <t>10fb184a-4396-4ee4-8976-b1fc28824b34.tmp</t>
  </si>
  <si>
    <t>\\acsfs\profiles$\LUCASBS\Downloads\10fb184a-4396-4ee4-8976-b1fc28824b34.tmp</t>
  </si>
  <si>
    <t>12/19/2019 10:00:34</t>
  </si>
  <si>
    <t>f2dc7716-4e23-4536-9d02-f9aaecd8d4de.tmp</t>
  </si>
  <si>
    <t>\\acsfs\profiles$\LUCASBS\Downloads\f2dc7716-4e23-4536-9d02-f9aaecd8d4de.tmp</t>
  </si>
  <si>
    <t>12/19/2019 09:58:17</t>
  </si>
  <si>
    <t>\\acsfs\profiles$\leydianeamd\Contacts\</t>
  </si>
  <si>
    <t>LEYDIANE APARECIDA MOREIRA DUARTE (30).contact</t>
  </si>
  <si>
    <t>\\acsfs\profiles$\leydianeamd\Contacts\LEYDIANE APARECIDA MOREIRA DUARTE (30).contact</t>
  </si>
  <si>
    <t>12/19/2019 09:58:36</t>
  </si>
  <si>
    <t>\\acsfs\profiles$\leydianeamd\My Documents\My Videos\</t>
  </si>
  <si>
    <t>\\acsfs\profiles$\leydianeamd\My Documents\My Videos\desktop.ini</t>
  </si>
  <si>
    <t>\\acsfs\profiles$\leydianeamd\My Documents\My Pictures\</t>
  </si>
  <si>
    <t>\\acsfs\profiles$\leydianeamd\My Documents\My Pictures\desktop.ini</t>
  </si>
  <si>
    <t>12/19/2019 09:58:37</t>
  </si>
  <si>
    <t>\\acsfs\profiles$\leydianeamd\Contacts\desktop.ini</t>
  </si>
  <si>
    <t>\\acsfs\profiles$\leydianeamd\Favorites\</t>
  </si>
  <si>
    <t>\\acsfs\profiles$\leydianeamd\Favorites\desktop.ini</t>
  </si>
  <si>
    <t>12/19/2019 09:58:38</t>
  </si>
  <si>
    <t>\\acsfs\profiles$\leydianeamd\My Documents\My Music\</t>
  </si>
  <si>
    <t>\\acsfs\profiles$\leydianeamd\My Documents\My Music\desktop.ini</t>
  </si>
  <si>
    <t>\\acsfs\profiles$\leydianeamd\Searches\</t>
  </si>
  <si>
    <t>\\acsfs\profiles$\leydianeamd\Searches\desktop.ini</t>
  </si>
  <si>
    <t>\\acsfs\profiles$\leydianeamd\Downloads\desktop.ini</t>
  </si>
  <si>
    <t>12/19/2019 09:58:40</t>
  </si>
  <si>
    <t>\\acsfs\profiles$\leydianeamd\My Documents\desktop.ini</t>
  </si>
  <si>
    <t>12/19/2019 09:58:41</t>
  </si>
  <si>
    <t>\\acsfs\profiles$\leydianeamd\Saved Games\</t>
  </si>
  <si>
    <t>\\acsfs\profiles$\leydianeamd\Saved Games\desktop.ini</t>
  </si>
  <si>
    <t>12/19/2019 09:59:04</t>
  </si>
  <si>
    <t>\\acsfs\profiles$\leydianeamd\Favorites\Links for Brasil\</t>
  </si>
  <si>
    <t>\\acsfs\profiles$\leydianeamd\Favorites\Links for Brasil\desktop.ini</t>
  </si>
  <si>
    <t>12/19/2019 09:59:05</t>
  </si>
  <si>
    <t>\\acsfs\profiles$\leydianeamd\Favorites\Links for Brasil\Microsoft Brasil.url</t>
  </si>
  <si>
    <t>\\acsfs\profiles$\leydianeamd\Favorites\Links for Brasil\Windows Brasil.url</t>
  </si>
  <si>
    <t>\\acsfs\profiles$\leydianeamd\Favorites\Links for Brasil\MSN Brasil.url</t>
  </si>
  <si>
    <t>12/19/2019 09:59:06</t>
  </si>
  <si>
    <t>12/19/2019 10:03:16</t>
  </si>
  <si>
    <t>10.200.60.72</t>
  </si>
  <si>
    <t>80-86-F2-FD-43-E1</t>
  </si>
  <si>
    <t>2018-06 _A100 Energy Bil-TOTAL CAMPINAS.xlsx</t>
  </si>
  <si>
    <t>0]s,1363836129,1576760217746,7,90r4ptfvzuhtxnvws0xthc5rsahb_vdimeecrgavbvndklnrv9meubmvlro5ev3yw6isvnzhdc4-b6m0llvzrbjphb2h4t34j0nrct-lokglxkrgun9xovtnqgwe-vq66szmn0b8q7cpqvvo1exgfqgst_szposmy_h7jsu6phcvu_pg8e-bhbbqddattx36tiptzacg7f3-ax_6wbkb8ptm6eym-fqpzykgo1d4ao_hacbvvxgso4ytj10ankfub8smzh9gquo9-u_vrfendowz7c0obkwft52wz5cd8f1flkq9masvt_5xiw9j5vhj0ykrhozuuhztohcniveh5eq\",[],[]]],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emailaddress,explicitlytrashed,false,fileextension,filesize,flaggedforabuse,foldercolor,folderfeatures,hasaugmentedpermissions,haschildfolders,hasthumbnail,hasvisitorpermissions,hcniveh5eq\",hidden,id,id),items(kind,ken,labels(star</t>
  </si>
  <si>
    <t>12/19/2019 10:01:39</t>
  </si>
  <si>
    <t>12/19/2019 10:02:09</t>
  </si>
  <si>
    <t>12/19/2019 10:02:39</t>
  </si>
  <si>
    <t>12/19/2019 10:03:09</t>
  </si>
  <si>
    <t>12/19/2019 10:00:35</t>
  </si>
  <si>
    <t>12/19/2019 10:04:32</t>
  </si>
  <si>
    <t>12/19/2019 10:01:35</t>
  </si>
  <si>
    <t>12/19/2019 10:01:27</t>
  </si>
  <si>
    <t>\\acsfs\profiles$\vanessacgs\Contacts\</t>
  </si>
  <si>
    <t>VANESSA CARDOSO GARCIA SILVA (15).contact</t>
  </si>
  <si>
    <t>\\acsfs\profiles$\vanessacgs\Contacts\VANESSA CARDOSO GARCIA SILVA (15).contact</t>
  </si>
  <si>
    <t>\\acsfs\profiles$\vanessacgs\My Documents\My Videos\</t>
  </si>
  <si>
    <t>\\acsfs\profiles$\vanessacgs\My Documents\My Videos\desktop.ini</t>
  </si>
  <si>
    <t>12/19/2019 10:01:40</t>
  </si>
  <si>
    <t>12/19/2019 10:01:41</t>
  </si>
  <si>
    <t>12/19/2019 10:05:31</t>
  </si>
  <si>
    <t>\\acsfs\profiles$\vanessacgs\My Documents\My Pictures\</t>
  </si>
  <si>
    <t>\\acsfs\profiles$\vanessacgs\My Documents\My Pictures\desktop.ini</t>
  </si>
  <si>
    <t>12/19/2019 10:01:42</t>
  </si>
  <si>
    <t>\\acsfs\profiles$\vanessacgs\Contacts\desktop.ini</t>
  </si>
  <si>
    <t>12/19/2019 10:01:43</t>
  </si>
  <si>
    <t>\\acsfs\profiles$\vanessacgs\Favorites\desktop.ini</t>
  </si>
  <si>
    <t>12/19/2019 10:01:44</t>
  </si>
  <si>
    <t>\\acsfs\profiles$\vanessacgs\My Documents\My Music\</t>
  </si>
  <si>
    <t>\\acsfs\profiles$\vanessacgs\My Documents\My Music\desktop.ini</t>
  </si>
  <si>
    <t>12/19/2019 10:01:45</t>
  </si>
  <si>
    <t>12/19/2019 10:01:46</t>
  </si>
  <si>
    <t>\\acsfs\profiles$\vanessacgs\Searches\</t>
  </si>
  <si>
    <t>\\acsfs\profiles$\vanessacgs\Searches\desktop.ini</t>
  </si>
  <si>
    <t>\\acsfs\profiles$\vanessacgs\Downloads\</t>
  </si>
  <si>
    <t>\\acsfs\profiles$\vanessacgs\Downloads\desktop.ini</t>
  </si>
  <si>
    <t>12/19/2019 10:01:47</t>
  </si>
  <si>
    <t>\\acsfs\profiles$\vanessacgs\My Documents\</t>
  </si>
  <si>
    <t>\\acsfs\profiles$\vanessacgs\My Documents\desktop.ini</t>
  </si>
  <si>
    <t>12/19/2019 10:01:48</t>
  </si>
  <si>
    <t>\\acsfs\profiles$\vanessacgs\Saved Games\</t>
  </si>
  <si>
    <t>\\acsfs\profiles$\vanessacgs\Saved Games\desktop.ini</t>
  </si>
  <si>
    <t>12/19/2019 10:01:49</t>
  </si>
  <si>
    <t>12/19/2019 10:02:12</t>
  </si>
  <si>
    <t>\\acsfs\profiles$\vanessacgs\Favorites\Links for Brasil\</t>
  </si>
  <si>
    <t>\\acsfs\profiles$\vanessacgs\Favorites\Links for Brasil\desktop.ini</t>
  </si>
  <si>
    <t>12/19/2019 10:02:13</t>
  </si>
  <si>
    <t>\\acsfs\profiles$\vanessacgs\Favorites\Links for Brasil\Microsoft Brasil.url</t>
  </si>
  <si>
    <t>\\acsfs\profiles$\vanessacgs\Favorites\Links for Brasil\Windows Brasil.url</t>
  </si>
  <si>
    <t>\\acsfs\profiles$\vanessacgs\Favorites\Links for Brasil\MSN Brasil.url</t>
  </si>
  <si>
    <t>12/19/2019 10:02:14</t>
  </si>
  <si>
    <t>12/19/2019 10:00:40</t>
  </si>
  <si>
    <t>0];0]l;0]mg;1576095602;1576690818741;1576691977159;1576692024173;1576692042194;1576692058201;1742395574;1905447630;2;48485885;6;[];[]]];bg4f7hpo4uuezqv1hpsj6dejxsejf9dl9ce3zbbwhi1qt6bfj1lrhad8gbmgx0ej_ucfhkduuadqj_qcs-apbygfiuxg-k880q1klrjkag_ih0un_6gpvlgfe\";d2omgsrdbyizmbr35fkge72smjvolgr3qlattifzqmqh3c1zca8tk3eaxfi-ylfdq42xfqgonhwxjv94zex-gfvmkjizblr2my\";false;n6yx3j93r7loo71ybnmgkp9ur6mpdb9xdqjeewzabkfgyejrudgcdjtxlrrmfwyubnoulxhl7m3pxbtjf54ffe5amot6wrideoqc--im7ixcm9sj-bnzxszlg89vhotqtuuxhk0r_urqxryvjc9vu_2nmbcwltn7xzwjuezj_xeyfk8qsp0rkq\";n6yx3j93r7loo71ybnmgkp9ur6mpdb9xdqjeewzabkfgyejrudgcdjtxlrrmfwyubnoulxhl7m3pxbtjf54ffe5amot6wrideoqc--im7ixcm9sj-bnzxszlg89vhotqtuuxhk0r_uruxryvyunot6vhczets7xwb08ekgzlkwkninnhqw22ka\";nul;null;qj5-xm8pdf6sl72gv5urpin4-sxj5l7txbkyocdiio257clgwey4itbbq4iezcpzlvkymusxlqs8xv-pfddw4j1df19tpj9rkg37mjz5mi9mvkykda316y692u6pidprtv3lad3vmq7jmmauf9jpzlaxxf3rnuotuxxy2sx6hckxlvm6dhgp3bmk_sz51jlicnk1cbwetaybsgfl5olrtxsauaau-0gtrrwjjhvizf_tflpobxthebpys6nexnquderetxic6vaa2cogsd2t1_</t>
  </si>
  <si>
    <t>C:\Users\TEMP.ACS.000\Desktop\</t>
  </si>
  <si>
    <t>Dimensionamento_Dezembro_Cartões (1).xlsx</t>
  </si>
  <si>
    <t>0],0]l,0]mg,1576095602,1576690818741,1576691977159,1576692024173,1576692042194,1576692058201,1742395574,1905447630,2,48485885,6,[],[]]],bg4f7hpo4uuezqv1hpsj6dejxsejf9dl9ce3zbbwhi1qt6bfj1lrhad8gbmgx0ej_ucfhkduuadqj_qcs-apbygfiuxg-k880q1klrjkag_ih0un_6gpvlgfe\",d2omgsrdbyizmbr35fkge72smjvolgr3qlattifzqmqh3c1zca8tk3eaxfi-ylfdq42xfqgonhwxjv94zex-gfvmkjizblr2my\",false,n6yx3j93r7loo71ybnmgkp9ur6mpdb9xdqjeewzabkfgyejrudgcdjtxlrrmfwyubnoulxhl7m3pxbtjf54ffe5amot6wrideoqc--im7ixcm9sj-bnzxszlg89vhotqtuuxhk0r_urqxryvjc9vu_2nmbcwltn7xzwjuezj_xeyfk8qsp0rkq\",n6yx3j93r7loo71ybnmgkp9ur6mpdb9xdqjeewzabkfgyejrudgcdjtxlrrmfwyubnoulxhl7m3pxbtjf54ffe5amot6wrideoqc--im7ixcm9sj-bnzxszlg89vhotqtuuxhk0r_uruxryvyunot6vhczets7xwb08ekgzlkwkninnhqw22ka\",nul,null,qj5-xm8pdf6sl72gv5urpin4-sxj5l7txbkyocdiio257clgwey4itbbq4iezcpzlvkymusxlqs8xv-pfddw4j1df19tpj9rkg37mjz5mi9mvkykda316y692u6pidprtv3lad3vmq7jmmauf9jpzlaxxf3rnuotuxxy2sx6hckxlvm6dhgp3bmk_sz51jlicnk1cbwetaybsgfl5olrtxsauaau-0gtrrwjjhvizf_tflpobxthebpys6nexnquderetxic6vaa2cogsd2t1_</t>
  </si>
  <si>
    <t>12/19/2019 10:00:50</t>
  </si>
  <si>
    <t>12/19/2019 10:00:59</t>
  </si>
  <si>
    <t>1576691455085;1905447630;4;856315767;[];[]]];false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;null;qj5-xm8pdf6sl72gv5urpin4-sxj5l7txbkyocdiio257clgwey4itbbq4iezcpzlvkymusxlqs8xv-pfddw4j1df19tpj9rkg37mjz5mi9mvkykda316y692u6pidprtv3lad3vmq7jmmauf9jpzlaxxf3rnuotuxxy2sx6hckxlvm6dhgp3bmk_sz51jlicnk1cbwetaybsgfl5o</t>
  </si>
  <si>
    <t>1576691455085,1905447630,4,856315767,[],[]]],false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,null,qj5-xm8pdf6sl72gv5urpin4-sxj5l7txbkyocdiio257clgwey4itbbq4iezcpzlvkymusxlqs8xv-pfddw4j1df19tpj9rkg37mjz5mi9mvkykda316y692u6pidprtv3lad3vmq7jmmauf9jpzlaxxf3rnuotuxxy2sx6hckxlvm6dhgp3bmk_sz51jlicnk1cbwetaybsgfl5o</t>
  </si>
  <si>
    <t>12/19/2019 10:01:20</t>
  </si>
  <si>
    <t>mail.google.com/sync/u/0/i/s?hl=pt-BR&amp;c=200</t>
  </si>
  <si>
    <t>0]��;0]��p��a��&lt;;1;1260776949;1576680524301;1750086782;3;[];[]]];false;lkbmfy63ut1hnhtpjhv_qv27a6o4uvryslvet-p-egas6-6pilcyq0rjrjwx4a9e9fnnzpgfrhku-qvzwgradnofb6szilg83lqznkgncmzb8xphicq_jxk81zhxldq0cp1ld1bxcnuxvfg4euhibxlelvefswcdlzczyoqtdls75gxmmpfb6zhabpjfbpifeg2tdmtlz6rkldj-lhxd7rtquvafapfy4c_ypugvwgyqyhy4_h8rath93oomdmvomnsuq67z_yhbtaqtoipqnfptwlsf\";null;qbnj4nk2hjw71apejugzsxrli8wcqkbsswnhiv1oc57cayxmagenhlbfwlzn0tgmkkapcqc4kqn0doahtwbt-cvml3us4kq1sj7knka8mtawmiwdl4aawrzroqtjto53rrdlb1w7z_ybu2m1hahb1m-y2a9ucqqmztuyoq2ii54khludkvn5sxsth_tbjc9daies7uq0ytj9rwdhbvi5-8sgpy_kzhtbm9mskdis6dthu29fzbdglasepvozknbwsi1d68-ebnzhv0i-cs0qbxfpy5vvjh4jlqqj0quz4k0qomrlg-znfefbmwop2zx-hipndjd4fshkfv2qdm70-htojo5;tb7_zdchmx5vm95ogxvno9pq9fmdrifmzxyvjjigzvx-jjjc3hiqiyl4lk8-smygmwriibsasguqr3tgbu9xbuvsqgayolhyoe6gya5ahkz7qi12tfxspvc8jronliqobxei4h4ocqezg2rpacanc4nm77nmjq0zq8sz3yskneck4fxwaquuxnbq-rzuddahbyubq-omgocytixcegm7ilnkgamfmmtnwzdely3reyvemn84npxce4bmmiwju3conb0t8dvsvvaoen4hg9jkxgvjosowai0q2owitqf6oedxg0zfoibdymflk</t>
  </si>
  <si>
    <t>0]��,0]��p��a��&lt;,1,1260776949,1576680524301,1750086782,3,[],[]]],false,lkbmfy63ut1hnhtpjhv_qv27a6o4uvryslvet-p-egas6-6pilcyq0rjrjwx4a9e9fnnzpgfrhku-qvzwgradnofb6szilg83lqznkgncmzb8xphicq_jxk81zhxldq0cp1ld1bxcnuxvfg4euhibxlelvefswcdlzczyoqtdls75gxmmpfb6zhabpjfbpifeg2tdmtlz6rkldj-lhxd7rtquvafapfy4c_ypugvwgyqyhy4_h8rath93oomdmvomnsuq67z_yhbtaqtoipqnfptwlsf\",null,qbnj4nk2hjw71apejugzsxrli8wcqkbsswnhiv1oc57cayxmagenhlbfwlzn0tgmkkapcqc4kqn0doahtwbt-cvml3us4kq1sj7knka8mtawmiwdl4aawrzroqtjto53rrdlb1w7z_ybu2m1hahb1m-y2a9ucqqmztuyoq2ii54khludkvn5sxsth_tbjc9daies7uq0ytj9rwdhbvi5-8sgpy_kzhtbm9mskdis6dthu29fzbdglasepvozknbwsi1d68-ebnzhv0i-cs0qbxfpy5vvjh4jlqqj0quz4k0qomrlg-znfefbmwop2zx-hipndjd4fshkfv2qdm70-htojo5,tb7_zdchmx5vm95ogxvno9pq9fmdrifmzxyvjjigzvx-jjjc3hiqiyl4lk8-smygmwriibsasguqr3tgbu9xbuvsqgayolhyoe6gya5ahkz7qi12tfxspvc8jronliqobxei4h4ocqezg2rpacanc4nm77nmjq0zq8sz3yskneck4fxwaquuxnbq-rzuddahbyubq-omgocytixcegm7ilnkgamfmmtnwzdely3reyvemn84npxce4bmmiwju3conb0t8dvsvvaoen4hg9jkxgvjosowai0q2owitqf6oedxg0zfoibdymflk</t>
  </si>
  <si>
    <t>12/19/2019 10:01:21</t>
  </si>
  <si>
    <t>12/19/2019 10:01:38</t>
  </si>
  <si>
    <t>4c90a49d-3f5e-40bd-a75c-8bccec027065.tmp</t>
  </si>
  <si>
    <t>\\acsfs\profiles$\kamilamrc\Downloads\4c90a49d-3f5e-40bd-a75c-8bccec027065.tmp</t>
  </si>
  <si>
    <t>12/19/2019 10:02:35</t>
  </si>
  <si>
    <t>12/19/2019 10:02:36</t>
  </si>
  <si>
    <t>12/19/2019 10:04:05</t>
  </si>
  <si>
    <t>12/19/2019 10:04:28</t>
  </si>
  <si>
    <t>876f247d-9af8-4f06-af3e-059c12974ad1.tmp</t>
  </si>
  <si>
    <t>\\acsfs\profiles$\JOAOVAL\Downloads\876f247d-9af8-4f06-af3e-059c12974ad1.tmp</t>
  </si>
  <si>
    <t>12/19/2019 10:04:39</t>
  </si>
  <si>
    <t>37d895a5-5116-4618-a094-2ef500c861b2.tmp</t>
  </si>
  <si>
    <t>\\acsfs\profiles$\JOAOVAL\Downloads\37d895a5-5116-4618-a094-2ef500c861b2.tmp</t>
  </si>
  <si>
    <t>12/19/2019 10:03:53</t>
  </si>
  <si>
    <t>b8f857a4-c1c5-4577-89a5-8e092438c67e.tmp</t>
  </si>
  <si>
    <t>\\acsfs\profiles$\gabrielafs\Downloads\b8f857a4-c1c5-4577-89a5-8e092438c67e.tmp</t>
  </si>
  <si>
    <t>12/19/2019 10:03:54</t>
  </si>
  <si>
    <t>69e255bb-15c5-4ddf-bed4-9f1831364452.tmp</t>
  </si>
  <si>
    <t>\\acsfs\profiles$\gabrielafs\Downloads\69e255bb-15c5-4ddf-bed4-9f1831364452.tmp</t>
  </si>
  <si>
    <t>12/19/2019 10:03:55</t>
  </si>
  <si>
    <t>6308208f-d39e-4cf6-8fb3-03f373805b34.tmp</t>
  </si>
  <si>
    <t>\\acsfs\profiles$\gabrielafs\Downloads\6308208f-d39e-4cf6-8fb3-03f373805b34.tmp</t>
  </si>
  <si>
    <t>12/19/2019 10:03:56</t>
  </si>
  <si>
    <t>055fa74d-c253-40db-978f-45a587fb6189.tmp</t>
  </si>
  <si>
    <t>\\acsfs\profiles$\gabrielafs\Downloads\055fa74d-c253-40db-978f-45a587fb6189.tmp</t>
  </si>
  <si>
    <t>12/19/2019 10:04:42</t>
  </si>
  <si>
    <t>51112c23-6f10-4fd4-a3ff-6a96efde234e.tmp</t>
  </si>
  <si>
    <t>\\acsfs\profiles$\gabrielafs\Downloads\51112c23-6f10-4fd4-a3ff-6a96efde234e.tmp</t>
  </si>
  <si>
    <t>12/19/2019 10:04:43</t>
  </si>
  <si>
    <t>3f1d08d7-ed67-4c3d-80a0-4445ef1864f7.tmp</t>
  </si>
  <si>
    <t>\\acsfs\profiles$\gabrielafs\Downloads\3f1d08d7-ed67-4c3d-80a0-4445ef1864f7.tmp</t>
  </si>
  <si>
    <t>12/19/2019 10:04:44</t>
  </si>
  <si>
    <t>1f56d238-db26-4baf-89d4-7cb454f521af.tmp</t>
  </si>
  <si>
    <t>\\acsfs\profiles$\gabrielafs\Downloads\1f56d238-db26-4baf-89d4-7cb454f521af.tmp</t>
  </si>
  <si>
    <t>12/19/2019 10:06:32</t>
  </si>
  <si>
    <t>12/19/2019 10:04:46</t>
  </si>
  <si>
    <t>12/19/2019 10:06:19</t>
  </si>
  <si>
    <t>12/19/2019 10:07:32</t>
  </si>
  <si>
    <t>12/19/2019 10:06:35</t>
  </si>
  <si>
    <t>12/19/2019 10:03:58</t>
  </si>
  <si>
    <t>12/19/2019 10:08:32</t>
  </si>
  <si>
    <t>185d4c63-0e1b-4045-9329-41f9d869d9b6.tmp</t>
  </si>
  <si>
    <t>\\acsfs\profiles$\leydianeamd\Downloads\185d4c63-0e1b-4045-9329-41f9d869d9b6.tmp</t>
  </si>
  <si>
    <t>12/19/2019 10:04:10</t>
  </si>
  <si>
    <t>Não confirmado 545656.crdownload</t>
  </si>
  <si>
    <t>\\acsfs\profiles$\leydianeamd\Downloads\Não confirmado 545656.crdownload</t>
  </si>
  <si>
    <t>12/19/2019 10:04:45</t>
  </si>
  <si>
    <t>4b58fd04-4b4b-4bb7-ae62-2a13c0b90044.tmp</t>
  </si>
  <si>
    <t>\\acsfs\profiles$\leydianeamd\Downloads\4b58fd04-4b4b-4bb7-ae62-2a13c0b90044.tmp</t>
  </si>
  <si>
    <t>12/19/2019 10:05:51</t>
  </si>
  <si>
    <t>45af2038-5fca-4c82-ad90-e4838d88fdd8.tmp</t>
  </si>
  <si>
    <t>\\acsfs\profiles$\leydianeamd\Downloads\45af2038-5fca-4c82-ad90-e4838d88fdd8.tmp</t>
  </si>
  <si>
    <t>12/19/2019 10:06:04</t>
  </si>
  <si>
    <t>ef7194ed-ae13-4e47-9a33-f5099219fb21.tmp</t>
  </si>
  <si>
    <t>\\acsfs\profiles$\leydianeamd\Downloads\ef7194ed-ae13-4e47-9a33-f5099219fb21.tmp</t>
  </si>
  <si>
    <t>12/19/2019 10:06:09</t>
  </si>
  <si>
    <t>d5144998-a9b3-41d5-aba2-b8fbc3dabe46.tmp</t>
  </si>
  <si>
    <t>\\acsfs\profiles$\leydianeamd\Downloads\d5144998-a9b3-41d5-aba2-b8fbc3dabe46.tmp</t>
  </si>
  <si>
    <t>12/19/2019 10:07:11</t>
  </si>
  <si>
    <t>3e53cde6-2806-4ab3-a36f-c39a8f0882fc.tmp</t>
  </si>
  <si>
    <t>\\acsfs\profiles$\leydianeamd\Downloads\3e53cde6-2806-4ab3-a36f-c39a8f0882fc.tmp</t>
  </si>
  <si>
    <t>12/19/2019 10:03:45</t>
  </si>
  <si>
    <t>relatorio_gabriel3.xlsx</t>
  </si>
  <si>
    <t>12/19/2019 10:04:11</t>
  </si>
  <si>
    <t>12/19/2019 10:04:14</t>
  </si>
  <si>
    <t>C:\Users\gabrieljst\Desktop\GRU2 Energy Billing\</t>
  </si>
  <si>
    <t>12/19/2019 10:05:09</t>
  </si>
  <si>
    <t>12/19/2019 10:05:39</t>
  </si>
  <si>
    <t>12/19/2019 10:05:28</t>
  </si>
  <si>
    <t>12/19/2019 10:09:32</t>
  </si>
  <si>
    <t>12/19/2019 10:05:30</t>
  </si>
  <si>
    <t>12/19/2019 10:05:57</t>
  </si>
  <si>
    <t>12/19/2019 10:07:35</t>
  </si>
  <si>
    <t>12/19/2019 10:06:27</t>
  </si>
  <si>
    <t>12/19/2019 10:08:15</t>
  </si>
  <si>
    <t>12/19/2019 10:05:45</t>
  </si>
  <si>
    <t>\\acsfs\profiles$\cinthiacsda\My Documents\Capturar.PNG</t>
  </si>
  <si>
    <t>12/19/2019 10:06:06</t>
  </si>
  <si>
    <t>cinthiacsda@bv.algartech.com</t>
  </si>
  <si>
    <t>https://udpmailboxap01/h/search?si=16&amp;so=50&amp;sc=48821&amp;st=conversation&amp;action=compose&amp;paction=paneview</t>
  </si>
  <si>
    <t>12/19/2019 10:07:37</t>
  </si>
  <si>
    <t>camillarl@algartech.com;rodr;</t>
  </si>
  <si>
    <t>https://camillarl@algartech.com,rodr</t>
  </si>
  <si>
    <t>12/19/2019 10:08:07</t>
  </si>
  <si>
    <t>12/19/2019 10:08:13</t>
  </si>
  <si>
    <t>12/19/2019 10:04:36</t>
  </si>
  <si>
    <t>12/19/2019 10:10:32</t>
  </si>
  <si>
    <t>12/19/2019 10:06:12</t>
  </si>
  <si>
    <t>CitrixReceiverWeb (2).exe.mabijne.partial</t>
  </si>
  <si>
    <t>\\acsfs\profiles$\vanessacgs\Downloads\CitrixReceiverWeb (2).exe.mabijne.partial</t>
  </si>
  <si>
    <t>12/19/2019 10:06:01</t>
  </si>
  <si>
    <t>633cc551-69b4-46fe-ae41-8d8e91c7d0d6.tmp</t>
  </si>
  <si>
    <t>\\acsfs\profiles$\gabrielafs\Downloads\633cc551-69b4-46fe-ae41-8d8e91c7d0d6.tmp</t>
  </si>
  <si>
    <t>12/19/2019 10:11:32</t>
  </si>
  <si>
    <t>12/19/2019 10:07:12</t>
  </si>
  <si>
    <t>12/19/2019 10:12:31</t>
  </si>
  <si>
    <t>12/19/2019 10:08:20</t>
  </si>
  <si>
    <t>12/19/2019 10:08:21</t>
  </si>
  <si>
    <t>12/19/2019 10:08:22</t>
  </si>
  <si>
    <t>12/18/2019 12:02:51</t>
  </si>
  <si>
    <t>12/19/2019 10:13:32</t>
  </si>
  <si>
    <t>C:\Users\leonardo.caetano\OneDrive - Grupo Algar\Mesa Digital - GAT\_ISD\Componetizações Operações\ASSAI\</t>
  </si>
  <si>
    <t>ISD - Componentização dos Custos-Assaí.xlsx</t>
  </si>
  <si>
    <t>12/19/2019 10:12:52</t>
  </si>
  <si>
    <t>45433721-3adc-4af5-ab37-7bf016892a77.tmp</t>
  </si>
  <si>
    <t>\\acsfs\profiles$\sarahbal\Downloads\45433721-3adc-4af5-ab37-7bf016892a77.tmp</t>
  </si>
  <si>
    <t>12/19/2019 10:12:35</t>
  </si>
  <si>
    <t>12/19/2019 10:14:32</t>
  </si>
  <si>
    <t>12/19/2019 10:13:35</t>
  </si>
  <si>
    <t>12/19/2019 10:13:39</t>
  </si>
  <si>
    <t>Holerite_122019_2074676.pdf.30byr8w.partial</t>
  </si>
  <si>
    <t>\\acsfs\profiles$\cinthiacsda\Downloads\Holerite_122019_2074676.pdf.30byr8w.partial</t>
  </si>
  <si>
    <t>12/19/2019 10:11:36</t>
  </si>
  <si>
    <t>12/19/2019 10:15:32</t>
  </si>
  <si>
    <t>12/19/2019 10:11:10</t>
  </si>
  <si>
    <t>12/19/2019 10:16:33</t>
  </si>
  <si>
    <t>mail.google.com/mail/u/0/?hl=pt-BR#inbox?compose=CllgCKCGmKbrmSZpjSbWRdTtPzszhVpkfjMgmFGlhTRphqfclVlLWTlqNzCbpKNwtGKRMXDGZnV</t>
  </si>
  <si>
    <t>Inventario Nov2019.xlsx</t>
  </si>
  <si>
    <t>12/19/2019 10:13:09</t>
  </si>
  <si>
    <t>4997b363-d4cd-4f30-9b84-bae964b15a45.tmp</t>
  </si>
  <si>
    <t>\\acsfs\profiles$\deborahsi\Downloads\4997b363-d4cd-4f30-9b84-bae964b15a45.tmp</t>
  </si>
  <si>
    <t>12/19/2019 10:11:52</t>
  </si>
  <si>
    <t>Default.rdp</t>
  </si>
  <si>
    <t>\\acsfs\profiles$\geovanaasa\My Documents\Default.rdp</t>
  </si>
  <si>
    <t>12/19/2019 10:16:12</t>
  </si>
  <si>
    <t>12/19/2019 10:17:32</t>
  </si>
  <si>
    <t>3179bb53-aca9-4461-9047-e1aee7485dd0.tmp</t>
  </si>
  <si>
    <t>\\acsfs\profiles$\alessandraan\Downloads\3179bb53-aca9-4461-9047-e1aee7485dd0.tmp</t>
  </si>
  <si>
    <t>12/19/2019 10:15:39</t>
  </si>
  <si>
    <t>12/19/2019 10:18:33</t>
  </si>
  <si>
    <t>12/19/2019 10:15:17</t>
  </si>
  <si>
    <t>\\acsfs\profiles$\leydianeamd\My Documents\xworkcenter\lex\</t>
  </si>
  <si>
    <t>\\acsfs\profiles$\leydianeamd\My Documents\xworkcenter\lex\temp.tlx</t>
  </si>
  <si>
    <t>12/19/2019 10:15:18</t>
  </si>
  <si>
    <t>12/19/2019 10:15:19</t>
  </si>
  <si>
    <t>12/19/2019 10:15:20</t>
  </si>
  <si>
    <t>12/19/2019 10:15:21</t>
  </si>
  <si>
    <t>12/19/2019 10:15:23</t>
  </si>
  <si>
    <t>12/19/2019 10:15:24</t>
  </si>
  <si>
    <t>12/19/2019 10:15:25</t>
  </si>
  <si>
    <t>12/19/2019 10:15:26</t>
  </si>
  <si>
    <t>12/19/2019 10:15:27</t>
  </si>
  <si>
    <t>12/19/2019 10:15:28</t>
  </si>
  <si>
    <t>12/19/2019 10:15:29</t>
  </si>
  <si>
    <t>12/19/2019 10:15:30</t>
  </si>
  <si>
    <t>12/19/2019 10:15:31</t>
  </si>
  <si>
    <t>cdceb68d-9111-48a9-ba74-b4d562251278.tmp</t>
  </si>
  <si>
    <t>\\acsfs\profiles$\leydianeamd\Downloads\cdceb68d-9111-48a9-ba74-b4d562251278.tmp</t>
  </si>
  <si>
    <t>12/19/2019 10:15:33</t>
  </si>
  <si>
    <t>12/19/2019 10:15:34</t>
  </si>
  <si>
    <t>12/19/2019 10:15:35</t>
  </si>
  <si>
    <t>12/19/2019 10:15:36</t>
  </si>
  <si>
    <t>12/19/2019 10:15:37</t>
  </si>
  <si>
    <t>12/19/2019 10:15:38</t>
  </si>
  <si>
    <t>12/19/2019 10:15:40</t>
  </si>
  <si>
    <t>12/19/2019 10:15:41</t>
  </si>
  <si>
    <t>12/19/2019 10:15:42</t>
  </si>
  <si>
    <t>12/19/2019 10:15:44</t>
  </si>
  <si>
    <t>12/19/2019 10:15:45</t>
  </si>
  <si>
    <t>12/19/2019 10:15:46</t>
  </si>
  <si>
    <t>12/19/2019 10:19:32</t>
  </si>
  <si>
    <t>10.200.66.146</t>
  </si>
  <si>
    <t>74-86-7A-FB-17-F1</t>
  </si>
  <si>
    <t>VOTORANT-AFB003</t>
  </si>
  <si>
    <t>wedersonbadr</t>
  </si>
  <si>
    <t>\\acsfs\profiles$\wedersonbadr\My Documents\My Music\</t>
  </si>
  <si>
    <t>aa32c78b-d797-4502-8e58-363300c00659.tmp</t>
  </si>
  <si>
    <t>\\acsfs\profiles$\wedersonbadr\My Documents\My Music\aa32c78b-d797-4502-8e58-363300c00659.tmp</t>
  </si>
  <si>
    <t>12/19/2019 10:16:59</t>
  </si>
  <si>
    <t>\\acsfs\profiles$\wedersonbadr\Downloads\</t>
  </si>
  <si>
    <t>.~lock.Cópia de Controle de Erros operacionais - Outubro EQUIPE MARTA.xlsb#</t>
  </si>
  <si>
    <t>\\acsfs\profiles$\wedersonbadr\Downloads\.~lock.Cópia de Controle de Erros operacionais - Outubro EQUIPE MARTA.xlsb#</t>
  </si>
  <si>
    <t>12/19/2019 10:18:35</t>
  </si>
  <si>
    <t>12/19/2019 10:14:43</t>
  </si>
  <si>
    <t>12/19/2019 10:17:48</t>
  </si>
  <si>
    <t>12/19/2019 10:20:33</t>
  </si>
  <si>
    <t>12/19/2019 10:17:49</t>
  </si>
  <si>
    <t>12/19/2019 10:17:50</t>
  </si>
  <si>
    <t>12/19/2019 10:17:51</t>
  </si>
  <si>
    <t>12/19/2019 10:17:52</t>
  </si>
  <si>
    <t>12/19/2019 10:17:53</t>
  </si>
  <si>
    <t>12/19/2019 10:17:54</t>
  </si>
  <si>
    <t>12/19/2019 10:17:55</t>
  </si>
  <si>
    <t>12/19/2019 10:17:56</t>
  </si>
  <si>
    <t>12/19/2019 10:17:57</t>
  </si>
  <si>
    <t>12/19/2019 10:17:58</t>
  </si>
  <si>
    <t>12/19/2019 10:17:59</t>
  </si>
  <si>
    <t>12/19/2019 10:18:00</t>
  </si>
  <si>
    <t>12/19/2019 10:18:01</t>
  </si>
  <si>
    <t>12/19/2019 10:18:02</t>
  </si>
  <si>
    <t>12/19/2019 10:18:03</t>
  </si>
  <si>
    <t>12/19/2019 10:18:04</t>
  </si>
  <si>
    <t>12/19/2019 10:18:05</t>
  </si>
  <si>
    <t>12/19/2019 10:18:06</t>
  </si>
  <si>
    <t>12/19/2019 10:18:07</t>
  </si>
  <si>
    <t>12/19/2019 10:18:08</t>
  </si>
  <si>
    <t>12/19/2019 10:18:09</t>
  </si>
  <si>
    <t>12/19/2019 10:18:10</t>
  </si>
  <si>
    <t>12/19/2019 10:18:11</t>
  </si>
  <si>
    <t>12/19/2019 10:18:12</t>
  </si>
  <si>
    <t>12/19/2019 10:18:13</t>
  </si>
  <si>
    <t>12/19/2019 10:17:04</t>
  </si>
  <si>
    <t>100014299414656;</t>
  </si>
  <si>
    <t>https://100014299414656</t>
  </si>
  <si>
    <t>12/19/2019 10:19:08</t>
  </si>
  <si>
    <t>12/19/2019 10:15:50</t>
  </si>
  <si>
    <t>ba5ee90f-5e69-40bc-91e5-8bb67ea6d727.tmp</t>
  </si>
  <si>
    <t>\\acsfs\profiles$\JOAOVAL\Downloads\ba5ee90f-5e69-40bc-91e5-8bb67ea6d727.tmp</t>
  </si>
  <si>
    <t>12/19/2019 10:21:32</t>
  </si>
  <si>
    <t>12/19/2019 10:21:07</t>
  </si>
  <si>
    <t>12/19/2019 10:21:11</t>
  </si>
  <si>
    <t>12/19/2019 10:22:33</t>
  </si>
  <si>
    <t>12/19/2019 10:21:40</t>
  </si>
  <si>
    <t>12/19/2019 10:23:33</t>
  </si>
  <si>
    <t>Auditoria operador Patrick.xlsx</t>
  </si>
  <si>
    <t>12/19/2019 10:20:23</t>
  </si>
  <si>
    <t>bf36a7c3-a7ec-49d1-9adc-5152aefba178.tmp</t>
  </si>
  <si>
    <t>\\acsfs\profiles$\sarahbal\Downloads\bf36a7c3-a7ec-49d1-9adc-5152aefba178.tmp</t>
  </si>
  <si>
    <t>12/19/2019 10:21:09</t>
  </si>
  <si>
    <t>12/19/2019 10:21:39</t>
  </si>
  <si>
    <t>12/19/2019 10:22:09</t>
  </si>
  <si>
    <t>12/19/2019 10:22:40</t>
  </si>
  <si>
    <t>12/19/2019 10:19:35</t>
  </si>
  <si>
    <t>12/19/2019 10:24:33</t>
  </si>
  <si>
    <t>12/19/2019 10:22:49</t>
  </si>
  <si>
    <t>18714442-5661-4974-b338-97b2918b04e7.tmp</t>
  </si>
  <si>
    <t>\\acsfs\profiles$\KARENDSR\Downloads\18714442-5661-4974-b338-97b2918b04e7.tmp</t>
  </si>
  <si>
    <t>12/19/2019 10:23:41</t>
  </si>
  <si>
    <t>12/19/2019 10:25:33</t>
  </si>
  <si>
    <t>12/19/2019 10:23:46</t>
  </si>
  <si>
    <t>510c9599-bc23-4fbd-9e0f-563547bf9198.tmp</t>
  </si>
  <si>
    <t>\\acsfs\profiles$\marcellewdl\Downloads\510c9599-bc23-4fbd-9e0f-563547bf9198.tmp</t>
  </si>
  <si>
    <t>12/19/2019 10:26:33</t>
  </si>
  <si>
    <t>12/19/2019 10:22:39</t>
  </si>
  <si>
    <t>12/19/2019 10:28:33</t>
  </si>
  <si>
    <t>VOTORANT-CB014</t>
  </si>
  <si>
    <t>Marianna.txt</t>
  </si>
  <si>
    <t>\\acsfs\DEPTOS\Operacao\Banco_Votorantim\Qualidade\Anderson\Jose\Marianna.txt</t>
  </si>
  <si>
    <t>12/19/2019 10:24:16</t>
  </si>
  <si>
    <t>4da861db-7091-44d1-be47-c73e25595743.tmp</t>
  </si>
  <si>
    <t>\\acsfs\profiles$\geovannasm\Downloads\4da861db-7091-44d1-be47-c73e25595743.tmp</t>
  </si>
  <si>
    <t>12/19/2019 10:23:39</t>
  </si>
  <si>
    <t>12/19/2019 10:24:09</t>
  </si>
  <si>
    <t>12/19/2019 10:24:39</t>
  </si>
  <si>
    <t>12/19/2019 10:25:40</t>
  </si>
  <si>
    <t>12/19/2019 10:28:10</t>
  </si>
  <si>
    <t>12/19/2019 10:24:35</t>
  </si>
  <si>
    <t>12/19/2019 10:29:33</t>
  </si>
  <si>
    <t>12/19/2019 10:25:35</t>
  </si>
  <si>
    <t>12/19/2019 10:26:38</t>
  </si>
  <si>
    <t>12/19/2019 10:30:33</t>
  </si>
  <si>
    <t>12/19/2019 10:26:55</t>
  </si>
  <si>
    <t>12/19/2019 10:31:34</t>
  </si>
  <si>
    <t>12/19/2019 10:26:21</t>
  </si>
  <si>
    <t>12/19/2019 10:28:18</t>
  </si>
  <si>
    <t>ESTRUTURA IPO -TELEFONES.xlsx</t>
  </si>
  <si>
    <t>12/19/2019 10:28:41</t>
  </si>
  <si>
    <t>12/19/2019 10:28:54</t>
  </si>
  <si>
    <t>12/19/2019 10:28:40</t>
  </si>
  <si>
    <t>12/19/2019 10:33:34</t>
  </si>
  <si>
    <t>12/19/2019 10:29:40</t>
  </si>
  <si>
    <t>12/19/2019 10:30:35</t>
  </si>
  <si>
    <t>12/19/2019 10:34:33</t>
  </si>
  <si>
    <t>12/19/2019 10:31:35</t>
  </si>
  <si>
    <t>12/19/2019 10:31:04</t>
  </si>
  <si>
    <t>12/19/2019 10:35:34</t>
  </si>
  <si>
    <t>626d421c-139d-4e9d-9072-189c4e769c0d.tmp</t>
  </si>
  <si>
    <t>\\acsfs\profiles$\leticiala\Downloads\626d421c-139d-4e9d-9072-189c4e769c0d.tmp</t>
  </si>
  <si>
    <t>12/19/2019 10:34:24</t>
  </si>
  <si>
    <t>12/19/2019 10:33:58</t>
  </si>
  <si>
    <t>12/19/2019 10:34:46</t>
  </si>
  <si>
    <t>12/19/2019 10:36:33</t>
  </si>
  <si>
    <t>12/19/2019 10:31:06</t>
  </si>
  <si>
    <t>C:\A2\PAULAO\REUNIÕES\BOM DIA - JULHO\</t>
  </si>
  <si>
    <t>BOM DIA 19-12-2019.xlsx</t>
  </si>
  <si>
    <t>12/19/2019 10:32:41</t>
  </si>
  <si>
    <t>12/19/2019 10:31:52</t>
  </si>
  <si>
    <t>12/19/2019 10:32:59</t>
  </si>
  <si>
    <t>12/19/2019 10:37:34</t>
  </si>
  <si>
    <t>12/19/2019 10:33:06</t>
  </si>
  <si>
    <t>12/19/2019 10:33:07</t>
  </si>
  <si>
    <t>12/19/2019 10:33:17</t>
  </si>
  <si>
    <t>12/19/2019 10:33:21</t>
  </si>
  <si>
    <t>12/19/2019 10:33:23</t>
  </si>
  <si>
    <t>12/19/2019 10:33:24</t>
  </si>
  <si>
    <t>12/19/2019 10:34:15</t>
  </si>
  <si>
    <t>12/19/2019 10:38:33</t>
  </si>
  <si>
    <t>79d579db-5767-4f93-95c9-69a8848f8712.tmp</t>
  </si>
  <si>
    <t>\\acsfs\profiles$\leydianeamd\Downloads\79d579db-5767-4f93-95c9-69a8848f8712.tmp</t>
  </si>
  <si>
    <t>12/19/2019 10:35:48</t>
  </si>
  <si>
    <t>44465a49-7812-453e-afeb-b798fbf8431f.tmp</t>
  </si>
  <si>
    <t>\\acsfs\profiles$\leydianeamd\Downloads\44465a49-7812-453e-afeb-b798fbf8431f.tmp</t>
  </si>
  <si>
    <t>12/19/2019 10:37:12</t>
  </si>
  <si>
    <t>c15be38e-0750-470b-a517-a0b760e841c8.tmp</t>
  </si>
  <si>
    <t>\\acsfs\profiles$\geovannasm\Downloads\c15be38e-0750-470b-a517-a0b760e841c8.tmp</t>
  </si>
  <si>
    <t>12/19/2019 10:36:18</t>
  </si>
  <si>
    <t>https://udpmailboxap01.acs.com.br:8443/h/search;jsessionid=1wm2tjclol6z91n09vr4jfv5yb?si=0&amp;so=0&amp;sc=48949&amp;st=conversation&amp;action=compose</t>
  </si>
  <si>
    <t>12/19/2019 10:36:36</t>
  </si>
  <si>
    <t>12/19/2019 10:39:33</t>
  </si>
  <si>
    <t>12/19/2019 10:37:36</t>
  </si>
  <si>
    <t>12/19/2019 10:38:16</t>
  </si>
  <si>
    <t>andrelpsa@algartech.com;flora.lira@bv.com.br;jose.gomes@bv.com.br;renata.farina@bv.com.br;supervisaobancovotorantim@algartech.com;</t>
  </si>
  <si>
    <t>andrelpsa@algartech.com,flora.lira@bv.com.br,jose.gomes@bv.com.br,renata.farina@bv.com.br,supervisaobancovotorantim@algartech.com</t>
  </si>
  <si>
    <t>12/19/2019 10:38:38</t>
  </si>
  <si>
    <t>12/19/2019 10:38:41</t>
  </si>
  <si>
    <t>12/19/2019 10:37:48</t>
  </si>
  <si>
    <t>12/19/2019 10:40:33</t>
  </si>
  <si>
    <t>Relatorio de Vendas - Auditoria BV Cartoes (Dezembro)__10.xlsx</t>
  </si>
  <si>
    <t>\\acsfs\DEPTOS\Operacao\Banco_Votorantim\Qualidade\Anderson\Jose\Relatorio de Vendas - Auditoria BV Cartoes (Dezembro)__10.xlsx</t>
  </si>
  <si>
    <t>12/19/2019 10:41:34</t>
  </si>
  <si>
    <t>12/19/2019 10:36:19</t>
  </si>
  <si>
    <t>12/19/2019 10:36:26</t>
  </si>
  <si>
    <t>12/19/2019 10:43:18</t>
  </si>
  <si>
    <t>12/19/2019 10:43:34</t>
  </si>
  <si>
    <t>12/19/2019 10:38:52</t>
  </si>
  <si>
    <t>12/19/2019 10:44:33</t>
  </si>
  <si>
    <t>12/19/2019 10:38:56</t>
  </si>
  <si>
    <t>12/19/2019 10:40:47</t>
  </si>
  <si>
    <t>12/19/2019 10:41:45</t>
  </si>
  <si>
    <t>12/19/2019 10:41:55</t>
  </si>
  <si>
    <t>12/19/2019 10:41:56</t>
  </si>
  <si>
    <t>12/19/2019 10:41:59</t>
  </si>
  <si>
    <t>12/19/2019 10:42:36</t>
  </si>
  <si>
    <t>12/19/2019 10:42:59</t>
  </si>
  <si>
    <t>12/19/2019 10:43:36</t>
  </si>
  <si>
    <t>12/19/2019 10:42:51</t>
  </si>
  <si>
    <t>9fd508d3-44a4-4922-8bc3-bd91906bf50c.tmp</t>
  </si>
  <si>
    <t>\\acsfs\profiles$\KARENDSR\Downloads\9fd508d3-44a4-4922-8bc3-bd91906bf50c.tmp</t>
  </si>
  <si>
    <t>12/19/2019 10:42:53</t>
  </si>
  <si>
    <t>12/19/2019 10:45:33</t>
  </si>
  <si>
    <t>12/19/2019 10:42:02</t>
  </si>
  <si>
    <t>12/19/2019 10:44:37</t>
  </si>
  <si>
    <t>12/19/2019 10:46:33</t>
  </si>
  <si>
    <t>SLA GRC Nov 19.xlsx</t>
  </si>
  <si>
    <t>12/19/2019 10:42:39</t>
  </si>
  <si>
    <t>12/19/2019 10:43:39</t>
  </si>
  <si>
    <t>12/19/2019 10:47:33</t>
  </si>
  <si>
    <t>12/19/2019 10:45:48</t>
  </si>
  <si>
    <t>12/19/2019 10:48:33</t>
  </si>
  <si>
    <t>12/19/2019 10:46:18</t>
  </si>
  <si>
    <t>12/19/2019 10:46:48</t>
  </si>
  <si>
    <t>12/19/2019 10:48:18</t>
  </si>
  <si>
    <t>12/19/2019 10:46:38</t>
  </si>
  <si>
    <t>12/19/2019 10:49:33</t>
  </si>
  <si>
    <t>andrelps@algartech.com;leonardoao@algartech.com;</t>
  </si>
  <si>
    <t>andrelps@algartech.com,leonardoao@algartech.com</t>
  </si>
  <si>
    <t>12/19/2019 10:46:47</t>
  </si>
  <si>
    <t>12/19/2019 10:48:36</t>
  </si>
  <si>
    <t>12/19/2019 10:45:12</t>
  </si>
  <si>
    <t>12/19/2019 10:50:34</t>
  </si>
  <si>
    <t>12/19/2019 10:45:56</t>
  </si>
  <si>
    <t>Wender Bruno - Data 10-12-2019 horas 14-22-40 as 14-47-22.wav</t>
  </si>
  <si>
    <t>\\acsfs\DEPTOS\EDUCACAO EMPRESARIAL\2 - Operações\0 - BV\5 - QUALIDADE\Nova pasta\Wender Bruno - Data 10-12-2019 horas 14-22-40 as 14-47-22.wav</t>
  </si>
  <si>
    <t>12/19/2019 10:46:09</t>
  </si>
  <si>
    <t>\\acsfs\DEPTOS\EDUCACAO EMPRESARIAL\2 - Operações\0 - BV\5 - QUALIDADE\Nova pasta\Marianna.txt</t>
  </si>
  <si>
    <t>12/19/2019 10:48:40</t>
  </si>
  <si>
    <t>12/19/2019 10:48:51</t>
  </si>
  <si>
    <t>12/19/2019 10:50:00</t>
  </si>
  <si>
    <t>12/19/2019 10:47:22</t>
  </si>
  <si>
    <t>12/19/2019 10:51:33</t>
  </si>
  <si>
    <t>d0bc54d7-3c97-4cfe-af0f-1a78829d1fcd.tmp</t>
  </si>
  <si>
    <t>\\acsfs\profiles$\gabrielarb\Downloads\d0bc54d7-3c97-4cfe-af0f-1a78829d1fcd.tmp</t>
  </si>
  <si>
    <t>12/19/2019 10:48:45</t>
  </si>
  <si>
    <t>12/19/2019 10:52:34</t>
  </si>
  <si>
    <t>\\acsfs\profiles$\YASMINSC\</t>
  </si>
  <si>
    <t>Comandos Avaya.txt</t>
  </si>
  <si>
    <t>\\acsfs\profiles$\YASMINSC\Comandos Avaya.txt</t>
  </si>
  <si>
    <t>12/19/2019 10:51:48</t>
  </si>
  <si>
    <t>12/19/2019 10:53:33</t>
  </si>
  <si>
    <t>79bf7201-9952-4b54-beca-56d9d6e3e377.tmp</t>
  </si>
  <si>
    <t>\\acsfs\profiles$\LUCASBS\Downloads\79bf7201-9952-4b54-beca-56d9d6e3e377.tmp</t>
  </si>
  <si>
    <t>12/19/2019 10:49:18</t>
  </si>
  <si>
    <t>12/19/2019 10:49:48</t>
  </si>
  <si>
    <t>12/19/2019 10:54:33</t>
  </si>
  <si>
    <t>12/19/2019 10:50:48</t>
  </si>
  <si>
    <t>12/19/2019 10:49:36</t>
  </si>
  <si>
    <t>12/19/2019 10:51:24</t>
  </si>
  <si>
    <t>12/19/2019 10:51:43</t>
  </si>
  <si>
    <t>12/19/2019 10:52:14</t>
  </si>
  <si>
    <t>12/19/2019 10:52:36</t>
  </si>
  <si>
    <t>12/19/2019 10:52:50</t>
  </si>
  <si>
    <t>12/19/2019 10:53:05</t>
  </si>
  <si>
    <t>12/19/2019 10:53:08</t>
  </si>
  <si>
    <t>12/19/2019 10:53:14</t>
  </si>
  <si>
    <t>12/19/2019 10:53:19</t>
  </si>
  <si>
    <t>12/19/2019 10:53:24</t>
  </si>
  <si>
    <t>12/19/2019 10:53:35</t>
  </si>
  <si>
    <t>12/19/2019 10:53:38</t>
  </si>
  <si>
    <t>12/19/2019 10:52:01</t>
  </si>
  <si>
    <t>12/19/2019 10:55:33</t>
  </si>
  <si>
    <t>12/19/2019 10:54:19</t>
  </si>
  <si>
    <t>12/19/2019 10:56:33</t>
  </si>
  <si>
    <t>d0b11bf4-cf1c-492f-aa1c-261f8e54d909.tmp</t>
  </si>
  <si>
    <t>\\acsfs\profiles$\gabrielarb\Downloads\d0b11bf4-cf1c-492f-aa1c-261f8e54d909.tmp</t>
  </si>
  <si>
    <t>lu215322o5g6q.tmp</t>
  </si>
  <si>
    <t>\\acsfs\profiles$\jonatanls\My Documents\lu215322o5g6q.tmp</t>
  </si>
  <si>
    <t>lu215322o5g6w.tmp</t>
  </si>
  <si>
    <t>\\acsfs\profiles$\jonatanls\My Documents\lu215322o5g6w.tmp</t>
  </si>
  <si>
    <t>12/19/2019 10:53:21</t>
  </si>
  <si>
    <t>12/19/2019 10:53:22</t>
  </si>
  <si>
    <t>lu215322o5g72.tmp</t>
  </si>
  <si>
    <t>\\acsfs\profiles$\jonatanls\My Documents\lu215322o5g72.tmp</t>
  </si>
  <si>
    <t>12/19/2019 10:54:03</t>
  </si>
  <si>
    <t>lu215322o5g78.tmp</t>
  </si>
  <si>
    <t>\\acsfs\profiles$\jonatanls\My Documents\lu215322o5g78.tmp</t>
  </si>
  <si>
    <t>12/19/2019 10:52:17</t>
  </si>
  <si>
    <t>12/19/2019 10:57:34</t>
  </si>
  <si>
    <t>12/19/2019 10:53:44</t>
  </si>
  <si>
    <t>12/19/2019 10:56:45</t>
  </si>
  <si>
    <t>12/19/2019 10:56:46</t>
  </si>
  <si>
    <t>12/19/2019 10:56:52</t>
  </si>
  <si>
    <t>12/19/2019 10:56:57</t>
  </si>
  <si>
    <t>12/19/2019 10:56:58</t>
  </si>
  <si>
    <t>12/19/2019 10:56:59</t>
  </si>
  <si>
    <t>12/19/2019 10:57:01</t>
  </si>
  <si>
    <t>12/19/2019 10:54:48</t>
  </si>
  <si>
    <t>12/19/2019 10:58:33</t>
  </si>
  <si>
    <t>12/19/2019 10:55:48</t>
  </si>
  <si>
    <t>12/19/2019 10:56:18</t>
  </si>
  <si>
    <t>12/19/2019 10:54:01</t>
  </si>
  <si>
    <t>12/19/2019 10:59:34</t>
  </si>
  <si>
    <t>12/19/2019 10:54:06</t>
  </si>
  <si>
    <t>12/19/2019 10:54:36</t>
  </si>
  <si>
    <t>12/19/2019 10:55:00</t>
  </si>
  <si>
    <t>andrelps@algartech.com;leonardoao@algartech.com;pdf;</t>
  </si>
  <si>
    <t>andrelps@algartech.com,leonardoao@algartech.com,pdf</t>
  </si>
  <si>
    <t>12/19/2019 10:55:06</t>
  </si>
  <si>
    <t>12/19/2019 10:55:20</t>
  </si>
  <si>
    <t>12/19/2019 10:55:25</t>
  </si>
  <si>
    <t>12/19/2019 10:55:37</t>
  </si>
  <si>
    <t>12/19/2019 10:55:42</t>
  </si>
  <si>
    <t>12/19/2019 10:55:49</t>
  </si>
  <si>
    <t>12/19/2019 10:56:24</t>
  </si>
  <si>
    <t>12/19/2019 10:56:27</t>
  </si>
  <si>
    <t>12/19/2019 10:56:34</t>
  </si>
  <si>
    <t>12/19/2019 10:56:38</t>
  </si>
  <si>
    <t>12/19/2019 10:56:42</t>
  </si>
  <si>
    <t>12/19/2019 11:00:33</t>
  </si>
  <si>
    <t>318fd869-32ea-4dea-bd7f-81bf18c42d1c.tmp</t>
  </si>
  <si>
    <t>\\acsfs\profiles$\leticiala\Downloads\318fd869-32ea-4dea-bd7f-81bf18c42d1c.tmp</t>
  </si>
  <si>
    <t>12/19/2019 10:57:31</t>
  </si>
  <si>
    <t>12/19/2019 11:01:33</t>
  </si>
  <si>
    <t>12/19/2019 10:59:03</t>
  </si>
  <si>
    <t>12/19/2019 11:02:33</t>
  </si>
  <si>
    <t>12/19/2019 10:59:14</t>
  </si>
  <si>
    <t>12/19/2019 10:59:15</t>
  </si>
  <si>
    <t>12/19/2019 10:58:35</t>
  </si>
  <si>
    <t>12/19/2019 11:03:33</t>
  </si>
  <si>
    <t>Reneg - Vcto 20 - 2 parc ou mais.xlsx</t>
  </si>
  <si>
    <t>\\acsfs\DEPTOS\Operacao\Banco_Votorantim\Comum\00 - COMUM - BV CARTÕES\EQUIPE ADILSON\Aspect\Reneg - Vcto 20 - 2 parc ou mais.xlsx</t>
  </si>
  <si>
    <t>12/19/2019 10:58:36</t>
  </si>
  <si>
    <t>\\acsfs\DEPTOS\Operacao\Banco_Votorantim\Comum\00 - COMUM - BV CARTÕES\EQUIPE ADILSON\Aspect\Reneg - Vcto 20 - 2 parc ou mais.xlsx\</t>
  </si>
  <si>
    <t>\\acsfs\DEPTOS\Operacao\Banco_Votorantim\Comum\00 - COMUM - BV CARTÕES\EQUIPE ADILSON\Aspect\Reneg - Vcto 20 - 2 parc ou mais.xlsx\:Zone.Identifier:$DATA</t>
  </si>
  <si>
    <t>12/19/2019 11:00:48</t>
  </si>
  <si>
    <t>12/19/2019 11:01:18</t>
  </si>
  <si>
    <t>12/19/2019 11:02:18</t>
  </si>
  <si>
    <t>12/19/2019 11:03:18</t>
  </si>
  <si>
    <t>12/19/2019 11:00:36</t>
  </si>
  <si>
    <t>12/19/2019 11:04:33</t>
  </si>
  <si>
    <t>12/19/2019 11:01:36</t>
  </si>
  <si>
    <t>12/19/2019 11:06:33</t>
  </si>
  <si>
    <t>12/19/2019 11:01:16</t>
  </si>
  <si>
    <t>Rotinas para importação AMANDA VALE.csv</t>
  </si>
  <si>
    <t>12/19/2019 11:03:47</t>
  </si>
  <si>
    <t>12/19/2019 11:08:33</t>
  </si>
  <si>
    <t>1b31bbfa-e8e9-4a0b-a6a6-379da110deaf.tmp</t>
  </si>
  <si>
    <t>\\acsfs\profiles$\raicabog\Downloads\1b31bbfa-e8e9-4a0b-a6a6-379da110deaf.tmp</t>
  </si>
  <si>
    <t>12/19/2019 11:07:43</t>
  </si>
  <si>
    <t>12/19/2019 11:03:48</t>
  </si>
  <si>
    <t>12/19/2019 11:09:33</t>
  </si>
  <si>
    <t>12/19/2019 11:04:48</t>
  </si>
  <si>
    <t>12/19/2019 11:05:18</t>
  </si>
  <si>
    <t>12/19/2019 11:05:48</t>
  </si>
  <si>
    <t>12/19/2019 11:06:18</t>
  </si>
  <si>
    <t>12/19/2019 11:06:36</t>
  </si>
  <si>
    <t>12/19/2019 11:07:36</t>
  </si>
  <si>
    <t>12/19/2019 11:09:57</t>
  </si>
  <si>
    <t>12/19/2019 11:10:32</t>
  </si>
  <si>
    <t>12/19/2019 11:11:33</t>
  </si>
  <si>
    <t>12/19/2019 11:07:14</t>
  </si>
  <si>
    <t>12/19/2019 11:12:32</t>
  </si>
  <si>
    <t>12/19/2019 11:07:16</t>
  </si>
  <si>
    <t>12/19/2019 11:07:17</t>
  </si>
  <si>
    <t>12/19/2019 11:07:19</t>
  </si>
  <si>
    <t>12/19/2019 11:07:24</t>
  </si>
  <si>
    <t>12/19/2019 11:07:25</t>
  </si>
  <si>
    <t>12/19/2019 11:07:27</t>
  </si>
  <si>
    <t>12/19/2019 11:07:31</t>
  </si>
  <si>
    <t>12/19/2019 11:07:32</t>
  </si>
  <si>
    <t>12/19/2019 11:08:04</t>
  </si>
  <si>
    <t>12/19/2019 11:08:06</t>
  </si>
  <si>
    <t>12/19/2019 11:08:07</t>
  </si>
  <si>
    <t>12/19/2019 11:08:09</t>
  </si>
  <si>
    <t>12/19/2019 11:11:28</t>
  </si>
  <si>
    <t>12/19/2019 11:11:29</t>
  </si>
  <si>
    <t>12/19/2019 11:10:44</t>
  </si>
  <si>
    <t>12/19/2019 11:13:32</t>
  </si>
  <si>
    <t>12/19/2019 11:12:31</t>
  </si>
  <si>
    <t>4e5dde33-ce9f-4279-a815-daac0ba13bda.tmp</t>
  </si>
  <si>
    <t>\\acsfs\profiles$\leydianeamd\Downloads\4e5dde33-ce9f-4279-a815-daac0ba13bda.tmp</t>
  </si>
  <si>
    <t>12/19/2019 11:13:18</t>
  </si>
  <si>
    <t>12/19/2019 11:14:32</t>
  </si>
  <si>
    <t>12/19/2019 11:12:36</t>
  </si>
  <si>
    <t>12/19/2019 11:13:36</t>
  </si>
  <si>
    <t>12/19/2019 11:12:38</t>
  </si>
  <si>
    <t>12/19/2019 11:15:33</t>
  </si>
  <si>
    <t>12/19/2019 11:15:08</t>
  </si>
  <si>
    <t>12/19/2019 11:13:24</t>
  </si>
  <si>
    <t>e78f76bd-dbc1-4143-838b-744ff22d1b7a.tmp</t>
  </si>
  <si>
    <t>\\acsfs\profiles$\gabrielafs\Downloads\e78f76bd-dbc1-4143-838b-744ff22d1b7a.tmp</t>
  </si>
  <si>
    <t>12/19/2019 11:16:32</t>
  </si>
  <si>
    <t>12/19/2019 11:14:46</t>
  </si>
  <si>
    <t>12/19/2019 11:15:29</t>
  </si>
  <si>
    <t>12/19/2019 11:17:33</t>
  </si>
  <si>
    <t>12/19/2019 11:15:30</t>
  </si>
  <si>
    <t>12/19/2019 11:15:31</t>
  </si>
  <si>
    <t>12/19/2019 11:15:32</t>
  </si>
  <si>
    <t>12/19/2019 11:15:38</t>
  </si>
  <si>
    <t>12/19/2019 11:15:47</t>
  </si>
  <si>
    <t>12/19/2019 11:13:35</t>
  </si>
  <si>
    <t>0];0]]&lt;�3_x0003_$�3;0]l;0]p;0]ull;1300016222;1576096600549;1576096901578;1576097804679;38;39;42;[];[]]];alessandrar@algartech.com;alessiors@algartech.com;false;false]";hdp_iqsgywsydumjfwaiwagpa4gmyo8a_0a7zculsc0o7unxxjfrdyfwj4io\";hdp_iqsgywsydumjfzaiwagm4n6vmb5dtjvxu8peoqqxjwu39dquxo_1uwyk\";hdp_iqsgywsydumjfzkiwagocot5nswmkqs60eq2ztmyj1qh4er0h5cjpxwy\";humbertopj@algartech.com;null;priscilacy@algartech.com;sh3ji7zufm_d8ps8kywvntarryoljfrkvewxpxx9z-k-2u1lmy5_zduzaahjomwmamtnvymq0jzcaknzdstqgniwxakd5laq2bd3kbdtuftpif-eixi9gsrfq-cbj_jhydujjgb4oluc9fhr8f7xrxklycxxfkkaov3tbchnkq4inbs5smt1jlstbb1n2hubjurxqxjq7vbs5r5ugmetqxvcyl1zjrfoafllc;</t>
  </si>
  <si>
    <t>C:\Users\marcelacpe\Downloads\</t>
  </si>
  <si>
    <t>0],0]]&lt;�3_x0003_$�3,0]l,0]p,0]ull,1300016222,1576096600549,1576096901578,1576097804679,38,39,42,[],[]]],alessandrar@algartech.com,alessiors@algartech.com,false,false]",hdp_iqsgywsydumjfwaiwagpa4gmyo8a_0a7zculsc0o7unxxjfrdyfwj4io\",hdp_iqsgywsydumjfzaiwagm4n6vmb5dtjvxu8peoqqxjwu39dquxo_1uwyk\",hdp_iqsgywsydumjfzkiwagocot5nswmkqs60eq2ztmyj1qh4er0h5cjpxwy\",humbertopj@algartech.com,null,priscilacy@algartech.com,sh3ji7zufm_d8ps8kywvntarryoljfrkvewxpxx9z-k-2u1lmy5_zduzaahjomwmamtnvymq0jzcaknzdstqgniwxakd5laq2bd3kbdtuftpif-eixi9gsrfq-cbj_jhydujjgb4oluc9fhr8f7xrxklycxxfkkaov3tbchnkq4inbs5smt1jlstbb1n2hubjurxqxjq7vbs5r5ugmetqxvcyl1zjrfoafllc</t>
  </si>
  <si>
    <t>12/19/2019 11:12:19</t>
  </si>
  <si>
    <t>12/19/2019 11:12:20</t>
  </si>
  <si>
    <t>12/19/2019 11:13:17</t>
  </si>
  <si>
    <t>12/19/2019 11:18:32</t>
  </si>
  <si>
    <t>b94b30ab-6e73-44be-99e2-c46e97b44b61.tmp</t>
  </si>
  <si>
    <t>\\acsfs\profiles$\LUCASBS\Downloads\b94b30ab-6e73-44be-99e2-c46e97b44b61.tmp</t>
  </si>
  <si>
    <t>12/19/2019 11:13:48</t>
  </si>
  <si>
    <t>12/19/2019 11:19:32</t>
  </si>
  <si>
    <t>12/19/2019 11:15:48</t>
  </si>
  <si>
    <t>12/19/2019 11:16:18</t>
  </si>
  <si>
    <t>12/19/2019 11:18:55</t>
  </si>
  <si>
    <t>784dc639-90cc-4dce-8bcd-1a2b005bd84b.tmp</t>
  </si>
  <si>
    <t>\\acsfs\profiles$\KARENDSR\Downloads\784dc639-90cc-4dce-8bcd-1a2b005bd84b.tmp</t>
  </si>
  <si>
    <t>12/19/2019 11:18:36</t>
  </si>
  <si>
    <t>12/19/2019 11:19:08</t>
  </si>
  <si>
    <t>12/19/2019 11:20:32</t>
  </si>
  <si>
    <t>a9a836c8-e555-41fc-8433-d37baefb77e0.tmp</t>
  </si>
  <si>
    <t>\\acsfs\profiles$\claudiajca\Downloads\a9a836c8-e555-41fc-8433-d37baefb77e0.tmp</t>
  </si>
  <si>
    <t>12/19/2019 11:19:25</t>
  </si>
  <si>
    <t>12/19/2019 11:18:06</t>
  </si>
  <si>
    <t>12/19/2019 11:21:32</t>
  </si>
  <si>
    <t>20e81995-9f46-45e7-bc9b-673ff0a189f5.tmp</t>
  </si>
  <si>
    <t>\\acsfs\profiles$\Flaviojmm\Downloads\20e81995-9f46-45e7-bc9b-673ff0a189f5.tmp</t>
  </si>
  <si>
    <t>12/19/2019 11:17:46</t>
  </si>
  <si>
    <t>ESTRUTURA IPO - GREVY DEZEMBRO 2019.xlsx</t>
  </si>
  <si>
    <t>12/19/2019 11:21:03</t>
  </si>
  <si>
    <t>12/19/2019 11:21:04</t>
  </si>
  <si>
    <t>12/19/2019 11:22:32</t>
  </si>
  <si>
    <t>12/19/2019 11:17:35</t>
  </si>
  <si>
    <t>12/19/2019 11:18:04</t>
  </si>
  <si>
    <t>12/19/2019 11:18:05</t>
  </si>
  <si>
    <t>12/19/2019 11:18:10</t>
  </si>
  <si>
    <t>12/19/2019 11:21:33</t>
  </si>
  <si>
    <t>12/19/2019 11:21:35</t>
  </si>
  <si>
    <t>12/19/2019 11:21:37</t>
  </si>
  <si>
    <t>12/19/2019 11:21:40</t>
  </si>
  <si>
    <t>12/19/2019 11:21:50</t>
  </si>
  <si>
    <t>12/19/2019 11:21:51</t>
  </si>
  <si>
    <t>12/19/2019 11:21:49</t>
  </si>
  <si>
    <t>12/19/2019 11:23:32</t>
  </si>
  <si>
    <t>Gestão de Reajustes 2019 v8.1 19_12.xlsx</t>
  </si>
  <si>
    <t>mail.google.com/_/upload?authuser=1&amp;dcp=asu-n&amp;upload_id=AEnB2UoGzQSRVYjPuceUQjyR7mB_9z5mDe8va0CwotlGRKXkQJ-CXV7YGJ2gnxz7kkN9L6GTmjzM_wV622vtY4__RjUJSbPk7mGOdpSmgmc6FzTeJ-M4ioc&amp;upload_protocol=resumable</t>
  </si>
  <si>
    <t>Associados_Desmobilização.xlsx</t>
  </si>
  <si>
    <t>12/19/2019 11:22:18</t>
  </si>
  <si>
    <t>12/19/2019 11:24:32</t>
  </si>
  <si>
    <t>12/19/2019 11:22:48</t>
  </si>
  <si>
    <t>12/19/2019 11:23:18</t>
  </si>
  <si>
    <t>12/19/2019 11:19:36</t>
  </si>
  <si>
    <t>12/19/2019 11:20:55</t>
  </si>
  <si>
    <t>12/19/2019 11:21:14</t>
  </si>
  <si>
    <t>12/19/2019 11:21:55</t>
  </si>
  <si>
    <t>12/19/2019 11:22:17</t>
  </si>
  <si>
    <t>12/19/2019 11:22:38</t>
  </si>
  <si>
    <t>mail.google.com/sync/u/0/i/s?hl=pt-BR&amp;c=216</t>
  </si>
  <si>
    <t>12/19/2019 11:23:17</t>
  </si>
  <si>
    <t>12/19/2019 11:20:24</t>
  </si>
  <si>
    <t>12/19/2019 11:25:32</t>
  </si>
  <si>
    <t>12/19/2019 11:26:32</t>
  </si>
  <si>
    <t>12/19/2019 11:23:48</t>
  </si>
  <si>
    <t>12/19/2019 11:29:32</t>
  </si>
  <si>
    <t>12/19/2019 11:24:18</t>
  </si>
  <si>
    <t>12/19/2019 11:26:48</t>
  </si>
  <si>
    <t>12/19/2019 11:27:18</t>
  </si>
  <si>
    <t>12/19/2019 11:28:18</t>
  </si>
  <si>
    <t>12/19/2019 11:24:01</t>
  </si>
  <si>
    <t>12/19/2019 11:24:02</t>
  </si>
  <si>
    <t>12/19/2019 11:24:05</t>
  </si>
  <si>
    <t>12/19/2019 11:24:06</t>
  </si>
  <si>
    <t>12/19/2019 11:24:07</t>
  </si>
  <si>
    <t>12/19/2019 11:24:36</t>
  </si>
  <si>
    <t>12/19/2019 11:25:36</t>
  </si>
  <si>
    <t>12/19/2019 11:27:33</t>
  </si>
  <si>
    <t>12/19/2019 11:30:32</t>
  </si>
  <si>
    <t>Mapa de Logs de Navegação - URA Whirlpool Sinergia (4).xlsx</t>
  </si>
  <si>
    <t>12/19/2019 11:26:10</t>
  </si>
  <si>
    <t>12/19/2019 11:28:32</t>
  </si>
  <si>
    <t>12/19/2019 11:28:51</t>
  </si>
  <si>
    <t>12/19/2019 11:31:33</t>
  </si>
  <si>
    <t>12/19/2019 11:27:04</t>
  </si>
  <si>
    <t>12/19/2019 11:32:32</t>
  </si>
  <si>
    <t>12/19/2019 11:27:52</t>
  </si>
  <si>
    <t>mail.google.com/_/upload?authuser=2&amp;dcp=asu-n&amp;upload_id=AEnB2Upc5AsBhQy87LWgnQarhXGIORiTSGVxAw0JTqpqPbt1c0MfuTeeaZaIjOEV2aCAeK8X2Y-K3zZRQcJOPqIMABRjp1DMKi0U7o9z1xX9ai_yN_rB0zk&amp;upload_protocol=resumable</t>
  </si>
  <si>
    <t>Relatório SAMANTA.xlsx</t>
  </si>
  <si>
    <t>12/19/2019 11:28:17</t>
  </si>
  <si>
    <t>12/19/2019 11:28:19</t>
  </si>
  <si>
    <t>12/19/2019 11:28:35</t>
  </si>
  <si>
    <t>12/19/2019 11:28:37</t>
  </si>
  <si>
    <t>12/19/2019 11:28:38</t>
  </si>
  <si>
    <t>12/19/2019 11:30:41</t>
  </si>
  <si>
    <t>12/19/2019 11:30:49</t>
  </si>
  <si>
    <t>12/19/2019 11:30:50</t>
  </si>
  <si>
    <t>12/19/2019 11:31:00</t>
  </si>
  <si>
    <t>12/19/2019 11:29:13</t>
  </si>
  <si>
    <t>12/19/2019 11:33:32</t>
  </si>
  <si>
    <t>12/19/2019 11:29:15</t>
  </si>
  <si>
    <t>12/19/2019 11:28:48</t>
  </si>
  <si>
    <t>12/19/2019 11:34:32</t>
  </si>
  <si>
    <t>12/19/2019 11:29:18</t>
  </si>
  <si>
    <t>12/19/2019 11:29:48</t>
  </si>
  <si>
    <t>12/19/2019 11:30:18</t>
  </si>
  <si>
    <t>12/19/2019 11:30:48</t>
  </si>
  <si>
    <t>12/19/2019 11:33:18</t>
  </si>
  <si>
    <t>12/19/2019 11:30:36</t>
  </si>
  <si>
    <t>12/19/2019 11:31:36</t>
  </si>
  <si>
    <t>12/19/2019 11:34:26</t>
  </si>
  <si>
    <t>12/19/2019 11:35:32</t>
  </si>
  <si>
    <t>e693a5d3-7f5b-4687-856f-4e4efa7cc38a.tmp</t>
  </si>
  <si>
    <t>\\acsfs\profiles$\nathaliadf\Downloads\e693a5d3-7f5b-4687-856f-4e4efa7cc38a.tmp</t>
  </si>
  <si>
    <t>12/19/2019 11:36:32</t>
  </si>
  <si>
    <t>12/19/2019 11:35:55</t>
  </si>
  <si>
    <t>12/19/2019 11:33:04</t>
  </si>
  <si>
    <t>12/19/2019 11:37:32</t>
  </si>
  <si>
    <t>12/19/2019 11:33:06</t>
  </si>
  <si>
    <t>12/19/2019 11:33:07</t>
  </si>
  <si>
    <t>12/19/2019 11:35:49</t>
  </si>
  <si>
    <t>12/19/2019 11:38:32</t>
  </si>
  <si>
    <t>10.200.66.136</t>
  </si>
  <si>
    <t>74-86-7A-FB-15-90</t>
  </si>
  <si>
    <t>VOTORANT-ZB006</t>
  </si>
  <si>
    <t>\\acsfs\profiles$\wedersonbadr\Contacts\</t>
  </si>
  <si>
    <t>WEDERSON BRUNO ALVES DOS REIS (3810).contact</t>
  </si>
  <si>
    <t>\\acsfs\profiles$\wedersonbadr\Contacts\WEDERSON BRUNO ALVES DOS REIS (3810).contact</t>
  </si>
  <si>
    <t>12/19/2019 11:35:50</t>
  </si>
  <si>
    <t>12/19/2019 11:36:24</t>
  </si>
  <si>
    <t>\\acsfs\profiles$\wedersonbadr\My Documents\My Videos\</t>
  </si>
  <si>
    <t>\\acsfs\profiles$\wedersonbadr\My Documents\My Videos\desktop.ini</t>
  </si>
  <si>
    <t>12/19/2019 11:36:25</t>
  </si>
  <si>
    <t>\\acsfs\profiles$\wedersonbadr\My Documents\My Pictures\</t>
  </si>
  <si>
    <t>\\acsfs\profiles$\wedersonbadr\My Documents\My Pictures\desktop.ini</t>
  </si>
  <si>
    <t>12/19/2019 11:36:26</t>
  </si>
  <si>
    <t>\\acsfs\profiles$\wedersonbadr\Contacts\desktop.ini</t>
  </si>
  <si>
    <t>12/19/2019 11:36:27</t>
  </si>
  <si>
    <t>\\acsfs\profiles$\wedersonbadr\Favorites\</t>
  </si>
  <si>
    <t>\\acsfs\profiles$\wedersonbadr\Favorites\desktop.ini</t>
  </si>
  <si>
    <t>12/19/2019 11:36:28</t>
  </si>
  <si>
    <t>\\acsfs\profiles$\wedersonbadr\My Documents\My Music\desktop.ini</t>
  </si>
  <si>
    <t>12/19/2019 11:36:29</t>
  </si>
  <si>
    <t>12/19/2019 11:36:30</t>
  </si>
  <si>
    <t>\\acsfs\profiles$\wedersonbadr\Searches\</t>
  </si>
  <si>
    <t>\\acsfs\profiles$\wedersonbadr\Searches\desktop.ini</t>
  </si>
  <si>
    <t>\\acsfs\profiles$\wedersonbadr\Downloads\desktop.ini</t>
  </si>
  <si>
    <t>12/19/2019 11:36:31</t>
  </si>
  <si>
    <t>\\acsfs\profiles$\wedersonbadr\My Documents\</t>
  </si>
  <si>
    <t>\\acsfs\profiles$\wedersonbadr\My Documents\desktop.ini</t>
  </si>
  <si>
    <t>12/19/2019 11:36:33</t>
  </si>
  <si>
    <t>\\acsfs\profiles$\wedersonbadr\Saved Games\</t>
  </si>
  <si>
    <t>\\acsfs\profiles$\wedersonbadr\Saved Games\desktop.ini</t>
  </si>
  <si>
    <t>12/19/2019 11:37:15</t>
  </si>
  <si>
    <t>\\acsfs\profiles$\wedersonbadr\Favorites\Links for Brasil\</t>
  </si>
  <si>
    <t>\\acsfs\profiles$\wedersonbadr\Favorites\Links for Brasil\desktop.ini</t>
  </si>
  <si>
    <t>\\acsfs\profiles$\wedersonbadr\Favorites\Links for Brasil\Microsoft Brasil.url</t>
  </si>
  <si>
    <t>12/19/2019 11:37:16</t>
  </si>
  <si>
    <t>\\acsfs\profiles$\wedersonbadr\Favorites\Links for Brasil\Windows Brasil.url</t>
  </si>
  <si>
    <t>\\acsfs\profiles$\wedersonbadr\Favorites\Links for Brasil\MSN Brasil.url</t>
  </si>
  <si>
    <t>12/19/2019 11:37:17</t>
  </si>
  <si>
    <t>12/19/2019 11:33:48</t>
  </si>
  <si>
    <t>12/19/2019 11:39:32</t>
  </si>
  <si>
    <t>12/19/2019 11:35:18</t>
  </si>
  <si>
    <t>12/19/2019 11:35:48</t>
  </si>
  <si>
    <t>12/19/2019 11:36:36</t>
  </si>
  <si>
    <t>12/19/2019 11:37:36</t>
  </si>
  <si>
    <t>12/19/2019 11:38:06</t>
  </si>
  <si>
    <t>12/19/2019 11:40:33</t>
  </si>
  <si>
    <t>648b5ca2-df31-4505-9a77-2cc806339710.tmp</t>
  </si>
  <si>
    <t>\\acsfs\profiles$\leticiala\Downloads\648b5ca2-df31-4505-9a77-2cc806339710.tmp</t>
  </si>
  <si>
    <t>12/19/2019 11:36:03</t>
  </si>
  <si>
    <t>12/19/2019 11:38:11</t>
  </si>
  <si>
    <t>12/19/2019 11:41:32</t>
  </si>
  <si>
    <t>12/19/2019 11:39:29</t>
  </si>
  <si>
    <t>12/19/2019 11:38:58</t>
  </si>
  <si>
    <t>6b6c613e-0c30-41cc-9c99-f662160f77b1.tmp</t>
  </si>
  <si>
    <t>\\acsfs\profiles$\larissaad\Downloads\6b6c613e-0c30-41cc-9c99-f662160f77b1.tmp</t>
  </si>
  <si>
    <t>12/19/2019 11:39:04</t>
  </si>
  <si>
    <t>12/19/2019 11:42:33</t>
  </si>
  <si>
    <t>12/19/2019 11:39:27</t>
  </si>
  <si>
    <t>12/19/2019 11:43:33</t>
  </si>
  <si>
    <t>12/19/2019 11:40:18</t>
  </si>
  <si>
    <t>12/19/2019 11:44:33</t>
  </si>
  <si>
    <t>12/19/2019 11:40:48</t>
  </si>
  <si>
    <t>12/19/2019 11:41:18</t>
  </si>
  <si>
    <t>12/19/2019 11:41:48</t>
  </si>
  <si>
    <t>12/19/2019 11:42:36</t>
  </si>
  <si>
    <t>12/19/2019 11:43:36</t>
  </si>
  <si>
    <t>12/19/2019 11:43:54</t>
  </si>
  <si>
    <t>12/19/2019 11:45:34</t>
  </si>
  <si>
    <t>12/19/2019 11:42:44</t>
  </si>
  <si>
    <t>12/19/2019 11:46:33</t>
  </si>
  <si>
    <t>12/19/2019 11:45:18</t>
  </si>
  <si>
    <t>12/19/2019 11:45:17</t>
  </si>
  <si>
    <t>1e4008ae-4578-44c1-9dbb-4e05c4ad31f1.tmp</t>
  </si>
  <si>
    <t>\\acsfs\profiles$\larissaad\Downloads\1e4008ae-4578-44c1-9dbb-4e05c4ad31f1.tmp</t>
  </si>
  <si>
    <t>12/19/2019 11:45:04</t>
  </si>
  <si>
    <t>12/19/2019 11:47:33</t>
  </si>
  <si>
    <t>12/19/2019 11:46:05</t>
  </si>
  <si>
    <t>12/19/2019 11:44:48</t>
  </si>
  <si>
    <t>12/19/2019 11:49:33</t>
  </si>
  <si>
    <t>mail.google.com/_/upload?authuser=1&amp;dcp=asu-n&amp;upload_id=AEnB2UqcbisIxuZQZlB1cqnUgw0FPaBe__bBuVWABr2rqVG1eNdb0XuNcST3bW3XEUU9DKgVE9aiq5gf86bCB2IDcGdjKz6u14EBLB5o97aExqfz6IODDE4&amp;upload_protocol=resumable</t>
  </si>
  <si>
    <t>12/19/2019 11:48:36</t>
  </si>
  <si>
    <t>12/19/2019 11:46:30</t>
  </si>
  <si>
    <t>12/19/2019 11:51:33</t>
  </si>
  <si>
    <t>9e08212f-106f-4dfa-8eb8-32b3bb9b939d.tmp</t>
  </si>
  <si>
    <t>\\acsfs\profiles$\gabrielamdp\Downloads\9e08212f-106f-4dfa-8eb8-32b3bb9b939d.tmp</t>
  </si>
  <si>
    <t>12/19/2019 11:46:31</t>
  </si>
  <si>
    <t>e9e9efa9-748b-4d92-ad83-90eefc29dcbc.tmp</t>
  </si>
  <si>
    <t>\\acsfs\profiles$\gabrielamdp\Downloads\e9e9efa9-748b-4d92-ad83-90eefc29dcbc.tmp</t>
  </si>
  <si>
    <t>94ed1232-d8ac-4674-bdf9-33575c5fb4c8.tmp</t>
  </si>
  <si>
    <t>\\acsfs\profiles$\gabrielamdp\Downloads\94ed1232-d8ac-4674-bdf9-33575c5fb4c8.tmp</t>
  </si>
  <si>
    <t>12/19/2019 11:46:32</t>
  </si>
  <si>
    <t>13bd0449-1709-467d-abe3-af6dc5e8645b.tmp</t>
  </si>
  <si>
    <t>\\acsfs\profiles$\gabrielamdp\Downloads\13bd0449-1709-467d-abe3-af6dc5e8645b.tmp</t>
  </si>
  <si>
    <t>9a5eb287-e585-4086-92c3-b54d4a76129c.tmp</t>
  </si>
  <si>
    <t>\\acsfs\profiles$\gabrielamdp\Downloads\9a5eb287-e585-4086-92c3-b54d4a76129c.tmp</t>
  </si>
  <si>
    <t>12/19/2019 11:50:06</t>
  </si>
  <si>
    <t>2b3ed76a-9eb3-46d5-a2d6-4aa46cbcbf2b.tmp</t>
  </si>
  <si>
    <t>\\acsfs\profiles$\gabrielamdp\Downloads\2b3ed76a-9eb3-46d5-a2d6-4aa46cbcbf2b.tmp</t>
  </si>
  <si>
    <t>12/19/2019 11:48:26</t>
  </si>
  <si>
    <t>d5bceba7-8f2e-4c3f-ba6c-b357b4cd4ff5.tmp</t>
  </si>
  <si>
    <t>\\acsfs\profiles$\Flaviojmm\Downloads\d5bceba7-8f2e-4c3f-ba6c-b357b4cd4ff5.tmp</t>
  </si>
  <si>
    <t>12/19/2019 11:51:04</t>
  </si>
  <si>
    <t>12/19/2019 11:52:34</t>
  </si>
  <si>
    <t>12/19/2019 11:51:02</t>
  </si>
  <si>
    <t>C:\Users\dolvaner\Desktop\Projetos\Precificação\Comitê Diretivo\</t>
  </si>
  <si>
    <t>12/19/2019 11:49:01</t>
  </si>
  <si>
    <t>12/19/2019 11:49:02</t>
  </si>
  <si>
    <t>12/19/2019 11:50:50</t>
  </si>
  <si>
    <t>12/19/2019 11:53:33</t>
  </si>
  <si>
    <t>Tabulações Reneg Cartões.xlsx</t>
  </si>
  <si>
    <t>\\acsfs\DEPTOS\Operacao\Banco_Votorantim\Comum\00 - COMUM - BV CARTÕES\EQUIPE ADILSON\Aspect\Tabulações Reneg Cartões.xlsx</t>
  </si>
  <si>
    <t>\\acsfs\DEPTOS\Operacao\Banco_Votorantim\Comum\00 - COMUM - BV CARTÕES\EQUIPE ADILSON\Aspect\Tabulações Reneg Cartões.xlsx\</t>
  </si>
  <si>
    <t>\\acsfs\DEPTOS\Operacao\Banco_Votorantim\Comum\00 - COMUM - BV CARTÕES\EQUIPE ADILSON\Aspect\Tabulações Reneg Cartões.xlsx\:Zone.Identifier:$DATA</t>
  </si>
  <si>
    <t>12/19/2019 11:50:48</t>
  </si>
  <si>
    <t>12/19/2019 11:54:33</t>
  </si>
  <si>
    <t>12/19/2019 11:51:18</t>
  </si>
  <si>
    <t>12/19/2019 11:51:48</t>
  </si>
  <si>
    <t>12/19/2019 11:52:18</t>
  </si>
  <si>
    <t>12/19/2019 11:49:36</t>
  </si>
  <si>
    <t>12/19/2019 11:50:40</t>
  </si>
  <si>
    <t>12/19/2019 11:55:33</t>
  </si>
  <si>
    <t>Árvore Categorização Whirlpool Ecohouse CAC_Corporativo_ 19_12_v3 (version final).xls</t>
  </si>
  <si>
    <t>12/19/2019 11:52:02</t>
  </si>
  <si>
    <t>12/19/2019 11:52:11</t>
  </si>
  <si>
    <t>12/19/2019 11:54:30</t>
  </si>
  <si>
    <t>lu195562c9iof.tmp</t>
  </si>
  <si>
    <t>\\acsfs\profiles$\kamillacr\My Documents\lu195562c9iof.tmp</t>
  </si>
  <si>
    <t>\\acsfs\profiles$\kamillacr\My Documents\lu195562c9iof.tmp\</t>
  </si>
  <si>
    <t>\\acsfs\profiles$\kamillacr\My Documents\lu195562c9iof.tmp\META-INF\</t>
  </si>
  <si>
    <t>\\acsfs\profiles$\kamillacr\My Documents\lu195562c9iof.tmp\Thumbnails\</t>
  </si>
  <si>
    <t>12/19/2019 11:54:36</t>
  </si>
  <si>
    <t>12/19/2019 11:51:56</t>
  </si>
  <si>
    <t>12/19/2019 11:56:33</t>
  </si>
  <si>
    <t>5e67ca93-e937-436a-adad-f11326966b76.tmp</t>
  </si>
  <si>
    <t>\\acsfs\profiles$\gabrielamdp\Downloads\5e67ca93-e937-436a-adad-f11326966b76.tmp</t>
  </si>
  <si>
    <t>12/19/2019 11:52:43</t>
  </si>
  <si>
    <t>12/19/2019 11:57:33</t>
  </si>
  <si>
    <t>12/19/2019 11:55:48</t>
  </si>
  <si>
    <t>12/19/2019 11:54:18</t>
  </si>
  <si>
    <t>12/19/2019 11:55:18</t>
  </si>
  <si>
    <t>12/19/2019 11:59:32</t>
  </si>
  <si>
    <t>12/19/2019 11:56:18</t>
  </si>
  <si>
    <t>12/19/2019 11:56:48</t>
  </si>
  <si>
    <t>12/19/2019 11:57:18</t>
  </si>
  <si>
    <t>12/19/2019 11:55:37</t>
  </si>
  <si>
    <t>12/19/2019 11:57:36</t>
  </si>
  <si>
    <t>12/19/2019 12:00:33</t>
  </si>
  <si>
    <t>Holerite_122019_2106157.pdf.5m364cr.partial</t>
  </si>
  <si>
    <t>\\acsfs\profiles$\monicargds\Downloads\Holerite_122019_2106157.pdf.5m364cr.partial</t>
  </si>
  <si>
    <t>12/19/2019 11:58:37</t>
  </si>
  <si>
    <t>\\acsfs\profiles$\CLAUDIAJCA\Novo(a) Planilha OpenDocument.ods</t>
  </si>
  <si>
    <t>\\acsfs\profiles$\CLAUDIAJCA\Novo(a) Planilha OpenDocument.ods\</t>
  </si>
  <si>
    <t>\\acsfs\profiles$\CLAUDIAJCA\Novo(a) Planilha OpenDocument.ods\META-INF\</t>
  </si>
  <si>
    <t>\\acsfs\profiles$\CLAUDIAJCA\Novo(a) Planilha OpenDocument.ods\Thumbnails\</t>
  </si>
  <si>
    <t>12/19/2019 11:58:50</t>
  </si>
  <si>
    <t>.~lock.LIGAÇÕES.ods#</t>
  </si>
  <si>
    <t>\\acsfs\profiles$\CLAUDIAJCA\.~lock.LIGAÇÕES.ods#</t>
  </si>
  <si>
    <t>12/19/2019 11:59:45</t>
  </si>
  <si>
    <t>/o=exchangelabs/ou=exchange administrative group (fydibohf23spdlt)/cn=recipients/cn=066f391e261e41d38723bb6e42c3a6b3-josias cava;/o=exchangelabs/ou=exchange administrative group (fydibohf23spdlt)/cn=recipients/cn=0b12aab521944ecb8b32eb8c0929be5c-rafael gonz;/o=exchangelabs/ou=exchange administrative group (fydibohf23spdlt)/cn=recipients/cn=eae1d23908f040f9bf7661e0ceec4c8f-paula crist;rafael.ramos@bv.com.br;</t>
  </si>
  <si>
    <t>ENC: Erro alteração de Skill</t>
  </si>
  <si>
    <t>/o=exchangelabs/ou=exchange administrative group (fydibohf23spdlt)/cn=recipients/cn=066f391e261e41d38723bb6e42c3a6b3-josias cava,/o=exchangelabs/ou=exchange administrative group (fydibohf23spdlt)/cn=recipients/cn=0b12aab521944ecb8b32eb8c0929be5c-rafael gonz,/o=exchangelabs/ou=exchange administrative group (fydibohf23spdlt)/cn=recipients/cn=eae1d23908f040f9bf7661e0ceec4c8f-paula crist,rafael.ramos@bv.com.br</t>
  </si>
  <si>
    <t>12/19/2019 11:59:51</t>
  </si>
  <si>
    <t>12/19/2019 11:57:04</t>
  </si>
  <si>
    <t>12/19/2019 12:02:33</t>
  </si>
  <si>
    <t>12/19/2019 12:01:03</t>
  </si>
  <si>
    <t>12/19/2019 11:59:49</t>
  </si>
  <si>
    <t>12/19/2019 12:00:03</t>
  </si>
  <si>
    <t>12/19/2019 12:00:15</t>
  </si>
  <si>
    <t>12/19/2019 12:03:33</t>
  </si>
  <si>
    <t>12/19/2019 12:00:45</t>
  </si>
  <si>
    <t>12/19/2019 12:00:36</t>
  </si>
  <si>
    <t>12/19/2019 12:04:32</t>
  </si>
  <si>
    <t>12/19/2019 12:01:36</t>
  </si>
  <si>
    <t>12/19/2019 12:02:59</t>
  </si>
  <si>
    <t>12/19/2019 12:06:33</t>
  </si>
  <si>
    <t>c00da36f-a7cd-492d-9089-e2b8c0f74f3f.tmp</t>
  </si>
  <si>
    <t>\\acsfs\profiles$\larissaad\Downloads\c00da36f-a7cd-492d-9089-e2b8c0f74f3f.tmp</t>
  </si>
  <si>
    <t>12/19/2019 12:03:04</t>
  </si>
  <si>
    <t>12/19/2019 12:07:32</t>
  </si>
  <si>
    <t>12/19/2019 12:05:05</t>
  </si>
  <si>
    <t>12/19/2019 12:05:06</t>
  </si>
  <si>
    <t>12/19/2019 12:03:36</t>
  </si>
  <si>
    <t>12/19/2019 12:09:33</t>
  </si>
  <si>
    <t>12/19/2019 12:06:39</t>
  </si>
  <si>
    <t>12/19/2019 12:07:36</t>
  </si>
  <si>
    <t>12/19/2019 12:07:31</t>
  </si>
  <si>
    <t>12/19/2019 12:10:32</t>
  </si>
  <si>
    <t>12/19/2019 12:09:04</t>
  </si>
  <si>
    <t>12/19/2019 12:12:32</t>
  </si>
  <si>
    <t>12/19/2019 12:07:52</t>
  </si>
  <si>
    <t>12/19/2019 12:10:40</t>
  </si>
  <si>
    <t>12/19/2019 12:13:33</t>
  </si>
  <si>
    <t>12/19/2019 12:11:13</t>
  </si>
  <si>
    <t>12/19/2019 12:13:11</t>
  </si>
  <si>
    <t>12/19/2019 12:14:32</t>
  </si>
  <si>
    <t>1d0ab5da-05d8-4ab9-a2fd-bceb8c84887c.tmp</t>
  </si>
  <si>
    <t>\\acsfs\profiles$\quindaizaagds\Downloads\1d0ab5da-05d8-4ab9-a2fd-bceb8c84887c.tmp</t>
  </si>
  <si>
    <t>12/19/2019 12:12:36</t>
  </si>
  <si>
    <t>12/19/2019 12:13:37</t>
  </si>
  <si>
    <t>12/19/2019 12:12:44</t>
  </si>
  <si>
    <t>12/19/2019 12:15:33</t>
  </si>
  <si>
    <t>\\acsfs\DEPTOS\Controladoria\32.Tesouraria\3 - Captações\</t>
  </si>
  <si>
    <t>Template Simulação 4131.xlsx</t>
  </si>
  <si>
    <t>Template Simulação Capital de Giro.xlsx</t>
  </si>
  <si>
    <t>12/19/2019 12:12:53</t>
  </si>
  <si>
    <t>/o=exchangelabs/ou=exchange administrative group (fydibohf23spdlt)/cn=recipients/cn=0b12aab521944ecb8b32eb8c0929be5c-rafael gonz;/o=exchangelabs/ou=exchange administrative group (fydibohf23spdlt)/cn=recipients/cn=28323580acf74fc1b8a136046b9f0fed-joao gabrie;/o=exchangelabs/ou=exchange administrative group (fydibohf23spdlt)/cn=recipients/cn=545f738e0fe740ba856f4eb6ef0135e0-vinicius si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ded6cf0aca5a446984dcc9f11efb43ba-927e5cd9-9f;/o=exchangelabs/ou=exchange administrative group (fydibohf23spdlt)/cn=recipients/cn=df6ea6cc78a840278b1e7acccac67692-thiago rodr;/o=exchangelabs/ou=exchange administrative group (fydibohf23spdlt)/cn=recipients/cn=eae1d23908f040f9bf7661e0ceec4c8f-paul</t>
  </si>
  <si>
    <t>DADOS DE VOLUMETRIA - BV CARTÕES. 12:00 hrs</t>
  </si>
  <si>
    <t>/o=exchangelabs/ou=exchange administrative group (fydibohf23spdlt)/cn=recipients/cn=0b12aab521944ecb8b32eb8c0929be5c-rafael gonz,/o=exchangelabs/ou=exchange administrative group (fydibohf23spdlt)/cn=recipients/cn=28323580acf74fc1b8a136046b9f0fed-joao gabrie,/o=exchangelabs/ou=exchange administrative group (fydibohf23spdlt)/cn=recipients/cn=545f738e0fe740ba856f4eb6ef0135e0-vinicius si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ded6cf0aca5a446984dcc9f11efb43ba-927e5cd9-9f,/o=exchangelabs/ou=exchange administrative group (fydibohf23spdlt)/cn=recipients/cn=df6ea6cc78a840278b1e7acccac67692-thiago rodr,/o=exchangelabs/ou=exchange administrative group (fydibohf23spdlt)/cn=recipients/cn=eae1d23908f040f9bf7661e0ceec4c8f-paul</t>
  </si>
  <si>
    <t>12/19/2019 12:15:03</t>
  </si>
  <si>
    <t>12/19/2019 12:11:50</t>
  </si>
  <si>
    <t>12/19/2019 12:14:38</t>
  </si>
  <si>
    <t>ec7c9a48-727c-4c16-a247-9b440cbdd370.tmp</t>
  </si>
  <si>
    <t>\\acsfs\profiles$\gabrielafs\Downloads\ec7c9a48-727c-4c16-a247-9b440cbdd370.tmp</t>
  </si>
  <si>
    <t>12/19/2019 12:13:44</t>
  </si>
  <si>
    <t>12/19/2019 12:16:33</t>
  </si>
  <si>
    <t>12/19/2019 12:11:37</t>
  </si>
  <si>
    <t>C:\Users\wanessabds\Documents\</t>
  </si>
  <si>
    <t>Lista CR GRC Nao Aplica.xlsx</t>
  </si>
  <si>
    <t>12/19/2019 12:14:04</t>
  </si>
  <si>
    <t>12/19/2019 12:15:05</t>
  </si>
  <si>
    <t>12/19/2019 12:17:33</t>
  </si>
  <si>
    <t>12/19/2019 12:13:25</t>
  </si>
  <si>
    <t>12/19/2019 12:13:27</t>
  </si>
  <si>
    <t>12/19/2019 12:14:00</t>
  </si>
  <si>
    <t>12/19/2019 12:15:38</t>
  </si>
  <si>
    <t>12/19/2019 12:13:19</t>
  </si>
  <si>
    <t>12/19/2019 12:18:34</t>
  </si>
  <si>
    <t>\\acsfs\profiles$\LUCASBS\Planilhas\</t>
  </si>
  <si>
    <t>\\acsfs\profiles$\LUCASBS\Planilhas\Novo Documento RTF.rtf</t>
  </si>
  <si>
    <t>12/19/2019 12:13:43</t>
  </si>
  <si>
    <t>.~lock.Contatos Reneg 19.12.2019.rtf#</t>
  </si>
  <si>
    <t>\\acsfs\profiles$\LUCASBS\Planilhas\.~lock.Contatos Reneg 19.12.2019.rtf#</t>
  </si>
  <si>
    <t>12/19/2019 12:14:44</t>
  </si>
  <si>
    <t>12/19/2019 12:14:55</t>
  </si>
  <si>
    <t>12/19/2019 12:19:33</t>
  </si>
  <si>
    <t>d4639498-8383-4af1-9bb3-dcdbaa0afd2e.tmp</t>
  </si>
  <si>
    <t>\\acsfs\profiles$\quindaizaagds\Downloads\d4639498-8383-4af1-9bb3-dcdbaa0afd2e.tmp</t>
  </si>
  <si>
    <t>12/19/2019 12:14:06</t>
  </si>
  <si>
    <t>eca831b3-11f1-464c-b34d-c20a224717f0.tmp</t>
  </si>
  <si>
    <t>\\acsfs\profiles$\quindaizaagds\Downloads\eca831b3-11f1-464c-b34d-c20a224717f0.tmp</t>
  </si>
  <si>
    <t>12/19/2019 12:15:53</t>
  </si>
  <si>
    <t>265cfd68-a4cb-43fb-a599-2de98be8cf12.tmp</t>
  </si>
  <si>
    <t>\\acsfs\profiles$\quindaizaagds\Downloads\265cfd68-a4cb-43fb-a599-2de98be8cf12.tmp</t>
  </si>
  <si>
    <t>12/19/2019 12:15:57</t>
  </si>
  <si>
    <t>65cf8949-8bda-42c2-8960-30b4c8a6c932.tmp</t>
  </si>
  <si>
    <t>\\acsfs\profiles$\quindaizaagds\Downloads\65cf8949-8bda-42c2-8960-30b4c8a6c932.tmp</t>
  </si>
  <si>
    <t>12/19/2019 12:17:31</t>
  </si>
  <si>
    <t>9c75ecbf-88df-4245-aeaa-9d04c31478ed.tmp</t>
  </si>
  <si>
    <t>\\acsfs\profiles$\quindaizaagds\Downloads\9c75ecbf-88df-4245-aeaa-9d04c31478ed.tmp</t>
  </si>
  <si>
    <t>12/19/2019 12:18:37</t>
  </si>
  <si>
    <t>12/19/2019 12:18:24</t>
  </si>
  <si>
    <t>12/19/2019 12:20:33</t>
  </si>
  <si>
    <t>12/19/2019 12:16:32</t>
  </si>
  <si>
    <t>39c378b8-63d4-48a4-b23a-ab9560cd7664.tmp</t>
  </si>
  <si>
    <t>\\acsfs\profiles$\samldsm\Downloads\39c378b8-63d4-48a4-b23a-ab9560cd7664.tmp</t>
  </si>
  <si>
    <t>12/19/2019 12:16:23</t>
  </si>
  <si>
    <t>12/19/2019 12:21:33</t>
  </si>
  <si>
    <t>4d807952-4a07-4e14-bfae-52e4c445fd82.tmp</t>
  </si>
  <si>
    <t>\\acsfs\profiles$\wenderbnm\Downloads\4d807952-4a07-4e14-bfae-52e4c445fd82.tmp</t>
  </si>
  <si>
    <t>12/19/2019 12:16:29</t>
  </si>
  <si>
    <t>f6e95446-e717-4be9-840c-1ac463dcd176.tmp</t>
  </si>
  <si>
    <t>\\acsfs\profiles$\wenderbnm\Downloads\f6e95446-e717-4be9-840c-1ac463dcd176.tmp</t>
  </si>
  <si>
    <t>12/19/2019 12:17:02</t>
  </si>
  <si>
    <t>c3e379c1-a9a9-460b-a360-1ccd465df8bd.tmp</t>
  </si>
  <si>
    <t>\\acsfs\profiles$\wenderbnm\Downloads\c3e379c1-a9a9-460b-a360-1ccd465df8bd.tmp</t>
  </si>
  <si>
    <t>3236542e-152a-49b0-9fba-2bf3dc6fd1af.tmp</t>
  </si>
  <si>
    <t>\\acsfs\profiles$\wenderbnm\Downloads\3236542e-152a-49b0-9fba-2bf3dc6fd1af.tmp</t>
  </si>
  <si>
    <t>bdc30339-7177-47a1-913d-437309ff90e3.tmp</t>
  </si>
  <si>
    <t>\\acsfs\profiles$\wenderbnm\Downloads\bdc30339-7177-47a1-913d-437309ff90e3.tmp</t>
  </si>
  <si>
    <t>12/19/2019 12:17:23</t>
  </si>
  <si>
    <t>5ce8d74f-33f4-4edd-9232-0cbae05be809.tmp</t>
  </si>
  <si>
    <t>\\acsfs\profiles$\jonatanls\Downloads\5ce8d74f-33f4-4edd-9232-0cbae05be809.tmp</t>
  </si>
  <si>
    <t>12/19/2019 12:21:05</t>
  </si>
  <si>
    <t>12/19/2019 12:22:34</t>
  </si>
  <si>
    <t>12/19/2019 12:19:36</t>
  </si>
  <si>
    <t>12/19/2019 12:24:35</t>
  </si>
  <si>
    <t>12/19/2019 12:20:53</t>
  </si>
  <si>
    <t>mail.google.com/sync/u/0/i/s?hl=pt-BR&amp;c=304</t>
  </si>
  <si>
    <t>maristelavodq@bv.algartech.com;supervisaobancovotorantim@algartech.com;</t>
  </si>
  <si>
    <t>maristelavodq@bv.algartech.com,supervisaobancovotorantim@algartech.com</t>
  </si>
  <si>
    <t>12/19/2019 12:21:44</t>
  </si>
  <si>
    <t>12/19/2019 12:25:35</t>
  </si>
  <si>
    <t>12/19/2019 12:20:56</t>
  </si>
  <si>
    <t>12/19/2019 12:26:34</t>
  </si>
  <si>
    <t>Holerite_122019_2106297.pdf.ho40cli.partial</t>
  </si>
  <si>
    <t>\\acsfs\profiles$\sayharaefs\Downloads\Holerite_122019_2106297.pdf.ho40cli.partial</t>
  </si>
  <si>
    <t>12/19/2019 12:23:14</t>
  </si>
  <si>
    <t>12/19/2019 12:22:37</t>
  </si>
  <si>
    <t>12/19/2019 12:27:35</t>
  </si>
  <si>
    <t>12/19/2019 12:22:38</t>
  </si>
  <si>
    <t>12/19/2019 12:22:39</t>
  </si>
  <si>
    <t>12/19/2019 12:24:37</t>
  </si>
  <si>
    <t>12/19/2019 12:29:35</t>
  </si>
  <si>
    <t>12/19/2019 12:25:37</t>
  </si>
  <si>
    <t>12/19/2019 12:28:20</t>
  </si>
  <si>
    <t>12/19/2019 12:30:34</t>
  </si>
  <si>
    <t>12/19/2019 12:29:52</t>
  </si>
  <si>
    <t>12/19/2019 12:29:04</t>
  </si>
  <si>
    <t>12/19/2019 12:31:35</t>
  </si>
  <si>
    <t>Holerite_122019_2106296.pdf.eweey8w.partial</t>
  </si>
  <si>
    <t>\\acsfs\profiles$\sayharaefs\Downloads\Holerite_122019_2106296.pdf.eweey8w.partial</t>
  </si>
  <si>
    <t>12/19/2019 12:27:07</t>
  </si>
  <si>
    <t>12/19/2019 12:28:06</t>
  </si>
  <si>
    <t>12/19/2019 12:27:05</t>
  </si>
  <si>
    <t>12/19/2019 12:32:34</t>
  </si>
  <si>
    <t>12/19/2019 12:28:30</t>
  </si>
  <si>
    <t>b04cdbd7-e439-4f2b-b4d9-c555fe59c4c3.tmp</t>
  </si>
  <si>
    <t>\\acsfs\profiles$\matheushds\Downloads\b04cdbd7-e439-4f2b-b4d9-c555fe59c4c3.tmp</t>
  </si>
  <si>
    <t>12/19/2019 12:30:10</t>
  </si>
  <si>
    <t>12/19/2019 12:30:11</t>
  </si>
  <si>
    <t>12/19/2019 12:30:26</t>
  </si>
  <si>
    <t>12/19/2019 12:30:27</t>
  </si>
  <si>
    <t>12/19/2019 12:31:24</t>
  </si>
  <si>
    <t>12/19/2019 12:33:34</t>
  </si>
  <si>
    <t>Contatos Reneg 19.12.2019.txt</t>
  </si>
  <si>
    <t>\\acsfs\profiles$\LUCASBS\Planilhas\Contatos Reneg 19.12.2019.txt</t>
  </si>
  <si>
    <t>12/19/2019 12:30:40</t>
  </si>
  <si>
    <t>12/19/2019 12:34:34</t>
  </si>
  <si>
    <t>271142b4-ca91-4b34-8270-2f17b92f4442.tmp</t>
  </si>
  <si>
    <t>\\acsfs\profiles$\quindaizaagds\Downloads\271142b4-ca91-4b34-8270-2f17b92f4442.tmp</t>
  </si>
  <si>
    <t>12/19/2019 12:30:37</t>
  </si>
  <si>
    <t>12/19/2019 12:31:38</t>
  </si>
  <si>
    <t>12/19/2019 12:29:42</t>
  </si>
  <si>
    <t>12/19/2019 12:35:34</t>
  </si>
  <si>
    <t>80205d40-6a05-447e-8ca3-d49ac72c9a4b.tmp</t>
  </si>
  <si>
    <t>\\acsfs\profiles$\leticiala\Downloads\80205d40-6a05-447e-8ca3-d49ac72c9a4b.tmp</t>
  </si>
  <si>
    <t>12/19/2019 12:35:10</t>
  </si>
  <si>
    <t>be45910c-a51f-4bc9-a4f5-defebee91b87.tmp</t>
  </si>
  <si>
    <t>\\acsfs\profiles$\gabrielafs\Downloads\be45910c-a51f-4bc9-a4f5-defebee91b87.tmp</t>
  </si>
  <si>
    <t>12/19/2019 12:33:51</t>
  </si>
  <si>
    <t>12/19/2019 12:36:34</t>
  </si>
  <si>
    <t>12/19/2019 12:33:05</t>
  </si>
  <si>
    <t>12/19/2019 12:37:34</t>
  </si>
  <si>
    <t>12/19/2019 12:36:37</t>
  </si>
  <si>
    <t>12/19/2019 12:39:34</t>
  </si>
  <si>
    <t>12/19/2019 12:37:37</t>
  </si>
  <si>
    <t>12/19/2019 12:09:21</t>
  </si>
  <si>
    <t>19-12 QUINTA.txt</t>
  </si>
  <si>
    <t>\\acsfs\profiles$\gabrielamdp\My Documents\19-12 QUINTA.txt</t>
  </si>
  <si>
    <t>12/19/2019 12:37:22</t>
  </si>
  <si>
    <t>12/19/2019 12:40:35</t>
  </si>
  <si>
    <t>12/19/2019 12:39:05</t>
  </si>
  <si>
    <t>12/19/2019 12:42:34</t>
  </si>
  <si>
    <t>12/19/2019 12:38:21</t>
  </si>
  <si>
    <t>12/19/2019 12:43:34</t>
  </si>
  <si>
    <t>12/19/2019 12:39:25</t>
  </si>
  <si>
    <t>3e40d34d-a4f1-4755-8139-353717b22385.tmp</t>
  </si>
  <si>
    <t>\\acsfs\profiles$\raicabog\Downloads\3e40d34d-a4f1-4755-8139-353717b22385.tmp</t>
  </si>
  <si>
    <t>12/19/2019 12:40:05</t>
  </si>
  <si>
    <t>6e04340e-77c1-48d3-b294-a5d47926db5b.tmp</t>
  </si>
  <si>
    <t>\\acsfs\profiles$\raicabog\Downloads\6e04340e-77c1-48d3-b294-a5d47926db5b.tmp</t>
  </si>
  <si>
    <t>12/19/2019 12:38:30</t>
  </si>
  <si>
    <t>pabliness</t>
  </si>
  <si>
    <t>12/19/2019 12:42:38</t>
  </si>
  <si>
    <t>12/19/2019 12:44:34</t>
  </si>
  <si>
    <t>12/19/2019 12:43:37</t>
  </si>
  <si>
    <t>12/19/2019 12:44:09</t>
  </si>
  <si>
    <t>061f5a6b-73fd-4d3e-8c66-d89dbecdfc0c.tmp</t>
  </si>
  <si>
    <t>\\acsfs\profiles$\gabrielamdp\Downloads\061f5a6b-73fd-4d3e-8c66-d89dbecdfc0c.tmp</t>
  </si>
  <si>
    <t>83c6dee6-25bb-4b61-9361-4aa9c0fa960d.tmp</t>
  </si>
  <si>
    <t>\\acsfs\profiles$\gabrielamdp\Downloads\83c6dee6-25bb-4b61-9361-4aa9c0fa960d.tmp</t>
  </si>
  <si>
    <t>9e07834c-1054-4fc3-9102-08da38bcd788.tmp</t>
  </si>
  <si>
    <t>\\acsfs\profiles$\gabrielamdp\Downloads\9e07834c-1054-4fc3-9102-08da38bcd788.tmp</t>
  </si>
  <si>
    <t>8bf036d1-29fa-4eec-9f28-c724bdf84bcb.tmp</t>
  </si>
  <si>
    <t>\\acsfs\profiles$\gabrielamdp\Downloads\8bf036d1-29fa-4eec-9f28-c724bdf84bcb.tmp</t>
  </si>
  <si>
    <t>6c11d554-6700-4023-a445-7fa699992dc8.tmp</t>
  </si>
  <si>
    <t>\\acsfs\profiles$\gabrielamdp\Downloads\6c11d554-6700-4023-a445-7fa699992dc8.tmp</t>
  </si>
  <si>
    <t>12/19/2019 12:43:15</t>
  </si>
  <si>
    <t>12/19/2019 12:45:35</t>
  </si>
  <si>
    <t>BRUNO.txt</t>
  </si>
  <si>
    <t>\\acsfs\DEPTOS\Operacao\Banco_Votorantim\Qualidade\Anderson\Jose\BRUNO.txt</t>
  </si>
  <si>
    <t>12/19/2019 12:40:49</t>
  </si>
  <si>
    <t>lu7872300af.tmp</t>
  </si>
  <si>
    <t>\\acsfs\profiles$\CLAUDIAJCA\lu7872300af.tmp</t>
  </si>
  <si>
    <t>\\acsfs\profiles$\CLAUDIAJCA\lu7872300af.tmp\</t>
  </si>
  <si>
    <t>12/19/2019 12:40:50</t>
  </si>
  <si>
    <t>\\acsfs\profiles$\CLAUDIAJCA\lu7872300af.tmp\META-INF\</t>
  </si>
  <si>
    <t>\\acsfs\profiles$\CLAUDIAJCA\lu7872300af.tmp\Thumbnails\</t>
  </si>
  <si>
    <t>12/19/2019 12:44:53</t>
  </si>
  <si>
    <t>12/19/2019 12:44:20</t>
  </si>
  <si>
    <t>12/19/2019 12:46:34</t>
  </si>
  <si>
    <t>fa951d6c-458f-4107-b591-15e5ee4fe0e1.tmp</t>
  </si>
  <si>
    <t>\\acsfs\profiles$\gabrielarb\Downloads\fa951d6c-458f-4107-b591-15e5ee4fe0e1.tmp</t>
  </si>
  <si>
    <t>12/19/2019 12:45:12</t>
  </si>
  <si>
    <t>12/19/2019 12:45:05</t>
  </si>
  <si>
    <t>12/19/2019 12:47:35</t>
  </si>
  <si>
    <t>12/19/2019 12:45:07</t>
  </si>
  <si>
    <t>12/19/2019 12:45:17</t>
  </si>
  <si>
    <t>12/19/2019 12:45:19</t>
  </si>
  <si>
    <t>12/19/2019 12:45:36</t>
  </si>
  <si>
    <t>12/19/2019 12:44:04</t>
  </si>
  <si>
    <t>12/19/2019 12:48:34</t>
  </si>
  <si>
    <t>12/19/2019 12:48:37</t>
  </si>
  <si>
    <t>12/19/2019 12:49:34</t>
  </si>
  <si>
    <t>12/19/2019 12:45:49</t>
  </si>
  <si>
    <t>12/19/2019 12:50:35</t>
  </si>
  <si>
    <t>d3d2b27a-cca8-4ce6-8ffb-0793c16456bb.tmp</t>
  </si>
  <si>
    <t>\\acsfs\profiles$\ERICALSR\Downloads\d3d2b27a-cca8-4ce6-8ffb-0793c16456bb.tmp</t>
  </si>
  <si>
    <t>12/19/2019 12:51:05</t>
  </si>
  <si>
    <t>12/19/2019 12:52:35</t>
  </si>
  <si>
    <t>12/19/2019 12:48:16</t>
  </si>
  <si>
    <t>\\acsfs\profiles$\milennyss\Downloads\</t>
  </si>
  <si>
    <t>62511461-60b5-4410-8603-133ca3e7dcca.tmp</t>
  </si>
  <si>
    <t>\\acsfs\profiles$\milennyss\Downloads\62511461-60b5-4410-8603-133ca3e7dcca.tmp</t>
  </si>
  <si>
    <t>12/19/2019 12:50:30</t>
  </si>
  <si>
    <t>cc6e82ce-392f-46b6-a72c-fbd10079ed49.tmp</t>
  </si>
  <si>
    <t>\\acsfs\profiles$\milennyss\Downloads\cc6e82ce-392f-46b6-a72c-fbd10079ed49.tmp</t>
  </si>
  <si>
    <t>12/19/2019 12:51:32</t>
  </si>
  <si>
    <t>720875c9-277e-4d97-8f50-32d338e3d6e5.tmp</t>
  </si>
  <si>
    <t>\\acsfs\profiles$\milennyss\Downloads\720875c9-277e-4d97-8f50-32d338e3d6e5.tmp</t>
  </si>
  <si>
    <t>12/19/2019 12:53:34</t>
  </si>
  <si>
    <t>12/19/2019 12:49:27</t>
  </si>
  <si>
    <t>12/19/2019 12:54:34</t>
  </si>
  <si>
    <t>c:\users\claidsones\desktop\</t>
  </si>
  <si>
    <t>festa da macro 2019.xlsx</t>
  </si>
  <si>
    <t>12/19/2019 12:49:37</t>
  </si>
  <si>
    <t>12/19/2019 12:55:08</t>
  </si>
  <si>
    <t>12/19/2019 12:55:35</t>
  </si>
  <si>
    <t>12/19/2019 12:52:32</t>
  </si>
  <si>
    <t>12/19/2019 12:56:34</t>
  </si>
  <si>
    <t>12/19/2019 12:52:52</t>
  </si>
  <si>
    <t>12/19/2019 12:53:53</t>
  </si>
  <si>
    <t>12/19/2019 12:57:34</t>
  </si>
  <si>
    <t>12/19/2019 12:53:55</t>
  </si>
  <si>
    <t>12/19/2019 12:54:09</t>
  </si>
  <si>
    <t>12/19/2019 12:54:10</t>
  </si>
  <si>
    <t>12/19/2019 12:54:13</t>
  </si>
  <si>
    <t>12/19/2019 12:54:14</t>
  </si>
  <si>
    <t>12/19/2019 12:55:26</t>
  </si>
  <si>
    <t>12/19/2019 12:58:35</t>
  </si>
  <si>
    <t>12/19/2019 12:58:05</t>
  </si>
  <si>
    <t>ulog_AcroARM2_Reader_22bb18ef-a0cc-4985-b2f1-d8449a05e1d0_bf8b2753-1a40-4b58-8205-9e5dcfa43cd0_0.log</t>
  </si>
  <si>
    <t>C:\Users\Jordanarb\AppData\Roaming\Adobe\LogTransport2\Logs\ulog_AcroARM2_Reader_22bb18ef-a0cc-4985-b2f1-d8449a05e1d0_bf8b2753-1a40-4b58-8205-9e5dcfa43cd0_0.log\</t>
  </si>
  <si>
    <t>ulog_Acrobat12_Reader_22bb18ef-a0cc-4985-b2f1-d8449a05e1d0_d97f23d8-4269-4076-ac4e-e21c3c6a3d94_0.log</t>
  </si>
  <si>
    <t>C:\Users\Jordanarb\AppData\Roaming\Adobe\LogTransport2\Logs\ulog_Acrobat12_Reader_22bb18ef-a0cc-4985-b2f1-d8449a05e1d0_d97f23d8-4269-4076-ac4e-e21c3c6a3d94_0.log\</t>
  </si>
  <si>
    <t>12/19/2019 12:56:03</t>
  </si>
  <si>
    <t>4e064cdc-e890-44b3-a9b8-912484ec1358.tmp</t>
  </si>
  <si>
    <t>\\acsfs\profiles$\geovannasm\Downloads\4e064cdc-e890-44b3-a9b8-912484ec1358.tmp</t>
  </si>
  <si>
    <t>12/19/2019 12:54:37</t>
  </si>
  <si>
    <t>12/19/2019 12:59:34</t>
  </si>
  <si>
    <t>12/19/2019 12:55:40</t>
  </si>
  <si>
    <t>12/19/2019 12:56:11</t>
  </si>
  <si>
    <t>12/19/2019 13:01:34</t>
  </si>
  <si>
    <t>89d81157-bb32-48f2-b972-d697dac4d0de.tmp</t>
  </si>
  <si>
    <t>\\acsfs\profiles$\gabrielarb\Downloads\89d81157-bb32-48f2-b972-d697dac4d0de.tmp</t>
  </si>
  <si>
    <t>12/19/2019 12:57:03</t>
  </si>
  <si>
    <t>5f106de6-63d5-462b-8b85-095d59aaf4d3.tmp</t>
  </si>
  <si>
    <t>\\acsfs\profiles$\gabrielarb\Downloads\5f106de6-63d5-462b-8b85-095d59aaf4d3.tmp</t>
  </si>
  <si>
    <t>12/19/2019 12:57:42</t>
  </si>
  <si>
    <t>af5145b1-e5fb-4d38-8b93-d80b698ef1cf.tmp</t>
  </si>
  <si>
    <t>\\acsfs\profiles$\gabrielarb\Downloads\af5145b1-e5fb-4d38-8b93-d80b698ef1cf.tmp</t>
  </si>
  <si>
    <t>12/19/2019 12:57:10</t>
  </si>
  <si>
    <t>12/19/2019 12:57:20</t>
  </si>
  <si>
    <t>12/19/2019 12:59:37</t>
  </si>
  <si>
    <t>c615c944-cf61-485f-bdf9-6323c3ae6915.tmp</t>
  </si>
  <si>
    <t>\\acsfs\profiles$\valeriasda\Downloads\c615c944-cf61-485f-bdf9-6323c3ae6915.tmp</t>
  </si>
  <si>
    <t>12/19/2019 13:00:02</t>
  </si>
  <si>
    <t>12/19/2019 12:58:45</t>
  </si>
  <si>
    <t>b5a8362c-1d9c-41a1-968f-34681cd9a9a9.tmp</t>
  </si>
  <si>
    <t>\\acsfs\profiles$\jonatanls\Downloads\b5a8362c-1d9c-41a1-968f-34681cd9a9a9.tmp</t>
  </si>
  <si>
    <t>12/19/2019 12:57:05</t>
  </si>
  <si>
    <t>12/19/2019 13:02:34</t>
  </si>
  <si>
    <t>12/19/2019 12:59:52</t>
  </si>
  <si>
    <t>12/19/2019 13:03:34</t>
  </si>
  <si>
    <t>12/19/2019 13:02:25</t>
  </si>
  <si>
    <t>12/19/2019 13:04:34</t>
  </si>
  <si>
    <t>6929a3ab-51f0-458b-ac68-a750601e0b3c.tmp</t>
  </si>
  <si>
    <t>\\acsfs\profiles$\quindaizaagds\Downloads\6929a3ab-51f0-458b-ac68-a750601e0b3c.tmp</t>
  </si>
  <si>
    <t>12/19/2019 13:02:39</t>
  </si>
  <si>
    <t>2e7f877f-2797-4623-b528-3697467da60c.tmp</t>
  </si>
  <si>
    <t>\\acsfs\profiles$\quindaizaagds\Downloads\2e7f877f-2797-4623-b528-3697467da60c.tmp</t>
  </si>
  <si>
    <t>12/19/2019 13:03:02</t>
  </si>
  <si>
    <t>54e2fc34-f59b-4b2a-bac1-66457b6e29a0.tmp</t>
  </si>
  <si>
    <t>\\acsfs\profiles$\quindaizaagds\Downloads\54e2fc34-f59b-4b2a-bac1-66457b6e29a0.tmp</t>
  </si>
  <si>
    <t>12/19/2019 13:03:36</t>
  </si>
  <si>
    <t>67803790-4c21-4f10-821e-a724963b163e.tmp</t>
  </si>
  <si>
    <t>\\acsfs\profiles$\quindaizaagds\Downloads\67803790-4c21-4f10-821e-a724963b163e.tmp</t>
  </si>
  <si>
    <t>12/19/2019 13:02:51</t>
  </si>
  <si>
    <t>a95b58c2-bf59-4f50-a75d-4ffa65a333db.tmp</t>
  </si>
  <si>
    <t>\\acsfs\profiles$\adrielyas\Downloads\a95b58c2-bf59-4f50-a75d-4ffa65a333db.tmp</t>
  </si>
  <si>
    <t>12/19/2019 13:03:12</t>
  </si>
  <si>
    <t>95e9dede-083b-4f86-a937-24b6e79e1dbe.tmp</t>
  </si>
  <si>
    <t>\\acsfs\profiles$\adrielyas\Downloads\95e9dede-083b-4f86-a937-24b6e79e1dbe.tmp</t>
  </si>
  <si>
    <t>12/19/2019 13:00:38</t>
  </si>
  <si>
    <t>12/19/2019 13:01:37</t>
  </si>
  <si>
    <t>12/19/2019 13:01:11</t>
  </si>
  <si>
    <t>12/19/2019 13:05:35</t>
  </si>
  <si>
    <t>6926800b-ca28-4708-bcb0-ad1b033784e9.tmp</t>
  </si>
  <si>
    <t>\\acsfs\profiles$\laianear\Downloads\6926800b-ca28-4708-bcb0-ad1b033784e9.tmp</t>
  </si>
  <si>
    <t>12/19/2019 12:59:51</t>
  </si>
  <si>
    <t>12/19/2019 13:01:17</t>
  </si>
  <si>
    <t>248dbd56-ceab-40ed-a779-1d8247151a0a.tmp</t>
  </si>
  <si>
    <t>\\acsfs\profiles$\marcellewdl\Downloads\248dbd56-ceab-40ed-a779-1d8247151a0a.tmp</t>
  </si>
  <si>
    <t>12/19/2019 13:03:19</t>
  </si>
  <si>
    <t>18993a6e-01ea-4b08-9d7a-c6a124e3d562.tmp</t>
  </si>
  <si>
    <t>\\acsfs\profiles$\marcellewdl\Downloads\18993a6e-01ea-4b08-9d7a-c6a124e3d562.tmp</t>
  </si>
  <si>
    <t>12/19/2019 13:04:53</t>
  </si>
  <si>
    <t>230afb88-5d75-4766-8abb-47c87e6d2eab.tmp</t>
  </si>
  <si>
    <t>\\acsfs\profiles$\marcellewdl\Downloads\230afb88-5d75-4766-8abb-47c87e6d2eab.tmp</t>
  </si>
  <si>
    <t>12/19/2019 13:03:51</t>
  </si>
  <si>
    <t>12/19/2019 13:06:34</t>
  </si>
  <si>
    <t>d9c8aaa2-89a0-4a1b-b762-3bfa213c022e.tmp</t>
  </si>
  <si>
    <t>\\acsfs\profiles$\deborahsi\Downloads\d9c8aaa2-89a0-4a1b-b762-3bfa213c022e.tmp</t>
  </si>
  <si>
    <t>12/19/2019 13:01:46</t>
  </si>
  <si>
    <t>12/19/2019 13:02:12</t>
  </si>
  <si>
    <t>12/19/2019 13:02:20</t>
  </si>
  <si>
    <t>12/19/2019 13:04:24</t>
  </si>
  <si>
    <t>12/19/2019 13:03:05</t>
  </si>
  <si>
    <t>12/19/2019 13:07:33</t>
  </si>
  <si>
    <t>12/19/2019 13:06:26</t>
  </si>
  <si>
    <t>Ocorrência01a0512 (4).xlsm</t>
  </si>
  <si>
    <t>drive.google.com/upload/drive/v2internal/files?openDrive=false&amp;reason=202&amp;syncType=0&amp;errorRecovery=false&amp;uploadType=resumabl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</t>
  </si>
  <si>
    <t>12/19/2019 13:06:49</t>
  </si>
  <si>
    <t>12/19/2019 13:06:54</t>
  </si>
  <si>
    <t>12/19/2019 13:06:56</t>
  </si>
  <si>
    <t>12/19/2019 13:03:00</t>
  </si>
  <si>
    <t>12/19/2019 13:08:34</t>
  </si>
  <si>
    <t>12/19/2019 13:04:22</t>
  </si>
  <si>
    <t>12/19/2019 13:09:34</t>
  </si>
  <si>
    <t>ddcb4675-7987-4407-a4b3-c2684ecaf67b.tmp</t>
  </si>
  <si>
    <t>\\acsfs\profiles$\quindaizaagds\Downloads\ddcb4675-7987-4407-a4b3-c2684ecaf67b.tmp</t>
  </si>
  <si>
    <t>12/19/2019 13:04:43</t>
  </si>
  <si>
    <t>2c7613fb-e8ab-4beb-b73f-43ff5992edbd.tmp</t>
  </si>
  <si>
    <t>\\acsfs\profiles$\quindaizaagds\Downloads\2c7613fb-e8ab-4beb-b73f-43ff5992edbd.tmp</t>
  </si>
  <si>
    <t>12/19/2019 13:05:39</t>
  </si>
  <si>
    <t>564eca3b-30a1-4cd8-b95f-d0d79b8a15f9.tmp</t>
  </si>
  <si>
    <t>\\acsfs\profiles$\quindaizaagds\Downloads\564eca3b-30a1-4cd8-b95f-d0d79b8a15f9.tmp</t>
  </si>
  <si>
    <t>12/19/2019 13:06:36</t>
  </si>
  <si>
    <t>5dcb3ee4-c120-4d28-9272-ad35a2b87e70.tmp</t>
  </si>
  <si>
    <t>\\acsfs\profiles$\quindaizaagds\Downloads\5dcb3ee4-c120-4d28-9272-ad35a2b87e70.tmp</t>
  </si>
  <si>
    <t>12/19/2019 13:07:28</t>
  </si>
  <si>
    <t>4c879f55-628e-4638-b676-c80d722ef4d7.tmp</t>
  </si>
  <si>
    <t>\\acsfs\profiles$\quindaizaagds\Downloads\4c879f55-628e-4638-b676-c80d722ef4d7.tmp</t>
  </si>
  <si>
    <t>12/19/2019 13:07:37</t>
  </si>
  <si>
    <t>3d639da9-7cb7-4498-b3c3-a65422d29f57.tmp</t>
  </si>
  <si>
    <t>\\acsfs\profiles$\quindaizaagds\Downloads\3d639da9-7cb7-4498-b3c3-a65422d29f57.tmp</t>
  </si>
  <si>
    <t>12/19/2019 13:05:41</t>
  </si>
  <si>
    <t>12/19/2019 13:10:34</t>
  </si>
  <si>
    <t>0e49504a-eed3-464a-94f4-f715e87f2b86.tmp</t>
  </si>
  <si>
    <t>\\acsfs\profiles$\leticiala\Downloads\0e49504a-eed3-464a-94f4-f715e87f2b86.tmp</t>
  </si>
  <si>
    <t>12/19/2019 13:06:09</t>
  </si>
  <si>
    <t>2424ed09-f913-40bf-aff9-b23e7e5b8fc2.tmp</t>
  </si>
  <si>
    <t>\\acsfs\profiles$\leticiala\Downloads\2424ed09-f913-40bf-aff9-b23e7e5b8fc2.tmp</t>
  </si>
  <si>
    <t>12/19/2019 13:06:38</t>
  </si>
  <si>
    <t>12/19/2019 13:05:13</t>
  </si>
  <si>
    <t>ea9009f8-266c-40e8-b671-b02031c17d6c.tmp</t>
  </si>
  <si>
    <t>\\acsfs\profiles$\adrielyas\Downloads\ea9009f8-266c-40e8-b671-b02031c17d6c.tmp</t>
  </si>
  <si>
    <t>12/19/2019 13:05:30</t>
  </si>
  <si>
    <t>d1c6c010-52ef-4227-a4a0-afafba6c19f2.tmp</t>
  </si>
  <si>
    <t>\\acsfs\profiles$\adrielyas\Downloads\d1c6c010-52ef-4227-a4a0-afafba6c19f2.tmp</t>
  </si>
  <si>
    <t>12/19/2019 13:07:46</t>
  </si>
  <si>
    <t>12/19/2019 13:07:19</t>
  </si>
  <si>
    <t>063eca21-698e-4f7e-9e39-b935278beba0.tmp</t>
  </si>
  <si>
    <t>\\acsfs\profiles$\marcellewdl\Downloads\063eca21-698e-4f7e-9e39-b935278beba0.tmp</t>
  </si>
  <si>
    <t>12/19/2019 13:07:17</t>
  </si>
  <si>
    <t>12/19/2019 13:11:34</t>
  </si>
  <si>
    <t>12/19/2019 13:09:37</t>
  </si>
  <si>
    <t>12/19/2019 13:09:46</t>
  </si>
  <si>
    <t>12/19/2019 13:10:48</t>
  </si>
  <si>
    <t>12/19/2019 13:09:05</t>
  </si>
  <si>
    <t>12/19/2019 13:12:33</t>
  </si>
  <si>
    <t>12/19/2019 13:13:34</t>
  </si>
  <si>
    <t>12/19/2019 13:10:10</t>
  </si>
  <si>
    <t>claudineiavc@algartech.com.br;equipefabi@algartech.com.br;fabianapm@algartech.com;ideniraa@algartech.com.br;tecnicospj@algartech.com.br;</t>
  </si>
  <si>
    <t>ESCALA FERIADO</t>
  </si>
  <si>
    <t>ESCALA CRC.xlsx</t>
  </si>
  <si>
    <t>claudineiavc@algartech.com.br,equipefabi@algartech.com.br,fabianapm@algartech.com,ideniraa@algartech.com.br,tecnicospj@algartech.com.br</t>
  </si>
  <si>
    <t>12/19/2019 13:08:49</t>
  </si>
  <si>
    <t>12/19/2019 13:14:33</t>
  </si>
  <si>
    <t>12/19/2019 13:09:49</t>
  </si>
  <si>
    <t>12/19/2019 13:09:36</t>
  </si>
  <si>
    <t>c10de9ff-eb74-4941-8de7-0b9504d2f4fa.tmp</t>
  </si>
  <si>
    <t>\\acsfs\profiles$\quindaizaagds\Downloads\c10de9ff-eb74-4941-8de7-0b9504d2f4fa.tmp</t>
  </si>
  <si>
    <t>12/19/2019 13:11:54</t>
  </si>
  <si>
    <t>b4b9e12d-ed99-4a62-909f-945636b73f33.tmp</t>
  </si>
  <si>
    <t>\\acsfs\profiles$\quindaizaagds\Downloads\b4b9e12d-ed99-4a62-909f-945636b73f33.tmp</t>
  </si>
  <si>
    <t>12/19/2019 13:11:55</t>
  </si>
  <si>
    <t>0f8417ab-5d54-4787-b198-b534629e9875.tmp</t>
  </si>
  <si>
    <t>\\acsfs\profiles$\quindaizaagds\Downloads\0f8417ab-5d54-4787-b198-b534629e9875.tmp</t>
  </si>
  <si>
    <t>12/19/2019 13:12:38</t>
  </si>
  <si>
    <t>12/19/2019 13:15:33</t>
  </si>
  <si>
    <t>12/19/2019 13:13:37</t>
  </si>
  <si>
    <t>12/19/2019 13:11:16</t>
  </si>
  <si>
    <t>12/19/2019 13:13:33</t>
  </si>
  <si>
    <t>9f44d28e-bbc6-4de0-accb-2e541d8d6707.tmp</t>
  </si>
  <si>
    <t>\\acsfs\profiles$\adrielyas\Downloads\9f44d28e-bbc6-4de0-accb-2e541d8d6707.tmp</t>
  </si>
  <si>
    <t>12/19/2019 13:13:07</t>
  </si>
  <si>
    <t>2548b405-10a0-410f-abd1-5a6a21cdc124.tmp</t>
  </si>
  <si>
    <t>\\acsfs\profiles$\marcellewdl\Downloads\2548b405-10a0-410f-abd1-5a6a21cdc124.tmp</t>
  </si>
  <si>
    <t>12/19/2019 13:14:48</t>
  </si>
  <si>
    <t>12/19/2019 13:16:33</t>
  </si>
  <si>
    <t>12/19/2019 13:15:05</t>
  </si>
  <si>
    <t>12/19/2019 13:17:33</t>
  </si>
  <si>
    <t>12/19/2019 13:15:57</t>
  </si>
  <si>
    <t>12/19/2019 13:19:33</t>
  </si>
  <si>
    <t>1519657c-d2b6-4f33-ad58-daf7504fce21.tmp</t>
  </si>
  <si>
    <t>\\acsfs\profiles$\quindaizaagds\Downloads\1519657c-d2b6-4f33-ad58-daf7504fce21.tmp</t>
  </si>
  <si>
    <t>12/19/2019 13:16:18</t>
  </si>
  <si>
    <t>03af772f-9bed-4226-987e-3715a1509691.tmp</t>
  </si>
  <si>
    <t>\\acsfs\profiles$\quindaizaagds\Downloads\03af772f-9bed-4226-987e-3715a1509691.tmp</t>
  </si>
  <si>
    <t>12/19/2019 13:17:18</t>
  </si>
  <si>
    <t>dfce2407-d428-445b-a476-519cfa5af06f.tmp</t>
  </si>
  <si>
    <t>\\acsfs\profiles$\quindaizaagds\Downloads\dfce2407-d428-445b-a476-519cfa5af06f.tmp</t>
  </si>
  <si>
    <t>12/19/2019 13:18:33</t>
  </si>
  <si>
    <t>736095ca-7ecc-4e5f-8ff8-b2cf25711970.tmp</t>
  </si>
  <si>
    <t>\\acsfs\profiles$\quindaizaagds\Downloads\736095ca-7ecc-4e5f-8ff8-b2cf25711970.tmp</t>
  </si>
  <si>
    <t>12/19/2019 13:16:16</t>
  </si>
  <si>
    <t>12/19/2019 13:18:45</t>
  </si>
  <si>
    <t>12/19/2019 13:19:38</t>
  </si>
  <si>
    <t>12/19/2019 13:20:33</t>
  </si>
  <si>
    <t>12/19/2019 13:17:37</t>
  </si>
  <si>
    <t>12/19/2019 13:19:17</t>
  </si>
  <si>
    <t>\\acsfs\profiles$\stefaniasdf\Favorites\TTV.url\</t>
  </si>
  <si>
    <t>\\acsfs\profiles$\stefaniasdf\Favorites\TTV.url\:favicon:$DATA</t>
  </si>
  <si>
    <t>TTV.url</t>
  </si>
  <si>
    <t>\\acsfs\profiles$\stefaniasdf\Favorites\TTV.url</t>
  </si>
  <si>
    <t>12/19/2019 13:19:31</t>
  </si>
  <si>
    <t>12/19/2019 13:21:33</t>
  </si>
  <si>
    <t>4f0cfd15-039d-43d5-9a39-1774227d3503.tmp</t>
  </si>
  <si>
    <t>\\acsfs\profiles$\jonatanls\Downloads\4f0cfd15-039d-43d5-9a39-1774227d3503.tmp</t>
  </si>
  <si>
    <t>12/19/2019 13:22:33</t>
  </si>
  <si>
    <t>12/19/2019 13:17:34</t>
  </si>
  <si>
    <t>12/19/2019 13:17:35</t>
  </si>
  <si>
    <t>12/19/2019 13:17:38</t>
  </si>
  <si>
    <t>12/19/2019 13:17:40</t>
  </si>
  <si>
    <t>12/19/2019 13:17:41</t>
  </si>
  <si>
    <t>12/19/2019 13:17:42</t>
  </si>
  <si>
    <t>12/19/2019 13:17:44</t>
  </si>
  <si>
    <t>12/19/2019 13:17:45</t>
  </si>
  <si>
    <t>12/19/2019 13:17:46</t>
  </si>
  <si>
    <t>12/19/2019 13:17:47</t>
  </si>
  <si>
    <t>12/19/2019 13:17:48</t>
  </si>
  <si>
    <t>12/19/2019 13:17:50</t>
  </si>
  <si>
    <t>12/19/2019 13:17:51</t>
  </si>
  <si>
    <t>12/19/2019 13:21:05</t>
  </si>
  <si>
    <t>12/19/2019 13:19:44</t>
  </si>
  <si>
    <t>12/19/2019 13:19:45</t>
  </si>
  <si>
    <t>12/19/2019 13:19:46</t>
  </si>
  <si>
    <t>12/19/2019 13:19:47</t>
  </si>
  <si>
    <t>12/19/2019 13:19:48</t>
  </si>
  <si>
    <t>12/19/2019 13:19:49</t>
  </si>
  <si>
    <t>12/19/2019 13:19:50</t>
  </si>
  <si>
    <t>12/19/2019 13:19:51</t>
  </si>
  <si>
    <t>12/19/2019 13:19:52</t>
  </si>
  <si>
    <t>12/19/2019 13:19:53</t>
  </si>
  <si>
    <t>12/19/2019 13:19:54</t>
  </si>
  <si>
    <t>12/19/2019 13:19:55</t>
  </si>
  <si>
    <t>12/19/2019 13:19:56</t>
  </si>
  <si>
    <t>12/19/2019 13:19:57</t>
  </si>
  <si>
    <t>12/19/2019 13:19:58</t>
  </si>
  <si>
    <t>12/19/2019 13:19:59</t>
  </si>
  <si>
    <t>12/19/2019 13:20:00</t>
  </si>
  <si>
    <t>12/19/2019 13:20:01</t>
  </si>
  <si>
    <t>12/19/2019 13:17:49</t>
  </si>
  <si>
    <t>12/19/2019 13:20:02</t>
  </si>
  <si>
    <t>12/19/2019 13:20:03</t>
  </si>
  <si>
    <t>12/19/2019 13:20:04</t>
  </si>
  <si>
    <t>12/19/2019 13:19:41</t>
  </si>
  <si>
    <t>12/19/2019 13:20:05</t>
  </si>
  <si>
    <t>12/19/2019 13:23:34</t>
  </si>
  <si>
    <t>c4098dcd-aa2d-4b95-bb77-201dfcf68e40.tmp</t>
  </si>
  <si>
    <t>\\acsfs\profiles$\sarahbal\Downloads\c4098dcd-aa2d-4b95-bb77-201dfcf68e40.tmp</t>
  </si>
  <si>
    <t>12/19/2019 13:20:45</t>
  </si>
  <si>
    <t>12/19/2019 13:24:33</t>
  </si>
  <si>
    <t>a730e8f8-5306-4b61-a9f7-e4fc9f7db036.tmp</t>
  </si>
  <si>
    <t>\\acsfs\profiles$\quindaizaagds\Downloads\a730e8f8-5306-4b61-a9f7-e4fc9f7db036.tmp</t>
  </si>
  <si>
    <t>12/19/2019 13:21:34</t>
  </si>
  <si>
    <t>dc125043-ba6f-4e4c-9a1f-0aaefbba8700.tmp</t>
  </si>
  <si>
    <t>\\acsfs\profiles$\quindaizaagds\Downloads\dc125043-ba6f-4e4c-9a1f-0aaefbba8700.tmp</t>
  </si>
  <si>
    <t>12/19/2019 13:21:59</t>
  </si>
  <si>
    <t>560268fa-d2ed-41ef-914a-b5234853a170.tmp</t>
  </si>
  <si>
    <t>\\acsfs\profiles$\quindaizaagds\Downloads\560268fa-d2ed-41ef-914a-b5234853a170.tmp</t>
  </si>
  <si>
    <t>93d2eb23-3995-4283-b8de-c69c7436e756.tmp</t>
  </si>
  <si>
    <t>\\acsfs\profiles$\quindaizaagds\Downloads\93d2eb23-3995-4283-b8de-c69c7436e756.tmp</t>
  </si>
  <si>
    <t>12/19/2019 13:23:35</t>
  </si>
  <si>
    <t>1c64737d-333e-4113-a2ac-483034d3f3cb.tmp</t>
  </si>
  <si>
    <t>\\acsfs\profiles$\quindaizaagds\Downloads\1c64737d-333e-4113-a2ac-483034d3f3cb.tmp</t>
  </si>
  <si>
    <t>12/19/2019 13:22:36</t>
  </si>
  <si>
    <t>4bbc440d-2870-47ff-a5e6-e1a0327507c2.tmp</t>
  </si>
  <si>
    <t>\\acsfs\profiles$\gabrielamdp\Downloads\4bbc440d-2870-47ff-a5e6-e1a0327507c2.tmp</t>
  </si>
  <si>
    <t>12/19/2019 13:23:44</t>
  </si>
  <si>
    <t>12/19/2019 13:25:34</t>
  </si>
  <si>
    <t>3d05089f-cb14-4043-b7bb-7ce170a6a14e.tmp</t>
  </si>
  <si>
    <t>\\acsfs\profiles$\ayalabfi\Downloads\3d05089f-cb14-4043-b7bb-7ce170a6a14e.tmp</t>
  </si>
  <si>
    <t>12/19/2019 13:21:29</t>
  </si>
  <si>
    <t>12/19/2019 13:21:38</t>
  </si>
  <si>
    <t>12/19/2019 13:26:33</t>
  </si>
  <si>
    <t>12/19/2019 13:22:19</t>
  </si>
  <si>
    <t>12/19/2019 13:23:05</t>
  </si>
  <si>
    <t>12/19/2019 13:27:34</t>
  </si>
  <si>
    <t>12/19/2019 13:23:11</t>
  </si>
  <si>
    <t>\\acsfs\profiles$\anakcs\Downloads\</t>
  </si>
  <si>
    <t>3bca829b-0e2a-42c1-90ae-0a82a6438889.tmp</t>
  </si>
  <si>
    <t>\\acsfs\profiles$\anakcs\Downloads\3bca829b-0e2a-42c1-90ae-0a82a6438889.tmp</t>
  </si>
  <si>
    <t>12/19/2019 13:25:40</t>
  </si>
  <si>
    <t>a10f8452-901c-47b2-86fd-665abe05c8b7.tmp</t>
  </si>
  <si>
    <t>\\acsfs\profiles$\anakcs\Downloads\a10f8452-901c-47b2-86fd-665abe05c8b7.tmp</t>
  </si>
  <si>
    <t>12/19/2019 13:23:04</t>
  </si>
  <si>
    <t>antonio.p.albuquerque@next.b.br;bruna.toledo@next.b.br;camila.guasco@next.b.br;jefferson.moreira@next.b.br;marcotvo@algartech.com;milton.vieira@next.b.br;priscilaal@algartech.com;</t>
  </si>
  <si>
    <t>RES: Relatórios Fechamento Novembro/19</t>
  </si>
  <si>
    <t>Auditoria_desconsideração de excedentes.xlsx</t>
  </si>
  <si>
    <t>antonio.p.albuquerque@next.b.br,bruna.toledo@next.b.br,camila.guasco@next.b.br,jefferson.moreira@next.b.br,marcotvo@algartech.com,milton.vieira@next.b.br,priscilaal@algartech.com</t>
  </si>
  <si>
    <t>12/19/2019 13:24:43</t>
  </si>
  <si>
    <t>12/19/2019 13:28:33</t>
  </si>
  <si>
    <t>12/19/2019 13:25:08</t>
  </si>
  <si>
    <t>12/19/2019 13:27:09</t>
  </si>
  <si>
    <t>12/19/2019 13:29:34</t>
  </si>
  <si>
    <t>7264a4d9-9827-4e3b-8e28-b6509d8e781b.tmp</t>
  </si>
  <si>
    <t>\\acsfs\profiles$\quindaizaagds\Downloads\7264a4d9-9827-4e3b-8e28-b6509d8e781b.tmp</t>
  </si>
  <si>
    <t>12/19/2019 13:25:38</t>
  </si>
  <si>
    <t>12/19/2019 13:30:33</t>
  </si>
  <si>
    <t>12/19/2019 13:26:13</t>
  </si>
  <si>
    <t>db0c6e5f-b726-4bef-a41a-132b97b07e32.tmp</t>
  </si>
  <si>
    <t>\\acsfs\profiles$\adrielyas\Downloads\db0c6e5f-b726-4bef-a41a-132b97b07e32.tmp</t>
  </si>
  <si>
    <t>12/19/2019 13:27:00</t>
  </si>
  <si>
    <t>e68a931b-430a-4b17-ae4c-ae041c24658b.tmp</t>
  </si>
  <si>
    <t>\\acsfs\profiles$\adrielyas\Downloads\e68a931b-430a-4b17-ae4c-ae041c24658b.tmp</t>
  </si>
  <si>
    <t>12/19/2019 13:27:43</t>
  </si>
  <si>
    <t>Holerite_122019_2114467 (1).pdf.a0261rg.partial</t>
  </si>
  <si>
    <t>\\acsfs\profiles$\ayalabfi\Downloads\Holerite_122019_2114467 (1).pdf.a0261rg.partial</t>
  </si>
  <si>
    <t>12/19/2019 13:29:24</t>
  </si>
  <si>
    <t>12/19/2019 13:31:34</t>
  </si>
  <si>
    <t>12/19/2019 13:29:50</t>
  </si>
  <si>
    <t>12/19/2019 13:28:35</t>
  </si>
  <si>
    <t>12/19/2019 13:29:49</t>
  </si>
  <si>
    <t>3bcb0bbe-2d13-428b-a390-042d7619670a.tmp</t>
  </si>
  <si>
    <t>\\acsfs\profiles$\brendadsl\Downloads\3bcb0bbe-2d13-428b-a390-042d7619670a.tmp</t>
  </si>
  <si>
    <t>12/19/2019 13:29:51</t>
  </si>
  <si>
    <t>a0031c3a-c20b-47d9-be19-5da58b2ece92.tmp</t>
  </si>
  <si>
    <t>\\acsfs\profiles$\brendadsl\Downloads\a0031c3a-c20b-47d9-be19-5da58b2ece92.tmp</t>
  </si>
  <si>
    <t>12/19/2019 13:29:52</t>
  </si>
  <si>
    <t>dcd73159-e541-4131-8f74-339347bead5f.tmp</t>
  </si>
  <si>
    <t>\\acsfs\profiles$\brendadsl\Downloads\dcd73159-e541-4131-8f74-339347bead5f.tmp</t>
  </si>
  <si>
    <t>12/19/2019 13:29:58</t>
  </si>
  <si>
    <t>e60cf1b2-5ed1-4b99-b1b3-6ca63b090b48.tmp</t>
  </si>
  <si>
    <t>\\acsfs\profiles$\brendadsl\Downloads\e60cf1b2-5ed1-4b99-b1b3-6ca63b090b48.tmp</t>
  </si>
  <si>
    <t>38178d78-3113-499e-a93d-a622bf7cb707.tmp</t>
  </si>
  <si>
    <t>\\acsfs\profiles$\brendadsl\Downloads\38178d78-3113-499e-a93d-a622bf7cb707.tmp</t>
  </si>
  <si>
    <t>12/19/2019 13:29:59</t>
  </si>
  <si>
    <t>038517d0-3b41-4a63-a44d-4f2863392338.tmp</t>
  </si>
  <si>
    <t>\\acsfs\profiles$\brendadsl\Downloads\038517d0-3b41-4a63-a44d-4f2863392338.tmp</t>
  </si>
  <si>
    <t>12/19/2019 13:27:05</t>
  </si>
  <si>
    <t>12/19/2019 13:32:33</t>
  </si>
  <si>
    <t>12/19/2019 13:29:05</t>
  </si>
  <si>
    <t>12/19/2019 13:32:38</t>
  </si>
  <si>
    <t>12/19/2019 13:33:34</t>
  </si>
  <si>
    <t>12/19/2019 13:34:07</t>
  </si>
  <si>
    <t>12/19/2019 13:35:34</t>
  </si>
  <si>
    <t>96e5d678-c072-4eac-bdc0-ae3344f566a1.tmp</t>
  </si>
  <si>
    <t>\\acsfs\profiles$\laianear\Downloads\96e5d678-c072-4eac-bdc0-ae3344f566a1.tmp</t>
  </si>
  <si>
    <t>12/19/2019 13:31:38</t>
  </si>
  <si>
    <t>12/19/2019 13:31:58</t>
  </si>
  <si>
    <t>12/19/2019 13:36:34</t>
  </si>
  <si>
    <t>47f08f8f-0159-442a-be62-cc39c58f91c1.tmp</t>
  </si>
  <si>
    <t>\\acsfs\profiles$\gabrielarb\Downloads\47f08f8f-0159-442a-be62-cc39c58f91c1.tmp</t>
  </si>
  <si>
    <t>12/19/2019 13:34:59</t>
  </si>
  <si>
    <t>71cbaad7-dc99-4a69-9590-bf33c5a581f4.tmp</t>
  </si>
  <si>
    <t>\\acsfs\profiles$\gabrieleods\Downloads\71cbaad7-dc99-4a69-9590-bf33c5a581f4.tmp</t>
  </si>
  <si>
    <t>12/19/2019 13:32:45</t>
  </si>
  <si>
    <t>12/19/2019 13:35:18</t>
  </si>
  <si>
    <t>12/19/2019 13:34:18</t>
  </si>
  <si>
    <t>983a4272-eae3-4954-8347-0b012c3c65c8.tmp</t>
  </si>
  <si>
    <t>\\acsfs\profiles$\brendadsl\Downloads\983a4272-eae3-4954-8347-0b012c3c65c8.tmp</t>
  </si>
  <si>
    <t>12/19/2019 13:34:45</t>
  </si>
  <si>
    <t>7aaf6817-f16b-4835-8234-87dd5e90b824.tmp</t>
  </si>
  <si>
    <t>\\acsfs\profiles$\brendadsl\Downloads\7aaf6817-f16b-4835-8234-87dd5e90b824.tmp</t>
  </si>
  <si>
    <t>12/19/2019 13:33:05</t>
  </si>
  <si>
    <t>12/19/2019 13:37:33</t>
  </si>
  <si>
    <t>12/19/2019 13:35:05</t>
  </si>
  <si>
    <t>12/19/2019 13:35:57</t>
  </si>
  <si>
    <t>12/19/2019 13:38:34</t>
  </si>
  <si>
    <t>CURVA NORMAL - 18/12/2019</t>
  </si>
  <si>
    <t>12/19/2019 13:38:19</t>
  </si>
  <si>
    <t>ddf92ff8-f140-47b3-9ca6-d7ab23b0c935.tmp</t>
  </si>
  <si>
    <t>\\acsfs\profiles$\paulovadc\Downloads\ddf92ff8-f140-47b3-9ca6-d7ab23b0c935.tmp</t>
  </si>
  <si>
    <t>12/19/2019 13:38:25</t>
  </si>
  <si>
    <t>3d68159e-beb9-4b4c-b0e2-a40e9a02348c.tmp</t>
  </si>
  <si>
    <t>\\acsfs\profiles$\paulovadc\Downloads\3d68159e-beb9-4b4c-b0e2-a40e9a02348c.tmp</t>
  </si>
  <si>
    <t>12/19/2019 13:33:49</t>
  </si>
  <si>
    <t>12/19/2019 13:39:33</t>
  </si>
  <si>
    <t>12/19/2019 13:34:49</t>
  </si>
  <si>
    <t>12/19/2019 13:35:49</t>
  </si>
  <si>
    <t>12/19/2019 13:36:19</t>
  </si>
  <si>
    <t>12/19/2019 13:36:49</t>
  </si>
  <si>
    <t>12/19/2019 13:37:19</t>
  </si>
  <si>
    <t>12/19/2019 13:35:16</t>
  </si>
  <si>
    <t>12/19/2019 13:40:34</t>
  </si>
  <si>
    <t>e106caff-1af2-447f-9b46-e64f314a944b.tmp</t>
  </si>
  <si>
    <t>\\acsfs\profiles$\laianear\Downloads\e106caff-1af2-447f-9b46-e64f314a944b.tmp</t>
  </si>
  <si>
    <t>12/19/2019 13:36:38</t>
  </si>
  <si>
    <t>12/19/2019 13:37:38</t>
  </si>
  <si>
    <t>12/19/2019 13:36:20</t>
  </si>
  <si>
    <t>XLOG_anacdos_19122019_084612.log</t>
  </si>
  <si>
    <t>\\acsfs\profiles$\anacdos\My Documents\xworkcenter\logs\XLOG_anacdos_19122019_084612.log</t>
  </si>
  <si>
    <t>12/19/2019 13:38:33</t>
  </si>
  <si>
    <t>12/19/2019 13:38:35</t>
  </si>
  <si>
    <t>12/19/2019 13:38:36</t>
  </si>
  <si>
    <t>12/19/2019 13:38:37</t>
  </si>
  <si>
    <t>12/19/2019 13:38:38</t>
  </si>
  <si>
    <t>12/19/2019 13:38:39</t>
  </si>
  <si>
    <t>12/19/2019 13:38:40</t>
  </si>
  <si>
    <t>12/19/2019 13:38:41</t>
  </si>
  <si>
    <t>12/19/2019 13:38:42</t>
  </si>
  <si>
    <t>12/19/2019 13:38:43</t>
  </si>
  <si>
    <t>12/19/2019 13:38:44</t>
  </si>
  <si>
    <t>12/19/2019 13:38:45</t>
  </si>
  <si>
    <t>12/19/2019 13:38:46</t>
  </si>
  <si>
    <t>12/19/2019 13:38:47</t>
  </si>
  <si>
    <t>12/19/2019 13:38:48</t>
  </si>
  <si>
    <t>12/19/2019 13:38:49</t>
  </si>
  <si>
    <t>12/19/2019 13:38:50</t>
  </si>
  <si>
    <t>12/19/2019 13:38:51</t>
  </si>
  <si>
    <t>12/19/2019 13:38:52</t>
  </si>
  <si>
    <t>12/19/2019 13:38:53</t>
  </si>
  <si>
    <t>12/19/2019 13:38:54</t>
  </si>
  <si>
    <t>12/19/2019 13:38:55</t>
  </si>
  <si>
    <t>12/19/2019 13:38:56</t>
  </si>
  <si>
    <t>12/19/2019 13:38:57</t>
  </si>
  <si>
    <t>12/19/2019 13:38:58</t>
  </si>
  <si>
    <t>12/19/2019 13:37:21</t>
  </si>
  <si>
    <t>12/19/2019 13:41:33</t>
  </si>
  <si>
    <t>12/19/2019 13:39:55</t>
  </si>
  <si>
    <t>a820c432-4768-4650-a0ef-375c85444670.tmp</t>
  </si>
  <si>
    <t>\\acsfs\profiles$\brendadsl\Downloads\a820c432-4768-4650-a0ef-375c85444670.tmp</t>
  </si>
  <si>
    <t>12/19/2019 13:39:21</t>
  </si>
  <si>
    <t>retirada.txt</t>
  </si>
  <si>
    <t>\\acsfs\profiles$\brendavdoa\My Documents\retirada.txt</t>
  </si>
  <si>
    <t>12/19/2019 13:39:05</t>
  </si>
  <si>
    <t>12/19/2019 13:42:34</t>
  </si>
  <si>
    <t>12/19/2019 13:41:05</t>
  </si>
  <si>
    <t>12/19/2019 13:38:16</t>
  </si>
  <si>
    <t>12/19/2019 13:43:34</t>
  </si>
  <si>
    <t>12/19/2019 13:39:56</t>
  </si>
  <si>
    <t>12/19/2019 13:44:34</t>
  </si>
  <si>
    <t>3265c9ea-5c0a-41de-a287-0090721e0f47.tmp</t>
  </si>
  <si>
    <t>\\acsfs\profiles$\geovannasm\Downloads\3265c9ea-5c0a-41de-a287-0090721e0f47.tmp</t>
  </si>
  <si>
    <t>12/19/2019 13:40:21</t>
  </si>
  <si>
    <t>12/19/2019 13:40:28</t>
  </si>
  <si>
    <t>12/19/2019 13:40:36</t>
  </si>
  <si>
    <t>12/19/2019 13:40:38</t>
  </si>
  <si>
    <t>12/19/2019 13:40:55</t>
  </si>
  <si>
    <t>12/19/2019 13:41:16</t>
  </si>
  <si>
    <t>12/19/2019 13:41:21</t>
  </si>
  <si>
    <t>471fff73-4fd6-43dc-8eda-a56a9f7fde04.tmp</t>
  </si>
  <si>
    <t>\\acsfs\profiles$\gabrielamdp\Downloads\471fff73-4fd6-43dc-8eda-a56a9f7fde04.tmp</t>
  </si>
  <si>
    <t>12/19/2019 13:41:30</t>
  </si>
  <si>
    <t>bb1b6ac5-3faa-47cd-a1bc-6bc506bb69ba.tmp</t>
  </si>
  <si>
    <t>\\acsfs\profiles$\gabrielamdp\Downloads\bb1b6ac5-3faa-47cd-a1bc-6bc506bb69ba.tmp</t>
  </si>
  <si>
    <t>Holerite_122019_2203266 (1).pdf.axzfse3.partial</t>
  </si>
  <si>
    <t>\\acsfs\profiles$\ciceraads\Downloads\Holerite_122019_2203266 (1).pdf.axzfse3.partial</t>
  </si>
  <si>
    <t>12/19/2019 13:42:57</t>
  </si>
  <si>
    <t>Holerite_122019_2203267.pdf.mmnroz9.partial</t>
  </si>
  <si>
    <t>\\acsfs\profiles$\ciceraads\Downloads\Holerite_122019_2203267.pdf.mmnroz9.partial</t>
  </si>
  <si>
    <t>12/19/2019 13:43:57</t>
  </si>
  <si>
    <t>Holerite_122019_2203267 (1).pdf.rou7isq.partial</t>
  </si>
  <si>
    <t>\\acsfs\profiles$\ciceraads\Downloads\Holerite_122019_2203267 (1).pdf.rou7isq.partial</t>
  </si>
  <si>
    <t>12/19/2019 13:40:40</t>
  </si>
  <si>
    <t>12/19/2019 13:45:34</t>
  </si>
  <si>
    <t>1d803cea-c9de-44cb-bb4c-d1f5881c793d.tmp</t>
  </si>
  <si>
    <t>\\acsfs\profiles$\laianear\Downloads\1d803cea-c9de-44cb-bb4c-d1f5881c793d.tmp</t>
  </si>
  <si>
    <t>12/19/2019 13:42:38</t>
  </si>
  <si>
    <t>12/19/2019 13:43:38</t>
  </si>
  <si>
    <t>12/19/2019 13:43:50</t>
  </si>
  <si>
    <t>lu7872300ao.tmp</t>
  </si>
  <si>
    <t>\\acsfs\profiles$\CLAUDIAJCA\lu7872300ao.tmp</t>
  </si>
  <si>
    <t>\\acsfs\profiles$\CLAUDIAJCA\lu7872300ao.tmp\</t>
  </si>
  <si>
    <t>\\acsfs\profiles$\CLAUDIAJCA\lu7872300ao.tmp\META-INF\</t>
  </si>
  <si>
    <t>\\acsfs\profiles$\CLAUDIAJCA\lu7872300ao.tmp\Thumbnails\</t>
  </si>
  <si>
    <t>12/19/2019 13:44:44</t>
  </si>
  <si>
    <t>mail.google.com/_/upload?authuser=0&amp;dcp=asu-n&amp;upload_id=AEnB2UpwCz5Kdiz3JhV_VzvZ8dcqBi-ax_r9pQy-hByjzqoAbroj-oXnuYPNh-WQ5s-ZBahjtV2Dt05wytCqcvAgqJDhHL0LOeeaGNdxHADFZQymY-w3vL8&amp;upload_protocol=resumable</t>
  </si>
  <si>
    <t>C:\Users\lucianabo\Desktop\2019\12 - Dezembro\RETORNO AUDITORIA KAREN - COMPLEMENTARES\RETORNO AUDITORIA KAREN - COMPLEMENTARES.zip\TC_SAMPLE_NO_11\</t>
  </si>
  <si>
    <t>4 - Controle Financeiro Vari vel - Abril19.xlsb</t>
  </si>
  <si>
    <t>C:\Users\lucianabo\Desktop\2019\12 - Dezembro\RETORNO AUDITORIA KAREN - COMPLEMENTARES\RETORNO AUDITORIA KAREN - COMPLEMENTARES.zip\TC_SAMPLE_NO_2\</t>
  </si>
  <si>
    <t>FECHAMENTO JAN 2019.xlsx</t>
  </si>
  <si>
    <t>C:\Users\lucianabo\Desktop\2019\12 - Dezembro\RETORNO AUDITORIA KAREN - COMPLEMENTARES\RETORNO AUDITORIA KAREN - COMPLEMENTARES.zip\TC_SAMPLE_NO_4\</t>
  </si>
  <si>
    <t>FECHAMENTO FEV 2019.xlsx</t>
  </si>
  <si>
    <t>C:\Users\lucianabo\Desktop\2019\12 - Dezembro\RETORNO AUDITORIA KAREN - COMPLEMENTARES\RETORNO AUDITORIA KAREN - COMPLEMENTARES.zip\TC_SAMPLE_NO_6\</t>
  </si>
  <si>
    <t>FECHAMENTO MAR 2019.xlsx</t>
  </si>
  <si>
    <t>C:\Users\lucianabo\Desktop\2019\12 - Dezembro\RETORNO AUDITORIA KAREN - COMPLEMENTARES\RETORNO AUDITORIA KAREN - COMPLEMENTARES.zip\TC_SAMPLE_NO_8\</t>
  </si>
  <si>
    <t>Whirlpool Faturamento_Abril.19_CC - V4.xlsx</t>
  </si>
  <si>
    <t>C:\Users\lucianabo\Desktop\2019\12 - Dezembro\RETORNO AUDITORIA KAREN - COMPLEMENTARES\RETORNO AUDITORIA KAREN - COMPLEMENTARES.zip\TC_SAMPLE_NO_8\Enc_ Demonstrativo de Pagamento_Abril19_D2C.msg\s130\</t>
  </si>
  <si>
    <t>12/19/2019 13:44:06</t>
  </si>
  <si>
    <t>12/19/2019 13:43:15</t>
  </si>
  <si>
    <t>12/19/2019 13:46:34</t>
  </si>
  <si>
    <t>12/19/2019 13:44:52</t>
  </si>
  <si>
    <t>12/19/2019 13:45:15</t>
  </si>
  <si>
    <t>12/19/2019 13:45:27</t>
  </si>
  <si>
    <t>4a966255-1efe-412b-b02b-d74276d3139f.tmp</t>
  </si>
  <si>
    <t>\\acsfs\profiles$\larissaad\Downloads\4a966255-1efe-412b-b02b-d74276d3139f.tmp</t>
  </si>
  <si>
    <t>12/19/2019 13:45:05</t>
  </si>
  <si>
    <t>12/19/2019 13:47:34</t>
  </si>
  <si>
    <t>12/19/2019 13:48:20</t>
  </si>
  <si>
    <t>12/19/2019 13:49:34</t>
  </si>
  <si>
    <t>12/19/2019 13:46:36</t>
  </si>
  <si>
    <t>6d6a5f68-1f00-43c8-a3f3-3bb9d5fe7154.tmp</t>
  </si>
  <si>
    <t>\\acsfs\profiles$\KARENJSS\Downloads\6d6a5f68-1f00-43c8-a3f3-3bb9d5fe7154.tmp</t>
  </si>
  <si>
    <t>c4f7c444-4bb5-4116-a7a3-2352030aa765.tmp</t>
  </si>
  <si>
    <t>\\acsfs\profiles$\KARENJSS\Downloads\c4f7c444-4bb5-4116-a7a3-2352030aa765.tmp</t>
  </si>
  <si>
    <t>12/19/2019 13:45:48</t>
  </si>
  <si>
    <t>12/19/2019 13:48:12</t>
  </si>
  <si>
    <t>12/19/2019 13:50:34</t>
  </si>
  <si>
    <t>andrezacapf</t>
  </si>
  <si>
    <t>\\acsfs\profiles$\andrezacapf\Downloads\</t>
  </si>
  <si>
    <t>08c32b3a-93b1-4b67-a30c-f7e495dc3468.tmp</t>
  </si>
  <si>
    <t>\\acsfs\profiles$\andrezacapf\Downloads\08c32b3a-93b1-4b67-a30c-f7e495dc3468.tmp</t>
  </si>
  <si>
    <t>12/19/2019 13:48:16</t>
  </si>
  <si>
    <t>Não confirmado 551263.crdownload</t>
  </si>
  <si>
    <t>\\acsfs\profiles$\andrezacapf\Downloads\Não confirmado 551263.crdownload</t>
  </si>
  <si>
    <t>12/19/2019 13:48:19</t>
  </si>
  <si>
    <t>724dc4b6-999c-418b-847b-2dfcb1a6278a.tmp</t>
  </si>
  <si>
    <t>\\acsfs\profiles$\andrezacapf\Downloads\724dc4b6-999c-418b-847b-2dfcb1a6278a.tmp</t>
  </si>
  <si>
    <t>12/19/2019 13:48:21</t>
  </si>
  <si>
    <t>fecba28d-e4c4-4437-ad26-7f60c71d8ba9.tmp</t>
  </si>
  <si>
    <t>\\acsfs\profiles$\andrezacapf\Downloads\fecba28d-e4c4-4437-ad26-7f60c71d8ba9.tmp</t>
  </si>
  <si>
    <t>12/19/2019 13:48:25</t>
  </si>
  <si>
    <t>44296631-3c8b-4b9b-870a-409786d0217d.tmp</t>
  </si>
  <si>
    <t>\\acsfs\profiles$\andrezacapf\Downloads\44296631-3c8b-4b9b-870a-409786d0217d.tmp</t>
  </si>
  <si>
    <t>12/19/2019 13:48:29</t>
  </si>
  <si>
    <t>2012c8ec-7e8f-4c7c-88a2-6e37cf199107.tmp</t>
  </si>
  <si>
    <t>\\acsfs\profiles$\andrezacapf\Downloads\2012c8ec-7e8f-4c7c-88a2-6e37cf199107.tmp</t>
  </si>
  <si>
    <t>12/19/2019 13:48:32</t>
  </si>
  <si>
    <t>5a0f3185-c77f-4d4d-beab-015bd185621b.tmp</t>
  </si>
  <si>
    <t>\\acsfs\profiles$\andrezacapf\Downloads\5a0f3185-c77f-4d4d-beab-015bd185621b.tmp</t>
  </si>
  <si>
    <t>12/19/2019 13:49:01</t>
  </si>
  <si>
    <t>3d47edc3-a3f1-48e5-b00e-849d255fa34b.tmp</t>
  </si>
  <si>
    <t>\\acsfs\profiles$\andrezacapf\Downloads\3d47edc3-a3f1-48e5-b00e-849d255fa34b.tmp</t>
  </si>
  <si>
    <t>12/19/2019 13:49:07</t>
  </si>
  <si>
    <t>44aff661-ed62-4cb9-a7e0-ad4d2932580e.tmp</t>
  </si>
  <si>
    <t>\\acsfs\profiles$\andrezacapf\Downloads\44aff661-ed62-4cb9-a7e0-ad4d2932580e.tmp</t>
  </si>
  <si>
    <t>12/19/2019 13:48:38</t>
  </si>
  <si>
    <t>12/19/2019 13:49:38</t>
  </si>
  <si>
    <t>12/19/2019 13:50:01</t>
  </si>
  <si>
    <t>12/19/2019 13:51:34</t>
  </si>
  <si>
    <t>Bloco 19122019.txt</t>
  </si>
  <si>
    <t>\\acsfs\profiles$\brendadsl\My Documents\Blocos\Blocos Dezembro 2019\Bloco 19122019.txt</t>
  </si>
  <si>
    <t>12/19/2019 13:49:21</t>
  </si>
  <si>
    <t>97958304-c2e5-4d93-9f7f-a07cafb9a203.tmp</t>
  </si>
  <si>
    <t>\\acsfs\profiles$\larissaad\Downloads\97958304-c2e5-4d93-9f7f-a07cafb9a203.tmp</t>
  </si>
  <si>
    <t>12/19/2019 13:50:19</t>
  </si>
  <si>
    <t>C:\Users\renatofol\OneDrive - Grupo Algar\ALGAR_-_Transformação Digital\Consultoria CX\Documentações\TIME CX\Clientes\BrasilCap\OneDrive_2019-12-10\RC - 10009844 - Servico de Teleatendimento\</t>
  </si>
  <si>
    <t>Anexo IV - Modelo de Planilha de Composição de Custos.xls</t>
  </si>
  <si>
    <t>Anexo 16.8.TabelacomosNomeseFunçõesdosSistemasdaContratante.xlsx</t>
  </si>
  <si>
    <t>Anexo 16.5.Estudoquedavolumehistórico.xlsx</t>
  </si>
  <si>
    <t>12/19/2019 13:51:03</t>
  </si>
  <si>
    <t>C:\Users\renatofol\OneDrive - Grupo Algar\ALGAR_-_Transformação Digital\Consultoria CX\Documentações\TIME CX\Clientes\BrasilCap\OneDrive_2019-12-10.zip\RC - 10009844 - Servico de Teleatendimento\</t>
  </si>
  <si>
    <t>Anexo 16.2.RelatÃ³rio201907IntrahoraConsolidado.xlsb</t>
  </si>
  <si>
    <t>Anexo 16.3.RelatÃ³rio201908IntrahoraConsolidado.xlsb</t>
  </si>
  <si>
    <t>Anexo 16.4.RelatÃ³rio201909IntrahoraConsolidado.xlsb</t>
  </si>
  <si>
    <t>Anexo 16.5.EstudoquedavolumehistÃ³rico.xlsx</t>
  </si>
  <si>
    <t>Anexo 16.6.DesenhodoFluxodasURAMULTIATENDIMENTO_CLIENTESPARCEIROS.xlsx</t>
  </si>
  <si>
    <t>Anexo 16.7.DesenhodoFluxodasURAOUROCAP_SAC_CAC_AGÃŠNCIAS.xlsx</t>
  </si>
  <si>
    <t>Anexo 16.8.TabelacomosNomeseFunÃ§ÃµesdosSistemasdaContratante.xlsx</t>
  </si>
  <si>
    <t>Anexo IV - Modelo de Planilha de ComposiÃ§Ã£o de Custos.xls</t>
  </si>
  <si>
    <t>12/19/2019 13:47:05</t>
  </si>
  <si>
    <t>12/19/2019 13:52:34</t>
  </si>
  <si>
    <t>12/19/2019 13:51:05</t>
  </si>
  <si>
    <t>12/19/2019 13:50:22</t>
  </si>
  <si>
    <t>12/19/2019 13:53:34</t>
  </si>
  <si>
    <t>b9836088-e6ae-4599-b552-c89f94e3df6b.tmp</t>
  </si>
  <si>
    <t>\\acsfs\profiles$\bernardopcm\Downloads\b9836088-e6ae-4599-b552-c89f94e3df6b.tmp</t>
  </si>
  <si>
    <t>12/19/2019 13:50:26</t>
  </si>
  <si>
    <t>72f114b8-7147-4023-a757-6d8471000b1e.tmp</t>
  </si>
  <si>
    <t>\\acsfs\profiles$\bernardopcm\Downloads\72f114b8-7147-4023-a757-6d8471000b1e.tmp</t>
  </si>
  <si>
    <t>12/19/2019 13:52:31</t>
  </si>
  <si>
    <t>ecf0df77-0bb6-44f3-a037-34e7fa247210.tmp</t>
  </si>
  <si>
    <t>\\acsfs\profiles$\bernardopcm\Downloads\ecf0df77-0bb6-44f3-a037-34e7fa247210.tmp</t>
  </si>
  <si>
    <t>12/19/2019 13:48:49</t>
  </si>
  <si>
    <t>12/19/2019 13:54:34</t>
  </si>
  <si>
    <t>12/19/2019 13:50:50</t>
  </si>
  <si>
    <t>12/19/2019 13:51:20</t>
  </si>
  <si>
    <t>12/19/2019 13:51:50</t>
  </si>
  <si>
    <t>12/19/2019 13:52:20</t>
  </si>
  <si>
    <t>31d37fe7-3243-414b-bbaa-21d364297823.tmp</t>
  </si>
  <si>
    <t>\\acsfs\profiles$\KARENJSS\Downloads\31d37fe7-3243-414b-bbaa-21d364297823.tmp</t>
  </si>
  <si>
    <t>12/19/2019 13:50:08</t>
  </si>
  <si>
    <t>bf1b6676-b32b-4871-8796-d02b149dac40.tmp</t>
  </si>
  <si>
    <t>\\acsfs\profiles$\marcosvnds\Downloads\bf1b6676-b32b-4871-8796-d02b149dac40.tmp</t>
  </si>
  <si>
    <t>12/19/2019 13:50:09</t>
  </si>
  <si>
    <t>5601324a-9dd6-42d4-9cbd-4e6995bbabbd.tmp</t>
  </si>
  <si>
    <t>\\acsfs\profiles$\marcosvnds\Downloads\5601324a-9dd6-42d4-9cbd-4e6995bbabbd.tmp</t>
  </si>
  <si>
    <t>12/19/2019 13:50:27</t>
  </si>
  <si>
    <t>Q29udHJvbGxlci5XREUtQlZGLUNIQVQ- (8).ica</t>
  </si>
  <si>
    <t>\\acsfs\profiles$\marcosvnds\Downloads\Q29udHJvbGxlci5XREUtQlZGLUNIQVQ- (8).ica</t>
  </si>
  <si>
    <t>12/19/2019 13:50:35</t>
  </si>
  <si>
    <t>5dcc140c-6b2c-4da0-b025-988c12f2147f.tmp</t>
  </si>
  <si>
    <t>\\acsfs\profiles$\marcosvnds\Downloads\5dcc140c-6b2c-4da0-b025-988c12f2147f.tmp</t>
  </si>
  <si>
    <t>72b76de9-ca0a-47a3-b5d4-05a95c882c64.tmp</t>
  </si>
  <si>
    <t>\\acsfs\profiles$\marcosvnds\Downloads\72b76de9-ca0a-47a3-b5d4-05a95c882c64.tmp</t>
  </si>
  <si>
    <t>12/19/2019 13:51:16</t>
  </si>
  <si>
    <t>8c8c03ff-cf45-4b41-8ecb-fe77bd09ecf1.tmp</t>
  </si>
  <si>
    <t>\\acsfs\profiles$\marcosvnds\Downloads\8c8c03ff-cf45-4b41-8ecb-fe77bd09ecf1.tmp</t>
  </si>
  <si>
    <t>12/19/2019 13:51:33</t>
  </si>
  <si>
    <t>Q29udHJvbGxlci5TQUNBLVNBQw-- (16).ica</t>
  </si>
  <si>
    <t>\\acsfs\profiles$\marcosvnds\Downloads\Q29udHJvbGxlci5TQUNBLVNBQw-- (16).ica</t>
  </si>
  <si>
    <t>12/19/2019 13:51:53</t>
  </si>
  <si>
    <t>de7b8444-3688-4b05-b94b-91e071b5840c.tmp</t>
  </si>
  <si>
    <t>\\acsfs\profiles$\marcosvnds\Downloads\de7b8444-3688-4b05-b94b-91e071b5840c.tmp</t>
  </si>
  <si>
    <t>12/19/2019 13:52:56</t>
  </si>
  <si>
    <t>6841369a-5abf-4124-a4ee-62af31fba07e.tmp</t>
  </si>
  <si>
    <t>\\acsfs\profiles$\marcosvnds\Downloads\6841369a-5abf-4124-a4ee-62af31fba07e.tmp</t>
  </si>
  <si>
    <t>12/19/2019 13:55:33</t>
  </si>
  <si>
    <t>13375b88-a73f-482c-8439-94ceb825717f.tmp</t>
  </si>
  <si>
    <t>\\acsfs\profiles$\andrezacapf\Downloads\13375b88-a73f-482c-8439-94ceb825717f.tmp</t>
  </si>
  <si>
    <t>12/19/2019 13:50:38</t>
  </si>
  <si>
    <t>63178493-76f1-4790-baa8-f40c42fb1b6c.tmp</t>
  </si>
  <si>
    <t>\\acsfs\profiles$\andrezacapf\Downloads\63178493-76f1-4790-baa8-f40c42fb1b6c.tmp</t>
  </si>
  <si>
    <t>12/19/2019 13:51:56</t>
  </si>
  <si>
    <t>\\acsfs\profiles$\andrezacapf\My Documents\xworkcenter\lex\</t>
  </si>
  <si>
    <t>\\acsfs\profiles$\andrezacapf\My Documents\xworkcenter\lex\temp.tlx</t>
  </si>
  <si>
    <t>12/19/2019 13:51:57</t>
  </si>
  <si>
    <t>12/19/2019 13:51:58</t>
  </si>
  <si>
    <t>12/19/2019 13:51:59</t>
  </si>
  <si>
    <t>12/19/2019 13:52:00</t>
  </si>
  <si>
    <t>12/19/2019 13:52:01</t>
  </si>
  <si>
    <t>12/19/2019 13:52:02</t>
  </si>
  <si>
    <t>12/19/2019 13:52:03</t>
  </si>
  <si>
    <t>12/19/2019 13:54:38</t>
  </si>
  <si>
    <t>12/19/2019 13:52:04</t>
  </si>
  <si>
    <t>12/19/2019 13:52:05</t>
  </si>
  <si>
    <t>12/19/2019 13:52:06</t>
  </si>
  <si>
    <t>12/19/2019 13:52:07</t>
  </si>
  <si>
    <t>12/19/2019 13:52:08</t>
  </si>
  <si>
    <t>12/19/2019 13:52:09</t>
  </si>
  <si>
    <t>12/19/2019 13:53:19</t>
  </si>
  <si>
    <t>lu7872300as.tmp</t>
  </si>
  <si>
    <t>\\acsfs\profiles$\CLAUDIAJCA\lu7872300as.tmp</t>
  </si>
  <si>
    <t>\\acsfs\profiles$\CLAUDIAJCA\lu7872300as.tmp\</t>
  </si>
  <si>
    <t>\\acsfs\profiles$\CLAUDIAJCA\lu7872300as.tmp\META-INF\</t>
  </si>
  <si>
    <t>\\acsfs\profiles$\CLAUDIAJCA\lu7872300as.tmp\Thumbnails\</t>
  </si>
  <si>
    <t>12/19/2019 13:52:10</t>
  </si>
  <si>
    <t>12/19/2019 13:52:11</t>
  </si>
  <si>
    <t>12/19/2019 13:52:12</t>
  </si>
  <si>
    <t>12/19/2019 13:52:13</t>
  </si>
  <si>
    <t>12/19/2019 13:52:14</t>
  </si>
  <si>
    <t>12/19/2019 13:52:15</t>
  </si>
  <si>
    <t>12/19/2019 13:52:16</t>
  </si>
  <si>
    <t>12/19/2019 13:52:17</t>
  </si>
  <si>
    <t>12/19/2019 13:52:18</t>
  </si>
  <si>
    <t>12/19/2019 13:52:19</t>
  </si>
  <si>
    <t>12/19/2019 13:52:21</t>
  </si>
  <si>
    <t>497b129c-6a05-4833-9a83-7e12fb310baa.tmp</t>
  </si>
  <si>
    <t>\\acsfs\profiles$\gabrielafs\Downloads\497b129c-6a05-4833-9a83-7e12fb310baa.tmp</t>
  </si>
  <si>
    <t>12/19/2019 13:54:39</t>
  </si>
  <si>
    <t>12/19/2019 13:56:34</t>
  </si>
  <si>
    <t>f2485eb8-fbff-478a-b259-14dca1ec09d1.tmp</t>
  </si>
  <si>
    <t>\\acsfs\profiles$\gabrielarb\Downloads\f2485eb8-fbff-478a-b259-14dca1ec09d1.tmp</t>
  </si>
  <si>
    <t>12/19/2019 13:52:23</t>
  </si>
  <si>
    <t>12/19/2019 13:54:30</t>
  </si>
  <si>
    <t>maristelavodq@bv.algartech.com;</t>
  </si>
  <si>
    <t>RES: Coach</t>
  </si>
  <si>
    <t>maristelavodq@bv.algartech.com</t>
  </si>
  <si>
    <t>12/19/2019 13:55:15</t>
  </si>
  <si>
    <t>12/19/2019 13:54:10</t>
  </si>
  <si>
    <t>0ea4d18d-8cc7-4f33-8fc3-d6d33f6bd4b5.tmp</t>
  </si>
  <si>
    <t>\\acsfs\profiles$\larissaad\Downloads\0ea4d18d-8cc7-4f33-8fc3-d6d33f6bd4b5.tmp</t>
  </si>
  <si>
    <t>12/19/2019 13:51:21</t>
  </si>
  <si>
    <t>Anexo 16.4.Relatório201909IntrahoraConsolidado.xlsb</t>
  </si>
  <si>
    <t>Anexo 16.3.Relatório201908IntrahoraConsolidado.xlsb</t>
  </si>
  <si>
    <t>Anexo 16.2.Relatório201907IntrahoraConsolidado.xlsb</t>
  </si>
  <si>
    <t>Anexo 16.7.DesenhodoFluxodasURAOUROCAP_SAC_CAC_AGÊNCIAS.xlsx</t>
  </si>
  <si>
    <t>12/18/2019 23:29:48</t>
  </si>
  <si>
    <t>12/19/2019 13:57:33</t>
  </si>
  <si>
    <t>10.201.30.51</t>
  </si>
  <si>
    <t>Planejamento Monitor.xlsx</t>
  </si>
  <si>
    <t>12/19/2019 13:53:14</t>
  </si>
  <si>
    <t>12/19/2019 13:53:05</t>
  </si>
  <si>
    <t>12/19/2019 13:53:17</t>
  </si>
  <si>
    <t>12/19/2019 13:58:33</t>
  </si>
  <si>
    <t>c3af40a6-054a-4047-bd55-49f33452a642.tmp</t>
  </si>
  <si>
    <t>\\acsfs\profiles$\bernardopcm\Downloads\c3af40a6-054a-4047-bd55-49f33452a642.tmp</t>
  </si>
  <si>
    <t>12/19/2019 13:53:54</t>
  </si>
  <si>
    <t>12/19/2019 13:54:43</t>
  </si>
  <si>
    <t>74-86-7A-FB-19-E8</t>
  </si>
  <si>
    <t>VOTORANT-SB010</t>
  </si>
  <si>
    <t>isadoramco</t>
  </si>
  <si>
    <t>https://udpwfmniceap02/pt_br/web/guest/home?p_auth=v4gmerxf&amp;p_p_id=58&amp;p_p_lifecycle=1&amp;p_p_state=maximized&amp;p_p_mode=view&amp;savelastpath=0&amp;_58_struts_action=/login/forgot_password</t>
  </si>
  <si>
    <t>12/19/2019 13:54:51</t>
  </si>
  <si>
    <t>12/19/2019 13:54:54</t>
  </si>
  <si>
    <t>12/19/2019 13:55:01</t>
  </si>
  <si>
    <t>12/19/2019 13:54:56</t>
  </si>
  <si>
    <t>bdf3b299-1980-4f94-b2c2-e496ad6aa3be.tmp</t>
  </si>
  <si>
    <t>\\acsfs\profiles$\sarahbal\Downloads\bdf3b299-1980-4f94-b2c2-e496ad6aa3be.tmp</t>
  </si>
  <si>
    <t>12/19/2019 13:53:50</t>
  </si>
  <si>
    <t>12/19/2019 13:59:33</t>
  </si>
  <si>
    <t>12/19/2019 13:54:20</t>
  </si>
  <si>
    <t>12/19/2019 13:54:50</t>
  </si>
  <si>
    <t>12/19/2019 13:58:23</t>
  </si>
  <si>
    <t>12/19/2019 13:57:18</t>
  </si>
  <si>
    <t>32302800-c0ea-4035-8f3a-caa2c67f0f1b.tmp</t>
  </si>
  <si>
    <t>\\acsfs\profiles$\regisadsa\Downloads\32302800-c0ea-4035-8f3a-caa2c67f0f1b.tmp</t>
  </si>
  <si>
    <t>12/19/2019 13:55:24</t>
  </si>
  <si>
    <t>75bd6564-7b29-4a25-bba0-bf5dea873c4a.tmp</t>
  </si>
  <si>
    <t>\\acsfs\profiles$\KARENDSR\Downloads\75bd6564-7b29-4a25-bba0-bf5dea873c4a.tmp</t>
  </si>
  <si>
    <t>12/19/2019 13:56:02</t>
  </si>
  <si>
    <t>2278ae1d-4248-4eeb-8e3b-3ddb1d300cfc.tmp</t>
  </si>
  <si>
    <t>\\acsfs\profiles$\KARENDSR\Downloads\2278ae1d-4248-4eeb-8e3b-3ddb1d300cfc.tmp</t>
  </si>
  <si>
    <t>12/19/2019 13:56:16</t>
  </si>
  <si>
    <t>c825bd71-5ed5-41e2-b6fb-1c2331330a39.tmp</t>
  </si>
  <si>
    <t>\\acsfs\profiles$\KARENDSR\Downloads\c825bd71-5ed5-41e2-b6fb-1c2331330a39.tmp</t>
  </si>
  <si>
    <t>12/19/2019 13:58:31</t>
  </si>
  <si>
    <t>d105ca01-d262-40f5-a385-2fd802ebce9a.tmp</t>
  </si>
  <si>
    <t>\\acsfs\profiles$\KARENDSR\Downloads\d105ca01-d262-40f5-a385-2fd802ebce9a.tmp</t>
  </si>
  <si>
    <t>12/19/2019 13:55:40</t>
  </si>
  <si>
    <t>12/19/2019 14:00:33</t>
  </si>
  <si>
    <t>12/19/2019 13:56:12</t>
  </si>
  <si>
    <t>12/19/2019 14:01:33</t>
  </si>
  <si>
    <t>f815775f-57ad-4b85-bcd3-4dbc8b65088a.tmp</t>
  </si>
  <si>
    <t>\\acsfs\profiles$\gabrielarb\Downloads\f815775f-57ad-4b85-bcd3-4dbc8b65088a.tmp</t>
  </si>
  <si>
    <t>12/19/2019 13:59:54</t>
  </si>
  <si>
    <t>12/19/2019 13:58:17</t>
  </si>
  <si>
    <t>e5e9944d-0b21-459a-aef9-54a2d01df09c.tmp</t>
  </si>
  <si>
    <t>\\acsfs\profiles$\marcosvnds\Downloads\e5e9944d-0b21-459a-aef9-54a2d01df09c.tmp</t>
  </si>
  <si>
    <t>12/19/2019 13:59:11</t>
  </si>
  <si>
    <t>1a34f5fb-4a46-4070-8359-f4f3e70a7c03.tmp</t>
  </si>
  <si>
    <t>\\acsfs\profiles$\marcosvnds\Downloads\1a34f5fb-4a46-4070-8359-f4f3e70a7c03.tmp</t>
  </si>
  <si>
    <t>12/19/2019 13:59:25</t>
  </si>
  <si>
    <t>256a68f1-2afa-49f2-98e9-43db70cfadc7.tmp</t>
  </si>
  <si>
    <t>\\acsfs\profiles$\marcosvnds\Downloads\256a68f1-2afa-49f2-98e9-43db70cfadc7.tmp</t>
  </si>
  <si>
    <t>12/19/2019 13:59:38</t>
  </si>
  <si>
    <t>041e0819-ad84-43c7-8580-c0097d43b91b.tmp</t>
  </si>
  <si>
    <t>\\acsfs\profiles$\marcosvnds\Downloads\041e0819-ad84-43c7-8580-c0097d43b91b.tmp</t>
  </si>
  <si>
    <t>12/19/2019 14:00:15</t>
  </si>
  <si>
    <t>12/19/2019 14:02:33</t>
  </si>
  <si>
    <t>12/19/2019 13:57:06</t>
  </si>
  <si>
    <t>12/19/2019 13:59:06</t>
  </si>
  <si>
    <t>12/19/2019 13:59:36</t>
  </si>
  <si>
    <t>12/19/2019 14:01:38</t>
  </si>
  <si>
    <t>12/19/2019 14:03:32</t>
  </si>
  <si>
    <t>Relatorio.Recibo.Ferias_20191217205536210137.pdf.dy7b27n.partial</t>
  </si>
  <si>
    <t>\\acsfs\profiles$\bernardopcm\Downloads\Relatorio.Recibo.Ferias_20191217205536210137.pdf.dy7b27n.partial</t>
  </si>
  <si>
    <t>12/19/2019 13:58:14</t>
  </si>
  <si>
    <t>12/19/2019 13:59:41</t>
  </si>
  <si>
    <t>12/19/2019 14:00:01</t>
  </si>
  <si>
    <t>fabianapm@algartech.com;leonardoamf@algartech.com.br;selmaasr@algartech.com.br;</t>
  </si>
  <si>
    <t>RES: Escalas - Equipe Leonardo</t>
  </si>
  <si>
    <t>Escala Formalizada.xlsx</t>
  </si>
  <si>
    <t>fabianapm@algartech.com,leonardoamf@algartech.com.br,selmaasr@algartech.com.br</t>
  </si>
  <si>
    <t>12/19/2019 13:59:50</t>
  </si>
  <si>
    <t>12/19/2019 14:04:33</t>
  </si>
  <si>
    <t>12/19/2019 14:00:20</t>
  </si>
  <si>
    <t>12/19/2019 14:00:50</t>
  </si>
  <si>
    <t>12/19/2019 13:59:19</t>
  </si>
  <si>
    <t>45866da9-af39-478f-b2a0-0f4f1d6ee4ce.tmp</t>
  </si>
  <si>
    <t>\\acsfs\profiles$\regisadsa\Downloads\45866da9-af39-478f-b2a0-0f4f1d6ee4ce.tmp</t>
  </si>
  <si>
    <t>12/19/2019 14:00:07</t>
  </si>
  <si>
    <t>ca88d4c0-4d8a-45c4-935d-582265676385.tmp</t>
  </si>
  <si>
    <t>\\acsfs\profiles$\regisadsa\Downloads\ca88d4c0-4d8a-45c4-935d-582265676385.tmp</t>
  </si>
  <si>
    <t>12/19/2019 14:01:02</t>
  </si>
  <si>
    <t>fb8cacf4-4eba-43bc-86f5-31431e712f45.tmp</t>
  </si>
  <si>
    <t>\\acsfs\profiles$\regisadsa\Downloads\fb8cacf4-4eba-43bc-86f5-31431e712f45.tmp</t>
  </si>
  <si>
    <t>12/19/2019 14:03:33</t>
  </si>
  <si>
    <t>9f02345e-66f2-41b0-bd5a-a659c32dbc5a.tmp</t>
  </si>
  <si>
    <t>\\acsfs\profiles$\KARENDSR\Downloads\9f02345e-66f2-41b0-bd5a-a659c32dbc5a.tmp</t>
  </si>
  <si>
    <t>12/19/2019 14:00:38</t>
  </si>
  <si>
    <t>12/19/2019 14:05:33</t>
  </si>
  <si>
    <t>12/19/2019 14:03:43</t>
  </si>
  <si>
    <t>25a52e48-6018-4757-97a6-166560690af2.tmp</t>
  </si>
  <si>
    <t>\\acsfs\profiles$\andrezacapf\Downloads\25a52e48-6018-4757-97a6-166560690af2.tmp</t>
  </si>
  <si>
    <t>12/19/2019 14:04:01</t>
  </si>
  <si>
    <t>12/19/2019 14:06:33</t>
  </si>
  <si>
    <t>12/19/2019 14:03:06</t>
  </si>
  <si>
    <t>12/19/2019 14:07:32</t>
  </si>
  <si>
    <t>12/19/2019 14:05:06</t>
  </si>
  <si>
    <t>12/19/2019 14:07:20</t>
  </si>
  <si>
    <t>12/19/2019 14:09:32</t>
  </si>
  <si>
    <t>12/19/2019 14:05:01</t>
  </si>
  <si>
    <t>a2a0269a-30e4-43dc-9467-8de1d428956d.tmp</t>
  </si>
  <si>
    <t>\\acsfs\profiles$\KARENDSR\Downloads\a2a0269a-30e4-43dc-9467-8de1d428956d.tmp</t>
  </si>
  <si>
    <t>12/19/2019 14:09:04</t>
  </si>
  <si>
    <t>12/19/2019 14:10:33</t>
  </si>
  <si>
    <t>\\acsfs\profiles$\laianear\</t>
  </si>
  <si>
    <t>Laiane.txt</t>
  </si>
  <si>
    <t>\\acsfs\profiles$\laianear\Laiane.txt</t>
  </si>
  <si>
    <t>12/19/2019 14:09:06</t>
  </si>
  <si>
    <t>preaud.txt</t>
  </si>
  <si>
    <t>\\acsfs\profiles$\laianear\preaud.txt</t>
  </si>
  <si>
    <t>12/19/2019 14:06:38</t>
  </si>
  <si>
    <t>12/19/2019 14:07:38</t>
  </si>
  <si>
    <t>12/19/2019 14:06:54</t>
  </si>
  <si>
    <t>4aff44e2-b152-4ba1-b257-0c1d0efb4943.tmp</t>
  </si>
  <si>
    <t>\\acsfs\profiles$\ayalabfi\Downloads\4aff44e2-b152-4ba1-b257-0c1d0efb4943.tmp</t>
  </si>
  <si>
    <t>12/19/2019 14:05:13</t>
  </si>
  <si>
    <t>649dabc5-7361-4827-af93-050f0e5eb16c.tmp</t>
  </si>
  <si>
    <t>\\acsfs\profiles$\andrezacapf\Downloads\649dabc5-7361-4827-af93-050f0e5eb16c.tmp</t>
  </si>
  <si>
    <t>12/19/2019 14:06:17</t>
  </si>
  <si>
    <t>12/19/2019 14:11:32</t>
  </si>
  <si>
    <t>http://geradordecertificados.com/_ah/upload/ammfu6ymuglljtxoprlue51e7hlopslfupx9_mhpwj2pc4hgovhyxpjbam2v2rdc2l_2a2x6gsijlzeyqo5mpwrprvzot1ufhar9tyk4c88cgl9uabvzmf3qi2juu5rewagr0ihb8mdrew5s5lpkcimw3uzjzf-v8pfzecyhe_iv5dndxgzffwpngzcmzywppxxxa6alt7mr/albnuayaaaaaxfuws-tg0a-jsbn6vdtjutlaj_vkhkmg/</t>
  </si>
  <si>
    <t>Requer atenção da SI.xlsx</t>
  </si>
  <si>
    <t>12/19/2019 14:10:25</t>
  </si>
  <si>
    <t>http://certificado.herokuapp.com/</t>
  </si>
  <si>
    <t>C:\Users\alefl\Downloads\</t>
  </si>
  <si>
    <t>OfficeScan agent listing (3).csv</t>
  </si>
  <si>
    <t>12/19/2019 14:07:25</t>
  </si>
  <si>
    <t>12/19/2019 14:07:02</t>
  </si>
  <si>
    <t>https://outlook.office365.com/owa/qualidadealgarbv@algartech.com/service.svc?action=updateitem&amp;app=mail&amp;n=99</t>
  </si>
  <si>
    <t>12/19/2019 14:12:33</t>
  </si>
  <si>
    <t>12/19/2019 14:11:06</t>
  </si>
  <si>
    <t>12/19/2019 14:10:07</t>
  </si>
  <si>
    <t>12/19/2019 14:10:42</t>
  </si>
  <si>
    <t>12/19/2019 14:11:17</t>
  </si>
  <si>
    <t>12/19/2019 14:12:13</t>
  </si>
  <si>
    <t>12/19/2019 14:13:33</t>
  </si>
  <si>
    <t>/o=exchangelabs/ou=exchange administrative group (fydibohf23spdlt)/cn=recipients/cn=b1a72fc2d0234efca84c7771ea70c7ee-roberta cri;fabianapm@algartech.com;</t>
  </si>
  <si>
    <t>Financeiro Dez.</t>
  </si>
  <si>
    <t>Financeiro_Dez.xlsx</t>
  </si>
  <si>
    <t>/o=exchangelabs/ou=exchange administrative group (fydibohf23spdlt)/cn=recipients/cn=b1a72fc2d0234efca84c7771ea70c7ee-roberta cri,fabianapm@algartech.com</t>
  </si>
  <si>
    <t>12/19/2019 14:08:50</t>
  </si>
  <si>
    <t>12/19/2019 14:14:33</t>
  </si>
  <si>
    <t>bc0ac3ef-bcaf-4b0f-88f2-1d5ad5e8530a.tmp</t>
  </si>
  <si>
    <t>\\acsfs\profiles$\alinepp\Downloads\bc0ac3ef-bcaf-4b0f-88f2-1d5ad5e8530a.tmp</t>
  </si>
  <si>
    <t>12/19/2019 14:09:16</t>
  </si>
  <si>
    <t>8d5615f4-bc39-4024-87df-a566db4b48be.tmp</t>
  </si>
  <si>
    <t>\\acsfs\profiles$\alinepp\Downloads\8d5615f4-bc39-4024-87df-a566db4b48be.tmp</t>
  </si>
  <si>
    <t>12/19/2019 14:10:24</t>
  </si>
  <si>
    <t>dd3bda58-f3b1-41eb-bb4e-2f9a9d503824.tmp</t>
  </si>
  <si>
    <t>\\acsfs\profiles$\alinepp\Downloads\dd3bda58-f3b1-41eb-bb4e-2f9a9d503824.tmp</t>
  </si>
  <si>
    <t>12/19/2019 14:11:34</t>
  </si>
  <si>
    <t>70c4b9c5-5a86-44ea-a919-c00d5c8d7b1f.tmp</t>
  </si>
  <si>
    <t>\\acsfs\profiles$\alinepp\Downloads\70c4b9c5-5a86-44ea-a919-c00d5c8d7b1f.tmp</t>
  </si>
  <si>
    <t>12/19/2019 14:11:50</t>
  </si>
  <si>
    <t>e470b6ea-e4ce-4780-a0e3-0e35ded4f175.tmp</t>
  </si>
  <si>
    <t>\\acsfs\profiles$\alinepp\Downloads\e470b6ea-e4ce-4780-a0e3-0e35ded4f175.tmp</t>
  </si>
  <si>
    <t>12/19/2019 14:09:51</t>
  </si>
  <si>
    <t>12/19/2019 14:11:21</t>
  </si>
  <si>
    <t>12/19/2019 14:11:27</t>
  </si>
  <si>
    <t>12/19/2019 14:15:33</t>
  </si>
  <si>
    <t>12/19/2019 14:12:38</t>
  </si>
  <si>
    <t>12/19/2019 14:13:38</t>
  </si>
  <si>
    <t>12/19/2019 14:14:56</t>
  </si>
  <si>
    <t>12/19/2019 14:16:32</t>
  </si>
  <si>
    <t>12/19/2019 14:15:07</t>
  </si>
  <si>
    <t>12/19/2019 14:17:33</t>
  </si>
  <si>
    <t>12/19/2019 14:11:52</t>
  </si>
  <si>
    <t>12/19/2019 14:12:28</t>
  </si>
  <si>
    <t>12/19/2019 14:13:03</t>
  </si>
  <si>
    <t>12/19/2019 14:13:37</t>
  </si>
  <si>
    <t>12/19/2019 14:14:14</t>
  </si>
  <si>
    <t>12/19/2019 14:14:49</t>
  </si>
  <si>
    <t>12/19/2019 14:15:22</t>
  </si>
  <si>
    <t>12/19/2019 14:15:57</t>
  </si>
  <si>
    <t>12/19/2019 14:14:48</t>
  </si>
  <si>
    <t>12/19/2019 14:18:32</t>
  </si>
  <si>
    <t>5955c4f1-9cea-46af-9d77-a2a66a3a1f31.tmp</t>
  </si>
  <si>
    <t>\\acsfs\profiles$\brendadsl\Downloads\5955c4f1-9cea-46af-9d77-a2a66a3a1f31.tmp</t>
  </si>
  <si>
    <t>12/19/2019 14:16:33</t>
  </si>
  <si>
    <t>a5e52c9f-1d88-4e81-8eb0-dc9882f56fbf.tmp</t>
  </si>
  <si>
    <t>\\acsfs\profiles$\brendadsl\Downloads\a5e52c9f-1d88-4e81-8eb0-dc9882f56fbf.tmp</t>
  </si>
  <si>
    <t>12/19/2019 14:16:37</t>
  </si>
  <si>
    <t>2c2bc506-ded6-4e90-b31e-42801b3b1c7b.tmp</t>
  </si>
  <si>
    <t>\\acsfs\profiles$\brendadsl\Downloads\2c2bc506-ded6-4e90-b31e-42801b3b1c7b.tmp</t>
  </si>
  <si>
    <t>12/19/2019 14:16:39</t>
  </si>
  <si>
    <t>da7b74bc-e507-4609-a74a-bdff9e63a2cc.tmp</t>
  </si>
  <si>
    <t>\\acsfs\profiles$\brendadsl\Downloads\da7b74bc-e507-4609-a74a-bdff9e63a2cc.tmp</t>
  </si>
  <si>
    <t>c1af895d-97e3-4c5f-8867-fe3af7bba555.tmp</t>
  </si>
  <si>
    <t>\\acsfs\profiles$\brendadsl\Downloads\c1af895d-97e3-4c5f-8867-fe3af7bba555.tmp</t>
  </si>
  <si>
    <t>12/19/2019 14:19:32</t>
  </si>
  <si>
    <t>12/19/2019 14:18:41</t>
  </si>
  <si>
    <t>12/19/2019 14:20:33</t>
  </si>
  <si>
    <t>e210016c-d20a-4b3d-8001-d9dde198c616.tmp</t>
  </si>
  <si>
    <t>\\acsfs\profiles$\adrielyas\Downloads\e210016c-d20a-4b3d-8001-d9dde198c616.tmp</t>
  </si>
  <si>
    <t>12/19/2019 14:19:17</t>
  </si>
  <si>
    <t>dfa3322b-b86e-4bf3-b0d4-6db93d6ad601.tmp</t>
  </si>
  <si>
    <t>\\acsfs\profiles$\adrielyas\Downloads\dfa3322b-b86e-4bf3-b0d4-6db93d6ad601.tmp</t>
  </si>
  <si>
    <t>12/19/2019 14:18:38</t>
  </si>
  <si>
    <t>12/19/2019 14:19:38</t>
  </si>
  <si>
    <t>12/19/2019 14:16:46</t>
  </si>
  <si>
    <t>12/19/2019 14:21:32</t>
  </si>
  <si>
    <t>12/19/2019 14:18:11</t>
  </si>
  <si>
    <t>12/19/2019 14:18:14</t>
  </si>
  <si>
    <t>12/19/2019 14:22:33</t>
  </si>
  <si>
    <t>12/19/2019 14:18:44</t>
  </si>
  <si>
    <t>\\acsfs\profiles$\henriqueco\My Documents\My Pictures\</t>
  </si>
  <si>
    <t>\\acsfs\profiles$\henriqueco\My Documents\My Videos\desktop.ini</t>
  </si>
  <si>
    <t>12/19/2019 14:18:46</t>
  </si>
  <si>
    <t>\\acsfs\profiles$\henriqueco\My Documents\My Videos\</t>
  </si>
  <si>
    <t>12/19/2019 14:18:47</t>
  </si>
  <si>
    <t>12/19/2019 14:18:49</t>
  </si>
  <si>
    <t>12/19/2019 14:18:50</t>
  </si>
  <si>
    <t>\\acsfs\profiles$\henriqueco\My Documents\My Music\</t>
  </si>
  <si>
    <t>\\acsfs\profiles$\henriqueco\My Documents\My Pictures\desktop.ini</t>
  </si>
  <si>
    <t>12/19/2019 14:18:51</t>
  </si>
  <si>
    <t>12/19/2019 14:18:52</t>
  </si>
  <si>
    <t>12/19/2019 14:18:53</t>
  </si>
  <si>
    <t>12/19/2019 14:18:54</t>
  </si>
  <si>
    <t>12/19/2019 14:18:55</t>
  </si>
  <si>
    <t>\\acsfs\profiles$\henriqueco\Contacts\</t>
  </si>
  <si>
    <t>\\acsfs\profiles$\henriqueco\Contacts\desktop.ini</t>
  </si>
  <si>
    <t>12/19/2019 14:18:56</t>
  </si>
  <si>
    <t>12/19/2019 14:18:57</t>
  </si>
  <si>
    <t>12/19/2019 14:18:58</t>
  </si>
  <si>
    <t>12/19/2019 14:19:01</t>
  </si>
  <si>
    <t>12/19/2019 14:19:02</t>
  </si>
  <si>
    <t>\\acsfs\profiles$\henriqueco\My Documents\</t>
  </si>
  <si>
    <t>\\acsfs\profiles$\henriqueco\Favorites\desktop.ini</t>
  </si>
  <si>
    <t>12/19/2019 14:19:03</t>
  </si>
  <si>
    <t>12/19/2019 14:19:05</t>
  </si>
  <si>
    <t>12/19/2019 14:19:06</t>
  </si>
  <si>
    <t>12/19/2019 14:19:07</t>
  </si>
  <si>
    <t>12/19/2019 14:19:08</t>
  </si>
  <si>
    <t>12/19/2019 14:19:10</t>
  </si>
  <si>
    <t>\\acsfs\profiles$\henriqueco\My Documents\My Music\desktop.ini</t>
  </si>
  <si>
    <t>12/19/2019 14:19:11</t>
  </si>
  <si>
    <t>12/19/2019 14:19:13</t>
  </si>
  <si>
    <t>12/19/2019 14:19:14</t>
  </si>
  <si>
    <t>12/19/2019 14:17:37</t>
  </si>
  <si>
    <t>12/19/2019 14:17:06</t>
  </si>
  <si>
    <t>12/19/2019 14:19:15</t>
  </si>
  <si>
    <t>\\acsfs\profiles$\henriqueco\Searches\</t>
  </si>
  <si>
    <t>\\acsfs\profiles$\henriqueco\Searches\desktop.ini</t>
  </si>
  <si>
    <t>12/19/2019 14:21:06</t>
  </si>
  <si>
    <t>12/19/2019 14:19:18</t>
  </si>
  <si>
    <t>12/19/2019 14:19:20</t>
  </si>
  <si>
    <t>12/19/2019 14:19:21</t>
  </si>
  <si>
    <t>12/19/2019 14:19:23</t>
  </si>
  <si>
    <t>\\acsfs\profiles$\henriqueco\Downloads\desktop.ini</t>
  </si>
  <si>
    <t>12/19/2019 14:19:26</t>
  </si>
  <si>
    <t>\\acsfs\profiles$\henriqueco\Favorites\</t>
  </si>
  <si>
    <t>\\acsfs\profiles$\henriqueco\My Documents\desktop.ini</t>
  </si>
  <si>
    <t>12/19/2019 14:19:27</t>
  </si>
  <si>
    <t>12/19/2019 14:19:28</t>
  </si>
  <si>
    <t>12/19/2019 14:19:29</t>
  </si>
  <si>
    <t>12/19/2019 14:19:30</t>
  </si>
  <si>
    <t>\\acsfs\profiles$\henriqueco\Saved Games\desktop.ini</t>
  </si>
  <si>
    <t>12/19/2019 14:19:33</t>
  </si>
  <si>
    <t>12/19/2019 14:20:32</t>
  </si>
  <si>
    <t>lu19476qk7gs.tmp</t>
  </si>
  <si>
    <t>\\acsfs\profiles$\luanarda\lu19476qk7gs.tmp</t>
  </si>
  <si>
    <t>\\acsfs\profiles$\luanarda\lu19476qk7gs.tmp\</t>
  </si>
  <si>
    <t>\\acsfs\profiles$\luanarda\lu19476qk7gs.tmp\META-INF\</t>
  </si>
  <si>
    <t>\\acsfs\profiles$\luanarda\lu19476qk7gs.tmp\Thumbnails\</t>
  </si>
  <si>
    <t>12/19/2019 14:19:41</t>
  </si>
  <si>
    <t>12/19/2019 14:23:32</t>
  </si>
  <si>
    <t>12/19/2019 14:24:32</t>
  </si>
  <si>
    <t>12/19/2019 14:20:22</t>
  </si>
  <si>
    <t>venda q.txt</t>
  </si>
  <si>
    <t>\\acsfs\profiles$\quindaizaagds\My Documents\My Pictures\venda q.txt</t>
  </si>
  <si>
    <t>12/19/2019 14:23:27</t>
  </si>
  <si>
    <t>12/19/2019 14:25:32</t>
  </si>
  <si>
    <t>b9cbd981-2cf1-486c-b07b-d5d7ac3ea571.tmp</t>
  </si>
  <si>
    <t>\\acsfs\profiles$\leticiala\Downloads\b9cbd981-2cf1-486c-b07b-d5d7ac3ea571.tmp</t>
  </si>
  <si>
    <t>12/19/2019 14:24:39</t>
  </si>
  <si>
    <t>12/19/2019 14:24:18</t>
  </si>
  <si>
    <t>12/19/2019 14:25:08</t>
  </si>
  <si>
    <t>10.200.66.39</t>
  </si>
  <si>
    <t>228d4a70-457b-4806-a063-8584b1bb7294.tmp</t>
  </si>
  <si>
    <t>\\acsfs\profiles$\milenaas\Downloads\228d4a70-457b-4806-a063-8584b1bb7294.tmp</t>
  </si>
  <si>
    <t>12/19/2019 14:24:09</t>
  </si>
  <si>
    <t>12/19/2019 14:26:33</t>
  </si>
  <si>
    <t>47d48094-81de-4d0c-b781-60e4d0293134.tmp</t>
  </si>
  <si>
    <t>\\acsfs\profiles$\deborahsi\Downloads\47d48094-81de-4d0c-b781-60e4d0293134.tmp</t>
  </si>
  <si>
    <t>10c6907f-bbcd-4b2e-bf56-4c9d892a4452.tmp</t>
  </si>
  <si>
    <t>\\acsfs\profiles$\deborahsi\Downloads\10c6907f-bbcd-4b2e-bf56-4c9d892a4452.tmp</t>
  </si>
  <si>
    <t>12/19/2019 14:25:30</t>
  </si>
  <si>
    <t>77052cf3-e72b-422d-b0e7-a27d17853d92.tmp</t>
  </si>
  <si>
    <t>\\acsfs\profiles$\deborahsi\Downloads\77052cf3-e72b-422d-b0e7-a27d17853d92.tmp</t>
  </si>
  <si>
    <t>12/19/2019 14:22:27</t>
  </si>
  <si>
    <t>12/19/2019 14:24:08</t>
  </si>
  <si>
    <t>3351ee8f-db7e-4a12-b82d-91ad7a858ce6.tmp</t>
  </si>
  <si>
    <t>\\acsfs\profiles$\felipetds\Downloads\3351ee8f-db7e-4a12-b82d-91ad7a858ce6.tmp</t>
  </si>
  <si>
    <t>12/19/2019 14:24:48</t>
  </si>
  <si>
    <t>12/19/2019 14:22:22</t>
  </si>
  <si>
    <t>12/19/2019 14:23:53</t>
  </si>
  <si>
    <t>12/19/2019 13:55:13</t>
  </si>
  <si>
    <t>12/19/2019 14:27:33</t>
  </si>
  <si>
    <t>ded2cb37-3dc6-420e-b2b4-c82560347490.tmp</t>
  </si>
  <si>
    <t>\\acsfs\profiles$\marcosvnds\Downloads\ded2cb37-3dc6-420e-b2b4-c82560347490.tmp</t>
  </si>
  <si>
    <t>12/19/2019 14:23:06</t>
  </si>
  <si>
    <t>12/19/2019 14:22:37</t>
  </si>
  <si>
    <t>WEDERSON BRUNO ALVES DOS REIS (14813).contact</t>
  </si>
  <si>
    <t>\\acsfs\profiles$\wedersonbadr\Contacts\WEDERSON BRUNO ALVES DOS REIS (14813).contact</t>
  </si>
  <si>
    <t>12/19/2019 14:23:12</t>
  </si>
  <si>
    <t>12/19/2019 14:23:13</t>
  </si>
  <si>
    <t>12/19/2019 14:23:14</t>
  </si>
  <si>
    <t>12/19/2019 14:23:15</t>
  </si>
  <si>
    <t>12/19/2019 14:23:16</t>
  </si>
  <si>
    <t>12/19/2019 14:23:17</t>
  </si>
  <si>
    <t>12/19/2019 14:23:18</t>
  </si>
  <si>
    <t>12/19/2019 14:23:19</t>
  </si>
  <si>
    <t>12/19/2019 14:23:20</t>
  </si>
  <si>
    <t>12/19/2019 14:23:21</t>
  </si>
  <si>
    <t>12/19/2019 14:23:22</t>
  </si>
  <si>
    <t>12/19/2019 14:23:24</t>
  </si>
  <si>
    <t>12/19/2019 14:23:25</t>
  </si>
  <si>
    <t>12/19/2019 14:23:26</t>
  </si>
  <si>
    <t>12/19/2019 14:23:28</t>
  </si>
  <si>
    <t>12/19/2019 14:23:29</t>
  </si>
  <si>
    <t>12/19/2019 14:24:37</t>
  </si>
  <si>
    <t>12/19/2019 14:24:40</t>
  </si>
  <si>
    <t>12/19/2019 14:24:41</t>
  </si>
  <si>
    <t>12/19/2019 14:24:42</t>
  </si>
  <si>
    <t>12/19/2019 14:24:11</t>
  </si>
  <si>
    <t>12/19/2019 14:26:24</t>
  </si>
  <si>
    <t>12/19/2019 14:26:39</t>
  </si>
  <si>
    <t>12/19/2019 14:26:21</t>
  </si>
  <si>
    <t>12/19/2019 14:28:33</t>
  </si>
  <si>
    <t>Pipeline Detalhado Latam 2019_12_19.xlsx</t>
  </si>
  <si>
    <t>12/19/2019 14:22:41</t>
  </si>
  <si>
    <t>1c2f3366-0a93-4fcb-995f-42eea471b37a.tmp</t>
  </si>
  <si>
    <t>\\acsfs\profiles$\victorgl\Downloads\1c2f3366-0a93-4fcb-995f-42eea471b37a.tmp</t>
  </si>
  <si>
    <t>bd98d8c6-c1ff-4d1b-9790-624af0829672.tmp</t>
  </si>
  <si>
    <t>\\acsfs\profiles$\victorgl\Downloads\bd98d8c6-c1ff-4d1b-9790-624af0829672.tmp</t>
  </si>
  <si>
    <t>12/19/2019 14:22:44</t>
  </si>
  <si>
    <t>17057893-fd2e-4483-9d2d-f088dd27c53b.tmp</t>
  </si>
  <si>
    <t>\\acsfs\profiles$\victorgl\Downloads\17057893-fd2e-4483-9d2d-f088dd27c53b.tmp</t>
  </si>
  <si>
    <t>c9bb78d1-01d0-498e-9a4b-1968336cb288.tmp</t>
  </si>
  <si>
    <t>\\acsfs\profiles$\victorgl\Downloads\c9bb78d1-01d0-498e-9a4b-1968336cb288.tmp</t>
  </si>
  <si>
    <t>12/19/2019 14:25:46</t>
  </si>
  <si>
    <t>e01846d5-d1b3-4d35-9256-d4587ba956ce.tmp</t>
  </si>
  <si>
    <t>\\acsfs\profiles$\victorgl\Downloads\e01846d5-d1b3-4d35-9256-d4587ba956ce.tmp</t>
  </si>
  <si>
    <t>12/19/2019 14:24:28</t>
  </si>
  <si>
    <t>12/19/2019 14:24:52</t>
  </si>
  <si>
    <t>12/19/2019 14:29:33</t>
  </si>
  <si>
    <t>12/19/2019 14:25:22</t>
  </si>
  <si>
    <t>12/19/2019 14:25:52</t>
  </si>
  <si>
    <t>12/19/2019 14:26:22</t>
  </si>
  <si>
    <t>12/19/2019 14:26:52</t>
  </si>
  <si>
    <t>12/19/2019 14:25:19</t>
  </si>
  <si>
    <t>12/19/2019 14:25:25</t>
  </si>
  <si>
    <t>\\acsfs\profiles$\paulovadc\My Documents\My Pictures\</t>
  </si>
  <si>
    <t>\\acsfs\profiles$\paulovadc\My Documents\My Videos\desktop.ini</t>
  </si>
  <si>
    <t>12/19/2019 14:25:26</t>
  </si>
  <si>
    <t>\\acsfs\profiles$\paulovadc\My Documents\My Videos\</t>
  </si>
  <si>
    <t>12/19/2019 14:25:27</t>
  </si>
  <si>
    <t>12/19/2019 14:25:34</t>
  </si>
  <si>
    <t>12/19/2019 14:25:35</t>
  </si>
  <si>
    <t>\\acsfs\profiles$\paulovadc\My Documents\My Music\</t>
  </si>
  <si>
    <t>\\acsfs\profiles$\paulovadc\My Documents\My Pictures\desktop.ini</t>
  </si>
  <si>
    <t>12/19/2019 14:25:42</t>
  </si>
  <si>
    <t>12/19/2019 14:25:43</t>
  </si>
  <si>
    <t>12/19/2019 14:25:44</t>
  </si>
  <si>
    <t>12/19/2019 14:25:47</t>
  </si>
  <si>
    <t>12/19/2019 14:25:50</t>
  </si>
  <si>
    <t>\\acsfs\profiles$\paulovadc\Contacts\</t>
  </si>
  <si>
    <t>\\acsfs\profiles$\paulovadc\Contacts\desktop.ini</t>
  </si>
  <si>
    <t>12/19/2019 14:25:58</t>
  </si>
  <si>
    <t>12/19/2019 14:25:59</t>
  </si>
  <si>
    <t>12/19/2019 14:26:00</t>
  </si>
  <si>
    <t>12/19/2019 14:26:03</t>
  </si>
  <si>
    <t>12/19/2019 14:26:04</t>
  </si>
  <si>
    <t>\\acsfs\profiles$\paulovadc\My Documents\</t>
  </si>
  <si>
    <t>\\acsfs\profiles$\paulovadc\Favorites\desktop.ini</t>
  </si>
  <si>
    <t>12/19/2019 14:26:19</t>
  </si>
  <si>
    <t>12/19/2019 14:26:20</t>
  </si>
  <si>
    <t>12/19/2019 14:26:23</t>
  </si>
  <si>
    <t>\\acsfs\profiles$\paulovadc\My Documents\My Music\desktop.ini</t>
  </si>
  <si>
    <t>12/19/2019 14:26:26</t>
  </si>
  <si>
    <t>12/19/2019 14:26:27</t>
  </si>
  <si>
    <t>12/19/2019 14:26:29</t>
  </si>
  <si>
    <t>12/19/2019 14:26:31</t>
  </si>
  <si>
    <t>12/19/2019 14:26:34</t>
  </si>
  <si>
    <t>\\acsfs\profiles$\paulovadc\Searches\</t>
  </si>
  <si>
    <t>\\acsfs\profiles$\paulovadc\Searches\desktop.ini</t>
  </si>
  <si>
    <t>12/19/2019 14:26:36</t>
  </si>
  <si>
    <t>12/19/2019 14:26:37</t>
  </si>
  <si>
    <t>12/19/2019 14:26:38</t>
  </si>
  <si>
    <t>\\acsfs\profiles$\paulovadc\Downloads\desktop.ini</t>
  </si>
  <si>
    <t>12/19/2019 14:26:40</t>
  </si>
  <si>
    <t>12/19/2019 14:26:41</t>
  </si>
  <si>
    <t>\\acsfs\profiles$\paulovadc\Favorites\</t>
  </si>
  <si>
    <t>\\acsfs\profiles$\paulovadc\My Documents\desktop.ini</t>
  </si>
  <si>
    <t>12/19/2019 14:26:43</t>
  </si>
  <si>
    <t>12/19/2019 14:26:44</t>
  </si>
  <si>
    <t>12/19/2019 14:26:46</t>
  </si>
  <si>
    <t>12/19/2019 14:26:48</t>
  </si>
  <si>
    <t>\\acsfs\profiles$\paulovadc\Saved Games\desktop.ini</t>
  </si>
  <si>
    <t>12/19/2019 14:26:49</t>
  </si>
  <si>
    <t>12/19/2019 14:27:45</t>
  </si>
  <si>
    <t>18ad031d-b896-46c0-8487-9e2ea3e01538.tmp</t>
  </si>
  <si>
    <t>\\acsfs\profiles$\paulovadc\Downloads\18ad031d-b896-46c0-8487-9e2ea3e01538.tmp</t>
  </si>
  <si>
    <t>12/19/2019 14:28:11</t>
  </si>
  <si>
    <t>1f645824-205b-4014-9f07-ff71534d46e8.tmp</t>
  </si>
  <si>
    <t>\\acsfs\profiles$\paulovadc\Downloads\1f645824-205b-4014-9f07-ff71534d46e8.tmp</t>
  </si>
  <si>
    <t>12/19/2019 14:28:16</t>
  </si>
  <si>
    <t>34fb01a2-917c-4110-9a9b-8fa63f95f64b.tmp</t>
  </si>
  <si>
    <t>\\acsfs\profiles$\paulovadc\Downloads\34fb01a2-917c-4110-9a9b-8fa63f95f64b.tmp</t>
  </si>
  <si>
    <t>12/19/2019 14:26:01</t>
  </si>
  <si>
    <t>TA - Janaina Arantes PJ.xlsx</t>
  </si>
  <si>
    <t>12/19/2019 14:25:56</t>
  </si>
  <si>
    <t>12/19/2019 14:30:33</t>
  </si>
  <si>
    <t>db56a949-fdc8-4ea2-842c-01ac4dfa173e.tmp</t>
  </si>
  <si>
    <t>\\acsfs\profiles$\ayalabfi\Downloads\db56a949-fdc8-4ea2-842c-01ac4dfa173e.tmp</t>
  </si>
  <si>
    <t>12/19/2019 14:25:39</t>
  </si>
  <si>
    <t>12/19/2019 14:28:08</t>
  </si>
  <si>
    <t>12/19/2019 14:26:54</t>
  </si>
  <si>
    <t>fbaccfb0-3baa-4d79-bdb7-a245a870904e.tmp</t>
  </si>
  <si>
    <t>\\acsfs\profiles$\milenaas\Downloads\fbaccfb0-3baa-4d79-bdb7-a245a870904e.tmp</t>
  </si>
  <si>
    <t>12/19/2019 14:27:19</t>
  </si>
  <si>
    <t>60585d1c-3518-480e-88f2-52fcf50b27e6.tmp</t>
  </si>
  <si>
    <t>\\acsfs\profiles$\milenaas\Downloads\60585d1c-3518-480e-88f2-52fcf50b27e6.tmp</t>
  </si>
  <si>
    <t>abfd7d0b-504c-4fdd-a7aa-4f8020230d49.tmp</t>
  </si>
  <si>
    <t>\\acsfs\profiles$\milenaas\Downloads\abfd7d0b-504c-4fdd-a7aa-4f8020230d49.tmp</t>
  </si>
  <si>
    <t>12/19/2019 14:30:17</t>
  </si>
  <si>
    <t>12/19/2019 14:31:33</t>
  </si>
  <si>
    <t>12/19/2019 14:27:06</t>
  </si>
  <si>
    <t>12/19/2019 14:32:33</t>
  </si>
  <si>
    <t>12/19/2019 14:29:06</t>
  </si>
  <si>
    <t>12/19/2019 14:27:07</t>
  </si>
  <si>
    <t>ae96a8df-6e6f-4c32-8bc1-0e5c9170ec71.tmp</t>
  </si>
  <si>
    <t>\\acsfs\profiles$\henriqueco\Downloads\ae96a8df-6e6f-4c32-8bc1-0e5c9170ec71.tmp</t>
  </si>
  <si>
    <t>12/19/2019 14:27:22</t>
  </si>
  <si>
    <t>Unconfirmed 261047.crdownload</t>
  </si>
  <si>
    <t>\\acsfs\profiles$\henriqueco\Downloads\Unconfirmed 261047.crdownload</t>
  </si>
  <si>
    <t>47001664-2548-4eda-890f-31d22264d37b.tmp</t>
  </si>
  <si>
    <t>\\acsfs\profiles$\henriqueco\Downloads\47001664-2548-4eda-890f-31d22264d37b.tmp</t>
  </si>
  <si>
    <t>12/19/2019 14:27:34</t>
  </si>
  <si>
    <t>Unconfirmed 687239.crdownload</t>
  </si>
  <si>
    <t>\\acsfs\profiles$\henriqueco\Downloads\Unconfirmed 687239.crdownload</t>
  </si>
  <si>
    <t>12/19/2019 14:29:02</t>
  </si>
  <si>
    <t>56e9a1fb-f015-4852-9120-0951d97fd2de.tmp</t>
  </si>
  <si>
    <t>\\acsfs\profiles$\henriqueco\Downloads\56e9a1fb-f015-4852-9120-0951d97fd2de.tmp</t>
  </si>
  <si>
    <t>12/19/2019 14:29:28</t>
  </si>
  <si>
    <t>bb3d1dcf-2b4f-40b3-9aab-9bb54666d897.tmp</t>
  </si>
  <si>
    <t>\\acsfs\profiles$\henriqueco\Downloads\bb3d1dcf-2b4f-40b3-9aab-9bb54666d897.tmp</t>
  </si>
  <si>
    <t>12/19/2019 14:30:54</t>
  </si>
  <si>
    <t>57f37505-27e1-42f0-869d-5c7174d62045.tmp</t>
  </si>
  <si>
    <t>\\acsfs\profiles$\henriqueco\Downloads\57f37505-27e1-42f0-869d-5c7174d62045.tmp</t>
  </si>
  <si>
    <t>12/19/2019 14:29:26</t>
  </si>
  <si>
    <t>12/19/2019 14:34:33</t>
  </si>
  <si>
    <t>7a750d66-f2b8-4a14-a5c6-e4cc592c3c6e.tmp</t>
  </si>
  <si>
    <t>\\acsfs\profiles$\alinepp\Downloads\7a750d66-f2b8-4a14-a5c6-e4cc592c3c6e.tmp</t>
  </si>
  <si>
    <t>12/19/2019 14:32:50</t>
  </si>
  <si>
    <t>CASOS EM ABERTO - CONSUMIDOR.GOV (1).xlsx</t>
  </si>
  <si>
    <t>12/19/2019 14:30:36</t>
  </si>
  <si>
    <t>12/19/2019 14:30:38</t>
  </si>
  <si>
    <t>lu135209e7s.tmp</t>
  </si>
  <si>
    <t>\\acsfs\profiles$\paulovadc\lu135209e7s.tmp</t>
  </si>
  <si>
    <t>\\acsfs\profiles$\paulovadc\lu135209e7s.tmp\</t>
  </si>
  <si>
    <t>\\acsfs\profiles$\paulovadc\lu135209e7s.tmp\META-INF\</t>
  </si>
  <si>
    <t>\\acsfs\profiles$\paulovadc\lu135209e7s.tmp\Thumbnails\</t>
  </si>
  <si>
    <t>12/19/2019 14:32:21</t>
  </si>
  <si>
    <t>12/19/2019 14:31:53</t>
  </si>
  <si>
    <t>mail.google.com/_/upload?authuser=0&amp;dcp=asu-n&amp;upload_id=AEnB2UrMV8cJbcoaRC7vI9heTPYsxRAKhUrKqmYrsUhImEQenoa-z2nEZ882iob-LlSv8U9kbvdiB69p6DfFz0l-CoG6KFvgnHegNzTbIPa9AuIH5mV11MA&amp;upload_protocol=resumable</t>
  </si>
  <si>
    <t>Cronograma de treinamento BBX.xlsx</t>
  </si>
  <si>
    <t>12/19/2019 14:30:39</t>
  </si>
  <si>
    <t>12/19/2019 14:35:34</t>
  </si>
  <si>
    <t>12/19/2019 14:31:39</t>
  </si>
  <si>
    <t>12/19/2019 14:35:26</t>
  </si>
  <si>
    <t>12/19/2019 14:36:35</t>
  </si>
  <si>
    <t>12/19/2019 14:34:05</t>
  </si>
  <si>
    <t>c4bd6969-a6f6-400c-9838-77044103c0db.tmp</t>
  </si>
  <si>
    <t>\\acsfs\profiles$\marcosvnds\Downloads\c4bd6969-a6f6-400c-9838-77044103c0db.tmp</t>
  </si>
  <si>
    <t>12/19/2019 14:34:23</t>
  </si>
  <si>
    <t>12/19/2019 14:35:02</t>
  </si>
  <si>
    <t>12/19/2019 14:33:06</t>
  </si>
  <si>
    <t>12/19/2019 14:37:34</t>
  </si>
  <si>
    <t>12/19/2019 14:35:06</t>
  </si>
  <si>
    <t>12/19/2019 14:32:41</t>
  </si>
  <si>
    <t>27348d65-a809-42fb-9970-833fcd51b637.tmp</t>
  </si>
  <si>
    <t>\\acsfs\profiles$\henriqueco\Downloads\27348d65-a809-42fb-9970-833fcd51b637.tmp</t>
  </si>
  <si>
    <t>12/19/2019 14:38:34</t>
  </si>
  <si>
    <t>12/19/2019 14:36:30</t>
  </si>
  <si>
    <t>028147e8-7888-43d0-8f2e-11248f84e1e1.tmp</t>
  </si>
  <si>
    <t>\\acsfs\profiles$\victorgl\Downloads\028147e8-7888-43d0-8f2e-11248f84e1e1.tmp</t>
  </si>
  <si>
    <t>12/19/2019 14:36:58</t>
  </si>
  <si>
    <t>12/19/2019 14:39:34</t>
  </si>
  <si>
    <t>12/19/2019 14:38:01</t>
  </si>
  <si>
    <t>12/19/2019 14:40:34</t>
  </si>
  <si>
    <t>9927d8ea-ae07-4486-952e-51f1d9dd3953.tmp</t>
  </si>
  <si>
    <t>\\acsfs\profiles$\layonmof\Downloads\9927d8ea-ae07-4486-952e-51f1d9dd3953.tmp</t>
  </si>
  <si>
    <t>12/19/2019 14:39:20</t>
  </si>
  <si>
    <t>8d9d9d1c-561d-4f9f-a776-7fda12ae9fe6.tmp</t>
  </si>
  <si>
    <t>\\acsfs\profiles$\layonmof\Downloads\8d9d9d1c-561d-4f9f-a776-7fda12ae9fe6.tmp</t>
  </si>
  <si>
    <t>12/19/2019 14:39:24</t>
  </si>
  <si>
    <t>11e49649-fbda-44a9-9fe5-e490cf89afe9.tmp</t>
  </si>
  <si>
    <t>\\acsfs\profiles$\layonmof\Downloads\11e49649-fbda-44a9-9fe5-e490cf89afe9.tmp</t>
  </si>
  <si>
    <t>12/19/2019 14:36:39</t>
  </si>
  <si>
    <t>12/19/2019 14:37:39</t>
  </si>
  <si>
    <t>12/19/2019 14:37:24</t>
  </si>
  <si>
    <t>12/19/2019 14:41:33</t>
  </si>
  <si>
    <t>12/19/2019 14:39:06</t>
  </si>
  <si>
    <t>12/19/2019 14:42:34</t>
  </si>
  <si>
    <t>12/19/2019 14:41:06</t>
  </si>
  <si>
    <t>12/19/2019 14:39:43</t>
  </si>
  <si>
    <t>12/19/2019 14:40:12</t>
  </si>
  <si>
    <t>12/19/2019 14:40:24</t>
  </si>
  <si>
    <t>12/19/2019 14:40:56</t>
  </si>
  <si>
    <t>12/19/2019 14:41:37</t>
  </si>
  <si>
    <t>12/19/2019 14:41:38</t>
  </si>
  <si>
    <t>12/19/2019 14:40:27</t>
  </si>
  <si>
    <t>baea5a67-4384-4440-ab6c-84ec2b6bd782.tmp</t>
  </si>
  <si>
    <t>\\acsfs\profiles$\vivianibfs\Downloads\baea5a67-4384-4440-ab6c-84ec2b6bd782.tmp</t>
  </si>
  <si>
    <t>12/19/2019 14:41:00</t>
  </si>
  <si>
    <t>773ae625-090f-40ba-b992-dacde7ab5ea0.tmp</t>
  </si>
  <si>
    <t>\\acsfs\profiles$\vivianibfs\Downloads\773ae625-090f-40ba-b992-dacde7ab5ea0.tmp</t>
  </si>
  <si>
    <t>12/19/2019 14:41:22</t>
  </si>
  <si>
    <t>ac1750f2-bdf4-4d53-92a4-d717b29a3ce6.tmp</t>
  </si>
  <si>
    <t>\\acsfs\profiles$\vivianibfs\Downloads\ac1750f2-bdf4-4d53-92a4-d717b29a3ce6.tmp</t>
  </si>
  <si>
    <t>12/19/2019 14:39:48</t>
  </si>
  <si>
    <t>Formulário TTV - Lançamento de Atraso de Jornada Jaqueline 19 12.xlsx</t>
  </si>
  <si>
    <t>12/19/2019 14:39:55</t>
  </si>
  <si>
    <t>12/19/2019 14:42:20</t>
  </si>
  <si>
    <t>12/19/2019 14:43:34</t>
  </si>
  <si>
    <t>6282de0d-4a11-45e8-9514-94ddd35d52c8.tmp</t>
  </si>
  <si>
    <t>\\acsfs\profiles$\brendadsl\Downloads\6282de0d-4a11-45e8-9514-94ddd35d52c8.tmp</t>
  </si>
  <si>
    <t>12/19/2019 14:43:11</t>
  </si>
  <si>
    <t>12/19/2019 14:42:22</t>
  </si>
  <si>
    <t>12/19/2019 14:44:34</t>
  </si>
  <si>
    <t>5353258a-cead-4b25-a4ba-6ca37fcd8082.tmp</t>
  </si>
  <si>
    <t>\\acsfs\profiles$\KARENJSS\Downloads\5353258a-cead-4b25-a4ba-6ca37fcd8082.tmp</t>
  </si>
  <si>
    <t>12/19/2019 14:45:34</t>
  </si>
  <si>
    <t>12/19/2019 14:43:47</t>
  </si>
  <si>
    <t>12/19/2019 14:42:39</t>
  </si>
  <si>
    <t>12/19/2019 14:43:39</t>
  </si>
  <si>
    <t>12/19/2019 14:45:15</t>
  </si>
  <si>
    <t>ca2a8a26-f80a-45bf-9d8b-d130a65cb3f0.tmp</t>
  </si>
  <si>
    <t>\\acsfs\profiles$\gabrielafs\Downloads\ca2a8a26-f80a-45bf-9d8b-d130a65cb3f0.tmp</t>
  </si>
  <si>
    <t>12/19/2019 14:45:26</t>
  </si>
  <si>
    <t>12/19/2019 14:46:34</t>
  </si>
  <si>
    <t>12/18/2019 14:04:47</t>
  </si>
  <si>
    <t>C:\Users\filemoncmj\OneDrive - Grupo Algar\01. Algar Tech\01. Projetos de Clientes\09. T-Systems\09. Implantação do CMDB\Arquivos de Carga\</t>
  </si>
  <si>
    <t>PB - All In One.xlsx</t>
  </si>
  <si>
    <t>12/19/2019 14:45:06</t>
  </si>
  <si>
    <t>12/19/2019 14:47:34</t>
  </si>
  <si>
    <t>12/19/2019 14:42:18</t>
  </si>
  <si>
    <t>12/19/2019 14:44:10</t>
  </si>
  <si>
    <t>22978f2a-cc96-4a32-8177-da9db7f2ab6d.tmp</t>
  </si>
  <si>
    <t>\\acsfs\profiles$\vivianibfs\Downloads\22978f2a-cc96-4a32-8177-da9db7f2ab6d.tmp</t>
  </si>
  <si>
    <t>12/19/2019 14:47:00</t>
  </si>
  <si>
    <t>12/19/2019 14:47:01</t>
  </si>
  <si>
    <t>12/19/2019 14:47:03</t>
  </si>
  <si>
    <t>12/19/2019 14:47:04</t>
  </si>
  <si>
    <t>12/19/2019 14:47:05</t>
  </si>
  <si>
    <t>12/19/2019 14:47:07</t>
  </si>
  <si>
    <t>12/19/2019 14:47:08</t>
  </si>
  <si>
    <t>12/19/2019 14:47:10</t>
  </si>
  <si>
    <t>12/19/2019 14:47:12</t>
  </si>
  <si>
    <t>12/19/2019 14:47:14</t>
  </si>
  <si>
    <t>12/19/2019 14:47:15</t>
  </si>
  <si>
    <t>12/19/2019 14:47:16</t>
  </si>
  <si>
    <t>12/19/2019 14:47:19</t>
  </si>
  <si>
    <t>12/19/2019 14:47:20</t>
  </si>
  <si>
    <t>12/19/2019 14:47:22</t>
  </si>
  <si>
    <t>12/19/2019 14:47:24</t>
  </si>
  <si>
    <t>12/19/2019 14:47:25</t>
  </si>
  <si>
    <t>12/19/2019 14:47:26</t>
  </si>
  <si>
    <t>12/19/2019 14:43:44</t>
  </si>
  <si>
    <t>12/19/2019 14:48:34</t>
  </si>
  <si>
    <t>12/19/2019 14:44:29</t>
  </si>
  <si>
    <t>12/19/2019 14:45:17</t>
  </si>
  <si>
    <t>12/19/2019 14:49:34</t>
  </si>
  <si>
    <t>ed3ddbf2-b4bc-472d-be40-25480cb24b03.tmp</t>
  </si>
  <si>
    <t>\\acsfs\profiles$\alinepp\Downloads\ed3ddbf2-b4bc-472d-be40-25480cb24b03.tmp</t>
  </si>
  <si>
    <t>12/19/2019 14:45:23</t>
  </si>
  <si>
    <t>12/19/2019 14:45:59</t>
  </si>
  <si>
    <t>12/19/2019 14:45:29</t>
  </si>
  <si>
    <t>mail.google.com/_/upload?authuser=0&amp;dcp=asu-n&amp;upload_id=AEnB2UqD9BW_1lbKCUvIZMctojwPb82Zra1zV5lt-7II3VasBYFb0lm-OILGpMjFO2O0u2MYetyix-O4W8L_SB3gLeaey-q2qLAXkk5TTRjWKYU4WLlgFrk&amp;upload_protocol=resumable</t>
  </si>
  <si>
    <t>\\acsfs\Engeset\FINANCEIRO_ULA\FATURAMENTO\11. Faturamento TIM Microsiga\VALIDAÇÃO MICROSIGA\</t>
  </si>
  <si>
    <t>12/19/2019 14:49:14</t>
  </si>
  <si>
    <t>mail.google.com/_/upload?authuser=0&amp;dcp=asu-n&amp;upload_id=AEnB2UoYkAVAXSM_MfrehMny5RKS9N6zCndqnFIKuvi423Sy0NxN3sapr5_H7IgRBl192p4jBPjB-0uPbaBbARSaQ2FVKbAbewBbw8rqX8CJrO9bEXGNv8E&amp;upload_protocol=resumable</t>
  </si>
  <si>
    <t>12/19/2019 14:46:08</t>
  </si>
  <si>
    <t>12/19/2019 14:50:34</t>
  </si>
  <si>
    <t>12/19/2019 14:44:55</t>
  </si>
  <si>
    <t>Relatorio de Vendas - Auditoria BV Cartoes (Dezembro) 13.xlsx</t>
  </si>
  <si>
    <t>\\acsfs\DEPTOS\Operacao\Banco_Votorantim\Qualidade\Anderson\Jose\Relatorio de Vendas - Auditoria BV Cartoes (Dezembro) 13.xlsx</t>
  </si>
  <si>
    <t>12/19/2019 14:45:32</t>
  </si>
  <si>
    <t>mail.google.com/_/upload?authuser=0&amp;dcp=asu-n&amp;upload_id=AEnB2UquWXCpTOg5rv2x0XrpXnznXZYUqG2D8wffzmlphAe4Cjr7wszo9QKI6RWa8pbC9-ppwCJZz94h-fWGG8BO0EUrlfzfGpf2EEYn8y3vdxokKyzqf6c&amp;upload_protocol=resumable</t>
  </si>
  <si>
    <t>C:\Users\lucianabo\Desktop\2020\PTH FINAL 19122019\</t>
  </si>
  <si>
    <t>PTH AVON SAC - ORÇ 2020.xlsx</t>
  </si>
  <si>
    <t>12/19/2019 14:48:39</t>
  </si>
  <si>
    <t>12/19/2019 14:49:39</t>
  </si>
  <si>
    <t>mail.google.com/_/upload?authuser=1&amp;dcp=asu-n&amp;upload_id=AEnB2UqMVgf19kbBr543rab619yR-P1HRKGRd1m7IbrUDBGih7mn72nPPY21a2WJpSKl-lQjAiOsJGGL4-DVbPdNCZamAkh8Q31q09CvVY4i8in1Bk9WVx8&amp;upload_protocol=resumable</t>
  </si>
  <si>
    <t>C:\Users\douglassp\Desktop\Apresentação Retop Dezembro.pptx\</t>
  </si>
  <si>
    <t>12/19/2019 14:45:52</t>
  </si>
  <si>
    <t>12/19/2019 14:51:33</t>
  </si>
  <si>
    <t>3091db99-c3f8-4d9e-8f35-e665c6011cde.tmp</t>
  </si>
  <si>
    <t>\\acsfs\profiles$\deborahsi\Downloads\3091db99-c3f8-4d9e-8f35-e665c6011cde.tmp</t>
  </si>
  <si>
    <t>\\oficina\d$\Programas\MicroSIP\</t>
  </si>
  <si>
    <t>MicroSIP-3.19.22.exe.1c9dj7c.partial</t>
  </si>
  <si>
    <t>\\oficina\d$\Programas\MicroSIP\MicroSIP-3.19.22.exe.1c9dj7c.partial</t>
  </si>
  <si>
    <t>12/19/2019 14:47:06</t>
  </si>
  <si>
    <t>MicroSIP-3.19.22.exe.1c9dj7c.partial:Zone.Identifier</t>
  </si>
  <si>
    <t>\\oficina\d$\Programas\MicroSIP\MicroSIP-3.19.22.exe.1c9dj7c.partial:Zone.Identifier</t>
  </si>
  <si>
    <t>12/19/2019 14:49:51</t>
  </si>
  <si>
    <t>12/19/2019 14:52:34</t>
  </si>
  <si>
    <t>12/19/2019 14:51:06</t>
  </si>
  <si>
    <t>12/19/2019 14:52:11</t>
  </si>
  <si>
    <t>12/19/2019 14:47:27</t>
  </si>
  <si>
    <t>12/19/2019 14:47:28</t>
  </si>
  <si>
    <t>12/19/2019 14:47:31</t>
  </si>
  <si>
    <t>12/19/2019 14:47:32</t>
  </si>
  <si>
    <t>12/19/2019 14:47:35</t>
  </si>
  <si>
    <t>12/19/2019 14:47:36</t>
  </si>
  <si>
    <t>12/19/2019 14:47:37</t>
  </si>
  <si>
    <t>12/19/2019 14:47:39</t>
  </si>
  <si>
    <t>12/19/2019 14:47:40</t>
  </si>
  <si>
    <t>12/19/2019 14:47:42</t>
  </si>
  <si>
    <t>12/19/2019 14:47:43</t>
  </si>
  <si>
    <t>12/19/2019 14:47:44</t>
  </si>
  <si>
    <t>12/19/2019 14:47:46</t>
  </si>
  <si>
    <t>12/19/2019 14:47:47</t>
  </si>
  <si>
    <t>12/19/2019 14:47:48</t>
  </si>
  <si>
    <t>12/19/2019 14:47:50</t>
  </si>
  <si>
    <t>12/19/2019 14:47:52</t>
  </si>
  <si>
    <t>12/19/2019 14:47:53</t>
  </si>
  <si>
    <t>12/19/2019 14:47:55</t>
  </si>
  <si>
    <t>12/19/2019 14:47:56</t>
  </si>
  <si>
    <t>12/19/2019 14:47:58</t>
  </si>
  <si>
    <t>12/19/2019 14:47:59</t>
  </si>
  <si>
    <t>12/19/2019 14:48:18</t>
  </si>
  <si>
    <t>12/19/2019 14:52:20</t>
  </si>
  <si>
    <t>19628a24-dbba-461b-9831-4370bdd541c8.tmp</t>
  </si>
  <si>
    <t>\\acsfs\profiles$\brunalas\Downloads\19628a24-dbba-461b-9831-4370bdd541c8.tmp</t>
  </si>
  <si>
    <t>12/19/2019 14:48:30</t>
  </si>
  <si>
    <t>12/19/2019 14:53:34</t>
  </si>
  <si>
    <t>Pipeline Detalhado Argentina 2019_12_19.xlsx</t>
  </si>
  <si>
    <t>12/19/2019 14:50:36</t>
  </si>
  <si>
    <t>mail.google.com/_/upload?authuser=1&amp;dcp=asu-n&amp;upload_id=AEnB2UrADj8-xiKEfUbN33YsveC80Qj8X_fuDBgBXfP5qakICD_iw0OTOAtpCqhMQjCCryY4dfsS535xUZIaER-wr4JqzIjk6bGL5qjDOJ-gWf-juqQptVQ&amp;upload_protocol=resumable</t>
  </si>
  <si>
    <t>Pipeline Detalhado Colombia 2019_12_19.xlsx</t>
  </si>
  <si>
    <t>12/19/2019 14:52:59</t>
  </si>
  <si>
    <t>87fc7624-fbcc-425f-83bc-23814127ad3d.tmp</t>
  </si>
  <si>
    <t>\\acsfs\profiles$\philipegsf\Downloads\87fc7624-fbcc-425f-83bc-23814127ad3d.tmp</t>
  </si>
  <si>
    <t>12/19/2019 14:48:24</t>
  </si>
  <si>
    <t>12/19/2019 14:49:17</t>
  </si>
  <si>
    <t>dad67598-1906-49b8-a46f-be5f53824458.tmp</t>
  </si>
  <si>
    <t>\\acsfs\profiles$\sarahbal\Downloads\dad67598-1906-49b8-a46f-be5f53824458.tmp</t>
  </si>
  <si>
    <t>12/19/2019 14:49:33</t>
  </si>
  <si>
    <t>12/19/2019 14:54:34</t>
  </si>
  <si>
    <t>8fd40e61-2b00-47cb-ba1f-81730dbf1d03.tmp</t>
  </si>
  <si>
    <t>\\acsfs\profiles$\alinepp\Downloads\8fd40e61-2b00-47cb-ba1f-81730dbf1d03.tmp</t>
  </si>
  <si>
    <t>12/19/2019 14:49:54</t>
  </si>
  <si>
    <t>12/19/2019 14:50:24</t>
  </si>
  <si>
    <t>cb6389d3-e347-45e7-a504-a8144b9a6fa1.tmp</t>
  </si>
  <si>
    <t>\\acsfs\profiles$\paulovadc\Downloads\cb6389d3-e347-45e7-a504-a8144b9a6fa1.tmp</t>
  </si>
  <si>
    <t>12/19/2019 14:53:26</t>
  </si>
  <si>
    <t>9a7a7edb-26ea-4a19-a1ac-54c9f1037233.tmp</t>
  </si>
  <si>
    <t>\\acsfs\profiles$\paulovadc\Downloads\9a7a7edb-26ea-4a19-a1ac-54c9f1037233.tmp</t>
  </si>
  <si>
    <t>12/19/2019 12:01:19</t>
  </si>
  <si>
    <t>C:\Users\gustavoas\Documents\Algar Tech Local\Financeiro\</t>
  </si>
  <si>
    <t>12/19/2019 12:01:21</t>
  </si>
  <si>
    <t>mail.google.com/_/upload?authuser=0&amp;dcp=asu-n&amp;upload_id=AEnB2Uo30Bhyjy79jmi9795cMURzBqtQ6IxbmbnN4aOe4e4FAk5uA5SG6cMkge7NlkMaM42HTv3rlO1YtGwjXqfZ7Xqt_saAiA&amp;upload_protocol=resumable</t>
  </si>
  <si>
    <t>12/19/2019 14:53:48</t>
  </si>
  <si>
    <t>12/19/2019 14:54:09</t>
  </si>
  <si>
    <t>3c82d006-b4dc-460c-9259-4a8487d064a7.tmp</t>
  </si>
  <si>
    <t>\\acsfs\profiles$\erichds\Downloads\3c82d006-b4dc-460c-9259-4a8487d064a7.tmp</t>
  </si>
  <si>
    <t>12/19/2019 14:55:34</t>
  </si>
  <si>
    <t>12/19/2019 14:50:26</t>
  </si>
  <si>
    <t>12/19/2019 14:54:39</t>
  </si>
  <si>
    <t>12/19/2019 14:50:46</t>
  </si>
  <si>
    <t>53def097-0d94-4148-8ff8-3bfe3f8239b7.tmp</t>
  </si>
  <si>
    <t>\\acsfs\profiles$\milenaas\Downloads\53def097-0d94-4148-8ff8-3bfe3f8239b7.tmp</t>
  </si>
  <si>
    <t>12/19/2019 14:54:33</t>
  </si>
  <si>
    <t>12/19/2019 14:56:34</t>
  </si>
  <si>
    <t>12/19/2019 14:52:57</t>
  </si>
  <si>
    <t>12/19/2019 14:53:06</t>
  </si>
  <si>
    <t>12/19/2019 14:57:34</t>
  </si>
  <si>
    <t>12/19/2019 14:54:22</t>
  </si>
  <si>
    <t>71feba66-b400-4fbd-8da6-bcf2ac2be45b.tmp</t>
  </si>
  <si>
    <t>\\acsfs\profiles$\layonmof\Downloads\71feba66-b400-4fbd-8da6-bcf2ac2be45b.tmp</t>
  </si>
  <si>
    <t>12/19/2019 14:56:14</t>
  </si>
  <si>
    <t>ENC: BD - Monitoras de Qualidade</t>
  </si>
  <si>
    <t>BD- Qualidade next.xls</t>
  </si>
  <si>
    <t>12/19/2019 14:52:58</t>
  </si>
  <si>
    <t>262c90e4-54eb-43bb-977a-41fdeda88fd0.tmp</t>
  </si>
  <si>
    <t>\\acsfs\profiles$\brunalas\Downloads\262c90e4-54eb-43bb-977a-41fdeda88fd0.tmp</t>
  </si>
  <si>
    <t>12/19/2019 14:54:19</t>
  </si>
  <si>
    <t>12/19/2019 14:58:34</t>
  </si>
  <si>
    <t>Pipeline Detalhado Mexico 2019_12_19.xlsx</t>
  </si>
  <si>
    <t>mail.google.com/_/upload?authuser=1&amp;dcp=asu-n&amp;upload_id=AEnB2UrLHDjlvab-r2slKugCoxD0xg55woRWzmuzHraiZ6hBf0M3J-Zh6-_-Q-claheQksO1BAfPDdPy8hXmeXa-mMoO1qn8IauLFXPKr0yBPhxV349-7jY&amp;upload_protocol=resumable</t>
  </si>
  <si>
    <t>12/19/2019 14:53:32</t>
  </si>
  <si>
    <t>12/19/2019 14:53:37</t>
  </si>
  <si>
    <t>12/19/2019 14:55:00</t>
  </si>
  <si>
    <t>fd084e54-a191-406c-8244-2e3f45fe2e24.tmp</t>
  </si>
  <si>
    <t>\\acsfs\profiles$\philipegsf\Downloads\fd084e54-a191-406c-8244-2e3f45fe2e24.tmp</t>
  </si>
  <si>
    <t>12/19/2019 14:54:40</t>
  </si>
  <si>
    <t>10.200.60.227</t>
  </si>
  <si>
    <t>Mapa de Logs de Navegação - URA Whirlpool.xlsx</t>
  </si>
  <si>
    <t>12/19/2019 14:56:52</t>
  </si>
  <si>
    <t>12/19/2019 14:59:34</t>
  </si>
  <si>
    <t>bdfd8e7f-c19a-48ac-bf6e-cf0dd4dcae5e.tmp</t>
  </si>
  <si>
    <t>\\acsfs\profiles$\geovannasm\Downloads\bdfd8e7f-c19a-48ac-bf6e-cf0dd4dcae5e.tmp</t>
  </si>
  <si>
    <t>12/19/2019 14:57:49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</t>
  </si>
  <si>
    <t>C:\Users\marianacgs\Downloads\</t>
  </si>
  <si>
    <t>12/19/2019 14:58:02</t>
  </si>
  <si>
    <t>12/19/2019 14:55:36</t>
  </si>
  <si>
    <t>94dbfefe-7a40-4b44-b6c2-c947fc154c02.tmp</t>
  </si>
  <si>
    <t>\\acsfs\profiles$\erichds\Downloads\94dbfefe-7a40-4b44-b6c2-c947fc154c02.tmp</t>
  </si>
  <si>
    <t>12/19/2019 14:56:01</t>
  </si>
  <si>
    <t>d3d3f7dd-91d0-4f70-919d-2a9effbfc687.tmp</t>
  </si>
  <si>
    <t>\\acsfs\profiles$\erichds\Downloads\d3d3f7dd-91d0-4f70-919d-2a9effbfc687.tmp</t>
  </si>
  <si>
    <t>12/19/2019 14:56:13</t>
  </si>
  <si>
    <t>ac9595f2-c6da-4974-ad72-ae75c40239f5.tmp</t>
  </si>
  <si>
    <t>\\acsfs\profiles$\erichds\Downloads\ac9595f2-c6da-4974-ad72-ae75c40239f5.tmp</t>
  </si>
  <si>
    <t>12/19/2019 15:00:34</t>
  </si>
  <si>
    <t>12/19/2019 14:56:58</t>
  </si>
  <si>
    <t>12/19/2019 14:55:40</t>
  </si>
  <si>
    <t>12/19/2019 14:56:11</t>
  </si>
  <si>
    <t>12/19/2019 15:01:34</t>
  </si>
  <si>
    <t>12/19/2019 15:00:44</t>
  </si>
  <si>
    <t>8c27b805-fea0-4b85-af81-60f5a4ca3138.tmp</t>
  </si>
  <si>
    <t>\\acsfs\profiles$\wenderbnm\Downloads\8c27b805-fea0-4b85-af81-60f5a4ca3138.tmp</t>
  </si>
  <si>
    <t>12/19/2019 15:00:55</t>
  </si>
  <si>
    <t>12/19/2019 15:00:14</t>
  </si>
  <si>
    <t>12/19/2019 14:58:19</t>
  </si>
  <si>
    <t>\\acsfs\profiles$\marcosvnds\My Documents\xworkcenter\lex\</t>
  </si>
  <si>
    <t>\\acsfs\profiles$\marcosvnds\My Documents\xworkcenter\lex\temp.tlx</t>
  </si>
  <si>
    <t>12/19/2019 14:58:20</t>
  </si>
  <si>
    <t>12/19/2019 14:58:21</t>
  </si>
  <si>
    <t>12/19/2019 14:58:22</t>
  </si>
  <si>
    <t>12/19/2019 14:58:23</t>
  </si>
  <si>
    <t>12/19/2019 14:58:24</t>
  </si>
  <si>
    <t>12/19/2019 14:58:25</t>
  </si>
  <si>
    <t>12/19/2019 14:58:26</t>
  </si>
  <si>
    <t>12/19/2019 14:58:27</t>
  </si>
  <si>
    <t>12/19/2019 14:58:28</t>
  </si>
  <si>
    <t>12/19/2019 14:58:29</t>
  </si>
  <si>
    <t>12/19/2019 14:58:30</t>
  </si>
  <si>
    <t>12/19/2019 14:58:31</t>
  </si>
  <si>
    <t>12/19/2019 14:58:32</t>
  </si>
  <si>
    <t>12/19/2019 14:58:33</t>
  </si>
  <si>
    <t>12/19/2019 14:58:35</t>
  </si>
  <si>
    <t>12/19/2019 14:58:36</t>
  </si>
  <si>
    <t>12/19/2019 14:58:37</t>
  </si>
  <si>
    <t>12/19/2019 14:58:38</t>
  </si>
  <si>
    <t>12/19/2019 14:58:39</t>
  </si>
  <si>
    <t>12/19/2019 14:58:40</t>
  </si>
  <si>
    <t>12/19/2019 14:58:41</t>
  </si>
  <si>
    <t>12/19/2019 14:58:42</t>
  </si>
  <si>
    <t>12/19/2019 14:56:46</t>
  </si>
  <si>
    <t>12/19/2019 15:02:34</t>
  </si>
  <si>
    <t>12/19/2019 14:57:11</t>
  </si>
  <si>
    <t>12/19/2019 14:57:24</t>
  </si>
  <si>
    <t>12/19/2019 14:57:06</t>
  </si>
  <si>
    <t>12/19/2019 14:59:06</t>
  </si>
  <si>
    <t>\\acsfs\engeset\CPV_ULA\ADMINISTRATIVO\CONTROLE ADMINISTRATIVO\DOCUMENTAÇÃO PARA HABILITAÇÃO\Algar TI\2019\218481 - GRUPO PETRÓPOLIS - RFP CONSULTORIA TI - 20.12.2019\</t>
  </si>
  <si>
    <t>Anexo II - Planilha de Custos.xlsx</t>
  </si>
  <si>
    <t>12/19/2019 14:57:55</t>
  </si>
  <si>
    <t>be0a8747-305a-4f9a-957b-38682fe242b9.tmp</t>
  </si>
  <si>
    <t>\\acsfs\profiles$\layonmof\Downloads\be0a8747-305a-4f9a-957b-38682fe242b9.tmp</t>
  </si>
  <si>
    <t>12/19/2019 15:01:28</t>
  </si>
  <si>
    <t>12/19/2019 15:03:34</t>
  </si>
  <si>
    <t>12/19/2019 14:59:54</t>
  </si>
  <si>
    <t>12/19/2019 15:04:34</t>
  </si>
  <si>
    <t>12/19/2019 15:01:55</t>
  </si>
  <si>
    <t>12/19/2019 15:01:41</t>
  </si>
  <si>
    <t>12/19/2019 15:05:34</t>
  </si>
  <si>
    <t>12/19/2019 15:00:45</t>
  </si>
  <si>
    <t>lu7872300az.tmp</t>
  </si>
  <si>
    <t>\\acsfs\profiles$\CLAUDIAJCA\lu7872300az.tmp</t>
  </si>
  <si>
    <t>\\acsfs\profiles$\CLAUDIAJCA\lu7872300az.tmp\</t>
  </si>
  <si>
    <t>\\acsfs\profiles$\CLAUDIAJCA\lu7872300az.tmp\META-INF\</t>
  </si>
  <si>
    <t>\\acsfs\profiles$\CLAUDIAJCA\lu7872300az.tmp\Thumbnails\</t>
  </si>
  <si>
    <t>12/19/2019 15:00:39</t>
  </si>
  <si>
    <t>12/19/2019 15:01:39</t>
  </si>
  <si>
    <t>12/19/2019 15:01:23</t>
  </si>
  <si>
    <t>Cronograma Auditoria TOP - 2020 (1).xlsx</t>
  </si>
  <si>
    <t>12/19/2019 15:04:37</t>
  </si>
  <si>
    <t>12/19/2019 15:06:34</t>
  </si>
  <si>
    <t>12/19/2019 15:03:06</t>
  </si>
  <si>
    <t>12/19/2019 15:07:34</t>
  </si>
  <si>
    <t>12/19/2019 15:05:06</t>
  </si>
  <si>
    <t>12/19/2019 15:04:39</t>
  </si>
  <si>
    <t>H:\VCO\OBZ\OBZ - 2020\11- Orçamento 2020\Consolidado por Pacote\</t>
  </si>
  <si>
    <t>Oficial 2020_Pacote Telecomunicações.xlsb</t>
  </si>
  <si>
    <t>12/19/2019 15:05:04</t>
  </si>
  <si>
    <t>Oficial 2020_Pacote Despesas Gerais.xlsb</t>
  </si>
  <si>
    <t>12/19/2019 15:05:56</t>
  </si>
  <si>
    <t>12/19/2019 15:03:47</t>
  </si>
  <si>
    <t>12/19/2019 15:03:44</t>
  </si>
  <si>
    <t>12/19/2019 15:03:49</t>
  </si>
  <si>
    <t>12/19/2019 15:06:21</t>
  </si>
  <si>
    <t>12/19/2019 15:06:31</t>
  </si>
  <si>
    <t>12/19/2019 15:06:36</t>
  </si>
  <si>
    <t>12/19/2019 15:06:44</t>
  </si>
  <si>
    <t>12/19/2019 15:07:04</t>
  </si>
  <si>
    <t>12/19/2019 15:06:14</t>
  </si>
  <si>
    <t>12/19/2019 15:05:59</t>
  </si>
  <si>
    <t>12/19/2019 15:08:34</t>
  </si>
  <si>
    <t>Relatorio.Recibo.Ferias_20191217205536210137 (1).pdf.sy85f8q.partial</t>
  </si>
  <si>
    <t>\\acsfs\profiles$\bernardopcm\Downloads\Relatorio.Recibo.Ferias_20191217205536210137 (1).pdf.sy85f8q.partial</t>
  </si>
  <si>
    <t>12/19/2019 15:04:26</t>
  </si>
  <si>
    <t>12/19/2019 15:05:47</t>
  </si>
  <si>
    <t>12/19/2019 15:05:12</t>
  </si>
  <si>
    <t>12/19/2019 15:05:13</t>
  </si>
  <si>
    <t>12/19/2019 15:05:14</t>
  </si>
  <si>
    <t>12/19/2019 15:05:15</t>
  </si>
  <si>
    <t>12/19/2019 15:05:16</t>
  </si>
  <si>
    <t>12/19/2019 15:05:17</t>
  </si>
  <si>
    <t>12/19/2019 15:05:18</t>
  </si>
  <si>
    <t>12/19/2019 15:05:19</t>
  </si>
  <si>
    <t>12/19/2019 15:05:20</t>
  </si>
  <si>
    <t>12/19/2019 15:05:21</t>
  </si>
  <si>
    <t>12/19/2019 15:05:22</t>
  </si>
  <si>
    <t>12/19/2019 15:05:23</t>
  </si>
  <si>
    <t>12/19/2019 15:05:24</t>
  </si>
  <si>
    <t>12/19/2019 15:05:25</t>
  </si>
  <si>
    <t>12/19/2019 15:05:26</t>
  </si>
  <si>
    <t>12/19/2019 15:05:27</t>
  </si>
  <si>
    <t>12/19/2019 15:05:28</t>
  </si>
  <si>
    <t>12/19/2019 15:05:29</t>
  </si>
  <si>
    <t>12/19/2019 15:05:30</t>
  </si>
  <si>
    <t>12/19/2019 15:05:31</t>
  </si>
  <si>
    <t>12/19/2019 15:05:32</t>
  </si>
  <si>
    <t>12/19/2019 15:05:33</t>
  </si>
  <si>
    <t>12/19/2019 15:05:35</t>
  </si>
  <si>
    <t>12/19/2019 15:05:36</t>
  </si>
  <si>
    <t>12/19/2019 15:05:37</t>
  </si>
  <si>
    <t>b0025798-6b28-4aec-9e30-dad11cdf19a1.tmp</t>
  </si>
  <si>
    <t>\\acsfs\profiles$\nataliacsl\Downloads\b0025798-6b28-4aec-9e30-dad11cdf19a1.tmp</t>
  </si>
  <si>
    <t>12/19/2019 15:06:33</t>
  </si>
  <si>
    <t>097afa60-add7-4d16-a436-e3681d945bc2.tmp</t>
  </si>
  <si>
    <t>\\acsfs\profiles$\nataliacsl\Downloads\097afa60-add7-4d16-a436-e3681d945bc2.tmp</t>
  </si>
  <si>
    <t>12/19/2019 15:05:38</t>
  </si>
  <si>
    <t>12/19/2019 15:05:39</t>
  </si>
  <si>
    <t>12/19/2019 15:05:40</t>
  </si>
  <si>
    <t>12/19/2019 15:04:55</t>
  </si>
  <si>
    <t>12/19/2019 15:09:34</t>
  </si>
  <si>
    <t>12/19/2019 15:05:55</t>
  </si>
  <si>
    <t>12/19/2019 15:06:25</t>
  </si>
  <si>
    <t>12/19/2019 15:07:45</t>
  </si>
  <si>
    <t>https://udpmailboxap01.acs.com.br:8443/h/search?si=2&amp;so=0&amp;sc=49489&amp;st=conversation&amp;action=compose&amp;paction=paneview</t>
  </si>
  <si>
    <t>12/19/2019 15:07:55</t>
  </si>
  <si>
    <t>12/19/2019 15:08:26</t>
  </si>
  <si>
    <t>12/19/2019 15:06:59</t>
  </si>
  <si>
    <t>28650.xlsx</t>
  </si>
  <si>
    <t>12/19/2019 15:10:33</t>
  </si>
  <si>
    <t>12/19/2019 15:09:40</t>
  </si>
  <si>
    <t>12/19/2019 15:09:41</t>
  </si>
  <si>
    <t>lu7872300b2.tmp</t>
  </si>
  <si>
    <t>\\acsfs\profiles$\CLAUDIAJCA\lu7872300b2.tmp</t>
  </si>
  <si>
    <t>\\acsfs\profiles$\CLAUDIAJCA\lu7872300b2.tmp\</t>
  </si>
  <si>
    <t>\\acsfs\profiles$\CLAUDIAJCA\lu7872300b2.tmp\META-INF\</t>
  </si>
  <si>
    <t>\\acsfs\profiles$\CLAUDIAJCA\lu7872300b2.tmp\Thumbnails\</t>
  </si>
  <si>
    <t>12/19/2019 15:05:42</t>
  </si>
  <si>
    <t>12/19/2019 15:06:39</t>
  </si>
  <si>
    <t>12/19/2019 15:07:39</t>
  </si>
  <si>
    <t>12/19/2019 15:08:29</t>
  </si>
  <si>
    <t>12/19/2019 15:11:34</t>
  </si>
  <si>
    <t>12/19/2019 15:09:06</t>
  </si>
  <si>
    <t>12/19/2019 15:12:34</t>
  </si>
  <si>
    <t>12/19/2019 15:11:06</t>
  </si>
  <si>
    <t>12/19/2019 15:10:00</t>
  </si>
  <si>
    <t>6b79f7b8-214e-4a49-b79d-e093f5049709.tmp</t>
  </si>
  <si>
    <t>\\acsfs\profiles$\henriqueco\Downloads\6b79f7b8-214e-4a49-b79d-e093f5049709.tmp</t>
  </si>
  <si>
    <t>12/19/2019 15:07:19</t>
  </si>
  <si>
    <t>12/19/2019 15:09:48</t>
  </si>
  <si>
    <t>12/19/2019 15:09:54</t>
  </si>
  <si>
    <t>12/19/2019 15:13:34</t>
  </si>
  <si>
    <t>12/19/2019 15:10:14</t>
  </si>
  <si>
    <t>12/19/2019 15:13:00</t>
  </si>
  <si>
    <t>\\acsfs\profiles$\thaisdss\Downloads\</t>
  </si>
  <si>
    <t>ee524951-fd9c-470b-9d64-01c0330e88e6.tmp</t>
  </si>
  <si>
    <t>\\acsfs\profiles$\thaisdss\Downloads\ee524951-fd9c-470b-9d64-01c0330e88e6.tmp</t>
  </si>
  <si>
    <t>12/19/2019 15:08:55</t>
  </si>
  <si>
    <t>12/19/2019 15:14:34</t>
  </si>
  <si>
    <t>12/19/2019 15:09:15</t>
  </si>
  <si>
    <t>12/19/2019 15:09:45</t>
  </si>
  <si>
    <t>12/19/2019 15:10:15</t>
  </si>
  <si>
    <t>12/19/2019 15:10:20</t>
  </si>
  <si>
    <t>12/19/2019 15:11:26</t>
  </si>
  <si>
    <t>12/19/2019 15:11:56</t>
  </si>
  <si>
    <t>12/19/2019 15:12:26</t>
  </si>
  <si>
    <t>12/19/2019 15:12:56</t>
  </si>
  <si>
    <t>12/19/2019 15:15:34</t>
  </si>
  <si>
    <t>12/19/2019 15:14:38</t>
  </si>
  <si>
    <t>12/19/2019 15:12:39</t>
  </si>
  <si>
    <t>12/19/2019 15:13:39</t>
  </si>
  <si>
    <t>12/19/2019 15:10:55</t>
  </si>
  <si>
    <t>12/19/2019 15:16:34</t>
  </si>
  <si>
    <t>12/19/2019 15:15:07</t>
  </si>
  <si>
    <t>12/19/2019 15:17:34</t>
  </si>
  <si>
    <t>12/19/2019 15:14:56</t>
  </si>
  <si>
    <t>12/19/2019 15:19:34</t>
  </si>
  <si>
    <t>12/19/2019 15:14:57</t>
  </si>
  <si>
    <t>12/19/2019 15:15:26</t>
  </si>
  <si>
    <t>12/19/2019 15:18:27</t>
  </si>
  <si>
    <t>12/19/2019 15:20:34</t>
  </si>
  <si>
    <t>12/19/2019 15:18:39</t>
  </si>
  <si>
    <t>12/19/2019 15:19:39</t>
  </si>
  <si>
    <t>12/19/2019 15:18:16</t>
  </si>
  <si>
    <t>Holerite_122019_2203167.pdf.7x3mdr0.partial</t>
  </si>
  <si>
    <t>\\acsfs\profiles$\gabrielafs\Downloads\Holerite_122019_2203167.pdf.7x3mdr0.partial</t>
  </si>
  <si>
    <t>12/19/2019 15:19:12</t>
  </si>
  <si>
    <t>\\acsfs\profiles$\gabrielafs\Downloads\$RECYCLE.BIN\</t>
  </si>
  <si>
    <t>$IHMNK2L.pdf</t>
  </si>
  <si>
    <t>\\acsfs\profiles$\gabrielafs\Downloads\$RECYCLE.BIN\$IHMNK2L.pdf</t>
  </si>
  <si>
    <t>12/19/2019 15:19:01</t>
  </si>
  <si>
    <t>12/19/2019 15:21:34</t>
  </si>
  <si>
    <t>12/19/2019 15:20:30</t>
  </si>
  <si>
    <t>\\acsfs\deptos\Engenharia\8 - Service Desk Data Center\8.3 - Documentos Pessoais\Luis Alberto Ferrreira\#SFT\Atalhos Sistemas\</t>
  </si>
  <si>
    <t>3CXPhone6.msi</t>
  </si>
  <si>
    <t>\\10.200.66.200\c$\3CXPhone6.msi</t>
  </si>
  <si>
    <t>12/19/2019 15:16:00</t>
  </si>
  <si>
    <t>12/19/2019 15:17:06</t>
  </si>
  <si>
    <t>12/19/2019 15:22:34</t>
  </si>
  <si>
    <t>12/19/2019 15:21:06</t>
  </si>
  <si>
    <t>12/19/2019 15:19:52</t>
  </si>
  <si>
    <t>12/19/2019 15:20:07</t>
  </si>
  <si>
    <t>12/19/2019 15:19:57</t>
  </si>
  <si>
    <t>12/19/2019 15:24:34</t>
  </si>
  <si>
    <t>12/19/2019 15:20:27</t>
  </si>
  <si>
    <t>12/19/2019 15:20:57</t>
  </si>
  <si>
    <t>12/19/2019 15:21:28</t>
  </si>
  <si>
    <t>12/19/2019 15:21:58</t>
  </si>
  <si>
    <t>12/19/2019 15:20:29</t>
  </si>
  <si>
    <t>12/19/2019 15:25:34</t>
  </si>
  <si>
    <t>12/19/2019 15:24:39</t>
  </si>
  <si>
    <t>12/19/2019 15:20:22</t>
  </si>
  <si>
    <t>C:\Program Files (x86)\</t>
  </si>
  <si>
    <t>63e09ab1-9259-4dee-a304-635ee81b79fa.tmp</t>
  </si>
  <si>
    <t>\\acsfs\profiles$\gabrielafs\Downloads\63e09ab1-9259-4dee-a304-635ee81b79fa.tmp</t>
  </si>
  <si>
    <t>12/19/2019 15:23:46</t>
  </si>
  <si>
    <t>12/19/2019 15:26:35</t>
  </si>
  <si>
    <t>31e50df9-cbe2-4b8d-98d1-f1f94133fc48.tmp</t>
  </si>
  <si>
    <t>\\acsfs\profiles$\deborahsi\Downloads\31e50df9-cbe2-4b8d-98d1-f1f94133fc48.tmp</t>
  </si>
  <si>
    <t>12/19/2019 15:23:31</t>
  </si>
  <si>
    <t>12/19/2019 15:25:35</t>
  </si>
  <si>
    <t>12/19/2019 15:25:36</t>
  </si>
  <si>
    <t>lu215322o5g7i.tmp</t>
  </si>
  <si>
    <t>\\acsfs\profiles$\jonatanls\My Documents\lu215322o5g7i.tmp</t>
  </si>
  <si>
    <t>12/19/2019 15:25:59</t>
  </si>
  <si>
    <t>12/19/2019 15:23:06</t>
  </si>
  <si>
    <t>12/19/2019 15:27:34</t>
  </si>
  <si>
    <t>12/19/2019 15:23:32</t>
  </si>
  <si>
    <t>12/19/2019 15:28:35</t>
  </si>
  <si>
    <t>12/19/2019 15:25:33</t>
  </si>
  <si>
    <t>12/19/2019 15:24:28</t>
  </si>
  <si>
    <t>12/19/2019 15:29:34</t>
  </si>
  <si>
    <t>12/19/2019 15:24:29</t>
  </si>
  <si>
    <t>12/19/2019 15:24:58</t>
  </si>
  <si>
    <t>12/19/2019 15:24:18</t>
  </si>
  <si>
    <t>467b998d-e577-4452-bb45-fdc7b4ff699d.tmp</t>
  </si>
  <si>
    <t>\\acsfs\profiles$\laurandos\Downloads\467b998d-e577-4452-bb45-fdc7b4ff699d.tmp</t>
  </si>
  <si>
    <t>73b7a6ae-42b3-4a5f-afdc-c3f6cba9a0c3.tmp</t>
  </si>
  <si>
    <t>\\acsfs\profiles$\laurandos\Downloads\73b7a6ae-42b3-4a5f-afdc-c3f6cba9a0c3.tmp</t>
  </si>
  <si>
    <t>12/19/2019 15:26:05</t>
  </si>
  <si>
    <t>12/19/2019 15:26:08</t>
  </si>
  <si>
    <t>12/19/2019 15:26:10</t>
  </si>
  <si>
    <t>12/19/2019 15:26:11</t>
  </si>
  <si>
    <t>12/19/2019 15:26:12</t>
  </si>
  <si>
    <t>12/19/2019 15:26:13</t>
  </si>
  <si>
    <t>12/19/2019 15:26:14</t>
  </si>
  <si>
    <t>12/19/2019 15:26:15</t>
  </si>
  <si>
    <t>12/19/2019 15:26:16</t>
  </si>
  <si>
    <t>12/19/2019 15:26:18</t>
  </si>
  <si>
    <t>12/19/2019 15:26:19</t>
  </si>
  <si>
    <t>12/19/2019 15:26:21</t>
  </si>
  <si>
    <t>12/19/2019 15:26:22</t>
  </si>
  <si>
    <t>12/19/2019 15:26:24</t>
  </si>
  <si>
    <t>12/19/2019 15:26:25</t>
  </si>
  <si>
    <t>12/19/2019 15:26:26</t>
  </si>
  <si>
    <t>12/19/2019 15:26:27</t>
  </si>
  <si>
    <t>12/19/2019 15:26:29</t>
  </si>
  <si>
    <t>12/19/2019 15:26:30</t>
  </si>
  <si>
    <t>12/19/2019 15:26:37</t>
  </si>
  <si>
    <t>12/19/2019 15:26:38</t>
  </si>
  <si>
    <t>12/19/2019 15:26:40</t>
  </si>
  <si>
    <t>12/19/2019 15:26:55</t>
  </si>
  <si>
    <t>12/19/2019 15:26:56</t>
  </si>
  <si>
    <t>12/19/2019 15:26:57</t>
  </si>
  <si>
    <t>12/19/2019 15:27:00</t>
  </si>
  <si>
    <t>12/19/2019 15:27:06</t>
  </si>
  <si>
    <t>12/19/2019 15:27:07</t>
  </si>
  <si>
    <t>12/19/2019 15:27:13</t>
  </si>
  <si>
    <t>12/19/2019 15:27:14</t>
  </si>
  <si>
    <t>12/19/2019 15:27:19</t>
  </si>
  <si>
    <t>\\acsfs\profiles$\erichds\Saved Games\</t>
  </si>
  <si>
    <t>12/19/2019 15:27:56</t>
  </si>
  <si>
    <t>12/19/2019 15:30:35</t>
  </si>
  <si>
    <t>12/19/2019 15:27:57</t>
  </si>
  <si>
    <t>Mobilizações_Orçamentos executados 01-12 à 15-12 - Algar CONSOLIDADO.xlsx</t>
  </si>
  <si>
    <t>12/19/2019 15:25:39</t>
  </si>
  <si>
    <t>12/19/2019 15:26:46</t>
  </si>
  <si>
    <t>12/19/2019 15:31:34</t>
  </si>
  <si>
    <t>12/19/2019 15:30:36</t>
  </si>
  <si>
    <t>12/19/2019 15:32:34</t>
  </si>
  <si>
    <t>12/19/2019 15:29:06</t>
  </si>
  <si>
    <t>12/19/2019 15:27:02</t>
  </si>
  <si>
    <t>12/19/2019 15:28:37</t>
  </si>
  <si>
    <t>sarahro@algartech.com</t>
  </si>
  <si>
    <t>robertacmf@algartech.com.br;</t>
  </si>
  <si>
    <t>\\acsfs\DEPTOS\Operacao\PCP\5 - Comum\ACOMPANHAMENTO AMEX\10- Acompanhamento PF\FINANCEIRO CONTAS NOVAS\2019\12 - Dezembro\</t>
  </si>
  <si>
    <t>Provisão Financeira - Contas Novas PF - Dezembro_19.xlsx</t>
  </si>
  <si>
    <t>robertacmf@algartech.com.br</t>
  </si>
  <si>
    <t>12/19/2019 15:29:51</t>
  </si>
  <si>
    <t>12/19/2019 15:33:34</t>
  </si>
  <si>
    <t>12/19/2019 15:29:41</t>
  </si>
  <si>
    <t>12/19/2019 15:29:57</t>
  </si>
  <si>
    <t>12/19/2019 15:34:34</t>
  </si>
  <si>
    <t>64991852-2196-4fc9-ab20-4ab6b1abb8a0.tmp</t>
  </si>
  <si>
    <t>\\acsfs\profiles$\erichds\Downloads\64991852-2196-4fc9-ab20-4ab6b1abb8a0.tmp</t>
  </si>
  <si>
    <t>12/19/2019 15:31:50</t>
  </si>
  <si>
    <t>10.200.66.19</t>
  </si>
  <si>
    <t>78-2B-CB-C1-04-F9</t>
  </si>
  <si>
    <t>VOTORANT-VB025</t>
  </si>
  <si>
    <t>12/19/2019 15:33:15</t>
  </si>
  <si>
    <t>12/19/2019 15:35:33</t>
  </si>
  <si>
    <t>\\acsfs\DEPTOS\Operacao\Banco_Votorantim\Qualidade\Anderson\Jose\5A9F2182.tmp\</t>
  </si>
  <si>
    <t>\\acsfs\DEPTOS\Operacao\Banco_Votorantim\Qualidade\Anderson\Jose\5A9F2182.tmp\:Zone.Identifier:$DATA</t>
  </si>
  <si>
    <t>12/19/2019 15:33:16</t>
  </si>
  <si>
    <t>Relatorio de Vendas - Auditoria BV Cartoes (Dezembro)__8.xlsx</t>
  </si>
  <si>
    <t>\\acsfs\DEPTOS\Operacao\Banco_Votorantim\Qualidade\Anderson\Jose\Relatorio de Vendas - Auditoria BV Cartoes (Dezembro)__8.xlsx</t>
  </si>
  <si>
    <t>12/19/2019 15:33:59</t>
  </si>
  <si>
    <t>1576691798950;5;843787378;[];[]]];bvs-centralcartoes@bv.com.br;cintia.souza-domingues@dxc.com;cl-y0buzrzbyuteeoppozhqgrbtfn33qyraxtm53ln0dl-q9bwjlnnoegyvvdsojuegtv0qljthujtztvwxftihvqb60ckhlyho_xeogotopjoxsqgazoxk-mho2alzfmdz7aqna1xmswt6jlchvhedxsrz7xpqcr_72snhygaxwnl3ugmqnkjq_0xkqkgxxt8skzyhebm2sihcqqxhaaeydtxtuljm_guwqat6x2jvw4zsqpuj\";eduardo.santana@bv.com.br;false;fernandorsju@algartech.com;kesiadof@algartech.com;marianeps@algartech.com;null;pjoxsqgazoxk-mho2alzfmdz7aqna1xmswt6jlchvhedxsrz7xpqcr_72snhygaxwnl3ugmqnkjq_0xkqkgxxt8skzyhebm2sihcqqxhaaeydtxtuljm_guwqat6x2jvw4zsqpuj\";talmaiardo@algartech.com;thiagordu@algartech.com;true]";</t>
  </si>
  <si>
    <t>1576691798950,5,843787378,[],[]]],bvs-centralcartoes@bv.com.br,cintia.souza-domingues@dxc.com,cl-y0buzrzbyuteeoppozhqgrbtfn33qyraxtm53ln0dl-q9bwjlnnoegyvvdsojuegtv0qljthujtztvwxftihvqb60ckhlyho_xeogotopjoxsqgazoxk-mho2alzfmdz7aqna1xmswt6jlchvhedxsrz7xpqcr_72snhygaxwnl3ugmqnkjq_0xkqkgxxt8skzyhebm2sihcqqxhaaeydtxtuljm_guwqat6x2jvw4zsqpuj\",eduardo.santana@bv.com.br,false,fernandorsju@algartech.com,kesiadof@algartech.com,marianeps@algartech.com,null,pjoxsqgazoxk-mho2alzfmdz7aqna1xmswt6jlchvhedxsrz7xpqcr_72snhygaxwnl3ugmqnkjq_0xkqkgxxt8skzyhebm2sihcqqxhaaeydtxtuljm_guwqat6x2jvw4zsqpuj\",talmaiardo@algartech.com,thiagordu@algartech.com,true]"</t>
  </si>
  <si>
    <t>12/19/2019 15:34:09</t>
  </si>
  <si>
    <t>bvs-centralcartoes@bv.com.br;cintia.souza-domingues@dxc.com;eduardo.santana@bv.com.br;fernandorsju@algartech.com;kesiadof@algartech.com;marianeps@algartech.com;talmaiardo@algartech.com;thiagordu@algartech.com;</t>
  </si>
  <si>
    <t>bvs-centralcartoes@bv.com.br,cintia.souza-domingues@dxc.com,eduardo.santana@bv.com.br,fernandorsju@algartech.com,kesiadof@algartech.com,marianeps@algartech.com,talmaiardo@algartech.com,thiagordu@algartech.com</t>
  </si>
  <si>
    <t>12/19/2019 15:34:35</t>
  </si>
  <si>
    <t>bvs-centralcartoes@bv.com.br;cintia.souza-domingues@dxc.com;eduardo.santana@bv.com.br;fernandorsju@algartech.com;gaehxsmyz0rigzmb87rotu06ynk_ao_noxtotok274nx879gaciogfxyo0bbbqbocfqnvh-c5yvfnfnh41sc85qb7i_qqaxly0x-zyhzjxscvv-ujeouryhmdlxrxbstixgvvmgkfmh1fmvpmrbwapbidijswv5mti6r3cv_ylicvmcwzgxtmlfte7pjwfqfoyiswcabplbsksjsn2ev5k5zq_ncbj;kesiadof@algartech.com;marianeps@algartech.com;talmaiardo@algartech.com;thiagordu@algartech.com;</t>
  </si>
  <si>
    <t>bvs-centralcartoes@bv.com.br,cintia.souza-domingues@dxc.com,eduardo.santana@bv.com.br,fernandorsju@algartech.com,gaehxsmyz0rigzmb87rotu06ynk_ao_noxtotok274nx879gaciogfxyo0bbbqbocfqnvh-c5yvfnfnh41sc85qb7i_qqaxly0x-zyhzjxscvv-ujeouryhmdlxrxbstixgvvmgkfmh1fmvpmrbwapbidijswv5mti6r3cv_ylicvmcwzgxtmlfte7pjwfqfoyiswcabplbsksjsn2ev5k5zq_ncbj,kesiadof@algartech.com,marianeps@algartech.com,talmaiardo@algartech.com,thiagordu@algartech.com</t>
  </si>
  <si>
    <t>12/19/2019 15:34:54</t>
  </si>
  <si>
    <t>bvs-centralcartoes@bv.com.br;cintia.souza-domingues@dxc.com;eduardo.santana@bv.com.br;fernandorsju@algartech.com;kesiadof@algartech.com;marianeps@algartech.com;marianerdo@algartech.com;mirianppb@algartech.com;talmaiardo@algartech.com;thiagordu@algartech.com;</t>
  </si>
  <si>
    <t>bvs-centralcartoes@bv.com.br,cintia.souza-domingues@dxc.com,eduardo.santana@bv.com.br,fernandorsju@algartech.com,kesiadof@algartech.com,marianeps@algartech.com,marianerdo@algartech.com,mirianppb@algartech.com,talmaiardo@algartech.com,thiagordu@algartech.com</t>
  </si>
  <si>
    <t>12/19/2019 15:35:01</t>
  </si>
  <si>
    <t>0]ie_x001B_d�are;1576095602;1576690852758;1576691439035;1576691740874;1576691756894;1905447630;2;4;5;[];[]]];bg4f7hpo4uuezqv1hpsj6dejxsejf9dl9ce3zbbwhi1qt6bfj1lrhad8gbmgx0ej_ucfhkduwadqj_qczvvz-1amkwysw--id2dx6yi4n9oageon31t0mu7cw\";bg4f7hpo4uuezqv1hpsj6dejxsejf9dl9ce3zbbwhi1qt6bfj1lrhad8gbmgx0ej_ucfhkduxadqj_qfjg1loezl0ozkbmkcvbfej23v8s0aoybjdguacjpgr\";bvs-centralcartoes@bv.com.br;cintia.souza-domingues@dxc.com;eduardo.santana@bv.com.br;false;fernandorsju@algartech.com;kesiadof@algartech.com;marianeps@algartech.com;null;qj5-xm8pdf6sl72gv5urpin4-sxj5l7txbkyocdiio257clgwey4itbbq4iezcpzlvkymusxlqs8xv-pfddw4j1df19tpj9rkg37mjz5mi9mvkykda316y692u6pidprtv3lad3vmq7jmmauf9jpzlaxxf3rnuotuxxy2sx6hckxlvm6dhgp3bmk_sz51jlicnk1cbwetaybsgfl5olrtxsauaau-0gtrrwjjhvizf_tflpobxthebpys6nexnquderetxic6vaa2cogid2t195lokpirwaiolzveltgbqfoy4peeqvm0rxpmm\";qj5-xm8pdf6sl72gv5urpin4-sxj5l7txbkyocdiio257clgwey4itbbq4iezcpzlvkymusxlqs8xv-pfddw4j1df19tpj9rkg37mjz5mi9mvkykda316y692u6pidprtv3lad3vmq7jmmauf9jpzlaxxf3rnuotuxxy2sx6hckxlvm6dhgp3bmk_</t>
  </si>
  <si>
    <t>0]ie_x001B_d�are,1576095602,1576690852758,1576691439035,1576691740874,1576691756894,1905447630,2,4,5,[],[]]],bg4f7hpo4uuezqv1hpsj6dejxsejf9dl9ce3zbbwhi1qt6bfj1lrhad8gbmgx0ej_ucfhkduwadqj_qczvvz-1amkwysw--id2dx6yi4n9oageon31t0mu7cw\",bg4f7hpo4uuezqv1hpsj6dejxsejf9dl9ce3zbbwhi1qt6bfj1lrhad8gbmgx0ej_ucfhkduxadqj_qfjg1loezl0ozkbmkcvbfej23v8s0aoybjdguacjpgr\",bvs-centralcartoes@bv.com.br,cintia.souza-domingues@dxc.com,eduardo.santana@bv.com.br,false,fernandorsju@algartech.com,kesiadof@algartech.com,marianeps@algartech.com,null,qj5-xm8pdf6sl72gv5urpin4-sxj5l7txbkyocdiio257clgwey4itbbq4iezcpzlvkymusxlqs8xv-pfddw4j1df19tpj9rkg37mjz5mi9mvkykda316y692u6pidprtv3lad3vmq7jmmauf9jpzlaxxf3rnuotuxxy2sx6hckxlvm6dhgp3bmk_sz51jlicnk1cbwetaybsgfl5olrtxsauaau-0gtrrwjjhvizf_tflpobxthebpys6nexnquderetxic6vaa2cogid2t195lokpirwaiolzveltgbqfoy4peeqvm0rxpmm\",qj5-xm8pdf6sl72gv5urpin4-sxj5l7txbkyocdiio257clgwey4itbbq4iezcpzlvkymusxlqs8xv-pfddw4j1df19tpj9rkg37mjz5mi9mvkykda316y692u6pidprtv3lad3vmq7jmmauf9jpzlaxxf3rnuotuxxy2sx6hckxlvm6dhgp3bmk_</t>
  </si>
  <si>
    <t>12/19/2019 15:30:39</t>
  </si>
  <si>
    <t>12/19/2019 15:31:39</t>
  </si>
  <si>
    <t>12/19/2019 15:33:06</t>
  </si>
  <si>
    <t>12/19/2019 15:31:02</t>
  </si>
  <si>
    <t>12/19/2019 15:36:34</t>
  </si>
  <si>
    <t>12/19/2019 15:32:28</t>
  </si>
  <si>
    <t>MONITORIA.txt</t>
  </si>
  <si>
    <t>\\acsfs\DEPTOS\Operacao\Banco_Votorantim\Qualidade\Paulo\Nova pasta\MONITORIA.txt</t>
  </si>
  <si>
    <t>12/19/2019 15:34:29</t>
  </si>
  <si>
    <t>12/19/2019 15:37:34</t>
  </si>
  <si>
    <t>12/19/2019 15:35:06</t>
  </si>
  <si>
    <t>12/19/2019 15:32:39</t>
  </si>
  <si>
    <t>12/19/2019 15:38:34</t>
  </si>
  <si>
    <t>12/19/2019 15:34:30</t>
  </si>
  <si>
    <t>9aec8119-816c-4f4e-a9e5-01bd70d2fec0.tmp</t>
  </si>
  <si>
    <t>\\acsfs\profiles$\brendadsl\Downloads\9aec8119-816c-4f4e-a9e5-01bd70d2fec0.tmp</t>
  </si>
  <si>
    <t>12/19/2019 15:34:57</t>
  </si>
  <si>
    <t>86592b59-4a38-4490-9425-a5f788abeda2.tmp</t>
  </si>
  <si>
    <t>\\acsfs\profiles$\brendadsl\Downloads\86592b59-4a38-4490-9425-a5f788abeda2.tmp</t>
  </si>
  <si>
    <t>12/19/2019 15:35:41</t>
  </si>
  <si>
    <t>12/19/2019 15:36:04</t>
  </si>
  <si>
    <t>\\acsfs\profiles$\thaisdss\My Documents\My Pictures\untitled.png</t>
  </si>
  <si>
    <t>12/19/2019 15:36:11</t>
  </si>
  <si>
    <t>untitled 2.png</t>
  </si>
  <si>
    <t>\\acsfs\profiles$\thaisdss\My Documents\My Pictures\untitled 2.png</t>
  </si>
  <si>
    <t>12/19/2019 15:36:31</t>
  </si>
  <si>
    <t>12/19/2019 15:37:00</t>
  </si>
  <si>
    <t>12/19/2019 15:37:27</t>
  </si>
  <si>
    <t>12/19/2019 15:37:49</t>
  </si>
  <si>
    <t>\\acsfs\profiles$\thaisdss\My Documents\My Pictures\$RECYCLE.BIN\</t>
  </si>
  <si>
    <t>$IHSRRLJ.png</t>
  </si>
  <si>
    <t>\\acsfs\profiles$\thaisdss\My Documents\My Pictures\$RECYCLE.BIN\$IHSRRLJ.png</t>
  </si>
  <si>
    <t>12/19/2019 15:37:54</t>
  </si>
  <si>
    <t>$I4A15Z0.png</t>
  </si>
  <si>
    <t>\\acsfs\profiles$\thaisdss\My Documents\My Pictures\$RECYCLE.BIN\$I4A15Z0.png</t>
  </si>
  <si>
    <t>12/19/2019 15:38:31</t>
  </si>
  <si>
    <t>12/19/2019 15:39:34</t>
  </si>
  <si>
    <t>12/19/2019 15:36:14</t>
  </si>
  <si>
    <t>4bea6d27-fc4f-4c8e-be5d-d4717330fede.tmp</t>
  </si>
  <si>
    <t>\\acsfs\profiles$\laurandos\Downloads\4bea6d27-fc4f-4c8e-be5d-d4717330fede.tmp</t>
  </si>
  <si>
    <t>12/19/2019 15:37:38</t>
  </si>
  <si>
    <t>12/19/2019 15:38:07</t>
  </si>
  <si>
    <t>65f4deb6-105e-40cc-a67f-e71970c43c45.tmp</t>
  </si>
  <si>
    <t>\\acsfs\profiles$\erichds\Downloads\65f4deb6-105e-40cc-a67f-e71970c43c45.tmp</t>
  </si>
  <si>
    <t>12/19/2019 15:35:20</t>
  </si>
  <si>
    <t>12/19/2019 15:35:22</t>
  </si>
  <si>
    <t>12/19/2019 15:35:49</t>
  </si>
  <si>
    <t>12/19/2019 15:36:16</t>
  </si>
  <si>
    <t>12/19/2019 15:36:36</t>
  </si>
  <si>
    <t>12/19/2019 15:36:37</t>
  </si>
  <si>
    <t>12/19/2019 15:38:45</t>
  </si>
  <si>
    <t>97554ec5-65cd-400d-b49d-101d7ce06e8a.tmp</t>
  </si>
  <si>
    <t>\\acsfs\profiles$\gabrielamdp\Downloads\97554ec5-65cd-400d-b49d-101d7ce06e8a.tmp</t>
  </si>
  <si>
    <t>12/19/2019 15:40:34</t>
  </si>
  <si>
    <t>12/19/2019 15:35:34</t>
  </si>
  <si>
    <t>12/19/2019 15:36:07</t>
  </si>
  <si>
    <t>12/19/2019 15:36:21</t>
  </si>
  <si>
    <t>12/19/2019 15:36:24</t>
  </si>
  <si>
    <t>0]l;1576691421079;1742395574;4;[];[]]];bvs-centralcartoes@bv.com.br;cintia.souza-domingues@dxc.com;eduardo.santana@bv.com.br;false;fernandorsju@algartech.com;kesiadof@algartech.com;marianeps@algartech.com;marianerdo@algartech.com;mirianppb@algartech.com;n6yx3j93r7loo71ybnmgkp9ur6mpdb9xdqjeewzabkfgyejrudgcdjtxlrrmfwyubnoulxhl7m3pxbtjf54ffe5amot6wrideoqc--im7ixcm9sj-bnzxszlg89vhotqtuuxhk0r_uroxryvc25jvdshqsr5dmnlksqtv5kf8jmdt40xlxy7mg\";null;sbjve0zecapovmzpxnqtvll8rjyr3xrrgjugyqe0yeg_ton6yx3j93r7loo71ybnmgkp9ur6mpdb9xdqjeewzabkfgyejrudgcdjtxlrrmfwyubnoulxhl7m3pxbtjf54ffe5amot6wrideoqc--im7ixcm9sj-bnzxszlg89vhotqtuuxhk0r_uroxryvc25jvdshqsr5dmnlksqtv5kf8jmdt40xlxy7mg\";talmaiardo@algartech.com;thiagordu@algartech.com;true]";</t>
  </si>
  <si>
    <t>0]l,1576691421079,1742395574,4,[],[]]],bvs-centralcartoes@bv.com.br,cintia.souza-domingues@dxc.com,eduardo.santana@bv.com.br,false,fernandorsju@algartech.com,kesiadof@algartech.com,marianeps@algartech.com,marianerdo@algartech.com,mirianppb@algartech.com,n6yx3j93r7loo71ybnmgkp9ur6mpdb9xdqjeewzabkfgyejrudgcdjtxlrrmfwyubnoulxhl7m3pxbtjf54ffe5amot6wrideoqc--im7ixcm9sj-bnzxszlg89vhotqtuuxhk0r_uroxryvc25jvdshqsr5dmnlksqtv5kf8jmdt40xlxy7mg\",null,sbjve0zecapovmzpxnqtvll8rjyr3xrrgjugyqe0yeg_ton6yx3j93r7loo71ybnmgkp9ur6mpdb9xdqjeewzabkfgyejrudgcdjtxlrrmfwyubnoulxhl7m3pxbtjf54ffe5amot6wrideoqc--im7ixcm9sj-bnzxszlg89vhotqtuuxhk0r_uroxryvc25jvdshqsr5dmnlksqtv5kf8jmdt40xlxy7mg\",talmaiardo@algartech.com,thiagordu@algartech.com,true]"</t>
  </si>
  <si>
    <t>12/19/2019 15:36:42</t>
  </si>
  <si>
    <t>12/19/2019 15:36:45</t>
  </si>
  <si>
    <t>12/19/2019 15:36:48</t>
  </si>
  <si>
    <t>12/19/2019 15:37:18</t>
  </si>
  <si>
    <t>12/19/2019 15:37:52</t>
  </si>
  <si>
    <t>12/19/2019 15:36:39</t>
  </si>
  <si>
    <t>12/19/2019 15:37:39</t>
  </si>
  <si>
    <t>12/19/2019 15:38:33</t>
  </si>
  <si>
    <t>12/19/2019 15:41:34</t>
  </si>
  <si>
    <t>12/19/2019 15:37:07</t>
  </si>
  <si>
    <t>12/19/2019 15:37:08</t>
  </si>
  <si>
    <t>lu2652433fwyq.tmp</t>
  </si>
  <si>
    <t>\\acsfs\profiles$\jonatanls\My Documents\lu2652433fwyq.tmp</t>
  </si>
  <si>
    <t>12/19/2019 15:39:07</t>
  </si>
  <si>
    <t>12/19/2019 15:42:34</t>
  </si>
  <si>
    <t>12/19/2019 15:41:07</t>
  </si>
  <si>
    <t>12/19/2019 15:36:54</t>
  </si>
  <si>
    <t>12/19/2019 15:39:14</t>
  </si>
  <si>
    <t>fb6627dd-03b2-457b-91f7-428e23f5386c.tmp</t>
  </si>
  <si>
    <t>\\acsfs\profiles$\layonmof\Downloads\fb6627dd-03b2-457b-91f7-428e23f5386c.tmp</t>
  </si>
  <si>
    <t>12/19/2019 15:39:28</t>
  </si>
  <si>
    <t>12/19/2019 15:43:34</t>
  </si>
  <si>
    <t>12/19/2019 15:40:22</t>
  </si>
  <si>
    <t>12/19/2019 15:43:35</t>
  </si>
  <si>
    <t>12/19/2019 15:44:34</t>
  </si>
  <si>
    <t>7ee58cb4-98a4-4e6a-99fa-752ff93ea22c.tmp</t>
  </si>
  <si>
    <t>\\acsfs\profiles$\laurandos\Downloads\7ee58cb4-98a4-4e6a-99fa-752ff93ea22c.tmp</t>
  </si>
  <si>
    <t>12/19/2019 15:42:09</t>
  </si>
  <si>
    <t>12/19/2019 15:45:34</t>
  </si>
  <si>
    <t>\\acsfs\DEPTOS\Operacao\Banco_Votorantim\Qualidade\Anderson\Jose\1A6B15EE.tmp\</t>
  </si>
  <si>
    <t>\\acsfs\DEPTOS\Operacao\Banco_Votorantim\Qualidade\Anderson\Jose\1A6B15EE.tmp\:Zone.Identifier:$DATA</t>
  </si>
  <si>
    <t>12/19/2019 15:42:10</t>
  </si>
  <si>
    <t>12/19/2019 15:41:00</t>
  </si>
  <si>
    <t>0]\\)\);0]_�#�����a;0]l;1;1198867572;1576690363700;1576690471863;1576691868054;48485885;6;[];[]]];aaaazviaaaavmqgvp7yhj37lsw_wkleblw5aame3v8dnl-hsk4fzpnhncsobbwn7cg3l3nwtou8dj-yjm2ct87u84tettfs1lqknssowt1zrn3xwk__yaql-keelauzrcsqvje2zzl8-tpchoikueo2rxekexv3i0abk605guzszdpxmtjn4gzax;bvs-centralcartoes@bv.com.br;cintia.souza-domingues@dxc.com;d2omgsrdbyizmbr35fkge72smjvolgr3qlattifzqmqh3c1zca8tk3ealfmpeswm5x5a84wu7aymishcuxiiyngrf9-1h4zlew\";eduardo.santana@bv.com.br;false;fernandorsju@algartech.com;kesiadof@algartech.com;marianeps@algartech.com;null;q-xka8mszaxar2bz-iemuee5y5hzu_zfdktsuvawo85hkif_tpazfss0lko9enmgklpm1zck7l0az9047afherwj9ogw3sxnnpsbfanyagwroh7k1hxvieknyrcd_mefdbzyj2eyzp_pzqj\";q-xka8mszaxar2bz-iemuee5y5hzu_zfdktsuvawo85hkif_tpazfss0lko9enmgklpm1zck7l0az9047afherwj9ogw3sxnnpsbfgnjcjbjoymudz2hbejyhzsdewziktvwf4rkxz2gnny\";talmaiardo@algartech.com;thiagordu@algartech.com;true]";u8dj-yjm2ct87u84tettfs1lqknssowt1zrn3xwk__yaql-keelauzrcsqvje2zzl8-tpchoikueo2rxekexv3i0abk605guzszdpxmtjn4gzaxdoej6hct5j</t>
  </si>
  <si>
    <t>0]\\)\),0]_�#�����a,0]l,1,1198867572,1576690363700,1576690471863,1576691868054,48485885,6,[],[]]],aaaazviaaaavmqgvp7yhj37lsw_wkleblw5aame3v8dnl-hsk4fzpnhncsobbwn7cg3l3nwtou8dj-yjm2ct87u84tettfs1lqknssowt1zrn3xwk__yaql-keelauzrcsqvje2zzl8-tpchoikueo2rxekexv3i0abk605guzszdpxmtjn4gzax,bvs-centralcartoes@bv.com.br,cintia.souza-domingues@dxc.com,d2omgsrdbyizmbr35fkge72smjvolgr3qlattifzqmqh3c1zca8tk3ealfmpeswm5x5a84wu7aymishcuxiiyngrf9-1h4zlew\",eduardo.santana@bv.com.br,false,fernandorsju@algartech.com,kesiadof@algartech.com,marianeps@algartech.com,null,q-xka8mszaxar2bz-iemuee5y5hzu_zfdktsuvawo85hkif_tpazfss0lko9enmgklpm1zck7l0az9047afherwj9ogw3sxnnpsbfanyagwroh7k1hxvieknyrcd_mefdbzyj2eyzp_pzqj\",q-xka8mszaxar2bz-iemuee5y5hzu_zfdktsuvawo85hkif_tpazfss0lko9enmgklpm1zck7l0az9047afherwj9ogw3sxnnpsbfgnjcjbjoymudz2hbejyhzsdewziktvwf4rkxz2gnny\",talmaiardo@algartech.com,thiagordu@algartech.com,true]",u8dj-yjm2ct87u84tettfs1lqknssowt1zrn3xwk__yaql-keelauzrcsqvje2zzl8-tpchoikueo2rxekexv3i0abk605guzszdpxmtjn4gzaxdoej6hct5j</t>
  </si>
  <si>
    <t>12/19/2019 15:41:12</t>
  </si>
  <si>
    <t>12/19/2019 15:41:54</t>
  </si>
  <si>
    <t>12/19/2019 15:42:33</t>
  </si>
  <si>
    <t>12/19/2019 15:42:37</t>
  </si>
  <si>
    <t>12/19/2019 15:44:57</t>
  </si>
  <si>
    <t>12/19/2019 15:42:39</t>
  </si>
  <si>
    <t>12/19/2019 15:43:39</t>
  </si>
  <si>
    <t>12/19/2019 15:45:10</t>
  </si>
  <si>
    <t>https://udpwfmniceap02/pt_br/web/guest/home?p_auth=wvkofci1&amp;p_p_id=58&amp;p_p_lifecycle=1&amp;p_p_state=maximized&amp;p_p_mode=view&amp;savelastpath=0&amp;_58_struts_action=/login/forgot_password</t>
  </si>
  <si>
    <t>12/19/2019 15:44:44</t>
  </si>
  <si>
    <t>12/19/2019 15:46:34</t>
  </si>
  <si>
    <t>lu2652433fwyt.tmp</t>
  </si>
  <si>
    <t>\\acsfs\profiles$\jonatanls\My Documents\lu2652433fwyt.tmp</t>
  </si>
  <si>
    <t>12/19/2019 15:45:11</t>
  </si>
  <si>
    <t>894ca16d-609e-4237-8cff-cf94ed0368ff.tmp</t>
  </si>
  <si>
    <t>\\acsfs\profiles$\paulohaf\Downloads\894ca16d-609e-4237-8cff-cf94ed0368ff.tmp</t>
  </si>
  <si>
    <t>12/19/2019 15:46:07</t>
  </si>
  <si>
    <t>b8d3f789-d16f-4a66-ba2c-27bc34d22d95.tmp</t>
  </si>
  <si>
    <t>\\acsfs\profiles$\paulohaf\Downloads\b8d3f789-d16f-4a66-ba2c-27bc34d22d95.tmp</t>
  </si>
  <si>
    <t>12/19/2019 15:45:07</t>
  </si>
  <si>
    <t>12/19/2019 15:47:34</t>
  </si>
  <si>
    <t>12/19/2019 15:43:37</t>
  </si>
  <si>
    <t>10.200.60.33</t>
  </si>
  <si>
    <t>mail.google.com/_/upload?authuser=0&amp;dcp=asu-n&amp;upload_id=AEnB2UpZHjZNLAJ4RmCTxutXBbNgN5BRrGEyS4A31r3WXrdMOqpUT2hNi440gDcPVfKat0PDU00i6wI2UFztDIsmCONzaHE_9bNk8FWMeUtohRJwUdv0Y0Q&amp;upload_protocol=resumable</t>
  </si>
  <si>
    <t>gilmarpf@algartech.com;senildapdo@algartech.com;viniciussg@algartech.com;</t>
  </si>
  <si>
    <t>gilmarpf@algartech.com,senildapdo@algartech.com,viniciussg@algartech.com</t>
  </si>
  <si>
    <t>12/19/2019 15:44:42</t>
  </si>
  <si>
    <t>12/19/2019 15:48:35</t>
  </si>
  <si>
    <t>12/19/2019 15:48:24</t>
  </si>
  <si>
    <t>12/19/2019 15:49:34</t>
  </si>
  <si>
    <t>\\acsfs\profiles$\websondsa\My Documents\</t>
  </si>
  <si>
    <t>Bloco.txt</t>
  </si>
  <si>
    <t>\\acsfs\profiles$\websondsa\My Documents\Bloco.txt</t>
  </si>
  <si>
    <t>12/19/2019 15:48:16</t>
  </si>
  <si>
    <t>12/19/2019 15:50:34</t>
  </si>
  <si>
    <t>XLOG_vanessacgs_19122019_101118.log</t>
  </si>
  <si>
    <t>\\acsfs\profiles$\vanessacgs\My Documents\xworkcenter\logs\XLOG_vanessacgs_19122019_101118.log</t>
  </si>
  <si>
    <t>12/19/2019 15:49:43</t>
  </si>
  <si>
    <t>12/19/2019 15:48:39</t>
  </si>
  <si>
    <t>12/19/2019 15:49:40</t>
  </si>
  <si>
    <t>12/19/2019 15:50:44</t>
  </si>
  <si>
    <t>12/19/2019 15:51:34</t>
  </si>
  <si>
    <t>31f45508-e240-498b-9307-f01bc458a5f4.tmp</t>
  </si>
  <si>
    <t>\\acsfs\profiles$\wenderbnm\Downloads\31f45508-e240-498b-9307-f01bc458a5f4.tmp</t>
  </si>
  <si>
    <t>12/19/2019 15:46:29</t>
  </si>
  <si>
    <t>12/19/2019 15:48:33</t>
  </si>
  <si>
    <t>jonatanls@bv.algartech.com</t>
  </si>
  <si>
    <t>https://algarmail.algartech.com/h/search?si=0&amp;so=0&amp;sc=49558&amp;st=conversation&amp;action=compose&amp;paction=paneview</t>
  </si>
  <si>
    <t>adilsonloj@algartech.com;</t>
  </si>
  <si>
    <t>https://adilsonloj@algartech.com</t>
  </si>
  <si>
    <t>12/19/2019 15:49:03</t>
  </si>
  <si>
    <t>12/19/2019 15:49:33</t>
  </si>
  <si>
    <t>12/19/2019 15:46:54</t>
  </si>
  <si>
    <t>2c1988d6-d39a-43fa-a999-1cf6a841d9fb.tmp</t>
  </si>
  <si>
    <t>\\acsfs\profiles$\paulohaf\Downloads\2c1988d6-d39a-43fa-a999-1cf6a841d9fb.tmp</t>
  </si>
  <si>
    <t>12/19/2019 15:51:21</t>
  </si>
  <si>
    <t>XLOG_tiagosno_19122019_075925.log</t>
  </si>
  <si>
    <t>\\acsfs\profiles$\tiagosno\My Documents\xworkcenter\logs\XLOG_tiagosno_19122019_075925.log</t>
  </si>
  <si>
    <t>12/19/2019 15:47:07</t>
  </si>
  <si>
    <t>12/19/2019 15:52:34</t>
  </si>
  <si>
    <t>12/19/2019 15:51:07</t>
  </si>
  <si>
    <t>12/19/2019 15:47:25</t>
  </si>
  <si>
    <t>12/19/2019 15:47:27</t>
  </si>
  <si>
    <t>12/19/2019 15:51:25</t>
  </si>
  <si>
    <t>12/19/2019 15:53:35</t>
  </si>
  <si>
    <t>8b256db4-885d-43d8-8107-8da3ee299358.tmp</t>
  </si>
  <si>
    <t>\\acsfs\profiles$\bernardopcm\Downloads\8b256db4-885d-43d8-8107-8da3ee299358.tmp</t>
  </si>
  <si>
    <t>12/19/2019 15:52:53</t>
  </si>
  <si>
    <t>\\acsfs\profiles$\NATALIACSL\Novo Documento de Texto (2).txt</t>
  </si>
  <si>
    <t>12/19/2019 15:49:11</t>
  </si>
  <si>
    <t>12/19/2019 15:54:35</t>
  </si>
  <si>
    <t>mail.google.com/mail/u/0/#inbox/FMfcgxwGCQZFSqrGxpvSkrNQnGjCPTlb?compose=GTvVlcRwQZxlLhmmWctvrHmgqcpLwRmwjCSLKdpfzwsXNXrptrsTzppGrklsQbwhnSztsmMPGRnWM</t>
  </si>
  <si>
    <t>Mais Valia.xlsx</t>
  </si>
  <si>
    <t>12/19/2019 15:52:04</t>
  </si>
  <si>
    <t>12/19/2019 15:52:33</t>
  </si>
  <si>
    <t>12/19/2019 15:53:04</t>
  </si>
  <si>
    <t>12/19/2019 15:52:42</t>
  </si>
  <si>
    <t>12/19/2019 15:55:36</t>
  </si>
  <si>
    <t>a728cbb7-1c98-48e3-a8ea-f0a722562352.tmp</t>
  </si>
  <si>
    <t>\\acsfs\profiles$\marcosvnds\Downloads\a728cbb7-1c98-48e3-a8ea-f0a722562352.tmp</t>
  </si>
  <si>
    <t>12/19/2019 15:52:44</t>
  </si>
  <si>
    <t>d17d693c-a240-4589-a905-eaf4eea41519.tmp</t>
  </si>
  <si>
    <t>\\acsfs\profiles$\marcosvnds\Downloads\d17d693c-a240-4589-a905-eaf4eea41519.tmp</t>
  </si>
  <si>
    <t>12/19/2019 15:54:40</t>
  </si>
  <si>
    <t>12/19/2019 15:52:26</t>
  </si>
  <si>
    <t>12/19/2019 15:56:35</t>
  </si>
  <si>
    <t>ccb88474-7203-4314-8973-3b4a37a241db.tmp</t>
  </si>
  <si>
    <t>\\acsfs\profiles$\wenderbnm\Downloads\ccb88474-7203-4314-8973-3b4a37a241db.tmp</t>
  </si>
  <si>
    <t>12/19/2019 15:53:45</t>
  </si>
  <si>
    <t>\\acsfs\profiles$\valeriasda\My Documents\</t>
  </si>
  <si>
    <t>.~lock.nn.ods#</t>
  </si>
  <si>
    <t>\\acsfs\profiles$\valeriasda\My Documents\.~lock.nn.ods#</t>
  </si>
  <si>
    <t>12/19/2019 15:53:46</t>
  </si>
  <si>
    <t>lu485208lh3va.tmp</t>
  </si>
  <si>
    <t>\\acsfs\profiles$\valeriasda\My Documents\lu485208lh3va.tmp</t>
  </si>
  <si>
    <t>\\acsfs\profiles$\valeriasda\My Documents\lu485208lh3va.tmp\</t>
  </si>
  <si>
    <t>\\acsfs\profiles$\valeriasda\My Documents\lu485208lh3va.tmp\META-INF\</t>
  </si>
  <si>
    <t>\\acsfs\profiles$\valeriasda\My Documents\lu485208lh3va.tmp\Thumbnails\</t>
  </si>
  <si>
    <t>12/19/2019 15:53:26</t>
  </si>
  <si>
    <t>XLOG_marcosvnds_19122019_145813.log</t>
  </si>
  <si>
    <t>\\acsfs\profiles$\marcosvnds\My Documents\xworkcenter\logs\XLOG_marcosvnds_19122019_145813.log</t>
  </si>
  <si>
    <t>12/19/2019 15:53:07</t>
  </si>
  <si>
    <t>12/19/2019 15:57:35</t>
  </si>
  <si>
    <t>12/19/2019 15:56:15</t>
  </si>
  <si>
    <t>12/19/2019 15:53:23</t>
  </si>
  <si>
    <t>12/19/2019 15:53:58</t>
  </si>
  <si>
    <t>12/19/2019 15:56:45</t>
  </si>
  <si>
    <t>12/19/2019 15:58:35</t>
  </si>
  <si>
    <t>12/19/2019 15:54:34</t>
  </si>
  <si>
    <t>12/19/2019 15:59:35</t>
  </si>
  <si>
    <t>12/19/2019 15:55:04</t>
  </si>
  <si>
    <t>12/19/2019 15:54:07</t>
  </si>
  <si>
    <t>12/19/2019 15:54:50</t>
  </si>
  <si>
    <t>12/19/2019 15:54:59</t>
  </si>
  <si>
    <t>12/19/2019 15:54:24</t>
  </si>
  <si>
    <t>12/19/2019 16:00:34</t>
  </si>
  <si>
    <t>12/19/2019 15:56:25</t>
  </si>
  <si>
    <t>1576691455085;1905447630;4;856315767;[];[]]];bvs-centralcartoes@bv.com.br;cintia.souza-domingues@dxc.com;eduardo.santana@bv.com.br;false;fernandorsju@algartech.com;kesiadof@algartech.com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;marianeps@algartech.com;null;qj5-xm8pdf6sl72gv5urpin4-sxj5l7txbkyocdiio257clgwe</t>
  </si>
  <si>
    <t>1576691455085,1905447630,4,856315767,[],[]]],bvs-centralcartoes@bv.com.br,cintia.souza-domingues@dxc.com,eduardo.santana@bv.com.br,false,fernandorsju@algartech.com,kesiadof@algartech.com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,marianeps@algartech.com,null,qj5-xm8pdf6sl72gv5urpin4-sxj5l7txbkyocdiio257clgwe</t>
  </si>
  <si>
    <t>12/19/2019 15:57:04</t>
  </si>
  <si>
    <t>12/19/2019 15:59:58</t>
  </si>
  <si>
    <t>12/19/2019 15:55:41</t>
  </si>
  <si>
    <t>12/19/2019 15:56:29</t>
  </si>
  <si>
    <t>12/19/2019 16:01:35</t>
  </si>
  <si>
    <t>d38d4105-b491-43b4-8ed0-64469f046484.tmp</t>
  </si>
  <si>
    <t>\\acsfs\profiles$\larissaad\Downloads\d38d4105-b491-43b4-8ed0-64469f046484.tmp</t>
  </si>
  <si>
    <t>12/19/2019 15:57:07</t>
  </si>
  <si>
    <t>12/19/2019 16:02:34</t>
  </si>
  <si>
    <t>12/19/2019 15:59:07</t>
  </si>
  <si>
    <t>12/19/2019 15:57:23</t>
  </si>
  <si>
    <t>12/19/2019 15:57:58</t>
  </si>
  <si>
    <t>12/19/2019 15:57:18</t>
  </si>
  <si>
    <t>12/19/2019 15:58:42</t>
  </si>
  <si>
    <t>12/19/2019 15:59:40</t>
  </si>
  <si>
    <t>12/19/2019 15:59:47</t>
  </si>
  <si>
    <t>12/19/2019 15:59:59</t>
  </si>
  <si>
    <t>12/19/2019 16:01:57</t>
  </si>
  <si>
    <t>12/19/2019 16:00:48</t>
  </si>
  <si>
    <t>12/19/2019 16:03:35</t>
  </si>
  <si>
    <t>12/19/2019 15:59:06</t>
  </si>
  <si>
    <t>\\acsfs\profiles$\leydianeamd\My Documents\xworkcenter\logs\</t>
  </si>
  <si>
    <t>XLOG_leydianeamd_19122019_100733.log</t>
  </si>
  <si>
    <t>\\acsfs\profiles$\leydianeamd\My Documents\xworkcenter\logs\XLOG_leydianeamd_19122019_100733.log</t>
  </si>
  <si>
    <t>\\acsfs\profiles$\leydianeamd\My Documents\xworkcenter\logs\wrapper.log</t>
  </si>
  <si>
    <t>12/19/2019 16:00:42</t>
  </si>
  <si>
    <t>E:\Reembolso\2016.9.15\</t>
  </si>
  <si>
    <t>Protocolo Relatório de Despesas Capgemini - Gabriel Storti.xls</t>
  </si>
  <si>
    <t>ken=ac4w5vh_udszxakqgqahkvujnoajar4nfa:1576758410292&amp;buildlabel=drive.web-frontend_20191211.00_p1577v/aijn3l5bwpn/aghwnqp/aatdunjoxpzhnf0uf8my af ik ff/bhpp8a8vsh9mlwaevwu8kh/ub6t/8afuf2jh/5h94fua/86 4/m/u/ cxt2wpyj yqmf8agmbdz 4hz/tcv6sz y78pm6/blwkf 4fpp8a8vtf gwvh4ef fieef8awq6t/wdfuf2hh/5h94fuq/8aovup5uf/4jgxr6on5ind/gl5dh cm/ik/pg/4za hg/5oj4r/wdbdpp/amvr/wamt/d3/oiphh/wq6t/apfuf2hh/wdn2/vd6lx/aj19x/n4p cxv2f4e/muo/4jc3rigxof9ov/sf/wy58ph/zrlwlx/wbqlsf/aiqlh7l3w 7/aas8jhp/afatj/8aiqp7qw/8j 8pqnf dfcfzff8otrofwj ypw/4ja3fgy0/mv/r/8a8mvfd7p/acrlwlx/1atj/wdiqp8ahl/4f/8are/cf/gi0n/4qn/aog/59v7w o1/519x/od/amotlr 4n5ilh/blo6p8cfmk/o9/4zf h/h/abzpwn/4itj/ ko/4zg h/x/aiun4t/8ewk//fuf2jh/ fb 8pqnf dfcfzhf8osrr/nmn5ij/h1ldf880/mv/r9/wamw ap ij e p ofpp/wavr/wzb8p/apoifht/ameek/8axvh9o4b/aj9v7w o1/519x/oa3/bls6/uj yph/4ja3y6on5iv6qf gyph/zn4j e f ofpp/wavr/wy/wdd/wd6in4t/wdbfpp/amvr/aog/wcfb 8pqnf dfcfze_x001B_2դ�h_</t>
  </si>
  <si>
    <t>12/19/2019 16:00:52</t>
  </si>
  <si>
    <t>12/19/2019 16:05:35</t>
  </si>
  <si>
    <t>12/19/2019 16:04:42</t>
  </si>
  <si>
    <t>12/19/2019 16:00:11</t>
  </si>
  <si>
    <t>12/19/2019 16:00:40</t>
  </si>
  <si>
    <t>12/19/2019 16:01:40</t>
  </si>
  <si>
    <t>12/19/2019 16:02:06</t>
  </si>
  <si>
    <t>12/19/2019 16:06:35</t>
  </si>
  <si>
    <t>12/19/2019 16:02:20</t>
  </si>
  <si>
    <t>Arquivo_de_Interface (2).xlsb</t>
  </si>
  <si>
    <t>12/19/2019 16:03:07</t>
  </si>
  <si>
    <t>12/19/2019 16:07:35</t>
  </si>
  <si>
    <t>12/19/2019 16:05:07</t>
  </si>
  <si>
    <t>12/19/2019 16:05:49</t>
  </si>
  <si>
    <t>12/19/2019 16:08:35</t>
  </si>
  <si>
    <t>12/19/2019 16:02:57</t>
  </si>
  <si>
    <t>12/19/2019 16:03:36</t>
  </si>
  <si>
    <t>12/19/2019 16:09:34</t>
  </si>
  <si>
    <t>92265320-a01a-4e8d-854c-6613baf7522a.tmp</t>
  </si>
  <si>
    <t>\\acsfs\profiles$\KARENJSS\Downloads\92265320-a01a-4e8d-854c-6613baf7522a.tmp</t>
  </si>
  <si>
    <t>12/19/2019 16:08:07</t>
  </si>
  <si>
    <t>12/19/2019 16:08:37</t>
  </si>
  <si>
    <t>12/19/2019 16:06:12</t>
  </si>
  <si>
    <t>12/19/2019 16:06:37</t>
  </si>
  <si>
    <t>84e4fbf4-59f5-438e-a3b8-40955dc991be.tmp</t>
  </si>
  <si>
    <t>\\acsfs\profiles$\erichds\Downloads\84e4fbf4-59f5-438e-a3b8-40955dc991be.tmp</t>
  </si>
  <si>
    <t>12/19/2019 16:04:35</t>
  </si>
  <si>
    <t>12/19/2019 16:07:54</t>
  </si>
  <si>
    <t>12/19/2019 16:10:35</t>
  </si>
  <si>
    <t>3c359be4-bd9c-4b11-b1ef-443f834390ea.tmp</t>
  </si>
  <si>
    <t>\\acsfs\profiles$\marcosvnds\Downloads\3c359be4-bd9c-4b11-b1ef-443f834390ea.tmp</t>
  </si>
  <si>
    <t>12/19/2019 16:08:28</t>
  </si>
  <si>
    <t>99ceaecb-0efa-412a-8424-ce60570d04a2.tmp</t>
  </si>
  <si>
    <t>\\acsfs\profiles$\marcosvnds\Downloads\99ceaecb-0efa-412a-8424-ce60570d04a2.tmp</t>
  </si>
  <si>
    <t>12/19/2019 16:06:40</t>
  </si>
  <si>
    <t>12/19/2019 16:07:40</t>
  </si>
  <si>
    <t>12/19/2019 16:08:49</t>
  </si>
  <si>
    <t>12/19/2019 16:11:35</t>
  </si>
  <si>
    <t>12/19/2019 16:09:07</t>
  </si>
  <si>
    <t>12/19/2019 16:12:35</t>
  </si>
  <si>
    <t>12/19/2019 16:11:07</t>
  </si>
  <si>
    <t>12/19/2019 16:10:10</t>
  </si>
  <si>
    <t>12/19/2019 16:10:01</t>
  </si>
  <si>
    <t>XLOG_ellencds_19122019_080241.log</t>
  </si>
  <si>
    <t>\\acsfs\profiles$\ellencds\My Documents\xworkcenter\logs\XLOG_ellencds_19122019_080241.log</t>
  </si>
  <si>
    <t>12/19/2019 16:14:35</t>
  </si>
  <si>
    <t>12/19/2019 16:09:37</t>
  </si>
  <si>
    <t>12/19/2019 16:10:07</t>
  </si>
  <si>
    <t>12/19/2019 16:12:17</t>
  </si>
  <si>
    <t>50e8567b-c13f-44f3-9a53-163f606c0cd8.tmp</t>
  </si>
  <si>
    <t>\\acsfs\profiles$\layonmof\Downloads\50e8567b-c13f-44f3-9a53-163f606c0cd8.tmp</t>
  </si>
  <si>
    <t>12/19/2019 16:13:42</t>
  </si>
  <si>
    <t>ae8d5b67-9e76-4d0f-acd8-637838c9198e.tmp</t>
  </si>
  <si>
    <t>\\acsfs\profiles$\layonmof\Downloads\ae8d5b67-9e76-4d0f-acd8-637838c9198e.tmp</t>
  </si>
  <si>
    <t>12/19/2019 16:15:35</t>
  </si>
  <si>
    <t>\\acsfs\DEPTOS\Operacao\Banco_Votorantim\Qualidade\Anderson\Jose\995ED23D.tmp\</t>
  </si>
  <si>
    <t>\\acsfs\DEPTOS\Operacao\Banco_Votorantim\Qualidade\Anderson\Jose\995ED23D.tmp\:Zone.Identifier:$DATA</t>
  </si>
  <si>
    <t>12/19/2019 16:10:11</t>
  </si>
  <si>
    <t>12/19/2019 16:11:05</t>
  </si>
  <si>
    <t>Relatorio de Vendas - Auditoria BV Cartoes (Dezembro) 78.xlsx</t>
  </si>
  <si>
    <t>\\acsfs\DEPTOS\Operacao\Banco_Votorantim\Qualidade\Anderson\Jose\Relatorio de Vendas - Auditoria BV Cartoes (Dezembro) 78.xlsx</t>
  </si>
  <si>
    <t>12/19/2019 16:12:40</t>
  </si>
  <si>
    <t>12/19/2019 16:13:40</t>
  </si>
  <si>
    <t>12/19/2019 16:15:27</t>
  </si>
  <si>
    <t>12/19/2019 16:16:36</t>
  </si>
  <si>
    <t>355bfd37-0653-4e2b-9b2f-862993c55ade.tmp</t>
  </si>
  <si>
    <t>\\acsfs\profiles$\deborahsi\Downloads\355bfd37-0653-4e2b-9b2f-862993c55ade.tmp</t>
  </si>
  <si>
    <t>12/19/2019 16:15:07</t>
  </si>
  <si>
    <t>12/19/2019 16:17:35</t>
  </si>
  <si>
    <t>12/19/2019 16:13:46</t>
  </si>
  <si>
    <t>12/19/2019 16:13:55</t>
  </si>
  <si>
    <t>12/19/2019 16:14:03</t>
  </si>
  <si>
    <t>12/19/2019 16:14:21</t>
  </si>
  <si>
    <t>12/19/2019 16:14:23</t>
  </si>
  <si>
    <t>12/19/2019 16:14:26</t>
  </si>
  <si>
    <t>12/19/2019 16:14:31</t>
  </si>
  <si>
    <t>12/19/2019 16:14:32</t>
  </si>
  <si>
    <t>12/19/2019 16:14:53</t>
  </si>
  <si>
    <t>12/19/2019 16:14:54</t>
  </si>
  <si>
    <t>12/19/2019 16:15:19</t>
  </si>
  <si>
    <t>12/19/2019 16:14:17</t>
  </si>
  <si>
    <t>12/19/2019 16:18:35</t>
  </si>
  <si>
    <t>12/19/2019 16:18:59</t>
  </si>
  <si>
    <t>12/19/2019 16:20:35</t>
  </si>
  <si>
    <t>33f983e7-17c7-456b-8d85-66f64946d3dd.tmp</t>
  </si>
  <si>
    <t>\\acsfs\profiles$\marcosvnds\Downloads\33f983e7-17c7-456b-8d85-66f64946d3dd.tmp</t>
  </si>
  <si>
    <t>12/19/2019 16:15:51</t>
  </si>
  <si>
    <t>f1be149c-3f27-4afa-bdeb-1f72e90b48ed.tmp</t>
  </si>
  <si>
    <t>\\acsfs\profiles$\andrezacapf\Downloads\f1be149c-3f27-4afa-bdeb-1f72e90b48ed.tmp</t>
  </si>
  <si>
    <t>12/19/2019 16:18:40</t>
  </si>
  <si>
    <t>12/19/2019 16:19:40</t>
  </si>
  <si>
    <t>12/19/2019 16:15:46</t>
  </si>
  <si>
    <t>12/19/2019 16:21:36</t>
  </si>
  <si>
    <t>288713bc-2258-4cb0-b001-cfb21b390e4a.tmp</t>
  </si>
  <si>
    <t>\\acsfs\profiles$\deborahsi\Downloads\288713bc-2258-4cb0-b001-cfb21b390e4a.tmp</t>
  </si>
  <si>
    <t>12/19/2019 16:16:59</t>
  </si>
  <si>
    <t>12/19/2019 16:16:26</t>
  </si>
  <si>
    <t>12/19/2019 16:17:24</t>
  </si>
  <si>
    <t>12/19/2019 16:17:07</t>
  </si>
  <si>
    <t>12/19/2019 16:22:35</t>
  </si>
  <si>
    <t>12/19/2019 16:21:07</t>
  </si>
  <si>
    <t>12/19/2019 16:20:06</t>
  </si>
  <si>
    <t>b6549f7c-cc9c-463d-b4aa-964be8ad426d.tmp</t>
  </si>
  <si>
    <t>\\acsfs\profiles$\vivianibfs\Downloads\b6549f7c-cc9c-463d-b4aa-964be8ad426d.tmp</t>
  </si>
  <si>
    <t>12/19/2019 16:20:28</t>
  </si>
  <si>
    <t>57316c4d-4ca5-48c1-9657-8a2a91731083.tmp</t>
  </si>
  <si>
    <t>\\acsfs\profiles$\brunalas\Downloads\57316c4d-4ca5-48c1-9657-8a2a91731083.tmp</t>
  </si>
  <si>
    <t>12/19/2019 16:21:18</t>
  </si>
  <si>
    <t>12/19/2019 16:23:36</t>
  </si>
  <si>
    <t>12/19/2019 16:20:26</t>
  </si>
  <si>
    <t>12/19/2019 16:21:50</t>
  </si>
  <si>
    <t>12/19/2019 16:19:02</t>
  </si>
  <si>
    <t>12/19/2019 16:24:35</t>
  </si>
  <si>
    <t>ce9de5f2-b9e5-4478-befb-68be9ad64848.tmp</t>
  </si>
  <si>
    <t>\\acsfs\profiles$\geovannasm\Downloads\ce9de5f2-b9e5-4478-befb-68be9ad64848.tmp</t>
  </si>
  <si>
    <t>12/19/2019 16:21:35</t>
  </si>
  <si>
    <t>12/19/2019 16:24:13</t>
  </si>
  <si>
    <t>12/19/2019 16:25:36</t>
  </si>
  <si>
    <t>\\acsfs\DEPTOS\Operacao\Banco_Votorantim\Qualidade\Anderson\Jose\96AD3151.tmp\</t>
  </si>
  <si>
    <t>\\acsfs\DEPTOS\Operacao\Banco_Votorantim\Qualidade\Anderson\Jose\96AD3151.tmp\:Zone.Identifier:$DATA</t>
  </si>
  <si>
    <t>12/19/2019 16:24:14</t>
  </si>
  <si>
    <t>12/19/2019 16:24:40</t>
  </si>
  <si>
    <t>12/19/2019 16:24:34</t>
  </si>
  <si>
    <t>12/19/2019 16:26:36</t>
  </si>
  <si>
    <t>12/19/2019 16:23:07</t>
  </si>
  <si>
    <t>12/19/2019 16:27:36</t>
  </si>
  <si>
    <t>12/19/2019 16:25:49</t>
  </si>
  <si>
    <t>camillarl@algartech.com</t>
  </si>
  <si>
    <t>12/19/2019 16:26:07</t>
  </si>
  <si>
    <t>12/19/2019 16:26:58</t>
  </si>
  <si>
    <t>12/19/2019 16:23:10</t>
  </si>
  <si>
    <t>12/19/2019 16:28:36</t>
  </si>
  <si>
    <t>12/19/2019 16:28:02</t>
  </si>
  <si>
    <t>12/19/2019 16:28:22</t>
  </si>
  <si>
    <t>12/19/2019 16:29:35</t>
  </si>
  <si>
    <t>12/19/2019 16:29:02</t>
  </si>
  <si>
    <t>12/19/2019 16:24:58</t>
  </si>
  <si>
    <t>12/19/2019 16:30:36</t>
  </si>
  <si>
    <t>12/19/2019 16:25:14</t>
  </si>
  <si>
    <t>Sem título.png</t>
  </si>
  <si>
    <t>\\acsfs\DEPTOS\Operacao\Banco_Votorantim\Qualidade\Anderson\Jose\Sem título.png</t>
  </si>
  <si>
    <t>12/19/2019 16:29:21</t>
  </si>
  <si>
    <t>12/19/2019 16:25:40</t>
  </si>
  <si>
    <t>12/19/2019 16:27:18</t>
  </si>
  <si>
    <t>https://udpwfmniceap02/web/guest/home?p_auth=wvkofci1&amp;p_p_id=58&amp;p_p_lifecycle=1&amp;p_p_state=maximized&amp;p_p_mode=view&amp;savelastpath=0&amp;_58_struts_action=/login/forgot_password</t>
  </si>
  <si>
    <t>12/19/2019 16:28:53</t>
  </si>
  <si>
    <t>12/19/2019 16:31:35</t>
  </si>
  <si>
    <t>12/19/2019 16:31:03</t>
  </si>
  <si>
    <t>12/19/2019 16:27:07</t>
  </si>
  <si>
    <t>12/19/2019 16:32:36</t>
  </si>
  <si>
    <t>12/19/2019 16:29:07</t>
  </si>
  <si>
    <t>12/19/2019 16:28:31</t>
  </si>
  <si>
    <t>12/19/2019 16:33:35</t>
  </si>
  <si>
    <t>10.200.67.12</t>
  </si>
  <si>
    <t>D4-AE-52-FC-97-9E</t>
  </si>
  <si>
    <t>VOTORANT-ACB006</t>
  </si>
  <si>
    <t>gabriellalpr</t>
  </si>
  <si>
    <t>\\acsfs\profiles$\gabriellalpr\Downloads\</t>
  </si>
  <si>
    <t>101c20f9-ba89-43b0-a5de-df4f5e66fefa.tmp</t>
  </si>
  <si>
    <t>\\acsfs\profiles$\gabriellalpr\Downloads\101c20f9-ba89-43b0-a5de-df4f5e66fefa.tmp</t>
  </si>
  <si>
    <t>12/19/2019 16:28:39</t>
  </si>
  <si>
    <t>ef928b8d-fdd8-445d-a9e3-470c2a13fbf8.tmp</t>
  </si>
  <si>
    <t>\\acsfs\profiles$\gabriellalpr\Downloads\ef928b8d-fdd8-445d-a9e3-470c2a13fbf8.tmp</t>
  </si>
  <si>
    <t>12/19/2019 16:30:28</t>
  </si>
  <si>
    <t>12/19/2019 16:30:40</t>
  </si>
  <si>
    <t>12/19/2019 16:35:35</t>
  </si>
  <si>
    <t>12/19/2019 16:31:40</t>
  </si>
  <si>
    <t>12/19/2019 16:32:42</t>
  </si>
  <si>
    <t>12/19/2019 16:36:35</t>
  </si>
  <si>
    <t>12/19/2019 16:32:07</t>
  </si>
  <si>
    <t>12/19/2019 16:33:07</t>
  </si>
  <si>
    <t>12/19/2019 16:37:35</t>
  </si>
  <si>
    <t>12/19/2019 16:35:07</t>
  </si>
  <si>
    <t>12/19/2019 16:32:59</t>
  </si>
  <si>
    <t>12/19/2019 16:33:33</t>
  </si>
  <si>
    <t>12/19/2019 16:36:05</t>
  </si>
  <si>
    <t>12/19/2019 16:34:08</t>
  </si>
  <si>
    <t>12/19/2019 16:38:35</t>
  </si>
  <si>
    <t>mail.google.com/sync/u/0/i/s?hl=pt-BR&amp;c=1629</t>
  </si>
  <si>
    <t>12/19/2019 16:34:09</t>
  </si>
  <si>
    <t>mail.google.com/sync/u/0/i/s?hl=pt-BR&amp;c=1631</t>
  </si>
  <si>
    <t>12/19/2019 16:34:16</t>
  </si>
  <si>
    <t>12/19/2019 16:34:20</t>
  </si>
  <si>
    <t>12/19/2019 16:33:34</t>
  </si>
  <si>
    <t>f657e1f4-9a2c-4361-ba7a-a44e33692e78.tmp</t>
  </si>
  <si>
    <t>\\acsfs\profiles$\gabriellalpr\Downloads\f657e1f4-9a2c-4361-ba7a-a44e33692e78.tmp</t>
  </si>
  <si>
    <t>12/19/2019 16:35:40</t>
  </si>
  <si>
    <t>6d8b61fd-0816-491c-a6d4-7a0a671ce68a.tmp</t>
  </si>
  <si>
    <t>\\acsfs\profiles$\gabriellalpr\Downloads\6d8b61fd-0816-491c-a6d4-7a0a671ce68a.tmp</t>
  </si>
  <si>
    <t>12/19/2019 16:33:23</t>
  </si>
  <si>
    <t>e5cde7b3-d4a6-407a-8ff5-1ead5cd9f228.tmp</t>
  </si>
  <si>
    <t>\\acsfs\profiles$\brendadsl\Downloads\e5cde7b3-d4a6-407a-8ff5-1ead5cd9f228.tmp</t>
  </si>
  <si>
    <t>12/19/2019 16:33:37</t>
  </si>
  <si>
    <t>814a797d-74c8-4577-94e1-51fc441bfb0b.tmp</t>
  </si>
  <si>
    <t>\\acsfs\profiles$\brendadsl\Downloads\814a797d-74c8-4577-94e1-51fc441bfb0b.tmp</t>
  </si>
  <si>
    <t>12/19/2019 16:35:48</t>
  </si>
  <si>
    <t>12/19/2019 16:34:23</t>
  </si>
  <si>
    <t>12/19/2019 16:39:35</t>
  </si>
  <si>
    <t>b07ad8be-58fd-43b4-9424-a6cf562a670c.tmp</t>
  </si>
  <si>
    <t>\\acsfs\profiles$\gabrielamdp\Downloads\b07ad8be-58fd-43b4-9424-a6cf562a670c.tmp</t>
  </si>
  <si>
    <t>12/19/2019 16:36:40</t>
  </si>
  <si>
    <t>12/19/2019 16:40:36</t>
  </si>
  <si>
    <t>12/19/2019 16:37:40</t>
  </si>
  <si>
    <t>12/19/2019 16:38:18</t>
  </si>
  <si>
    <t>XLOG_anacdos_19122019_133826.log</t>
  </si>
  <si>
    <t>\\acsfs\profiles$\anacdos\My Documents\xworkcenter\logs\XLOG_anacdos_19122019_133826.log</t>
  </si>
  <si>
    <t>12/19/2019 16:38:49</t>
  </si>
  <si>
    <t>12/19/2019 16:41:36</t>
  </si>
  <si>
    <t>12/19/2019 16:38:59</t>
  </si>
  <si>
    <t>12/19/2019 16:39:00</t>
  </si>
  <si>
    <t>12/19/2019 16:40:13</t>
  </si>
  <si>
    <t>12/19/2019 16:39:34</t>
  </si>
  <si>
    <t>12/19/2019 16:42:35</t>
  </si>
  <si>
    <t>C:\Users\leonardoefo\Grupo Algar\Waleska Maria Miranda Storti - Projetos\Nimbus\</t>
  </si>
  <si>
    <t>Checklist Projeto Nimbus_CSC_Jurídico.xlsx</t>
  </si>
  <si>
    <t>12/19/2019 16:39:07</t>
  </si>
  <si>
    <t>12/19/2019 16:41:07</t>
  </si>
  <si>
    <t>12/19/2019 16:38:04</t>
  </si>
  <si>
    <t>12/19/2019 16:40:35</t>
  </si>
  <si>
    <t>12/19/2019 16:43:35</t>
  </si>
  <si>
    <t>12/19/2019 16:40:05</t>
  </si>
  <si>
    <t>12/19/2019 16:41:15</t>
  </si>
  <si>
    <t>12/19/2019 16:41:25</t>
  </si>
  <si>
    <t>12/19/2019 16:44:35</t>
  </si>
  <si>
    <t>f1180b35-b35a-4b34-9a5e-c8dd428d2f4a.tmp</t>
  </si>
  <si>
    <t>\\acsfs\profiles$\layonmof\Downloads\f1180b35-b35a-4b34-9a5e-c8dd428d2f4a.tmp</t>
  </si>
  <si>
    <t>12/19/2019 16:42:40</t>
  </si>
  <si>
    <t>12/19/2019 16:45:35</t>
  </si>
  <si>
    <t>12/19/2019 16:43:25</t>
  </si>
  <si>
    <t>c:\users\raicdf\appdata\local\temp\</t>
  </si>
  <si>
    <t>12/19/2019 16:43:40</t>
  </si>
  <si>
    <t>12/19/2019 16:41:47</t>
  </si>
  <si>
    <t>c2fe82a7-49c7-4641-9c49-dba2270fad4a.tmp</t>
  </si>
  <si>
    <t>\\acsfs\profiles$\gabrielafs\Downloads\c2fe82a7-49c7-4641-9c49-dba2270fad4a.tmp</t>
  </si>
  <si>
    <t>12/19/2019 16:45:05</t>
  </si>
  <si>
    <t>f36646b5-17fe-48cf-9f86-8b5f25579803.tmp</t>
  </si>
  <si>
    <t>\\acsfs\profiles$\gabrielafs\Downloads\f36646b5-17fe-48cf-9f86-8b5f25579803.tmp</t>
  </si>
  <si>
    <t>12/19/2019 16:42:31</t>
  </si>
  <si>
    <t>12/19/2019 16:46:35</t>
  </si>
  <si>
    <t>12/19/2019 16:41:43</t>
  </si>
  <si>
    <t>12/19/2019 16:47:36</t>
  </si>
  <si>
    <t>12/19/2019 16:45:07</t>
  </si>
  <si>
    <t>12/19/2019 16:42:47</t>
  </si>
  <si>
    <t>12/19/2019 16:42:48</t>
  </si>
  <si>
    <t>12/19/2019 16:42:59</t>
  </si>
  <si>
    <t>12/19/2019 16:44:30</t>
  </si>
  <si>
    <t>12/19/2019 16:46:14</t>
  </si>
  <si>
    <t>12/19/2019 16:48:36</t>
  </si>
  <si>
    <t>12/19/2019 16:45:24</t>
  </si>
  <si>
    <t>12/19/2019 16:47:57</t>
  </si>
  <si>
    <t>12/19/2019 16:49:35</t>
  </si>
  <si>
    <t>b41dc0f2-860a-4179-a197-c15c31ef93a8.tmp</t>
  </si>
  <si>
    <t>\\acsfs\profiles$\laurandos\Downloads\b41dc0f2-860a-4179-a197-c15c31ef93a8.tmp</t>
  </si>
  <si>
    <t>12/19/2019 16:49:01</t>
  </si>
  <si>
    <t>aab78b8a-4305-4d0e-889d-af7cd46be80f.tmp</t>
  </si>
  <si>
    <t>\\acsfs\profiles$\erichds\Downloads\aab78b8a-4305-4d0e-889d-af7cd46be80f.tmp</t>
  </si>
  <si>
    <t>12/19/2019 16:49:10</t>
  </si>
  <si>
    <t>12/19/2019 16:48:29</t>
  </si>
  <si>
    <t>12/19/2019 16:50:35</t>
  </si>
  <si>
    <t>C:\Users\rodrigofrs\Google Drive (bkpparticularbrik@gmail.com)\Contas Casa\</t>
  </si>
  <si>
    <t>Contas_2020.xlsx</t>
  </si>
  <si>
    <t>12/19/2019 16:45:41</t>
  </si>
  <si>
    <t>Bruna Lara Araujo Santos_1_6765606654255896210_1_32.wav</t>
  </si>
  <si>
    <t>\\acsfs\DEPTOS\EDUCACAO EMPRESARIAL\Bruna Lara Araujo Santos_1_6765606654255896210_1_32.wav</t>
  </si>
  <si>
    <t>12/19/2019 16:49:24</t>
  </si>
  <si>
    <t>Luana Rosa de Almeida_1_6766240196291791602_1_32.wav</t>
  </si>
  <si>
    <t>\\acsfs\DEPTOS\EDUCACAO EMPRESARIAL\Luana Rosa de Almeida_1_6766240196291791602_1_32.wav</t>
  </si>
  <si>
    <t>12/19/2019 16:48:40</t>
  </si>
  <si>
    <t>12/19/2019 16:49:40</t>
  </si>
  <si>
    <t>12/19/2019 16:50:36</t>
  </si>
  <si>
    <t>12/19/2019 16:51:36</t>
  </si>
  <si>
    <t>mirianppb</t>
  </si>
  <si>
    <t>\\acsfs\DEPTOS\EDUCACAO EMPRESARIAL\Ligações 2º ciclo - Késia\</t>
  </si>
  <si>
    <t>ADEVILSON GABRIEL LINDEMBERG EVANGELISTA_1_6766272713489189355_1_32.wav</t>
  </si>
  <si>
    <t>\\acsfs\DEPTOS\EDUCACAO EMPRESARIAL\Ligações 2º ciclo - Késia\ADEVILSON GABRIEL LINDEMBERG EVANGELISTA_1_6766272713489189355_1_32.wav</t>
  </si>
  <si>
    <t>12/19/2019 16:48:27</t>
  </si>
  <si>
    <t>12/19/2019 16:47:07</t>
  </si>
  <si>
    <t>12/19/2019 16:52:36</t>
  </si>
  <si>
    <t>12/19/2019 16:51:07</t>
  </si>
  <si>
    <t>12/19/2019 16:49:20</t>
  </si>
  <si>
    <t>12/19/2019 16:49:21</t>
  </si>
  <si>
    <t>12/19/2019 16:49:31</t>
  </si>
  <si>
    <t>12/19/2019 16:49:32</t>
  </si>
  <si>
    <t>12/19/2019 16:49:33</t>
  </si>
  <si>
    <t>12/19/2019 16:50:46</t>
  </si>
  <si>
    <t>12/19/2019 16:53:36</t>
  </si>
  <si>
    <t>rodrigoamalfi52@gmail.com</t>
  </si>
  <si>
    <t>C:\Users\rodrigoap\Downloads\</t>
  </si>
  <si>
    <t>Programação Vida e Ministério.xlsx</t>
  </si>
  <si>
    <t>12/19/2019 16:51:11</t>
  </si>
  <si>
    <t>12/19/2019 16:55:36</t>
  </si>
  <si>
    <t>Marcelle Wendy de Lima_1_6766633052655396958_1_32.wav</t>
  </si>
  <si>
    <t>\\acsfs\DEPTOS\EDUCACAO EMPRESARIAL\Marcelle Wendy de Lima_1_6766633052655396958_1_32.wav</t>
  </si>
  <si>
    <t>12/19/2019 16:54:40</t>
  </si>
  <si>
    <t>12/19/2019 16:51:21</t>
  </si>
  <si>
    <t>12/19/2019 16:56:36</t>
  </si>
  <si>
    <t>ADRIELE DAS GRACAS CARVALHO_1_6766424746741533012_1_32.wav</t>
  </si>
  <si>
    <t>\\acsfs\DEPTOS\EDUCACAO EMPRESARIAL\Ligações 2º ciclo - Késia\ADRIELE DAS GRACAS CARVALHO_1_6766424746741533012_1_32.wav</t>
  </si>
  <si>
    <t>12/19/2019 16:51:59</t>
  </si>
  <si>
    <t>ADRIELY APARECIDA SILVA_1_6766283240454032051_1_32.wav</t>
  </si>
  <si>
    <t>\\acsfs\DEPTOS\EDUCACAO EMPRESARIAL\Ligações 2º ciclo - Késia\ADRIELY APARECIDA SILVA_1_6766283240454032051_1_32.wav</t>
  </si>
  <si>
    <t>12/19/2019 16:52:40</t>
  </si>
  <si>
    <t>ALEXANDRE MILHOMEM MARACAIPE_1_6765463618960042129_1_32.wav</t>
  </si>
  <si>
    <t>\\acsfs\DEPTOS\EDUCACAO EMPRESARIAL\Ligações 2º ciclo - Késia\ALEXANDRE MILHOMEM MARACAIPE_1_6765463618960042129_1_32.wav</t>
  </si>
  <si>
    <t>12/19/2019 16:53:20</t>
  </si>
  <si>
    <t>ALICE CRISPINA PEREIRA BARBOSA COELHO_1_6766208495138184397_1_32.wav</t>
  </si>
  <si>
    <t>\\acsfs\DEPTOS\EDUCACAO EMPRESARIAL\Ligações 2º ciclo - Késia\ALICE CRISPINA PEREIRA BARBOSA COELHO_1_6766208495138184397_1_32.wav</t>
  </si>
  <si>
    <t>12/19/2019 16:53:48</t>
  </si>
  <si>
    <t>ALYNY ALVES_1_6766161134533816545_1_32.wav</t>
  </si>
  <si>
    <t>\\acsfs\DEPTOS\EDUCACAO EMPRESARIAL\Ligações 2º ciclo - Késia\ALYNY ALVES_1_6766161134533816545_1_32.wav</t>
  </si>
  <si>
    <t>12/19/2019 16:54:30</t>
  </si>
  <si>
    <t>WELIDI CRISTINA DE JESUS_1_6765932998755944926_1_32.wav</t>
  </si>
  <si>
    <t>\\acsfs\DEPTOS\EDUCACAO EMPRESARIAL\Ligações 2º ciclo - Késia\WELIDI CRISTINA DE JESUS_1_6765932998755944926_1_32.wav</t>
  </si>
  <si>
    <t>12/19/2019 16:55:20</t>
  </si>
  <si>
    <t>MATHEUS HENRIKO CUNHA BORGES_1_6765876266532943042_1_32.wav</t>
  </si>
  <si>
    <t>\\acsfs\DEPTOS\EDUCACAO EMPRESARIAL\Ligações 2º ciclo - Késia\MATHEUS HENRIKO CUNHA BORGES_1_6765876266532943042_1_32.wav</t>
  </si>
  <si>
    <t>12/19/2019 16:51:41</t>
  </si>
  <si>
    <t>12/19/2019 16:54:33</t>
  </si>
  <si>
    <t>12/19/2019 16:53:07</t>
  </si>
  <si>
    <t>12/19/2019 16:57:36</t>
  </si>
  <si>
    <t>12/19/2019 16:53:26</t>
  </si>
  <si>
    <t>12/19/2019 16:58:36</t>
  </si>
  <si>
    <t>mail.google.com/sync/u/0/i/s?hl=pt-BR&amp;c=1676</t>
  </si>
  <si>
    <t>12/19/2019 16:53:27</t>
  </si>
  <si>
    <t>12/19/2019 16:53:41</t>
  </si>
  <si>
    <t>mail.google.com/sync/u/0/i/s?hl=pt-BR&amp;c=1678</t>
  </si>
  <si>
    <t>mail.google.com/sync/u/0/i/s?hl=pt-BR&amp;c=1680</t>
  </si>
  <si>
    <t>12/19/2019 16:53:53</t>
  </si>
  <si>
    <t>mail.google.com/sync/u/0/i/s?hl=pt-BR&amp;c=1682</t>
  </si>
  <si>
    <t>12/19/2019 16:59:36</t>
  </si>
  <si>
    <t>2e321ea1-9ed4-4900-a5ad-795bccd39f87.tmp</t>
  </si>
  <si>
    <t>\\acsfs\profiles$\gabrielamdp\Downloads\2e321ea1-9ed4-4900-a5ad-795bccd39f87.tmp</t>
  </si>
  <si>
    <t>12/19/2019 16:55:41</t>
  </si>
  <si>
    <t>12/19/2019 17:00:36</t>
  </si>
  <si>
    <t>12/19/2019 17:00:06</t>
  </si>
  <si>
    <t>10.200.66.72</t>
  </si>
  <si>
    <t>74-86-7A-FB-18-7E</t>
  </si>
  <si>
    <t>VOTORANT-ZB008</t>
  </si>
  <si>
    <t>12/19/2019 17:01:36</t>
  </si>
  <si>
    <t>12/19/2019 16:57:07</t>
  </si>
  <si>
    <t>12/19/2019 17:02:35</t>
  </si>
  <si>
    <t>12/19/2019 16:59:07</t>
  </si>
  <si>
    <t>12/19/2019 16:58:32</t>
  </si>
  <si>
    <t>12/19/2019 17:00:19</t>
  </si>
  <si>
    <t>\\acsfs\profiles$\larissapdr\My Documents\xworkcenter\logs\</t>
  </si>
  <si>
    <t>XLOG_larissapdr_19122019_170003.log</t>
  </si>
  <si>
    <t>\\acsfs\profiles$\larissapdr\My Documents\xworkcenter\logs\XLOG_larissapdr_19122019_170003.log</t>
  </si>
  <si>
    <t>12/19/2019 17:01:26</t>
  </si>
  <si>
    <t>12/19/2019 17:03:36</t>
  </si>
  <si>
    <t>724be9aa-a4ff-47fb-b2e5-fda983f2ad77.tmp</t>
  </si>
  <si>
    <t>\\acsfs\profiles$\nataliacsl\Downloads\724be9aa-a4ff-47fb-b2e5-fda983f2ad77.tmp</t>
  </si>
  <si>
    <t>12/19/2019 17:00:05</t>
  </si>
  <si>
    <t>mail.google.com/_/upload?authuser=1&amp;dcp=asu-n&amp;upload_id=AEnB2Uph5xrpUXejaXoWoqzRHYPwCSRHgvxul3RHjMZb8UIamZJbopV28wbWcyUpOTOP0LXZHTV5-3RQ8faL_0wDzZkO_hbu95SQoGf-b28a6UMj0hGhJqI&amp;upload_protocol=resumable</t>
  </si>
  <si>
    <t>"languagecode":"pt-br";"requesttype":"background_request";"scenariotype;"timezone":"-03:00";7;ess"}};p";</t>
  </si>
  <si>
    <t>"languagecode":"pt-br","requesttype":"background_request","scenariotype,"timezone":"-03:00",7,ess"}},p"</t>
  </si>
  <si>
    <t>12/19/2019 16:59:17</t>
  </si>
  <si>
    <t>12/19/2019 17:04:35</t>
  </si>
  <si>
    <t>28880 28885.xlsx</t>
  </si>
  <si>
    <t>12/19/2019 17:00:01</t>
  </si>
  <si>
    <t>28974.xlsx</t>
  </si>
  <si>
    <t>12/19/2019 16:59:41</t>
  </si>
  <si>
    <t>852c831c-0efd-4d1f-b971-2b6fbca39050.tmp</t>
  </si>
  <si>
    <t>\\acsfs\profiles$\gabrielamdp\Downloads\852c831c-0efd-4d1f-b971-2b6fbca39050.tmp</t>
  </si>
  <si>
    <t>12/19/2019 17:00:41</t>
  </si>
  <si>
    <t>12/19/2019 17:05:35</t>
  </si>
  <si>
    <t>12/19/2019 17:01:41</t>
  </si>
  <si>
    <t>12/19/2019 17:06:36</t>
  </si>
  <si>
    <t>12/19/2019 17:03:21</t>
  </si>
  <si>
    <t>12/19/2019 17:04:39</t>
  </si>
  <si>
    <t>a95b3d75-cee5-4b24-9c2e-8cd1c65c5dd0.tmp</t>
  </si>
  <si>
    <t>\\acsfs\profiles$\anafaes\Downloads\a95b3d75-cee5-4b24-9c2e-8cd1c65c5dd0.tmp</t>
  </si>
  <si>
    <t>a6a8de8e-f35f-4fc1-aa18-9bae760991b9.tmp</t>
  </si>
  <si>
    <t>\\acsfs\profiles$\anafaes\Downloads\a6a8de8e-f35f-4fc1-aa18-9bae760991b9.tmp</t>
  </si>
  <si>
    <t>46f8f0f8-07f3-4659-9a37-007767290910.tmp</t>
  </si>
  <si>
    <t>\\acsfs\profiles$\anafaes\Downloads\46f8f0f8-07f3-4659-9a37-007767290910.tmp</t>
  </si>
  <si>
    <t>77c906c0-0700-4e6d-aa70-f237a4c18673.tmp</t>
  </si>
  <si>
    <t>\\acsfs\profiles$\anafaes\Downloads\77c906c0-0700-4e6d-aa70-f237a4c18673.tmp</t>
  </si>
  <si>
    <t>12/19/2019 17:02:04</t>
  </si>
  <si>
    <t>12/19/2019 17:03:07</t>
  </si>
  <si>
    <t>12/19/2019 17:07:35</t>
  </si>
  <si>
    <t>12/19/2019 17:05:07</t>
  </si>
  <si>
    <t>12/19/2019 17:03:58</t>
  </si>
  <si>
    <t>12/19/2019 17:04:36</t>
  </si>
  <si>
    <t>12/19/2019 17:04:37</t>
  </si>
  <si>
    <t>12/19/2019 17:04:38</t>
  </si>
  <si>
    <t>12/19/2019 17:04:40</t>
  </si>
  <si>
    <t>12/19/2019 17:05:59</t>
  </si>
  <si>
    <t>12/19/2019 17:04:43</t>
  </si>
  <si>
    <t>12/19/2019 17:08:36</t>
  </si>
  <si>
    <t>6699d5a6-6da2-47c2-927b-395ad3d03cfd.tmp</t>
  </si>
  <si>
    <t>\\acsfs\profiles$\victorgl\Downloads\6699d5a6-6da2-47c2-927b-395ad3d03cfd.tmp</t>
  </si>
  <si>
    <t>12/19/2019 17:07:03</t>
  </si>
  <si>
    <t>12/19/2019 17:04:21</t>
  </si>
  <si>
    <t>12/19/2019 17:09:35</t>
  </si>
  <si>
    <t>29209.xlsx</t>
  </si>
  <si>
    <t>12/19/2019 17:08:19</t>
  </si>
  <si>
    <t>6cc522ec-7cc9-48c5-b8c9-3006bf4f2490.tmp</t>
  </si>
  <si>
    <t>\\acsfs\profiles$\layonmof\Downloads\6cc522ec-7cc9-48c5-b8c9-3006bf4f2490.tmp</t>
  </si>
  <si>
    <t>12/19/2019 17:07:23</t>
  </si>
  <si>
    <t>12/19/2019 17:10:36</t>
  </si>
  <si>
    <t>XLOG_Angelicacldr_18122019_083753.log</t>
  </si>
  <si>
    <t>\\acsfs\profiles$\Angelicacldr\My Documents\xworkcenter\logs\XLOG_Angelicacldr_18122019_083753.log</t>
  </si>
  <si>
    <t>\\acsfs\profiles$\Angelicacldr\My Documents\xworkcenter\logs\wrapper.log</t>
  </si>
  <si>
    <t>12/19/2019 17:06:40</t>
  </si>
  <si>
    <t>12/19/2019 17:07:40</t>
  </si>
  <si>
    <t>12/19/2019 17:11:35</t>
  </si>
  <si>
    <t>12/19/2019 17:06:24</t>
  </si>
  <si>
    <t>75570046-67b2-45bd-901b-211f2822ef00.tmp</t>
  </si>
  <si>
    <t>\\acsfs\profiles$\anafaes\Downloads\75570046-67b2-45bd-901b-211f2822ef00.tmp</t>
  </si>
  <si>
    <t>12/19/2019 17:10:16</t>
  </si>
  <si>
    <t>12/19/2019 17:08:45</t>
  </si>
  <si>
    <t>7e7483bc-fa64-4fe1-be54-0d0091391cb2.tmp</t>
  </si>
  <si>
    <t>\\acsfs\profiles$\paulohaf\Downloads\7e7483bc-fa64-4fe1-be54-0d0091391cb2.tmp</t>
  </si>
  <si>
    <t>12/19/2019 17:09:07</t>
  </si>
  <si>
    <t>12/19/2019 17:12:35</t>
  </si>
  <si>
    <t>12/19/2019 17:10:48</t>
  </si>
  <si>
    <t>\\acsfs\DEPTOS\Operacao\Banco_Votorantim\Supervisao\SUPERS BV CARTÕES\VITOR\</t>
  </si>
  <si>
    <t>Pasta119-12-19.xlsx</t>
  </si>
  <si>
    <t>\\acsfs\DEPTOS\Operacao\Banco_Votorantim\Supervisao\SUPERS BV CARTÕES\VITOR\Pasta119-12-19.xlsx</t>
  </si>
  <si>
    <t>12/19/2019 17:11:07</t>
  </si>
  <si>
    <t>12/19/2019 17:10:10</t>
  </si>
  <si>
    <t>12/19/2019 17:10:18</t>
  </si>
  <si>
    <t>12/19/2019 17:10:28</t>
  </si>
  <si>
    <t>12/19/2019 17:10:30</t>
  </si>
  <si>
    <t>12/19/2019 17:10:32</t>
  </si>
  <si>
    <t>12/19/2019 17:10:33</t>
  </si>
  <si>
    <t>12/19/2019 17:12:48</t>
  </si>
  <si>
    <t>12/19/2019 17:13:34</t>
  </si>
  <si>
    <t>329145cf-60ab-41e0-abba-96c641e4a245.tmp</t>
  </si>
  <si>
    <t>\\acsfs\profiles$\gabriellalpr\Downloads\329145cf-60ab-41e0-abba-96c641e4a245.tmp</t>
  </si>
  <si>
    <t>12/19/2019 17:12:40</t>
  </si>
  <si>
    <t>12/19/2019 17:15:34</t>
  </si>
  <si>
    <t>12/19/2019 17:13:40</t>
  </si>
  <si>
    <t>12/19/2019 17:16:35</t>
  </si>
  <si>
    <t>12/19/2019 17:16:19</t>
  </si>
  <si>
    <t>12/19/2019 17:17:34</t>
  </si>
  <si>
    <t>12/19/2019 17:15:09</t>
  </si>
  <si>
    <t>12/19/2019 17:14:25</t>
  </si>
  <si>
    <t>12/19/2019 17:18:35</t>
  </si>
  <si>
    <t>12/19/2019 17:15:54</t>
  </si>
  <si>
    <t>12/19/2019 17:19:35</t>
  </si>
  <si>
    <t>12/19/2019 17:18:41</t>
  </si>
  <si>
    <t>12/19/2019 17:20:35</t>
  </si>
  <si>
    <t>12/19/2019 17:19:41</t>
  </si>
  <si>
    <t>12/19/2019 17:21:35</t>
  </si>
  <si>
    <t>12/19/2019 17:18:24</t>
  </si>
  <si>
    <t>12/19/2019 17:17:08</t>
  </si>
  <si>
    <t>12/19/2019 17:22:34</t>
  </si>
  <si>
    <t>12/19/2019 17:21:08</t>
  </si>
  <si>
    <t>12/19/2019 17:17:10</t>
  </si>
  <si>
    <t>williamcc@algartech.com.br;</t>
  </si>
  <si>
    <t>Chamado VT</t>
  </si>
  <si>
    <t>williamcc@algartech.com.br</t>
  </si>
  <si>
    <t>12/19/2019 17:18:47</t>
  </si>
  <si>
    <t>12/19/2019 17:18:58</t>
  </si>
  <si>
    <t>12/19/2019 17:19:08</t>
  </si>
  <si>
    <t>12/19/2019 17:19:09</t>
  </si>
  <si>
    <t>12/19/2019 17:17:40</t>
  </si>
  <si>
    <t>mail.google.com/_/upload?authuser=0&amp;dcp=asu-n&amp;upload_id=AEnB2UoZkO_eRqukKnBj9kE0CAHL01Sn52eAgNw8srbTEfvK-i3tLFYYoYoeAoCrwHPoFi_OJtctKG3xUxhPaZyuQlVRl_0S5BMHt4jq9DFvdRliaRzk0vE&amp;upload_protocol=resumable</t>
  </si>
  <si>
    <t>guilhermecst@algartech.com;mariliafsc@algartech.com;</t>
  </si>
  <si>
    <t>Categorizações recebidas pelo Advanced.xlsx</t>
  </si>
  <si>
    <t>guilhermecst@algartech.com,mariliafsc@algartech.com</t>
  </si>
  <si>
    <t>12/19/2019 17:17:45</t>
  </si>
  <si>
    <t>b882ca56-5858-41dd-b380-5a2e99a5af58.tmp</t>
  </si>
  <si>
    <t>\\acsfs\profiles$\brunalas\Downloads\b882ca56-5858-41dd-b380-5a2e99a5af58.tmp</t>
  </si>
  <si>
    <t>12/19/2019 17:19:46</t>
  </si>
  <si>
    <t>12/19/2019 17:23:35</t>
  </si>
  <si>
    <t>\\acsfs\DEPTOS\Operacao\Banco_Votorantim\Supervisao\SUPERS BV CARTÕES\ADILSON\Reneg\</t>
  </si>
  <si>
    <t>Contatos Reneg Manual 19.xls</t>
  </si>
  <si>
    <t>\\acsfs\DEPTOS\Operacao\Banco_Votorantim\Supervisao\SUPERS BV CARTÕES\ADILSON\Reneg\Contatos Reneg Manual 19.xls</t>
  </si>
  <si>
    <t>12/19/2019 17:20:48</t>
  </si>
  <si>
    <t>mail.google.com/sync/u/0/i/s?hl=pt-BR&amp;c=1723</t>
  </si>
  <si>
    <t>12/19/2019 17:21:19</t>
  </si>
  <si>
    <t>mail.google.com/sync/u/0/i/s?hl=pt-BR&amp;c=1726</t>
  </si>
  <si>
    <t>12/19/2019 17:21:32</t>
  </si>
  <si>
    <t>mail.google.com/sync/u/0/i/s?hl=pt-BR&amp;c=1728</t>
  </si>
  <si>
    <t>12/19/2019 17:21:45</t>
  </si>
  <si>
    <t>mail.google.com/sync/u/0/i/s?hl=pt-BR&amp;c=1730</t>
  </si>
  <si>
    <t>12/19/2019 17:22:09</t>
  </si>
  <si>
    <t>mail.google.com/sync/u/0/i/s?hl=pt-BR&amp;c=1732</t>
  </si>
  <si>
    <t>12/19/2019 17:22:22</t>
  </si>
  <si>
    <t>mail.google.com/sync/u/0/i/s?hl=pt-BR&amp;c=1740</t>
  </si>
  <si>
    <t>12/19/2019 17:22:31</t>
  </si>
  <si>
    <t>mail.google.com/sync/u/0/i/s?hl=pt-BR&amp;c=1742</t>
  </si>
  <si>
    <t>12/19/2019 17:22:40</t>
  </si>
  <si>
    <t>mail.google.com/sync/u/0/i/s?hl=pt-BR&amp;c=1744</t>
  </si>
  <si>
    <t>12/19/2019 17:22:45</t>
  </si>
  <si>
    <t>mail.google.com/sync/u/0/i/s?hl=pt-BR&amp;c=1746</t>
  </si>
  <si>
    <t>12/19/2019 17:23:29</t>
  </si>
  <si>
    <t>12/19/2019 17:24:35</t>
  </si>
  <si>
    <t>12/19/2019 17:22:18</t>
  </si>
  <si>
    <t>60209679-3e33-483f-b520-5c83f0dacd65.tmp</t>
  </si>
  <si>
    <t>\\acsfs\profiles$\gabrielamdp\Downloads\60209679-3e33-483f-b520-5c83f0dacd65.tmp</t>
  </si>
  <si>
    <t>12/19/2019 17:24:41</t>
  </si>
  <si>
    <t>12/19/2019 17:25:35</t>
  </si>
  <si>
    <t>12/19/2019 17:26:34</t>
  </si>
  <si>
    <t>12/19/2019 17:23:08</t>
  </si>
  <si>
    <t>12/19/2019 17:27:35</t>
  </si>
  <si>
    <t>12/19/2019 17:26:32</t>
  </si>
  <si>
    <t>12/19/2019 17:27:02</t>
  </si>
  <si>
    <t>12/19/2019 17:28:34</t>
  </si>
  <si>
    <t>12/19/2019 17:29:17</t>
  </si>
  <si>
    <t>12/19/2019 17:29:35</t>
  </si>
  <si>
    <t>12/19/2019 17:29:21</t>
  </si>
  <si>
    <t>12/19/2019 17:25:41</t>
  </si>
  <si>
    <t>12/19/2019 17:30:35</t>
  </si>
  <si>
    <t>12/19/2019 17:31:35</t>
  </si>
  <si>
    <t>12/19/2019 17:27:25</t>
  </si>
  <si>
    <t>12/19/2019 17:27:08</t>
  </si>
  <si>
    <t>12/19/2019 17:32:35</t>
  </si>
  <si>
    <t>12/19/2019 17:29:08</t>
  </si>
  <si>
    <t>12/19/2019 17:28:47</t>
  </si>
  <si>
    <t>raulmont@algartech.com;</t>
  </si>
  <si>
    <t>\\acsfs\engeset\CPV_ULA\ADMINISTRATIVO\CONTROLE ADMINISTRATIVO\DOCUMENTAÇÃO PARA HABILITAÇÃO\Algar Tecnologia\2019\000000 - LIGHT - CALL CENTER - 21.01.2020\LIGHT - CALL CENTER - 21.01.2020.zip\EspecificaÃ§Ã£o e anexos.rar\</t>
  </si>
  <si>
    <t>Anexo 12 - Planilha de Custos - Final.xlsx</t>
  </si>
  <si>
    <t>raulmont@algartech.com</t>
  </si>
  <si>
    <t>Anexo 2 â€“ Perfil dos Empregados.xlsx</t>
  </si>
  <si>
    <t>Anexo 3 â€“ RelatÃ³rios.xlsx</t>
  </si>
  <si>
    <t>Anexo 4 â€“ Tabela de SLAs.xlsx</t>
  </si>
  <si>
    <t>Anexo 7 - Volumetria.xlsx</t>
  </si>
  <si>
    <t>Anexo 9 - AvaliaÃ§Ã£o de ReaÃ§Ã£o.xlsx</t>
  </si>
  <si>
    <t>12/19/2019 17:31:52</t>
  </si>
  <si>
    <t>12/19/2019 17:33:35</t>
  </si>
  <si>
    <t>RENEG - Base com Tabulações.xlsx</t>
  </si>
  <si>
    <t>\\acsfs\DEPTOS\Operacao\Banco_Votorantim\Comum\00 - COMUM - BV CARTÕES\EQUIPE ADILSON\Reneg\RENEG - Base com Tabulações.xlsx</t>
  </si>
  <si>
    <t>\\acsfs\DEPTOS\Operacao\Banco_Votorantim\Comum\00 - COMUM - BV CARTÕES\EQUIPE ADILSON\Reneg\RENEG - Base com Tabulações.xlsx\</t>
  </si>
  <si>
    <t>\\acsfs\DEPTOS\Operacao\Banco_Votorantim\Comum\00 - COMUM - BV CARTÕES\EQUIPE ADILSON\Reneg\RENEG - Base com Tabulações.xlsx\:Zone.Identifier:$DATA</t>
  </si>
  <si>
    <t>12/19/2019 17:32:43</t>
  </si>
  <si>
    <t>12/19/2019 17:32:47</t>
  </si>
  <si>
    <t>12/19/2019 17:29:54</t>
  </si>
  <si>
    <t>12/19/2019 17:34:36</t>
  </si>
  <si>
    <t>efb698ba-a369-432b-8efe-a521190b4bf9.tmp</t>
  </si>
  <si>
    <t>\\acsfs\profiles$\layonmof\Downloads\efb698ba-a369-432b-8efe-a521190b4bf9.tmp</t>
  </si>
  <si>
    <t>12/19/2019 17:30:06</t>
  </si>
  <si>
    <t>12/19/2019 17:30:16</t>
  </si>
  <si>
    <t>12/19/2019 17:30:22</t>
  </si>
  <si>
    <t>12/19/2019 17:30:34</t>
  </si>
  <si>
    <t>12/19/2019 17:30:40</t>
  </si>
  <si>
    <t>12/19/2019 17:35:35</t>
  </si>
  <si>
    <t>12/19/2019 17:31:40</t>
  </si>
  <si>
    <t>12/19/2019 17:34:03</t>
  </si>
  <si>
    <t>12/19/2019 17:36:35</t>
  </si>
  <si>
    <t>12/19/2019 17:33:08</t>
  </si>
  <si>
    <t>12/19/2019 17:37:34</t>
  </si>
  <si>
    <t>12/19/2019 17:35:08</t>
  </si>
  <si>
    <t>12/19/2019 17:34:58</t>
  </si>
  <si>
    <t>\\acsfs\DEPTOS\Gestão de Projetos\3 - Projetos\10 - Projetos 2019\Xperience\FTE\</t>
  </si>
  <si>
    <t>Template_Registro_FTE_Realizado_v7.0 - Draft.xlsb</t>
  </si>
  <si>
    <t>12/19/2019 17:33:47</t>
  </si>
  <si>
    <t>12/19/2019 17:38:35</t>
  </si>
  <si>
    <t>12/19/2019 17:36:42</t>
  </si>
  <si>
    <t>12/19/2019 17:40:34</t>
  </si>
  <si>
    <t>12/19/2019 17:37:41</t>
  </si>
  <si>
    <t>12/19/2019 17:41:35</t>
  </si>
  <si>
    <t>12/19/2019 17:39:08</t>
  </si>
  <si>
    <t>12/19/2019 17:42:34</t>
  </si>
  <si>
    <t>12/19/2019 17:41:08</t>
  </si>
  <si>
    <t>12/19/2019 17:41:06</t>
  </si>
  <si>
    <t>12/19/2019 17:41:29</t>
  </si>
  <si>
    <t>12/19/2019 17:42:29</t>
  </si>
  <si>
    <t>12/19/2019 17:43:35</t>
  </si>
  <si>
    <t>mail.google.com/sync/u/0/i/s?hl=pt-BR&amp;c=1781</t>
  </si>
  <si>
    <t>12/19/2019 17:43:34</t>
  </si>
  <si>
    <t>12/19/2019 17:45:35</t>
  </si>
  <si>
    <t>0]\\\\\\\֥�d\\;0]l;1;1576690518933;1742395574;[];[]]];backofficebv@dxc.com;false;jean.loiola@bv.com.br;larissa.alcantara@bv.com.br;marianeps@algartech.com;n6yx3j93r7loo71ybnmgkp9ur6mpdb9xdqjeewzabkfgyejrudgcdjtxlrrmfwyubnoulxhl7m3pxbtjf54ffe5amot6wrideoqc--im7ixcm9sj-bnzxszlg89vhotqtuuxhk0r_urtxryvpryqaimf0o7mg5-jdlbs5rndzvvwrxrzelqa5a\";null;sbjve0zecapovmzpxnqtvll8rjyr3xrrgjugyqe0yeg_ton6yx3j93r7loo71ybnmgkp9ur6mpdb9xdqjeewzabkfgyejrudgcdjtxlrrmfwyubnoulxhl7m3pxbtjf54ffe5amot6wrideoqc--im7ixcm9sj-bnzxszlg89vhotqtuuxhk0r_urtxryvpryqaimf0o7mg5-jdlbs5rndzvvwrxrzelqa5a\";talmaiardo@algartech.com;thiagordu@algartech.com;true]";</t>
  </si>
  <si>
    <t>0]\\\\\\\֥�d\\,0]l,1,1576690518933,1742395574,[],[]]],backofficebv@dxc.com,false,jean.loiola@bv.com.br,larissa.alcantara@bv.com.br,marianeps@algartech.com,n6yx3j93r7loo71ybnmgkp9ur6mpdb9xdqjeewzabkfgyejrudgcdjtxlrrmfwyubnoulxhl7m3pxbtjf54ffe5amot6wrideoqc--im7ixcm9sj-bnzxszlg89vhotqtuuxhk0r_urtxryvpryqaimf0o7mg5-jdlbs5rndzvvwrxrzelqa5a\",null,sbjve0zecapovmzpxnqtvll8rjyr3xrrgjugyqe0yeg_ton6yx3j93r7loo71ybnmgkp9ur6mpdb9xdqjeewzabkfgyejrudgcdjtxlrrmfwyubnoulxhl7m3pxbtjf54ffe5amot6wrideoqc--im7ixcm9sj-bnzxszlg89vhotqtuuxhk0r_urtxryvpryqaimf0o7mg5-jdlbs5rndzvvwrxrzelqa5a\",talmaiardo@algartech.com,thiagordu@algartech.com,true]"</t>
  </si>
  <si>
    <t>12/19/2019 17:44:28</t>
  </si>
  <si>
    <t>12/19/2019 17:44:35</t>
  </si>
  <si>
    <t>12/19/2019 17:42:40</t>
  </si>
  <si>
    <t>12/19/2019 17:43:40</t>
  </si>
  <si>
    <t>12/19/2019 17:41:34</t>
  </si>
  <si>
    <t>12/19/2019 17:46:35</t>
  </si>
  <si>
    <t>12/19/2019 17:41:51</t>
  </si>
  <si>
    <t>12/19/2019 17:47:35</t>
  </si>
  <si>
    <t>12/19/2019 17:45:08</t>
  </si>
  <si>
    <t>12/19/2019 17:43:21</t>
  </si>
  <si>
    <t>Gestão de contratos GAT.xlsx</t>
  </si>
  <si>
    <t>12/19/2019 17:43:16</t>
  </si>
  <si>
    <t>12/19/2019 17:47:02</t>
  </si>
  <si>
    <t>12/19/2019 17:45:06</t>
  </si>
  <si>
    <t>12/19/2019 17:48:35</t>
  </si>
  <si>
    <t>12/19/2019 17:46:13</t>
  </si>
  <si>
    <t>12/19/2019 17:47:10</t>
  </si>
  <si>
    <t>12/19/2019 17:44:11</t>
  </si>
  <si>
    <t>12/19/2019 17:49:35</t>
  </si>
  <si>
    <t>f1a5c308-1bc1-4ffb-a09e-67f1e3287ae4.tmp</t>
  </si>
  <si>
    <t>\\acsfs\profiles$\KARENJSS\Downloads\f1a5c308-1bc1-4ffb-a09e-67f1e3287ae4.tmp</t>
  </si>
  <si>
    <t>12/19/2019 17:46:34</t>
  </si>
  <si>
    <t>12/19/2019 17:50:34</t>
  </si>
  <si>
    <t>12/19/2019 17:48:40</t>
  </si>
  <si>
    <t>12/19/2019 17:49:40</t>
  </si>
  <si>
    <t>12/19/2019 17:49:05</t>
  </si>
  <si>
    <t>12/19/2019 17:51:35</t>
  </si>
  <si>
    <t>12/19/2019 17:52:35</t>
  </si>
  <si>
    <t>12/19/2019 17:47:08</t>
  </si>
  <si>
    <t>12/19/2019 17:51:08</t>
  </si>
  <si>
    <t>12/19/2019 17:48:55</t>
  </si>
  <si>
    <t>12/19/2019 17:48:57</t>
  </si>
  <si>
    <t>12/19/2019 17:48:58</t>
  </si>
  <si>
    <t>12/19/2019 17:51:14</t>
  </si>
  <si>
    <t>https://udpmailboxap01/h/search?si=0&amp;so=0&amp;sc=49717&amp;sfi=6&amp;st=message&amp;action=compose</t>
  </si>
  <si>
    <t>12/19/2019 17:52:14</t>
  </si>
  <si>
    <t>12/19/2019 17:52:15</t>
  </si>
  <si>
    <t>12/19/2019 17:52:17</t>
  </si>
  <si>
    <t>12/19/2019 17:50:39</t>
  </si>
  <si>
    <t>12/19/2019 17:53:34</t>
  </si>
  <si>
    <t>12/19/2019 17:50:56</t>
  </si>
  <si>
    <t>12/19/2019 17:50:20</t>
  </si>
  <si>
    <t>12/19/2019 17:55:36</t>
  </si>
  <si>
    <t>mail.google.com/_/upload?authuser=0&amp;dcp=asu-n&amp;upload_id=AEnB2UofxVtTICZ0I0KTMPS3QpUNZxwRByzNDdaWCsCfw5QQ06AxTpRZEPiq5IohuXZVnun9FiDfaR_fZfBCAINLd35mduxkiskOBsMlYSvs-EU7jbPdWu4&amp;upload_protocol=resumable</t>
  </si>
  <si>
    <t>\\acsfs\DEPTOS\PMO Governança\01 - COMITÊ DE NEGÓCIOS\APROVAÇÕES\01 - ATAS REDIR\</t>
  </si>
  <si>
    <t>Atas Redir 0212.xlsm</t>
  </si>
  <si>
    <t>12/19/2019 17:54:40</t>
  </si>
  <si>
    <t>12/19/2019 17:52:02</t>
  </si>
  <si>
    <t>12/19/2019 17:56:35</t>
  </si>
  <si>
    <t>12/19/2019 17:53:08</t>
  </si>
  <si>
    <t>12/19/2019 17:57:35</t>
  </si>
  <si>
    <t>12/19/2019 17:52:25</t>
  </si>
  <si>
    <t>12/19/2019 17:52:33</t>
  </si>
  <si>
    <t>12/19/2019 17:52:34</t>
  </si>
  <si>
    <t>12/19/2019 17:54:13</t>
  </si>
  <si>
    <t>\\acsfs\DEPTOS\Operacao\PCP\5 - Comum\DIEGO IURE\</t>
  </si>
  <si>
    <t>CPS - PAs Planejadas de dez19.xlsx</t>
  </si>
  <si>
    <t>12/19/2019 17:54:53</t>
  </si>
  <si>
    <t>12/19/2019 17:59:36</t>
  </si>
  <si>
    <t>82a000cd-1f40-4999-84d3-eadc8e5947cc.tmp</t>
  </si>
  <si>
    <t>\\acsfs\profiles$\alinepp\Downloads\82a000cd-1f40-4999-84d3-eadc8e5947cc.tmp</t>
  </si>
  <si>
    <t>12/19/2019 17:58:10</t>
  </si>
  <si>
    <t>12/19/2019 18:00:36</t>
  </si>
  <si>
    <t>12/19/2019 17:55:41</t>
  </si>
  <si>
    <t>12/19/2019 17:57:10</t>
  </si>
  <si>
    <t>12/19/2019 18:01:36</t>
  </si>
  <si>
    <t>12/19/2019 17:59:07</t>
  </si>
  <si>
    <t>12/19/2019 17:58:56</t>
  </si>
  <si>
    <t>5ecdffe8-4f98-4c62-a5df-1bd4aa535e10.tmp</t>
  </si>
  <si>
    <t>\\acsfs\profiles$\paulohaf\Downloads\5ecdffe8-4f98-4c62-a5df-1bd4aa535e10.tmp</t>
  </si>
  <si>
    <t>12/19/2019 17:57:08</t>
  </si>
  <si>
    <t>12/19/2019 18:02:36</t>
  </si>
  <si>
    <t>12/19/2019 17:59:08</t>
  </si>
  <si>
    <t>12/19/2019 18:01:20</t>
  </si>
  <si>
    <t>12/19/2019 18:03:35</t>
  </si>
  <si>
    <t>12/19/2019 18:01:58</t>
  </si>
  <si>
    <t>12/19/2019 18:02:50</t>
  </si>
  <si>
    <t>12/19/2019 18:00:55</t>
  </si>
  <si>
    <t>12/19/2019 18:04:36</t>
  </si>
  <si>
    <t>pessoas daf.xls</t>
  </si>
  <si>
    <t>12/19/2019 18:00:40</t>
  </si>
  <si>
    <t>12/19/2019 18:05:35</t>
  </si>
  <si>
    <t>12/19/2019 18:01:22</t>
  </si>
  <si>
    <t>12/19/2019 18:01:40</t>
  </si>
  <si>
    <t>12/19/2019 18:05:18</t>
  </si>
  <si>
    <t>12/19/2019 18:06:36</t>
  </si>
  <si>
    <t>31825729-c8ef-45ac-b575-dbf5f93784e7.tmp</t>
  </si>
  <si>
    <t>\\acsfs\profiles$\paulohaf\Downloads\31825729-c8ef-45ac-b575-dbf5f93784e7.tmp</t>
  </si>
  <si>
    <t>12/19/2019 18:03:08</t>
  </si>
  <si>
    <t>12/19/2019 18:07:36</t>
  </si>
  <si>
    <t>12/19/2019 18:05:08</t>
  </si>
  <si>
    <t>12/19/2019 18:07:16</t>
  </si>
  <si>
    <t>12/19/2019 18:09:35</t>
  </si>
  <si>
    <t>3d5003ce-3064-4038-a844-77016de96d35.tmp</t>
  </si>
  <si>
    <t>\\acsfs\profiles$\layonmof\Downloads\3d5003ce-3064-4038-a844-77016de96d35.tmp</t>
  </si>
  <si>
    <t>12/19/2019 18:07:35</t>
  </si>
  <si>
    <t>c3c6bc22-71ef-4b10-8874-dcb40a613237.tmp</t>
  </si>
  <si>
    <t>\\acsfs\profiles$\layonmof\Downloads\c3c6bc22-71ef-4b10-8874-dcb40a613237.tmp</t>
  </si>
  <si>
    <t>12/19/2019 18:08:25</t>
  </si>
  <si>
    <t>12/19/2019 18:10:36</t>
  </si>
  <si>
    <t>mail.google.com/_/upload?authuser=0&amp;dcp=asu-n&amp;upload_id=AEnB2UogI-mmain4Pz2S_IDjsWQwFJyXugrazLnbY1kUzz6nXCtN4mwAhSlaXbArX1BtYIXXtBs0qBtPFT1UBszB0Nyj9NKrpYAhsiz6Hekcc8veGP-S6Po&amp;upload_protocol=resumable</t>
  </si>
  <si>
    <t>TELEFONE IPO.xlsx</t>
  </si>
  <si>
    <t>12/19/2019 18:06:40</t>
  </si>
  <si>
    <t>12/19/2019 18:07:40</t>
  </si>
  <si>
    <t>12/19/2019 18:09:08</t>
  </si>
  <si>
    <t>12/19/2019 18:12:36</t>
  </si>
  <si>
    <t>12/19/2019 18:11:08</t>
  </si>
  <si>
    <t>12/19/2019 18:13:46</t>
  </si>
  <si>
    <t>12/19/2019 18:14:35</t>
  </si>
  <si>
    <t>12/19/2019 18:12:40</t>
  </si>
  <si>
    <t>12/19/2019 18:15:35</t>
  </si>
  <si>
    <t>12/19/2019 18:13:40</t>
  </si>
  <si>
    <t>12/19/2019 18:13:26</t>
  </si>
  <si>
    <t>12/19/2019 18:16:35</t>
  </si>
  <si>
    <t>12/19/2019 18:15:08</t>
  </si>
  <si>
    <t>12/19/2019 18:17:36</t>
  </si>
  <si>
    <t>12/19/2019 18:15:38</t>
  </si>
  <si>
    <t>12/19/2019 18:19:36</t>
  </si>
  <si>
    <t>9ddf1715-f1d5-4281-b4f0-c0c22c84cf2f.tmp</t>
  </si>
  <si>
    <t>\\acsfs\profiles$\laurandos\Downloads\9ddf1715-f1d5-4281-b4f0-c0c22c84cf2f.tmp</t>
  </si>
  <si>
    <t>12/19/2019 18:15:04</t>
  </si>
  <si>
    <t>12/19/2019 18:20:35</t>
  </si>
  <si>
    <t>mail.google.com/_/upload?authuser=0&amp;dcp=asu-n&amp;upload_id=AEnB2Uqf1v2z_6tJGWhET1FHga4ChGLHF0gn9XXY4tzHHhJRQG7rhXFeAdN5yyTFrHobjlugP0CWh1fi_oeaYf0jCN8uST52LHnpwwfPlgMvhnZSbuRK_NU&amp;upload_protocol=resumable</t>
  </si>
  <si>
    <t>C:\Users\lucianabo\Desktop\2019\12 - Dezembro\ESTUDO BKO AVON SAC\</t>
  </si>
  <si>
    <t>COMPOSIÇÃO 2020 - OPERAÇÃO AVON.xlsx</t>
  </si>
  <si>
    <t>12/19/2019 18:18:40</t>
  </si>
  <si>
    <t>12/19/2019 18:19:40</t>
  </si>
  <si>
    <t>12/19/2019 18:17:08</t>
  </si>
  <si>
    <t>12/19/2019 18:22:35</t>
  </si>
  <si>
    <t>12/19/2019 18:21:08</t>
  </si>
  <si>
    <t>12/19/2019 18:24:40</t>
  </si>
  <si>
    <t>12/19/2019 18:25:35</t>
  </si>
  <si>
    <t>12/19/2019 18:23:08</t>
  </si>
  <si>
    <t>12/19/2019 18:26:34</t>
  </si>
  <si>
    <t>12/19/2019 18:21:34</t>
  </si>
  <si>
    <t>12/19/2019 18:27:35</t>
  </si>
  <si>
    <t>12/19/2019 18:26:05</t>
  </si>
  <si>
    <t>12/19/2019 18:28:34</t>
  </si>
  <si>
    <t>12/19/2019 18:25:01</t>
  </si>
  <si>
    <t>12/19/2019 18:26:38</t>
  </si>
  <si>
    <t>12/19/2019 18:25:14</t>
  </si>
  <si>
    <t>12/19/2019 18:29:35</t>
  </si>
  <si>
    <t>0c98862b-c0b4-483a-9d1a-f6063242856e.tmp</t>
  </si>
  <si>
    <t>\\acsfs\profiles$\gabrielamdp\Downloads\0c98862b-c0b4-483a-9d1a-f6063242856e.tmp</t>
  </si>
  <si>
    <t>12/19/2019 18:26:49</t>
  </si>
  <si>
    <t>3cdf80d7-ec87-4509-9cfe-96b76afd181a.tmp</t>
  </si>
  <si>
    <t>\\acsfs\profiles$\gabrielamdp\Downloads\3cdf80d7-ec87-4509-9cfe-96b76afd181a.tmp</t>
  </si>
  <si>
    <t>12/19/2019 18:28:29</t>
  </si>
  <si>
    <t>12/19/2019 18:28:37</t>
  </si>
  <si>
    <t>12/19/2019 18:25:36</t>
  </si>
  <si>
    <t>12/19/2019 18:30:35</t>
  </si>
  <si>
    <t>12/19/2019 18:26:52</t>
  </si>
  <si>
    <t>12/19/2019 18:29:05</t>
  </si>
  <si>
    <t>12/19/2019 18:31:36</t>
  </si>
  <si>
    <t>12/19/2019 18:29:08</t>
  </si>
  <si>
    <t>12/19/2019 18:32:35</t>
  </si>
  <si>
    <t>12/19/2019 18:31:08</t>
  </si>
  <si>
    <t>12/19/2019 18:29:13</t>
  </si>
  <si>
    <t>12/19/2019 18:33:34</t>
  </si>
  <si>
    <t>12/19/2019 18:31:42</t>
  </si>
  <si>
    <t>12/19/2019 18:34:35</t>
  </si>
  <si>
    <t>da579ce6-3acb-4624-b470-cb9c8dec310c.tmp</t>
  </si>
  <si>
    <t>\\acsfs\profiles$\alinepp\Downloads\da579ce6-3acb-4624-b470-cb9c8dec310c.tmp</t>
  </si>
  <si>
    <t>12/19/2019 18:29:51</t>
  </si>
  <si>
    <t>5f00bca9-ded8-4d33-936d-107f771e75dd.tmp</t>
  </si>
  <si>
    <t>\\acsfs\profiles$\layonmof\Downloads\5f00bca9-ded8-4d33-936d-107f771e75dd.tmp</t>
  </si>
  <si>
    <t>12/19/2019 18:33:16</t>
  </si>
  <si>
    <t>2d65eb2d-28ab-4df7-b8d8-cdaa7fef450d.tmp</t>
  </si>
  <si>
    <t>\\acsfs\profiles$\gabrielamdp\Downloads\2d65eb2d-28ab-4df7-b8d8-cdaa7fef450d.tmp</t>
  </si>
  <si>
    <t>12/19/2019 18:33:17</t>
  </si>
  <si>
    <t>c7a72ed7-86a8-49bf-b392-1c5c2094972b.tmp</t>
  </si>
  <si>
    <t>\\acsfs\profiles$\gabrielamdp\Downloads\c7a72ed7-86a8-49bf-b392-1c5c2094972b.tmp</t>
  </si>
  <si>
    <t>12/19/2019 18:33:19</t>
  </si>
  <si>
    <t>8c57facf-90fd-4851-9eb7-ccc577029377.tmp</t>
  </si>
  <si>
    <t>\\acsfs\profiles$\gabrielamdp\Downloads\8c57facf-90fd-4851-9eb7-ccc577029377.tmp</t>
  </si>
  <si>
    <t>12/19/2019 18:33:20</t>
  </si>
  <si>
    <t>42bba60c-ac0b-4dd3-8f51-e91b757f6d8a.tmp</t>
  </si>
  <si>
    <t>\\acsfs\profiles$\gabrielamdp\Downloads\42bba60c-ac0b-4dd3-8f51-e91b757f6d8a.tmp</t>
  </si>
  <si>
    <t>12/19/2019 18:33:21</t>
  </si>
  <si>
    <t>8b2563df-eb89-4e23-992e-6bc13c723fb5.tmp</t>
  </si>
  <si>
    <t>\\acsfs\profiles$\gabrielamdp\Downloads\8b2563df-eb89-4e23-992e-6bc13c723fb5.tmp</t>
  </si>
  <si>
    <t>12/19/2019 18:30:40</t>
  </si>
  <si>
    <t>12/19/2019 18:35:34</t>
  </si>
  <si>
    <t>12/19/2019 18:32:41</t>
  </si>
  <si>
    <t>12/19/2019 18:35:08</t>
  </si>
  <si>
    <t>12/19/2019 18:37:34</t>
  </si>
  <si>
    <t>12/19/2019 18:38:35</t>
  </si>
  <si>
    <t>12/19/2019 18:35:29</t>
  </si>
  <si>
    <t>1003.xlsx</t>
  </si>
  <si>
    <t>12/19/2019 18:35:33</t>
  </si>
  <si>
    <t>12/19/2019 18:38:07</t>
  </si>
  <si>
    <t>12/19/2019 18:38:09</t>
  </si>
  <si>
    <t>12/19/2019 18:37:51</t>
  </si>
  <si>
    <t>12/19/2019 18:39:34</t>
  </si>
  <si>
    <t>12/19/2019 18:37:26</t>
  </si>
  <si>
    <t>a594deaa-3638-4e04-a0a7-4c03eb24dd81.tmp</t>
  </si>
  <si>
    <t>\\acsfs\profiles$\gabrielamdp\Downloads\a594deaa-3638-4e04-a0a7-4c03eb24dd81.tmp</t>
  </si>
  <si>
    <t>12/19/2019 18:36:41</t>
  </si>
  <si>
    <t>12/19/2019 18:40:35</t>
  </si>
  <si>
    <t>12/19/2019 18:38:41</t>
  </si>
  <si>
    <t>12/19/2019 18:37:18</t>
  </si>
  <si>
    <t>12/19/2019 18:41:34</t>
  </si>
  <si>
    <t>12/19/2019 18:37:08</t>
  </si>
  <si>
    <t>12/19/2019 18:42:34</t>
  </si>
  <si>
    <t>12/19/2019 18:41:08</t>
  </si>
  <si>
    <t>12/19/2019 18:43:35</t>
  </si>
  <si>
    <t>12/19/2019 18:42:32</t>
  </si>
  <si>
    <t>12/19/2019 18:42:33</t>
  </si>
  <si>
    <t>12/19/2019 18:42:38</t>
  </si>
  <si>
    <t>12/19/2019 18:42:40</t>
  </si>
  <si>
    <t>12/19/2019 18:42:41</t>
  </si>
  <si>
    <t>12/19/2019 18:42:42</t>
  </si>
  <si>
    <t>12/19/2019 18:42:43</t>
  </si>
  <si>
    <t>12/19/2019 18:42:11</t>
  </si>
  <si>
    <t>12/19/2019 18:42:15</t>
  </si>
  <si>
    <t>12/19/2019 18:42:16</t>
  </si>
  <si>
    <t>12/19/2019 18:44:34</t>
  </si>
  <si>
    <t>e26a16d6-3037-422a-a836-8532671c7b64.tmp</t>
  </si>
  <si>
    <t>\\acsfs\profiles$\layonmof\Downloads\e26a16d6-3037-422a-a836-8532671c7b64.tmp</t>
  </si>
  <si>
    <t>12/19/2019 18:43:28</t>
  </si>
  <si>
    <t>12/19/2019 18:43:55</t>
  </si>
  <si>
    <t>83ae5d1a-d762-40ca-9421-bb553bf04594.tmp</t>
  </si>
  <si>
    <t>\\acsfs\profiles$\erichds\Downloads\83ae5d1a-d762-40ca-9421-bb553bf04594.tmp</t>
  </si>
  <si>
    <t>12/19/2019 18:45:34</t>
  </si>
  <si>
    <t>12/19/2019 18:44:41</t>
  </si>
  <si>
    <t>12/19/2019 18:45:26</t>
  </si>
  <si>
    <t>12/19/2019 18:46:35</t>
  </si>
  <si>
    <t>12/19/2019 18:43:08</t>
  </si>
  <si>
    <t>12/19/2019 18:47:34</t>
  </si>
  <si>
    <t>12/19/2019 18:48:35</t>
  </si>
  <si>
    <t>12/19/2019 18:42:48</t>
  </si>
  <si>
    <t>12/19/2019 18:42:49</t>
  </si>
  <si>
    <t>12/19/2019 18:42:50</t>
  </si>
  <si>
    <t>12/19/2019 18:42:51</t>
  </si>
  <si>
    <t>12/19/2019 18:42:52</t>
  </si>
  <si>
    <t>12/19/2019 18:42:55</t>
  </si>
  <si>
    <t>12/19/2019 18:42:56</t>
  </si>
  <si>
    <t>12/19/2019 18:42:57</t>
  </si>
  <si>
    <t>12/19/2019 18:43:03</t>
  </si>
  <si>
    <t>12/19/2019 18:43:07</t>
  </si>
  <si>
    <t>12/19/2019 18:43:18</t>
  </si>
  <si>
    <t>12/19/2019 18:43:19</t>
  </si>
  <si>
    <t>12/19/2019 18:43:20</t>
  </si>
  <si>
    <t>12/19/2019 18:43:21</t>
  </si>
  <si>
    <t>12/19/2019 18:43:22</t>
  </si>
  <si>
    <t>12/19/2019 18:43:25</t>
  </si>
  <si>
    <t>12/19/2019 18:43:26</t>
  </si>
  <si>
    <t>12/19/2019 18:43:29</t>
  </si>
  <si>
    <t>12/19/2019 18:43:30</t>
  </si>
  <si>
    <t>12/19/2019 18:43:31</t>
  </si>
  <si>
    <t>12/19/2019 18:44:05</t>
  </si>
  <si>
    <t>12/19/2019 18:44:58</t>
  </si>
  <si>
    <t>12/19/2019 18:43:32</t>
  </si>
  <si>
    <t>12/19/2019 18:43:36</t>
  </si>
  <si>
    <t>12/19/2019 18:43:37</t>
  </si>
  <si>
    <t>12/19/2019 18:43:42</t>
  </si>
  <si>
    <t>12/19/2019 18:43:44</t>
  </si>
  <si>
    <t>12/19/2019 18:43:45</t>
  </si>
  <si>
    <t>12/19/2019 18:43:46</t>
  </si>
  <si>
    <t>12/19/2019 18:43:47</t>
  </si>
  <si>
    <t>12/19/2019 18:43:51</t>
  </si>
  <si>
    <t>12/19/2019 18:43:52</t>
  </si>
  <si>
    <t>12/19/2019 18:43:54</t>
  </si>
  <si>
    <t>12/19/2019 18:43:56</t>
  </si>
  <si>
    <t>12/19/2019 18:44:02</t>
  </si>
  <si>
    <t>12/19/2019 18:44:03</t>
  </si>
  <si>
    <t>12/19/2019 18:44:17</t>
  </si>
  <si>
    <t>12/19/2019 18:44:19</t>
  </si>
  <si>
    <t>12/19/2019 18:44:20</t>
  </si>
  <si>
    <t>12/19/2019 18:46:41</t>
  </si>
  <si>
    <t>d4566243-63c4-4e74-93d9-5a8dd406a3d6.tmp</t>
  </si>
  <si>
    <t>\\acsfs\profiles$\philipegsf\Downloads\d4566243-63c4-4e74-93d9-5a8dd406a3d6.tmp</t>
  </si>
  <si>
    <t>12/19/2019 18:44:21</t>
  </si>
  <si>
    <t>12/19/2019 18:44:26</t>
  </si>
  <si>
    <t>12/19/2019 18:44:27</t>
  </si>
  <si>
    <t>12/19/2019 18:44:37</t>
  </si>
  <si>
    <t>12/19/2019 18:44:39</t>
  </si>
  <si>
    <t>12/19/2019 18:44:40</t>
  </si>
  <si>
    <t>12/19/2019 18:44:42</t>
  </si>
  <si>
    <t>12/19/2019 18:44:43</t>
  </si>
  <si>
    <t>12/19/2019 18:44:47</t>
  </si>
  <si>
    <t>12/19/2019 18:44:48</t>
  </si>
  <si>
    <t>12/19/2019 18:45:03</t>
  </si>
  <si>
    <t>12/19/2019 18:45:04</t>
  </si>
  <si>
    <t>12/19/2019 18:45:05</t>
  </si>
  <si>
    <t>12/19/2019 18:45:07</t>
  </si>
  <si>
    <t>12/19/2019 18:45:08</t>
  </si>
  <si>
    <t>12/19/2019 18:45:11</t>
  </si>
  <si>
    <t>12/19/2019 18:45:12</t>
  </si>
  <si>
    <t>12/19/2019 18:45:13</t>
  </si>
  <si>
    <t>12/19/2019 18:45:14</t>
  </si>
  <si>
    <t>12/19/2019 18:45:17</t>
  </si>
  <si>
    <t>12/19/2019 18:45:20</t>
  </si>
  <si>
    <t>12/19/2019 18:45:23</t>
  </si>
  <si>
    <t>12/19/2019 18:45:27</t>
  </si>
  <si>
    <t>12/19/2019 18:45:28</t>
  </si>
  <si>
    <t>12/19/2019 18:45:29</t>
  </si>
  <si>
    <t>12/19/2019 18:45:31</t>
  </si>
  <si>
    <t>12/19/2019 18:45:36</t>
  </si>
  <si>
    <t>12/19/2019 18:45:49</t>
  </si>
  <si>
    <t>12/19/2019 18:45:52</t>
  </si>
  <si>
    <t>12/19/2019 18:45:53</t>
  </si>
  <si>
    <t>12/19/2019 18:45:54</t>
  </si>
  <si>
    <t>12/19/2019 18:45:55</t>
  </si>
  <si>
    <t>12/19/2019 18:45:58</t>
  </si>
  <si>
    <t>12/19/2019 18:45:59</t>
  </si>
  <si>
    <t>12/19/2019 18:46:04</t>
  </si>
  <si>
    <t>12/19/2019 18:46:10</t>
  </si>
  <si>
    <t>12/19/2019 18:46:12</t>
  </si>
  <si>
    <t>12/19/2019 18:46:13</t>
  </si>
  <si>
    <t>12/19/2019 18:46:14</t>
  </si>
  <si>
    <t>12/19/2019 18:46:17</t>
  </si>
  <si>
    <t>12/19/2019 18:46:20</t>
  </si>
  <si>
    <t>12/19/2019 18:46:22</t>
  </si>
  <si>
    <t>12/19/2019 18:46:26</t>
  </si>
  <si>
    <t>12/19/2019 18:46:28</t>
  </si>
  <si>
    <t>12/19/2019 18:46:29</t>
  </si>
  <si>
    <t>12/19/2019 18:46:34</t>
  </si>
  <si>
    <t>12/19/2019 18:46:36</t>
  </si>
  <si>
    <t>12/19/2019 18:46:43</t>
  </si>
  <si>
    <t>12/19/2019 18:46:45</t>
  </si>
  <si>
    <t>12/19/2019 18:46:46</t>
  </si>
  <si>
    <t>12/19/2019 18:46:47</t>
  </si>
  <si>
    <t>12/19/2019 18:46:48</t>
  </si>
  <si>
    <t>12/19/2019 18:46:49</t>
  </si>
  <si>
    <t>12/19/2019 18:46:50</t>
  </si>
  <si>
    <t>12/19/2019 18:46:55</t>
  </si>
  <si>
    <t>12/19/2019 18:47:04</t>
  </si>
  <si>
    <t>12/19/2019 18:47:06</t>
  </si>
  <si>
    <t>12/19/2019 18:47:09</t>
  </si>
  <si>
    <t>12/19/2019 18:47:10</t>
  </si>
  <si>
    <t>12/19/2019 18:47:11</t>
  </si>
  <si>
    <t>12/19/2019 18:47:15</t>
  </si>
  <si>
    <t>12/19/2019 18:47:16</t>
  </si>
  <si>
    <t>12/19/2019 18:47:29</t>
  </si>
  <si>
    <t>12/19/2019 18:47:36</t>
  </si>
  <si>
    <t>12/19/2019 18:47:38</t>
  </si>
  <si>
    <t>12/19/2019 18:47:39</t>
  </si>
  <si>
    <t>12/19/2019 18:47:41</t>
  </si>
  <si>
    <t>12/19/2019 18:47:46</t>
  </si>
  <si>
    <t>12/19/2019 18:47:49</t>
  </si>
  <si>
    <t>12/19/2019 18:47:17</t>
  </si>
  <si>
    <t>12/19/2019 18:49:35</t>
  </si>
  <si>
    <t>7977f56b-14c5-42fe-82b7-8acc83bf73a5.tmp</t>
  </si>
  <si>
    <t>\\acsfs\profiles$\gabrielamdp\Downloads\7977f56b-14c5-42fe-82b7-8acc83bf73a5.tmp</t>
  </si>
  <si>
    <t>12/19/2019 18:48:41</t>
  </si>
  <si>
    <t>12/19/2019 18:50:34</t>
  </si>
  <si>
    <t>12/19/2019 18:47:08</t>
  </si>
  <si>
    <t>12/19/2019 18:52:35</t>
  </si>
  <si>
    <t>12/19/2019 18:49:08</t>
  </si>
  <si>
    <t>12/19/2019 18:53:34</t>
  </si>
  <si>
    <t>12/19/2019 18:49:43</t>
  </si>
  <si>
    <t>12/19/2019 18:52:51</t>
  </si>
  <si>
    <t>12/19/2019 18:47:53</t>
  </si>
  <si>
    <t>12/19/2019 18:47:55</t>
  </si>
  <si>
    <t>12/19/2019 18:47:58</t>
  </si>
  <si>
    <t>12/19/2019 18:47:59</t>
  </si>
  <si>
    <t>12/19/2019 18:48:00</t>
  </si>
  <si>
    <t>12/19/2019 18:48:04</t>
  </si>
  <si>
    <t>12/19/2019 18:48:06</t>
  </si>
  <si>
    <t>12/19/2019 18:48:11</t>
  </si>
  <si>
    <t>12/19/2019 18:48:12</t>
  </si>
  <si>
    <t>12/19/2019 18:48:15</t>
  </si>
  <si>
    <t>12/19/2019 18:48:16</t>
  </si>
  <si>
    <t>12/19/2019 18:48:17</t>
  </si>
  <si>
    <t>12/19/2019 18:48:19</t>
  </si>
  <si>
    <t>12/19/2019 18:48:25</t>
  </si>
  <si>
    <t>12/19/2019 18:49:16</t>
  </si>
  <si>
    <t>12/19/2019 18:50:41</t>
  </si>
  <si>
    <t>12/19/2019 18:55:35</t>
  </si>
  <si>
    <t>12/19/2019 18:54:40</t>
  </si>
  <si>
    <t>12/19/2019 18:54:53</t>
  </si>
  <si>
    <t>12/19/2019 18:56:34</t>
  </si>
  <si>
    <t>12/19/2019 18:55:24</t>
  </si>
  <si>
    <t>12/19/2019 18:53:08</t>
  </si>
  <si>
    <t>12/19/2019 18:57:35</t>
  </si>
  <si>
    <t>12/19/2019 18:55:09</t>
  </si>
  <si>
    <t>12/19/2019 18:58:35</t>
  </si>
  <si>
    <t>12/19/2019 18:57:47</t>
  </si>
  <si>
    <t>12/19/2019 18:59:35</t>
  </si>
  <si>
    <t>Simulação Bradesco - alterações fluxo de caixa.xlsx</t>
  </si>
  <si>
    <t>12/19/2019 18:55:13</t>
  </si>
  <si>
    <t>12/19/2019 18:57:26</t>
  </si>
  <si>
    <t>12/19/2019 19:00:35</t>
  </si>
  <si>
    <t>1151ccfd-8992-44ba-902f-85b2fd34bf70.tmp</t>
  </si>
  <si>
    <t>\\acsfs\profiles$\marcosvnds\Downloads\1151ccfd-8992-44ba-902f-85b2fd34bf70.tmp</t>
  </si>
  <si>
    <t>12/19/2019 18:56:41</t>
  </si>
  <si>
    <t>12/19/2019 18:59:09</t>
  </si>
  <si>
    <t>12/19/2019 19:02:34</t>
  </si>
  <si>
    <t>12/19/2019 19:01:09</t>
  </si>
  <si>
    <t>12/19/2019 19:00:44</t>
  </si>
  <si>
    <t>12/19/2019 19:03:34</t>
  </si>
  <si>
    <t>ace89085-a9eb-4b48-8676-9c0c975ac5f4.tmp</t>
  </si>
  <si>
    <t>\\acsfs\profiles$\bernardopcm\Downloads\ace89085-a9eb-4b48-8676-9c0c975ac5f4.tmp</t>
  </si>
  <si>
    <t>12/19/2019 19:01:34</t>
  </si>
  <si>
    <t>12/19/2019 19:02:18</t>
  </si>
  <si>
    <t>12/19/2019 18:59:19</t>
  </si>
  <si>
    <t>1a98bb37-66d2-4719-abd2-1e137f5e22ec.tmp</t>
  </si>
  <si>
    <t>\\acsfs\profiles$\thaisdss\Downloads\1a98bb37-66d2-4719-abd2-1e137f5e22ec.tmp</t>
  </si>
  <si>
    <t>12/19/2019 18:59:22</t>
  </si>
  <si>
    <t>e73905b1-6508-4a01-95e5-a6a9e9e919aa.tmp</t>
  </si>
  <si>
    <t>\\acsfs\profiles$\thaisdss\Downloads\e73905b1-6508-4a01-95e5-a6a9e9e919aa.tmp</t>
  </si>
  <si>
    <t>12/19/2019 18:59:24</t>
  </si>
  <si>
    <t>Não confirmado 519853.crdownload</t>
  </si>
  <si>
    <t>\\acsfs\profiles$\thaisdss\Downloads\Não confirmado 519853.crdownload</t>
  </si>
  <si>
    <t>12/19/2019 19:04:35</t>
  </si>
  <si>
    <t>12/19/2019 19:03:49</t>
  </si>
  <si>
    <t>12/19/2019 19:00:41</t>
  </si>
  <si>
    <t>12/19/2019 19:05:34</t>
  </si>
  <si>
    <t>12/19/2019 19:02:41</t>
  </si>
  <si>
    <t>12/19/2019 19:01:20</t>
  </si>
  <si>
    <t>12/19/2019 19:06:35</t>
  </si>
  <si>
    <t>12/19/2019 19:05:09</t>
  </si>
  <si>
    <t>12/19/2019 19:07:35</t>
  </si>
  <si>
    <t>12/19/2019 19:08:34</t>
  </si>
  <si>
    <t>12/19/2019 19:05:39</t>
  </si>
  <si>
    <t>12/19/2019 19:05:40</t>
  </si>
  <si>
    <t>12/19/2019 19:05:41</t>
  </si>
  <si>
    <t>12/19/2019 19:05:42</t>
  </si>
  <si>
    <t>12/19/2019 19:05:43</t>
  </si>
  <si>
    <t>12/19/2019 19:09:22</t>
  </si>
  <si>
    <t>12/19/2019 19:10:34</t>
  </si>
  <si>
    <t>12/19/2019 19:06:41</t>
  </si>
  <si>
    <t>12/19/2019 19:08:41</t>
  </si>
  <si>
    <t>12/19/2019 19:09:27</t>
  </si>
  <si>
    <t>12/19/2019 19:11:34</t>
  </si>
  <si>
    <t>12/19/2019 19:07:09</t>
  </si>
  <si>
    <t>12/19/2019 19:12:35</t>
  </si>
  <si>
    <t>12/19/2019 19:11:09</t>
  </si>
  <si>
    <t>12/19/2019 19:13:34</t>
  </si>
  <si>
    <t>12/19/2019 19:12:41</t>
  </si>
  <si>
    <t>12/19/2019 19:15:35</t>
  </si>
  <si>
    <t>12/19/2019 19:14:41</t>
  </si>
  <si>
    <t>12/19/2019 19:14:32</t>
  </si>
  <si>
    <t>12/19/2019 19:16:34</t>
  </si>
  <si>
    <t>12/19/2019 19:13:09</t>
  </si>
  <si>
    <t>12/19/2019 19:17:35</t>
  </si>
  <si>
    <t>12/19/2019 19:18:35</t>
  </si>
  <si>
    <t>12/19/2019 19:13:05</t>
  </si>
  <si>
    <t>3323858a-1fd7-46d6-8c86-c803420b2586.tmp</t>
  </si>
  <si>
    <t>\\acsfs\profiles$\brendadsl\Downloads\3323858a-1fd7-46d6-8c86-c803420b2586.tmp</t>
  </si>
  <si>
    <t>12/19/2019 19:15:01</t>
  </si>
  <si>
    <t>160c46d6-f327-43f0-b95d-d2f51558518a.tmp</t>
  </si>
  <si>
    <t>\\acsfs\profiles$\brendadsl\Downloads\160c46d6-f327-43f0-b95d-d2f51558518a.tmp</t>
  </si>
  <si>
    <t>12/19/2019 19:16:11</t>
  </si>
  <si>
    <t>12/19/2019 19:18:41</t>
  </si>
  <si>
    <t>12/19/2019 19:20:35</t>
  </si>
  <si>
    <t>12/19/2019 19:19:02</t>
  </si>
  <si>
    <t>12/19/2019 19:21:36</t>
  </si>
  <si>
    <t>12/19/2019 19:19:05</t>
  </si>
  <si>
    <t>12/19/2019 19:17:09</t>
  </si>
  <si>
    <t>12/19/2019 19:22:35</t>
  </si>
  <si>
    <t>12/19/2019 19:19:09</t>
  </si>
  <si>
    <t>12/19/2019 19:23:35</t>
  </si>
  <si>
    <t>12/19/2019 19:22:50</t>
  </si>
  <si>
    <t>12/19/2019 19:24:35</t>
  </si>
  <si>
    <t>12/19/2019 19:22:56</t>
  </si>
  <si>
    <t>12/19/2019 19:20:41</t>
  </si>
  <si>
    <t>12/19/2019 19:25:36</t>
  </si>
  <si>
    <t>12/19/2019 19:24:41</t>
  </si>
  <si>
    <t>12/19/2019 19:22:40</t>
  </si>
  <si>
    <t>12/19/2019 19:26:35</t>
  </si>
  <si>
    <t>12/19/2019 19:23:09</t>
  </si>
  <si>
    <t>12/19/2019 19:27:36</t>
  </si>
  <si>
    <t>12/19/2019 19:25:09</t>
  </si>
  <si>
    <t>12/19/2019 19:26:24</t>
  </si>
  <si>
    <t>12/19/2019 19:28:36</t>
  </si>
  <si>
    <t>12/19/2019 19:27:51</t>
  </si>
  <si>
    <t>12/19/2019 19:28:00</t>
  </si>
  <si>
    <t>12/19/2019 19:28:01</t>
  </si>
  <si>
    <t>12/19/2019 19:28:02</t>
  </si>
  <si>
    <t>12/19/2019 19:28:03</t>
  </si>
  <si>
    <t>12/19/2019 19:28:05</t>
  </si>
  <si>
    <t>12/19/2019 19:28:08</t>
  </si>
  <si>
    <t>12/19/2019 19:28:11</t>
  </si>
  <si>
    <t>12/19/2019 19:28:13</t>
  </si>
  <si>
    <t>12/19/2019 19:28:15</t>
  </si>
  <si>
    <t>12/19/2019 19:28:20</t>
  </si>
  <si>
    <t>12/19/2019 19:28:24</t>
  </si>
  <si>
    <t>12/19/2019 19:26:56</t>
  </si>
  <si>
    <t>12/19/2019 19:29:36</t>
  </si>
  <si>
    <t>473b6613-2376-4cee-80d0-dfcda7f04e19.tmp</t>
  </si>
  <si>
    <t>\\acsfs\profiles$\laurandos\Downloads\473b6613-2376-4cee-80d0-dfcda7f04e19.tmp</t>
  </si>
  <si>
    <t>c170a5a2-36e6-4502-b4ac-c8902db88e70.tmp</t>
  </si>
  <si>
    <t>\\acsfs\profiles$\laurandos\Downloads\c170a5a2-36e6-4502-b4ac-c8902db88e70.tmp</t>
  </si>
  <si>
    <t>12/19/2019 19:26:41</t>
  </si>
  <si>
    <t>12/19/2019 19:30:36</t>
  </si>
  <si>
    <t>12/19/2019 19:30:11</t>
  </si>
  <si>
    <t>12/19/2019 19:31:36</t>
  </si>
  <si>
    <t>12/19/2019 19:29:09</t>
  </si>
  <si>
    <t>12/19/2019 19:32:36</t>
  </si>
  <si>
    <t>12/19/2019 19:31:09</t>
  </si>
  <si>
    <t>12/19/2019 19:29:15</t>
  </si>
  <si>
    <t>12/19/2019 19:33:37</t>
  </si>
  <si>
    <t>499ad49d-29cc-4b37-8286-3ca596c2e3c5.tmp</t>
  </si>
  <si>
    <t>\\acsfs\profiles$\brendadsl\Downloads\499ad49d-29cc-4b37-8286-3ca596c2e3c5.tmp</t>
  </si>
  <si>
    <t>12/19/2019 19:30:41</t>
  </si>
  <si>
    <t>12/19/2019 19:35:37</t>
  </si>
  <si>
    <t>12/19/2019 19:32:41</t>
  </si>
  <si>
    <t>12/19/2019 19:35:09</t>
  </si>
  <si>
    <t>12/19/2019 19:37:37</t>
  </si>
  <si>
    <t>12/19/2019 19:38:36</t>
  </si>
  <si>
    <t>12/19/2019 19:36:41</t>
  </si>
  <si>
    <t>12/19/2019 19:40:37</t>
  </si>
  <si>
    <t>12/19/2019 19:38:41</t>
  </si>
  <si>
    <t>12/19/2019 19:37:42</t>
  </si>
  <si>
    <t>12/19/2019 19:41:37</t>
  </si>
  <si>
    <t>12/19/2019 19:37:09</t>
  </si>
  <si>
    <t>12/19/2019 19:42:38</t>
  </si>
  <si>
    <t>12/19/2019 19:41:09</t>
  </si>
  <si>
    <t>12/19/2019 19:38:09</t>
  </si>
  <si>
    <t>12/19/2019 19:43:37</t>
  </si>
  <si>
    <t>08921eb9-a62d-4837-be7a-29edfa4c148a.tmp</t>
  </si>
  <si>
    <t>\\acsfs\profiles$\brendadsl\Downloads\08921eb9-a62d-4837-be7a-29edfa4c148a.tmp</t>
  </si>
  <si>
    <t>12/19/2019 19:38:12</t>
  </si>
  <si>
    <t>51366f08-d314-4273-95ac-808211926ba2.tmp</t>
  </si>
  <si>
    <t>\\acsfs\profiles$\brendadsl\Downloads\51366f08-d314-4273-95ac-808211926ba2.tmp</t>
  </si>
  <si>
    <t>12/19/2019 19:39:39</t>
  </si>
  <si>
    <t>d419676f-c672-434e-95e7-90f1e31e0621.tmp</t>
  </si>
  <si>
    <t>\\acsfs\profiles$\brendadsl\Downloads\d419676f-c672-434e-95e7-90f1e31e0621.tmp</t>
  </si>
  <si>
    <t>12/19/2019 19:40:49</t>
  </si>
  <si>
    <t>12/19/2019 19:42:41</t>
  </si>
  <si>
    <t>12/19/2019 19:45:37</t>
  </si>
  <si>
    <t>12/19/2019 19:44:41</t>
  </si>
  <si>
    <t>12/19/2019 19:43:24</t>
  </si>
  <si>
    <t>12/19/2019 19:46:37</t>
  </si>
  <si>
    <t>12/19/2019 19:45:13</t>
  </si>
  <si>
    <t>12/19/2019 19:43:09</t>
  </si>
  <si>
    <t>12/19/2019 19:47:38</t>
  </si>
  <si>
    <t>12/19/2019 19:44:54</t>
  </si>
  <si>
    <t>12/19/2019 19:48:37</t>
  </si>
  <si>
    <t>39bb67c4-9595-4f73-9d57-33dc2eae7d8e.tmp</t>
  </si>
  <si>
    <t>\\acsfs\profiles$\brendadsl\Downloads\39bb67c4-9595-4f73-9d57-33dc2eae7d8e.tmp</t>
  </si>
  <si>
    <t>12/19/2019 19:44:58</t>
  </si>
  <si>
    <t>c683e07b-7d33-400d-94ce-a8678d4918ac.tmp</t>
  </si>
  <si>
    <t>\\acsfs\profiles$\brendadsl\Downloads\c683e07b-7d33-400d-94ce-a8678d4918ac.tmp</t>
  </si>
  <si>
    <t>12/19/2019 19:45:00</t>
  </si>
  <si>
    <t>86b5e72f-8440-4787-b7c1-8593d358de1f.tmp</t>
  </si>
  <si>
    <t>\\acsfs\profiles$\brendadsl\Downloads\86b5e72f-8440-4787-b7c1-8593d358de1f.tmp</t>
  </si>
  <si>
    <t>12/19/2019 19:48:41</t>
  </si>
  <si>
    <t>12/19/2019 19:50:37</t>
  </si>
  <si>
    <t>12/19/2019 19:47:09</t>
  </si>
  <si>
    <t>12/19/2019 19:52:36</t>
  </si>
  <si>
    <t>12/19/2019 19:49:09</t>
  </si>
  <si>
    <t>12/19/2019 19:52:10</t>
  </si>
  <si>
    <t>12/19/2019 19:53:37</t>
  </si>
  <si>
    <t>12/19/2019 19:51:46</t>
  </si>
  <si>
    <t>12/19/2019 19:54:37</t>
  </si>
  <si>
    <t>b2e64438-b14f-488d-9dde-e8de7f97ecfb.tmp</t>
  </si>
  <si>
    <t>\\acsfs\profiles$\erichds\Downloads\b2e64438-b14f-488d-9dde-e8de7f97ecfb.tmp</t>
  </si>
  <si>
    <t>12/19/2019 19:50:41</t>
  </si>
  <si>
    <t>12/19/2019 19:55:36</t>
  </si>
  <si>
    <t>12/19/2019 19:54:41</t>
  </si>
  <si>
    <t>12/19/2019 19:53:24</t>
  </si>
  <si>
    <t>12/19/2019 19:56:37</t>
  </si>
  <si>
    <t>70cafc4a-ae64-43c2-b1ac-f3364fc22546.tmp</t>
  </si>
  <si>
    <t>\\acsfs\profiles$\anafaes\Downloads\70cafc4a-ae64-43c2-b1ac-f3364fc22546.tmp</t>
  </si>
  <si>
    <t>12/19/2019 19:52:44</t>
  </si>
  <si>
    <t>12/19/2019 19:53:09</t>
  </si>
  <si>
    <t>12/19/2019 19:57:36</t>
  </si>
  <si>
    <t>12/19/2019 19:55:09</t>
  </si>
  <si>
    <t>12/19/2019 19:58:37</t>
  </si>
  <si>
    <t>12/19/2019 19:56:14</t>
  </si>
  <si>
    <t>12/19/2019 19:56:16</t>
  </si>
  <si>
    <t>12/19/2019 19:56:17</t>
  </si>
  <si>
    <t>12/19/2019 19:56:23</t>
  </si>
  <si>
    <t>12/19/2019 19:56:24</t>
  </si>
  <si>
    <t>12/19/2019 19:56:42</t>
  </si>
  <si>
    <t>12/19/2019 20:00:36</t>
  </si>
  <si>
    <t>12/19/2019 20:00:15</t>
  </si>
  <si>
    <t>12/19/2019 20:01:37</t>
  </si>
  <si>
    <t>12/19/2019 19:59:09</t>
  </si>
  <si>
    <t>12/19/2019 20:02:36</t>
  </si>
  <si>
    <t>12/19/2019 20:01:09</t>
  </si>
  <si>
    <t>12/19/2019 19:59:22</t>
  </si>
  <si>
    <t>12/19/2019 20:03:37</t>
  </si>
  <si>
    <t>12/19/2019 20:03:12</t>
  </si>
  <si>
    <t>12/19/2019 20:05:36</t>
  </si>
  <si>
    <t>cffb0643-24ca-4380-9b8b-6b3c603a2d44.tmp</t>
  </si>
  <si>
    <t>\\acsfs\profiles$\alinepp\Downloads\cffb0643-24ca-4380-9b8b-6b3c603a2d44.tmp</t>
  </si>
  <si>
    <t>12/19/2019 20:04:24</t>
  </si>
  <si>
    <t>f3038d82-35dd-4221-a9ce-47499a4b7432.tmp</t>
  </si>
  <si>
    <t>\\acsfs\profiles$\alinepp\Downloads\f3038d82-35dd-4221-a9ce-47499a4b7432.tmp</t>
  </si>
  <si>
    <t>12/19/2019 20:00:41</t>
  </si>
  <si>
    <t>12/19/2019 20:02:41</t>
  </si>
  <si>
    <t>12/19/2019 20:05:09</t>
  </si>
  <si>
    <t>12/19/2019 20:07:37</t>
  </si>
  <si>
    <t>12/19/2019 20:03:18</t>
  </si>
  <si>
    <t>12/19/2019 20:08:37</t>
  </si>
  <si>
    <t>12/19/2019 20:03:44</t>
  </si>
  <si>
    <t>12/19/2019 20:06:41</t>
  </si>
  <si>
    <t>12/19/2019 20:10:36</t>
  </si>
  <si>
    <t>12/19/2019 20:08:41</t>
  </si>
  <si>
    <t>12/19/2019 20:08:18</t>
  </si>
  <si>
    <t>12/19/2019 20:11:37</t>
  </si>
  <si>
    <t>12/19/2019 20:07:09</t>
  </si>
  <si>
    <t>12/19/2019 20:12:37</t>
  </si>
  <si>
    <t>12/19/2019 20:11:09</t>
  </si>
  <si>
    <t>12/19/2019 20:08:14</t>
  </si>
  <si>
    <t>12/19/2019 20:13:37</t>
  </si>
  <si>
    <t>0064625c-d9d4-46de-a3fc-559e4fe6c863.tmp</t>
  </si>
  <si>
    <t>\\acsfs\profiles$\brendadsl\Downloads\0064625c-d9d4-46de-a3fc-559e4fe6c863.tmp</t>
  </si>
  <si>
    <t>12/19/2019 20:09:29</t>
  </si>
  <si>
    <t>3e444b49-68ea-4101-99f3-e5725f892822.tmp</t>
  </si>
  <si>
    <t>\\acsfs\profiles$\brendadsl\Downloads\3e444b49-68ea-4101-99f3-e5725f892822.tmp</t>
  </si>
  <si>
    <t>12/19/2019 20:09:44</t>
  </si>
  <si>
    <t>af906152-84d1-4638-813f-95e7af834832.tmp</t>
  </si>
  <si>
    <t>\\acsfs\profiles$\brendadsl\Downloads\af906152-84d1-4638-813f-95e7af834832.tmp</t>
  </si>
  <si>
    <t>12/19/2019 20:12:41</t>
  </si>
  <si>
    <t>12/19/2019 20:15:37</t>
  </si>
  <si>
    <t>12/19/2019 20:14:41</t>
  </si>
  <si>
    <t>12/19/2019 20:13:09</t>
  </si>
  <si>
    <t>12/19/2019 20:17:37</t>
  </si>
  <si>
    <t>12/19/2019 20:14:05</t>
  </si>
  <si>
    <t>12/19/2019 20:18:37</t>
  </si>
  <si>
    <t>12/19/2019 20:13:57</t>
  </si>
  <si>
    <t>12/19/2019 20:14:00</t>
  </si>
  <si>
    <t>12/19/2019 20:13:59</t>
  </si>
  <si>
    <t>12/19/2019 20:19:37</t>
  </si>
  <si>
    <t>010ba04c-b603-4178-88b8-631848f681cf.tmp</t>
  </si>
  <si>
    <t>\\acsfs\profiles$\layonmof\Downloads\010ba04c-b603-4178-88b8-631848f681cf.tmp</t>
  </si>
  <si>
    <t>12/19/2019 20:18:27</t>
  </si>
  <si>
    <t>12/19/2019 20:18:41</t>
  </si>
  <si>
    <t>12/19/2019 20:20:37</t>
  </si>
  <si>
    <t>12/19/2019 20:16:26</t>
  </si>
  <si>
    <t>12/19/2019 20:21:37</t>
  </si>
  <si>
    <t>12/19/2019 20:17:09</t>
  </si>
  <si>
    <t>12/19/2019 20:22:37</t>
  </si>
  <si>
    <t>12/19/2019 20:19:09</t>
  </si>
  <si>
    <t>12/19/2019 20:23:36</t>
  </si>
  <si>
    <t>12/19/2019 20:20:16</t>
  </si>
  <si>
    <t>12/19/2019 20:22:55</t>
  </si>
  <si>
    <t>12/19/2019 20:25:37</t>
  </si>
  <si>
    <t>db3fd69a-0296-4f7e-9fc9-0e7a999ac4f8.tmp</t>
  </si>
  <si>
    <t>\\acsfs\profiles$\alinepp\Downloads\db3fd69a-0296-4f7e-9fc9-0e7a999ac4f8.tmp</t>
  </si>
  <si>
    <t>12/19/2019 20:20:41</t>
  </si>
  <si>
    <t>12/19/2019 20:24:41</t>
  </si>
  <si>
    <t>12/19/2019 20:24:32</t>
  </si>
  <si>
    <t>12/19/2019 20:26:37</t>
  </si>
  <si>
    <t>12/19/2019 20:23:09</t>
  </si>
  <si>
    <t>12/19/2019 20:27:38</t>
  </si>
  <si>
    <t>12/19/2019 20:25:09</t>
  </si>
  <si>
    <t>12/19/2019 20:28:37</t>
  </si>
  <si>
    <t>12/19/2019 20:24:37</t>
  </si>
  <si>
    <t>12/19/2019 20:29:37</t>
  </si>
  <si>
    <t>12/19/2019 20:26:41</t>
  </si>
  <si>
    <t>12/19/2019 20:30:37</t>
  </si>
  <si>
    <t>12/19/2019 20:29:09</t>
  </si>
  <si>
    <t>12/19/2019 20:32:36</t>
  </si>
  <si>
    <t>12/19/2019 20:31:09</t>
  </si>
  <si>
    <t>12/19/2019 20:33:37</t>
  </si>
  <si>
    <t>12/19/2019 20:31:08</t>
  </si>
  <si>
    <t>12/19/2019 20:31:12</t>
  </si>
  <si>
    <t>12/19/2019 20:31:14</t>
  </si>
  <si>
    <t>12/19/2019 20:31:15</t>
  </si>
  <si>
    <t>12/19/2019 20:31:16</t>
  </si>
  <si>
    <t>12/19/2019 20:31:39</t>
  </si>
  <si>
    <t>12/19/2019 20:31:43</t>
  </si>
  <si>
    <t>12/19/2019 20:31:46</t>
  </si>
  <si>
    <t>12/19/2019 20:31:47</t>
  </si>
  <si>
    <t>12/19/2019 20:31:48</t>
  </si>
  <si>
    <t>12/19/2019 20:31:49</t>
  </si>
  <si>
    <t>12/19/2019 20:31:50</t>
  </si>
  <si>
    <t>12/19/2019 20:31:52</t>
  </si>
  <si>
    <t>12/19/2019 20:31:54</t>
  </si>
  <si>
    <t>12/19/2019 20:31:56</t>
  </si>
  <si>
    <t>12/19/2019 20:31:57</t>
  </si>
  <si>
    <t>12/19/2019 20:32:03</t>
  </si>
  <si>
    <t>12/19/2019 20:32:14</t>
  </si>
  <si>
    <t>12/19/2019 20:32:33</t>
  </si>
  <si>
    <t>12/19/2019 20:32:35</t>
  </si>
  <si>
    <t>12/19/2019 20:32:54</t>
  </si>
  <si>
    <t>12/19/2019 20:32:57</t>
  </si>
  <si>
    <t>12/19/2019 20:33:00</t>
  </si>
  <si>
    <t>12/19/2019 20:29:47</t>
  </si>
  <si>
    <t>12/19/2019 20:34:37</t>
  </si>
  <si>
    <t>12/19/2019 20:30:41</t>
  </si>
  <si>
    <t>12/19/2019 20:35:37</t>
  </si>
  <si>
    <t>12/19/2019 20:32:41</t>
  </si>
  <si>
    <t>12/19/2019 20:32:40</t>
  </si>
  <si>
    <t>12/19/2019 20:36:37</t>
  </si>
  <si>
    <t>12/19/2019 20:35:09</t>
  </si>
  <si>
    <t>12/19/2019 20:37:36</t>
  </si>
  <si>
    <t>12/19/2019 20:38:37</t>
  </si>
  <si>
    <t>12/19/2019 20:35:59</t>
  </si>
  <si>
    <t>12/19/2019 20:36:04</t>
  </si>
  <si>
    <t>12/19/2019 20:36:05</t>
  </si>
  <si>
    <t>12/19/2019 20:36:06</t>
  </si>
  <si>
    <t>12/19/2019 20:36:07</t>
  </si>
  <si>
    <t>12/19/2019 20:36:08</t>
  </si>
  <si>
    <t>12/19/2019 20:36:11</t>
  </si>
  <si>
    <t>12/19/2019 20:36:12</t>
  </si>
  <si>
    <t>12/19/2019 20:36:14</t>
  </si>
  <si>
    <t>12/19/2019 20:36:20</t>
  </si>
  <si>
    <t>12/19/2019 20:36:24</t>
  </si>
  <si>
    <t>12/19/2019 20:36:31</t>
  </si>
  <si>
    <t>12/19/2019 20:36:34</t>
  </si>
  <si>
    <t>12/19/2019 20:36:41</t>
  </si>
  <si>
    <t>12/19/2019 20:40:36</t>
  </si>
  <si>
    <t>12/19/2019 20:38:41</t>
  </si>
  <si>
    <t>12/19/2019 20:39:14</t>
  </si>
  <si>
    <t>12/19/2019 20:41:37</t>
  </si>
  <si>
    <t>12/19/2019 20:40:48</t>
  </si>
  <si>
    <t>12/19/2019 20:37:09</t>
  </si>
  <si>
    <t>12/19/2019 20:42:36</t>
  </si>
  <si>
    <t>12/19/2019 20:41:09</t>
  </si>
  <si>
    <t>12/19/2019 20:43:37</t>
  </si>
  <si>
    <t>12/19/2019 20:43:24</t>
  </si>
  <si>
    <t>12/19/2019 20:43:29</t>
  </si>
  <si>
    <t>12/19/2019 20:43:27</t>
  </si>
  <si>
    <t>12/19/2019 20:44:37</t>
  </si>
  <si>
    <t>12/19/2019 20:42:41</t>
  </si>
  <si>
    <t>12/19/2019 20:45:37</t>
  </si>
  <si>
    <t>12/19/2019 20:44:41</t>
  </si>
  <si>
    <t>12/19/2019 20:45:53</t>
  </si>
  <si>
    <t>12/19/2019 20:46:36</t>
  </si>
  <si>
    <t>12/19/2019 20:43:09</t>
  </si>
  <si>
    <t>12/19/2019 20:47:37</t>
  </si>
  <si>
    <t>12/19/2019 20:48:37</t>
  </si>
  <si>
    <t>12/19/2019 20:44:13</t>
  </si>
  <si>
    <t>12/19/2019 20:43:33</t>
  </si>
  <si>
    <t>12/19/2019 20:43:34</t>
  </si>
  <si>
    <t>12/19/2019 20:43:36</t>
  </si>
  <si>
    <t>12/19/2019 20:43:41</t>
  </si>
  <si>
    <t>12/19/2019 20:44:34</t>
  </si>
  <si>
    <t>12/19/2019 20:48:41</t>
  </si>
  <si>
    <t>12/19/2019 20:50:37</t>
  </si>
  <si>
    <t>12/19/2019 20:47:09</t>
  </si>
  <si>
    <t>12/19/2019 20:52:37</t>
  </si>
  <si>
    <t>12/19/2019 20:49:09</t>
  </si>
  <si>
    <t>12/19/2019 20:53:37</t>
  </si>
  <si>
    <t>12/19/2019 20:50:41</t>
  </si>
  <si>
    <t>12/19/2019 20:55:37</t>
  </si>
  <si>
    <t>12/19/2019 20:54:42</t>
  </si>
  <si>
    <t>12/19/2019 20:53:24</t>
  </si>
  <si>
    <t>12/19/2019 20:56:37</t>
  </si>
  <si>
    <t>12/19/2019 20:53:09</t>
  </si>
  <si>
    <t>12/19/2019 20:57:37</t>
  </si>
  <si>
    <t>12/19/2019 20:55:10</t>
  </si>
  <si>
    <t>12/19/2019 20:53:21</t>
  </si>
  <si>
    <t>12/19/2019 20:58:37</t>
  </si>
  <si>
    <t>12/19/2019 20:52:58</t>
  </si>
  <si>
    <t>d85668ec-dd6d-4b23-8e2f-310a00ee0a3e.tmp</t>
  </si>
  <si>
    <t>\\acsfs\profiles$\brendadsl\Downloads\d85668ec-dd6d-4b23-8e2f-310a00ee0a3e.tmp</t>
  </si>
  <si>
    <t>12/19/2019 20:56:42</t>
  </si>
  <si>
    <t>12/19/2019 21:00:37</t>
  </si>
  <si>
    <t>12/19/2019 20:59:10</t>
  </si>
  <si>
    <t>12/19/2019 21:02:36</t>
  </si>
  <si>
    <t>12/19/2019 21:01:10</t>
  </si>
  <si>
    <t>12/19/2019 21:00:41</t>
  </si>
  <si>
    <t>12/19/2019 21:03:37</t>
  </si>
  <si>
    <t>12/19/2019 21:00:56</t>
  </si>
  <si>
    <t>57fc4606-7036-44fe-90ac-541a8f3e94dc.tmp</t>
  </si>
  <si>
    <t>\\acsfs\profiles$\brendadsl\Downloads\57fc4606-7036-44fe-90ac-541a8f3e94dc.tmp</t>
  </si>
  <si>
    <t>12/19/2019 21:01:37</t>
  </si>
  <si>
    <t>aa309044-3c68-4d4d-b1b6-695570804944.tmp</t>
  </si>
  <si>
    <t>\\acsfs\profiles$\layonmof\Downloads\aa309044-3c68-4d4d-b1b6-695570804944.tmp</t>
  </si>
  <si>
    <t>12/19/2019 20:58:32</t>
  </si>
  <si>
    <t>12/19/2019 20:58:33</t>
  </si>
  <si>
    <t>12/19/2019 20:58:40</t>
  </si>
  <si>
    <t>12/19/2019 20:58:41</t>
  </si>
  <si>
    <t>12/19/2019 20:58:42</t>
  </si>
  <si>
    <t>12/19/2019 20:58:44</t>
  </si>
  <si>
    <t>12/19/2019 20:58:45</t>
  </si>
  <si>
    <t>12/19/2019 20:58:46</t>
  </si>
  <si>
    <t>12/19/2019 20:58:47</t>
  </si>
  <si>
    <t>12/19/2019 20:58:49</t>
  </si>
  <si>
    <t>12/19/2019 20:58:52</t>
  </si>
  <si>
    <t>12/19/2019 20:58:57</t>
  </si>
  <si>
    <t>12/19/2019 20:58:58</t>
  </si>
  <si>
    <t>12/19/2019 20:59:00</t>
  </si>
  <si>
    <t>12/19/2019 20:59:01</t>
  </si>
  <si>
    <t>12/19/2019 20:59:02</t>
  </si>
  <si>
    <t>12/19/2019 20:59:07</t>
  </si>
  <si>
    <t>12/19/2019 20:59:08</t>
  </si>
  <si>
    <t>12/19/2019 21:00:07</t>
  </si>
  <si>
    <t>12/19/2019 21:00:19</t>
  </si>
  <si>
    <t>12/19/2019 21:05:37</t>
  </si>
  <si>
    <t>1f14c971-f987-4e43-8afb-0690c809315b.tmp</t>
  </si>
  <si>
    <t>\\acsfs\profiles$\alinepp\Downloads\1f14c971-f987-4e43-8afb-0690c809315b.tmp</t>
  </si>
  <si>
    <t>12/19/2019 21:00:42</t>
  </si>
  <si>
    <t>12/19/2019 21:02:42</t>
  </si>
  <si>
    <t>12/19/2019 21:05:10</t>
  </si>
  <si>
    <t>12/19/2019 21:07:37</t>
  </si>
  <si>
    <t>12/19/2019 21:04:41</t>
  </si>
  <si>
    <t>12/19/2019 21:08:36</t>
  </si>
  <si>
    <t>cada57c9-5081-4335-ab74-417a452c6e52.tmp</t>
  </si>
  <si>
    <t>\\acsfs\profiles$\brendadsl\Downloads\cada57c9-5081-4335-ab74-417a452c6e52.tmp</t>
  </si>
  <si>
    <t>12/19/2019 21:06:12</t>
  </si>
  <si>
    <t>26dad235-177e-4167-a631-1e81f40ba35c.tmp</t>
  </si>
  <si>
    <t>\\acsfs\profiles$\layonmof\Downloads\26dad235-177e-4167-a631-1e81f40ba35c.tmp</t>
  </si>
  <si>
    <t>12/19/2019 21:06:52</t>
  </si>
  <si>
    <t>fafa2075-8632-4cda-b436-6f242074bb1e.tmp</t>
  </si>
  <si>
    <t>\\acsfs\profiles$\layonmof\Downloads\fafa2075-8632-4cda-b436-6f242074bb1e.tmp</t>
  </si>
  <si>
    <t>12/19/2019 21:06:09</t>
  </si>
  <si>
    <t>609abb2a-cc65-4453-b083-2e25adc292de.tmp</t>
  </si>
  <si>
    <t>\\acsfs\profiles$\victorgl\Downloads\609abb2a-cc65-4453-b083-2e25adc292de.tmp</t>
  </si>
  <si>
    <t>12/19/2019 21:06:42</t>
  </si>
  <si>
    <t>12/19/2019 21:10:37</t>
  </si>
  <si>
    <t>12/19/2019 21:08:42</t>
  </si>
  <si>
    <t>12/19/2019 21:10:46</t>
  </si>
  <si>
    <t>12/19/2019 21:11:36</t>
  </si>
  <si>
    <t>12/19/2019 21:07:10</t>
  </si>
  <si>
    <t>12/19/2019 21:12:37</t>
  </si>
  <si>
    <t>12/19/2019 21:11:10</t>
  </si>
  <si>
    <t>12/19/2019 21:13:36</t>
  </si>
  <si>
    <t>12/19/2019 21:12:42</t>
  </si>
  <si>
    <t>12/19/2019 21:15:37</t>
  </si>
  <si>
    <t>12/19/2019 21:14:42</t>
  </si>
  <si>
    <t>12/19/2019 21:13:10</t>
  </si>
  <si>
    <t>12/19/2019 21:17:37</t>
  </si>
  <si>
    <t>12/19/2019 21:13:02</t>
  </si>
  <si>
    <t>XLOG_anakcs_19122019_131934.log</t>
  </si>
  <si>
    <t>\\acsfs\profiles$\anakcs\My Documents\xworkcenter\logs\XLOG_anakcs_19122019_131934.log</t>
  </si>
  <si>
    <t>12/19/2019 21:06:34</t>
  </si>
  <si>
    <t>/o=exchangelabs/ou=exchange administrative group (fydibohf23spdlt)/cn=recipients/cn=9bb376e8b4c74d45963b1165e99fb0ea-fernando ro;eliamardo@algartech.com.br;fernandorsju@algartech.com;flaviamas@algartech.com.br;jessicapdsi@algartech.com.br;jessicarr@algartech.com.br;</t>
  </si>
  <si>
    <t>Meta de monitorias para o dia 20/12/2019</t>
  </si>
  <si>
    <t>Dezembro_meta 2.0.xls</t>
  </si>
  <si>
    <t>/o=exchangelabs/ou=exchange administrative group (fydibohf23spdlt)/cn=recipients/cn=9bb376e8b4c74d45963b1165e99fb0ea-fernando ro,eliamardo@algartech.com.br,fernandorsju@algartech.com,flaviamas@algartech.com.br,jessicapdsi@algartech.com.br,jessicarr@algartech.com.br</t>
  </si>
  <si>
    <t>12/19/2019 21:18:37</t>
  </si>
  <si>
    <t>12/19/2019 21:15:55</t>
  </si>
  <si>
    <t>12/19/2019 21:15:56</t>
  </si>
  <si>
    <t>12/19/2019 21:15:57</t>
  </si>
  <si>
    <t>12/19/2019 21:15:58</t>
  </si>
  <si>
    <t>12/19/2019 21:15:59</t>
  </si>
  <si>
    <t>12/19/2019 21:16:03</t>
  </si>
  <si>
    <t>12/19/2019 21:16:11</t>
  </si>
  <si>
    <t>12/19/2019 21:16:13</t>
  </si>
  <si>
    <t>12/19/2019 21:16:14</t>
  </si>
  <si>
    <t>12/19/2019 21:16:15</t>
  </si>
  <si>
    <t>12/19/2019 21:16:19</t>
  </si>
  <si>
    <t>12/19/2019 21:16:20</t>
  </si>
  <si>
    <t>12/19/2019 21:16:21</t>
  </si>
  <si>
    <t>12/19/2019 21:16:27</t>
  </si>
  <si>
    <t>12/19/2019 21:16:28</t>
  </si>
  <si>
    <t>12/19/2019 21:16:29</t>
  </si>
  <si>
    <t>12/19/2019 21:19:37</t>
  </si>
  <si>
    <t>12/19/2019 21:16:30</t>
  </si>
  <si>
    <t>12/19/2019 21:16:31</t>
  </si>
  <si>
    <t>12/19/2019 21:16:33</t>
  </si>
  <si>
    <t>12/19/2019 21:16:39</t>
  </si>
  <si>
    <t>12/19/2019 21:17:56</t>
  </si>
  <si>
    <t>12/19/2019 21:17:58</t>
  </si>
  <si>
    <t>12/19/2019 21:17:59</t>
  </si>
  <si>
    <t>12/19/2019 21:18:00</t>
  </si>
  <si>
    <t>12/19/2019 21:18:01</t>
  </si>
  <si>
    <t>12/19/2019 21:18:03</t>
  </si>
  <si>
    <t>12/19/2019 21:18:04</t>
  </si>
  <si>
    <t>12/19/2019 21:18:07</t>
  </si>
  <si>
    <t>12/19/2019 21:18:08</t>
  </si>
  <si>
    <t>12/19/2019 21:18:09</t>
  </si>
  <si>
    <t>12/19/2019 21:18:10</t>
  </si>
  <si>
    <t>12/19/2019 21:18:11</t>
  </si>
  <si>
    <t>12/19/2019 21:18:15</t>
  </si>
  <si>
    <t>12/19/2019 21:18:17</t>
  </si>
  <si>
    <t>12/19/2019 21:18:18</t>
  </si>
  <si>
    <t>12/19/2019 21:18:19</t>
  </si>
  <si>
    <t>12/19/2019 21:18:20</t>
  </si>
  <si>
    <t>12/19/2019 21:18:21</t>
  </si>
  <si>
    <t>12/19/2019 21:18:23</t>
  </si>
  <si>
    <t>12/19/2019 21:18:24</t>
  </si>
  <si>
    <t>12/19/2019 21:18:25</t>
  </si>
  <si>
    <t>12/19/2019 21:18:28</t>
  </si>
  <si>
    <t>12/19/2019 21:18:29</t>
  </si>
  <si>
    <t>12/19/2019 21:18:30</t>
  </si>
  <si>
    <t>12/19/2019 21:18:32</t>
  </si>
  <si>
    <t>12/19/2019 21:18:34</t>
  </si>
  <si>
    <t>12/19/2019 21:18:41</t>
  </si>
  <si>
    <t>12/19/2019 21:20:37</t>
  </si>
  <si>
    <t>12/19/2019 21:21:38</t>
  </si>
  <si>
    <t>12/19/2019 21:17:10</t>
  </si>
  <si>
    <t>12/19/2019 21:22:37</t>
  </si>
  <si>
    <t>12/19/2019 21:19:10</t>
  </si>
  <si>
    <t>12/19/2019 21:20:19</t>
  </si>
  <si>
    <t>12/19/2019 21:23:37</t>
  </si>
  <si>
    <t>12/19/2019 21:23:19</t>
  </si>
  <si>
    <t>ddbd2dd9-8000-45f5-b694-350f2da23c29.tmp</t>
  </si>
  <si>
    <t>\\acsfs\profiles$\layonmof\Downloads\ddbd2dd9-8000-45f5-b694-350f2da23c29.tmp</t>
  </si>
  <si>
    <t>12/19/2019 21:18:42</t>
  </si>
  <si>
    <t>12/19/2019 21:24:37</t>
  </si>
  <si>
    <t>12/19/2019 21:20:41</t>
  </si>
  <si>
    <t>12/19/2019 21:25:37</t>
  </si>
  <si>
    <t>12/19/2019 21:24:42</t>
  </si>
  <si>
    <t>12/19/2019 21:23:14</t>
  </si>
  <si>
    <t>12/19/2019 21:26:38</t>
  </si>
  <si>
    <t>12/19/2019 21:25:48</t>
  </si>
  <si>
    <t>12/19/2019 21:23:10</t>
  </si>
  <si>
    <t>12/19/2019 21:27:37</t>
  </si>
  <si>
    <t>12/19/2019 21:25:10</t>
  </si>
  <si>
    <t>12/19/2019 21:22:54</t>
  </si>
  <si>
    <t>12/19/2019 21:28:38</t>
  </si>
  <si>
    <t>12/19/2019 21:23:55</t>
  </si>
  <si>
    <t>9f851a56-aaa5-474e-b4fa-9bd0cc2a7867.tmp</t>
  </si>
  <si>
    <t>\\acsfs\profiles$\layonmof\Downloads\9f851a56-aaa5-474e-b4fa-9bd0cc2a7867.tmp</t>
  </si>
  <si>
    <t>12/19/2019 21:24:29</t>
  </si>
  <si>
    <t>3a0aaa65-a530-40c4-93d2-d701c85d3311.tmp</t>
  </si>
  <si>
    <t>\\acsfs\profiles$\layonmof\Downloads\3a0aaa65-a530-40c4-93d2-d701c85d3311.tmp</t>
  </si>
  <si>
    <t>12/19/2019 21:26:42</t>
  </si>
  <si>
    <t>12/19/2019 21:30:38</t>
  </si>
  <si>
    <t>12/19/2019 21:29:10</t>
  </si>
  <si>
    <t>12/19/2019 21:32:38</t>
  </si>
  <si>
    <t>12/19/2019 21:31:10</t>
  </si>
  <si>
    <t>12/19/2019 21:33:38</t>
  </si>
  <si>
    <t>12/19/2019 21:33:37</t>
  </si>
  <si>
    <t>12/19/2019 21:34:37</t>
  </si>
  <si>
    <t>c1a684a1-35c3-4f21-93d5-044cc08eb66f.tmp</t>
  </si>
  <si>
    <t>\\acsfs\profiles$\layonmof\Downloads\c1a684a1-35c3-4f21-93d5-044cc08eb66f.tmp</t>
  </si>
  <si>
    <t>12/19/2019 21:31:32</t>
  </si>
  <si>
    <t>12/19/2019 21:35:38</t>
  </si>
  <si>
    <t>12/19/2019 21:30:42</t>
  </si>
  <si>
    <t>12/19/2019 21:32:42</t>
  </si>
  <si>
    <t>12/19/2019 21:31:24</t>
  </si>
  <si>
    <t>12/19/2019 21:36:38</t>
  </si>
  <si>
    <t>12/19/2019 21:35:10</t>
  </si>
  <si>
    <t>12/19/2019 21:37:37</t>
  </si>
  <si>
    <t>12/19/2019 21:35:12</t>
  </si>
  <si>
    <t>12/19/2019 21:38:38</t>
  </si>
  <si>
    <t>c02e0069-94e9-401e-bccc-ad4ef1d09a1b.tmp</t>
  </si>
  <si>
    <t>\\acsfs\profiles$\brendadsl\Downloads\c02e0069-94e9-401e-bccc-ad4ef1d09a1b.tmp</t>
  </si>
  <si>
    <t>12/19/2019 21:34:48</t>
  </si>
  <si>
    <t>12/19/2019 21:39:37</t>
  </si>
  <si>
    <t>5ff33b77-3e78-4f9f-a7de-f6a8bbd88495.tmp</t>
  </si>
  <si>
    <t>\\acsfs\profiles$\layonmof\Downloads\5ff33b77-3e78-4f9f-a7de-f6a8bbd88495.tmp</t>
  </si>
  <si>
    <t>12/19/2019 21:35:21</t>
  </si>
  <si>
    <t>aa0c44ee-73ae-4b15-949b-8500d3680df0.tmp</t>
  </si>
  <si>
    <t>\\acsfs\profiles$\layonmof\Downloads\aa0c44ee-73ae-4b15-949b-8500d3680df0.tmp</t>
  </si>
  <si>
    <t>12/19/2019 21:36:42</t>
  </si>
  <si>
    <t>12/19/2019 21:40:38</t>
  </si>
  <si>
    <t>12/19/2019 21:38:42</t>
  </si>
  <si>
    <t>12/19/2019 21:39:41</t>
  </si>
  <si>
    <t>12/19/2019 21:41:37</t>
  </si>
  <si>
    <t>12/19/2019 21:37:10</t>
  </si>
  <si>
    <t>12/19/2019 21:42:38</t>
  </si>
  <si>
    <t>12/19/2019 21:41:10</t>
  </si>
  <si>
    <t>12/19/2019 21:43:38</t>
  </si>
  <si>
    <t>12/19/2019 21:42:44</t>
  </si>
  <si>
    <t>12/19/2019 21:45:38</t>
  </si>
  <si>
    <t>12/19/2019 21:44:42</t>
  </si>
  <si>
    <t>12/19/2019 21:43:10</t>
  </si>
  <si>
    <t>12/19/2019 21:47:37</t>
  </si>
  <si>
    <t>12/19/2019 21:43:25</t>
  </si>
  <si>
    <t>12/19/2019 21:48:38</t>
  </si>
  <si>
    <t>12/19/2019 21:47:54</t>
  </si>
  <si>
    <t>8e3c22b7-4a86-4f18-8428-07eacbc19865.tmp</t>
  </si>
  <si>
    <t>\\acsfs\profiles$\KARENJSS\Downloads\8e3c22b7-4a86-4f18-8428-07eacbc19865.tmp</t>
  </si>
  <si>
    <t>12/19/2019 21:48:05</t>
  </si>
  <si>
    <t>b45e3d69-0f95-454e-a476-d21e6b0234ba.tmp</t>
  </si>
  <si>
    <t>\\acsfs\profiles$\KARENJSS\Downloads\b45e3d69-0f95-454e-a476-d21e6b0234ba.tmp</t>
  </si>
  <si>
    <t>12/19/2019 21:45:36</t>
  </si>
  <si>
    <t>12/19/2019 21:50:37</t>
  </si>
  <si>
    <t>12/19/2019 21:45:19</t>
  </si>
  <si>
    <t>12/19/2019 21:48:42</t>
  </si>
  <si>
    <t>12/19/2019 21:47:49</t>
  </si>
  <si>
    <t>12/19/2019 21:51:37</t>
  </si>
  <si>
    <t>12/19/2019 21:47:10</t>
  </si>
  <si>
    <t>12/19/2019 21:52:37</t>
  </si>
  <si>
    <t>12/19/2019 21:49:10</t>
  </si>
  <si>
    <t>12/19/2019 21:53:38</t>
  </si>
  <si>
    <t>12/19/2019 21:50:42</t>
  </si>
  <si>
    <t>12/19/2019 21:55:38</t>
  </si>
  <si>
    <t>12/19/2019 21:54:42</t>
  </si>
  <si>
    <t>12/19/2019 21:53:10</t>
  </si>
  <si>
    <t>12/19/2019 21:57:37</t>
  </si>
  <si>
    <t>12/19/2019 21:55:10</t>
  </si>
  <si>
    <t>12/19/2019 21:58:37</t>
  </si>
  <si>
    <t>12/19/2019 21:56:39</t>
  </si>
  <si>
    <t>12/19/2019 21:59:37</t>
  </si>
  <si>
    <t>75af6015-e29f-4508-823c-ffbea115c062.tmp</t>
  </si>
  <si>
    <t>\\acsfs\profiles$\KARENJSS\Downloads\75af6015-e29f-4508-823c-ffbea115c062.tmp</t>
  </si>
  <si>
    <t>12/19/2019 21:56:42</t>
  </si>
  <si>
    <t>12/19/2019 22:00:38</t>
  </si>
  <si>
    <t>12/19/2019 21:59:10</t>
  </si>
  <si>
    <t>12/19/2019 22:02:37</t>
  </si>
  <si>
    <t>12/19/2019 22:01:10</t>
  </si>
  <si>
    <t>12/19/2019 22:01:09</t>
  </si>
  <si>
    <t>12/19/2019 22:03:37</t>
  </si>
  <si>
    <t>12/19/2019 21:59:16</t>
  </si>
  <si>
    <t>12/19/2019 22:00:42</t>
  </si>
  <si>
    <t>12/19/2019 22:05:37</t>
  </si>
  <si>
    <t>12/19/2019 22:02:42</t>
  </si>
  <si>
    <t>12/19/2019 22:05:10</t>
  </si>
  <si>
    <t>12/19/2019 22:07:37</t>
  </si>
  <si>
    <t>12/19/2019 22:06:18</t>
  </si>
  <si>
    <t>12/19/2019 22:08:37</t>
  </si>
  <si>
    <t>12/19/2019 22:03:34</t>
  </si>
  <si>
    <t>12/19/2019 22:06:42</t>
  </si>
  <si>
    <t>12/19/2019 22:10:37</t>
  </si>
  <si>
    <t>12/19/2019 22:08:42</t>
  </si>
  <si>
    <t>12/19/2019 22:07:10</t>
  </si>
  <si>
    <t>12/19/2019 22:12:37</t>
  </si>
  <si>
    <t>12/19/2019 22:11:10</t>
  </si>
  <si>
    <t>12/19/2019 22:13:38</t>
  </si>
  <si>
    <t>12/19/2019 22:13:18</t>
  </si>
  <si>
    <t>12/19/2019 22:15:37</t>
  </si>
  <si>
    <t>12/19/2019 22:12:42</t>
  </si>
  <si>
    <t>12/19/2019 22:14:42</t>
  </si>
  <si>
    <t>12/19/2019 22:13:10</t>
  </si>
  <si>
    <t>12/19/2019 22:17:37</t>
  </si>
  <si>
    <t>12/19/2019 22:18:37</t>
  </si>
  <si>
    <t>12/19/2019 22:18:42</t>
  </si>
  <si>
    <t>12/19/2019 22:20:37</t>
  </si>
  <si>
    <t>12/19/2019 22:17:05</t>
  </si>
  <si>
    <t>12/19/2019 22:21:37</t>
  </si>
  <si>
    <t>12/19/2019 22:17:24</t>
  </si>
  <si>
    <t>12/19/2019 22:17:10</t>
  </si>
  <si>
    <t>12/19/2019 22:22:36</t>
  </si>
  <si>
    <t>12/19/2019 22:19:10</t>
  </si>
  <si>
    <t>12/19/2019 22:23:37</t>
  </si>
  <si>
    <t>12/19/2019 22:20:43</t>
  </si>
  <si>
    <t>12/19/2019 22:25:37</t>
  </si>
  <si>
    <t>12/19/2019 22:24:43</t>
  </si>
  <si>
    <t>12/19/2019 22:23:10</t>
  </si>
  <si>
    <t>12/19/2019 22:27:37</t>
  </si>
  <si>
    <t>12/19/2019 22:25:10</t>
  </si>
  <si>
    <t>12/19/2019 22:28:37</t>
  </si>
  <si>
    <t>12/19/2019 22:26:43</t>
  </si>
  <si>
    <t>12/19/2019 22:29:38</t>
  </si>
  <si>
    <t>12/19/2019 22:30:37</t>
  </si>
  <si>
    <t>12/19/2019 22:28:41</t>
  </si>
  <si>
    <t>12/19/2019 22:31:37</t>
  </si>
  <si>
    <t>12/19/2019 22:29:10</t>
  </si>
  <si>
    <t>12/19/2019 22:32:38</t>
  </si>
  <si>
    <t>12/19/2019 22:31:10</t>
  </si>
  <si>
    <t>12/19/2019 22:33:37</t>
  </si>
  <si>
    <t>12/19/2019 22:30:43</t>
  </si>
  <si>
    <t>12/19/2019 22:35:37</t>
  </si>
  <si>
    <t>12/19/2019 22:32:43</t>
  </si>
  <si>
    <t>12/19/2019 22:35:10</t>
  </si>
  <si>
    <t>12/19/2019 22:37:38</t>
  </si>
  <si>
    <t>12/19/2019 22:35:48</t>
  </si>
  <si>
    <t>12/19/2019 22:38:38</t>
  </si>
  <si>
    <t>12/19/2019 22:36:43</t>
  </si>
  <si>
    <t>12/19/2019 22:40:38</t>
  </si>
  <si>
    <t>12/19/2019 22:38:43</t>
  </si>
  <si>
    <t>12/19/2019 22:37:10</t>
  </si>
  <si>
    <t>12/19/2019 22:42:38</t>
  </si>
  <si>
    <t>12/19/2019 22:41:10</t>
  </si>
  <si>
    <t>12/19/2019 22:43:38</t>
  </si>
  <si>
    <t>12/19/2019 22:42:43</t>
  </si>
  <si>
    <t>12/19/2019 22:45:38</t>
  </si>
  <si>
    <t>12/19/2019 22:44:43</t>
  </si>
  <si>
    <t>12/19/2019 22:43:10</t>
  </si>
  <si>
    <t>12/19/2019 22:47:37</t>
  </si>
  <si>
    <t>12/19/2019 22:48:38</t>
  </si>
  <si>
    <t>12/19/2019 22:48:43</t>
  </si>
  <si>
    <t>12/19/2019 22:50:38</t>
  </si>
  <si>
    <t>12/19/2019 22:47:10</t>
  </si>
  <si>
    <t>12/19/2019 22:52:37</t>
  </si>
  <si>
    <t>12/19/2019 22:49:10</t>
  </si>
  <si>
    <t>12/19/2019 22:53:36</t>
  </si>
  <si>
    <t>12/19/2019 22:50:43</t>
  </si>
  <si>
    <t>12/19/2019 22:55:37</t>
  </si>
  <si>
    <t>12/19/2019 22:54:44</t>
  </si>
  <si>
    <t>12/19/2019 22:53:11</t>
  </si>
  <si>
    <t>12/19/2019 22:57:37</t>
  </si>
  <si>
    <t>12/19/2019 22:55:11</t>
  </si>
  <si>
    <t>12/19/2019 22:58:36</t>
  </si>
  <si>
    <t>12/19/2019 22:56:43</t>
  </si>
  <si>
    <t>12/19/2019 23:00:37</t>
  </si>
  <si>
    <t>12/19/2019 22:58:26</t>
  </si>
  <si>
    <t>12/19/2019 23:01:37</t>
  </si>
  <si>
    <t>12/19/2019 22:59:31</t>
  </si>
  <si>
    <t>12/19/2019 22:59:11</t>
  </si>
  <si>
    <t>12/19/2019 23:02:37</t>
  </si>
  <si>
    <t>12/19/2019 23:01:11</t>
  </si>
  <si>
    <t>12/19/2019 23:03:37</t>
  </si>
  <si>
    <t>12/19/2019 23:00:43</t>
  </si>
  <si>
    <t>12/19/2019 23:05:37</t>
  </si>
  <si>
    <t>12/19/2019 23:02:43</t>
  </si>
  <si>
    <t>12/19/2019 23:05:11</t>
  </si>
  <si>
    <t>12/19/2019 23:07:37</t>
  </si>
  <si>
    <t>12/19/2019 23:08:37</t>
  </si>
  <si>
    <t>12/19/2019 23:06:43</t>
  </si>
  <si>
    <t>12/19/2019 23:10:37</t>
  </si>
  <si>
    <t>12/19/2019 23:08:43</t>
  </si>
  <si>
    <t>12/19/2019 23:07:11</t>
  </si>
  <si>
    <t>12/19/2019 23:12:37</t>
  </si>
  <si>
    <t>12/19/2019 23:11:10</t>
  </si>
  <si>
    <t>12/19/2019 23:13:37</t>
  </si>
  <si>
    <t>12/19/2019 23:12:43</t>
  </si>
  <si>
    <t>12/19/2019 23:15:37</t>
  </si>
  <si>
    <t>12/19/2019 23:14:43</t>
  </si>
  <si>
    <t>12/19/2019 23:13:11</t>
  </si>
  <si>
    <t>12/19/2019 23:17:37</t>
  </si>
  <si>
    <t>12/19/2019 23:18:36</t>
  </si>
  <si>
    <t>12/19/2019 23:18:43</t>
  </si>
  <si>
    <t>12/19/2019 23:21:37</t>
  </si>
  <si>
    <t>12/19/2019 23:17:11</t>
  </si>
  <si>
    <t>12/19/2019 23:22:38</t>
  </si>
  <si>
    <t>12/19/2019 23:19:10</t>
  </si>
  <si>
    <t>12/19/2019 23:23:37</t>
  </si>
  <si>
    <t>12/19/2019 23:20:43</t>
  </si>
  <si>
    <t>12/19/2019 23:26:38</t>
  </si>
  <si>
    <t>12/19/2019 23:24:43</t>
  </si>
  <si>
    <t>12/19/2019 23:23:10</t>
  </si>
  <si>
    <t>12/19/2019 23:27:37</t>
  </si>
  <si>
    <t>12/19/2019 23:25:10</t>
  </si>
  <si>
    <t>12/19/2019 23:28:37</t>
  </si>
  <si>
    <t>12/19/2019 23:26:43</t>
  </si>
  <si>
    <t>12/19/2019 23:31:38</t>
  </si>
  <si>
    <t>12/19/2019 23:29:10</t>
  </si>
  <si>
    <t>12/19/2019 23:32:37</t>
  </si>
  <si>
    <t>12/19/2019 23:31:11</t>
  </si>
  <si>
    <t>12/19/2019 23:33:38</t>
  </si>
  <si>
    <t>12/19/2019 23:30:43</t>
  </si>
  <si>
    <t>12/19/2019 23:36:38</t>
  </si>
  <si>
    <t>12/19/2019 23:32:43</t>
  </si>
  <si>
    <t>12/19/2019 23:35:10</t>
  </si>
  <si>
    <t>12/19/2019 23:37:37</t>
  </si>
  <si>
    <t>12/19/2019 23:38:37</t>
  </si>
  <si>
    <t>12/19/2019 23:36:43</t>
  </si>
  <si>
    <t>12/19/2019 23:41:37</t>
  </si>
  <si>
    <t>12/19/2019 23:38:43</t>
  </si>
  <si>
    <t>12/19/2019 23:37:00</t>
  </si>
  <si>
    <t>12/19/2019 23:37:10</t>
  </si>
  <si>
    <t>12/19/2019 23:42:37</t>
  </si>
  <si>
    <t>12/19/2019 23:41:10</t>
  </si>
  <si>
    <t>12/19/2019 23:43:37</t>
  </si>
  <si>
    <t>12/19/2019 23:42:43</t>
  </si>
  <si>
    <t>12/19/2019 23:46:37</t>
  </si>
  <si>
    <t>12/19/2019 23:44:43</t>
  </si>
  <si>
    <t>12/19/2019 23:41:17</t>
  </si>
  <si>
    <t>12/19/2019 23:43:10</t>
  </si>
  <si>
    <t>12/19/2019 23:47:37</t>
  </si>
  <si>
    <t>12/19/2019 23:48:38</t>
  </si>
  <si>
    <t>12/19/2019 23:48:44</t>
  </si>
  <si>
    <t>12/19/2019 23:51:38</t>
  </si>
  <si>
    <t>12/19/2019 23:47:10</t>
  </si>
  <si>
    <t>12/19/2019 23:52:37</t>
  </si>
  <si>
    <t>12/19/2019 23:49:11</t>
  </si>
  <si>
    <t>12/19/2019 23:53:38</t>
  </si>
  <si>
    <t>12/19/2019 23:50:44</t>
  </si>
  <si>
    <t>12/19/2019 23:56:38</t>
  </si>
  <si>
    <t>12/19/2019 23:54:44</t>
  </si>
  <si>
    <t>12/19/2019 23:53:10</t>
  </si>
  <si>
    <t>12/19/2019 23:57:38</t>
  </si>
  <si>
    <t>12/19/2019 23:55:10</t>
  </si>
  <si>
    <t>12/19/2019 23:58:38</t>
  </si>
  <si>
    <t>12/19/2019 23:27:06</t>
  </si>
  <si>
    <t>12/20/2019 00:00:38</t>
  </si>
  <si>
    <t>mail.google.com/_/upload?authuser=0&amp;dcp=asu-n&amp;upload_id=AEnB2UqtFDJiwyMXc1Jz9z01n_DvTHk02Z9BqOYecguaqAgMNgG2kpV7e1rYQ5kMyM_FHyqEQ4vPLZodw7pmzr2qE0i8OMcBdJoFiN2yhiNH4_bNpbFDIE0&amp;upload_protocol=resumable</t>
  </si>
  <si>
    <t>Endomkt_orçamento e cronograma 2020.xlsx</t>
  </si>
  <si>
    <t>12/19/2019 23:56:44</t>
  </si>
  <si>
    <t>12/20/2019 00:01:38</t>
  </si>
  <si>
    <t>12/19/2019 23:59:11</t>
  </si>
  <si>
    <t>12/20/2019 00:02:38</t>
  </si>
  <si>
    <t>12/20/2019 00:01:11</t>
  </si>
  <si>
    <t>12/19/2019 23:58:18</t>
  </si>
  <si>
    <t>12/20/2019 00:03:38</t>
  </si>
  <si>
    <t>12/20/2019 00:02:06</t>
  </si>
  <si>
    <t>12/20/2019 00:01:46</t>
  </si>
  <si>
    <t>12/20/2019 00:00:44</t>
  </si>
  <si>
    <t>12/20/2019 00:06:39</t>
  </si>
  <si>
    <t>12/20/2019 00:02:44</t>
  </si>
  <si>
    <t>12/20/2019 00:05:11</t>
  </si>
  <si>
    <t>12/20/2019 00:07:38</t>
  </si>
  <si>
    <t>12/20/2019 00:08:39</t>
  </si>
  <si>
    <t>12/20/2019 00:06:44</t>
  </si>
  <si>
    <t>12/20/2019 00:11:38</t>
  </si>
  <si>
    <t>12/20/2019 00:08:44</t>
  </si>
  <si>
    <t>12/20/2019 00:07:11</t>
  </si>
  <si>
    <t>12/20/2019 00:12:38</t>
  </si>
  <si>
    <t>12/20/2019 00:11:11</t>
  </si>
  <si>
    <t>12/20/2019 00:13:37</t>
  </si>
  <si>
    <t>12/20/2019 00:10:08</t>
  </si>
  <si>
    <t>12/20/2019 00:14:38</t>
  </si>
  <si>
    <t>12/20/2019 00:13:02</t>
  </si>
  <si>
    <t>12/20/2019 00:14:39</t>
  </si>
  <si>
    <t>12/20/2019 00:15:38</t>
  </si>
  <si>
    <t>12/20/2019 00:12:44</t>
  </si>
  <si>
    <t>12/20/2019 00:16:38</t>
  </si>
  <si>
    <t>12/20/2019 00:14:44</t>
  </si>
  <si>
    <t>12/20/2019 00:13:54</t>
  </si>
  <si>
    <t>12/20/2019 00:11:03</t>
  </si>
  <si>
    <t>12/20/2019 00:14:41</t>
  </si>
  <si>
    <t>12/20/2019 00:13:11</t>
  </si>
  <si>
    <t>12/20/2019 00:17:38</t>
  </si>
  <si>
    <t>12/20/2019 00:14:11</t>
  </si>
  <si>
    <t>12/20/2019 00:18:37</t>
  </si>
  <si>
    <t>12/20/2019 00:18:48</t>
  </si>
  <si>
    <t>12/20/2019 00:20:38</t>
  </si>
  <si>
    <t>12/20/2019 00:18:44</t>
  </si>
  <si>
    <t>12/20/2019 00:21:37</t>
  </si>
  <si>
    <t>12/20/2019 00:17:11</t>
  </si>
  <si>
    <t>12/20/2019 00:22:38</t>
  </si>
  <si>
    <t>12/20/2019 00:19:11</t>
  </si>
  <si>
    <t>12/20/2019 00:23:38</t>
  </si>
  <si>
    <t>12/20/2019 00:24:38</t>
  </si>
  <si>
    <t>12/20/2019 00:20:44</t>
  </si>
  <si>
    <t>12/20/2019 00:26:37</t>
  </si>
  <si>
    <t>12/20/2019 00:24:44</t>
  </si>
  <si>
    <t>12/20/2019 00:23:11</t>
  </si>
  <si>
    <t>12/20/2019 00:27:38</t>
  </si>
  <si>
    <t>12/20/2019 00:25:11</t>
  </si>
  <si>
    <t>12/20/2019 00:29:38</t>
  </si>
  <si>
    <t>12/20/2019 00:26:44</t>
  </si>
  <si>
    <t>12/20/2019 00:31:38</t>
  </si>
  <si>
    <t>12/20/2019 00:29:11</t>
  </si>
  <si>
    <t>12/20/2019 00:32:38</t>
  </si>
  <si>
    <t>12/20/2019 00:31:11</t>
  </si>
  <si>
    <t>12/20/2019 00:34:38</t>
  </si>
  <si>
    <t>12/20/2019 00:30:44</t>
  </si>
  <si>
    <t>12/20/2019 00:36:38</t>
  </si>
  <si>
    <t>12/20/2019 00:32:44</t>
  </si>
  <si>
    <t>12/20/2019 00:35:11</t>
  </si>
  <si>
    <t>12/20/2019 00:37:38</t>
  </si>
  <si>
    <t>12/20/2019 00:39:38</t>
  </si>
  <si>
    <t>12/20/2019 00:36:44</t>
  </si>
  <si>
    <t>12/20/2019 00:41:38</t>
  </si>
  <si>
    <t>12/20/2019 00:38:44</t>
  </si>
  <si>
    <t>12/20/2019 00:37:11</t>
  </si>
  <si>
    <t>12/20/2019 00:42:38</t>
  </si>
  <si>
    <t>12/20/2019 00:41:11</t>
  </si>
  <si>
    <t>12/20/2019 00:40:59</t>
  </si>
  <si>
    <t>12/20/2019 00:43:38</t>
  </si>
  <si>
    <t>12/20/2019 00:44:38</t>
  </si>
  <si>
    <t>12/20/2019 00:42:44</t>
  </si>
  <si>
    <t>12/20/2019 00:46:39</t>
  </si>
  <si>
    <t>12/20/2019 00:44:45</t>
  </si>
  <si>
    <t>12/20/2019 00:43:11</t>
  </si>
  <si>
    <t>12/20/2019 00:47:37</t>
  </si>
  <si>
    <t>12/20/2019 00:49:38</t>
  </si>
  <si>
    <t>12/20/2019 00:48:45</t>
  </si>
  <si>
    <t>12/20/2019 00:51:38</t>
  </si>
  <si>
    <t>12/20/2019 00:47:11</t>
  </si>
  <si>
    <t>12/20/2019 00:52:38</t>
  </si>
  <si>
    <t>12/20/2019 00:49:11</t>
  </si>
  <si>
    <t>12/20/2019 00:54:38</t>
  </si>
  <si>
    <t>12/20/2019 00:50:45</t>
  </si>
  <si>
    <t>12/20/2019 00:56:39</t>
  </si>
  <si>
    <t>12/20/2019 00:54:45</t>
  </si>
  <si>
    <t>12/20/2019 00:54:52</t>
  </si>
  <si>
    <t>12/20/2019 00:53:11</t>
  </si>
  <si>
    <t>12/20/2019 00:57:38</t>
  </si>
  <si>
    <t>12/20/2019 00:55:11</t>
  </si>
  <si>
    <t>12/20/2019 00:59:38</t>
  </si>
  <si>
    <t>12/20/2019 00:59:11</t>
  </si>
  <si>
    <t>12/20/2019 01:16:38</t>
  </si>
  <si>
    <t>12/20/2019 01:01:11</t>
  </si>
  <si>
    <t>12/20/2019 01:00:45</t>
  </si>
  <si>
    <t>12/20/2019 01:03:42</t>
  </si>
  <si>
    <t>12/20/2019 01:02:45</t>
  </si>
  <si>
    <t>12/20/2019 01:05:12</t>
  </si>
  <si>
    <t>12/20/2019 01:13:57</t>
  </si>
  <si>
    <t>12/20/2019 01:17:39</t>
  </si>
  <si>
    <t>12/20/2019 01:07:12</t>
  </si>
  <si>
    <t>12/20/2019 01:11:11</t>
  </si>
  <si>
    <t>12/20/2019 01:13:11</t>
  </si>
  <si>
    <t>12/20/2019 01:18:38</t>
  </si>
  <si>
    <t>12/20/2019 01:06:45</t>
  </si>
  <si>
    <t>12/20/2019 01:08:45</t>
  </si>
  <si>
    <t>12/20/2019 01:12:45</t>
  </si>
  <si>
    <t>12/20/2019 01:14:45</t>
  </si>
  <si>
    <t>12/20/2019 01:17:12</t>
  </si>
  <si>
    <t>12/20/2019 01:22:38</t>
  </si>
  <si>
    <t>12/20/2019 01:19:11</t>
  </si>
  <si>
    <t>12/20/2019 01:18:45</t>
  </si>
  <si>
    <t>12/20/2019 01:23:38</t>
  </si>
  <si>
    <t>12/20/2019 01:20:45</t>
  </si>
  <si>
    <t>12/20/2019 01:23:11</t>
  </si>
  <si>
    <t>12/20/2019 01:27:38</t>
  </si>
  <si>
    <t>12/20/2019 01:25:11</t>
  </si>
  <si>
    <t>12/20/2019 01:24:45</t>
  </si>
  <si>
    <t>12/20/2019 01:28:39</t>
  </si>
  <si>
    <t>12/20/2019 01:26:45</t>
  </si>
  <si>
    <t>12/20/2019 01:29:11</t>
  </si>
  <si>
    <t>12/20/2019 01:32:38</t>
  </si>
  <si>
    <t>12/20/2019 01:31:11</t>
  </si>
  <si>
    <t>12/20/2019 01:30:45</t>
  </si>
  <si>
    <t>12/20/2019 01:33:37</t>
  </si>
  <si>
    <t>12/20/2019 01:35:11</t>
  </si>
  <si>
    <t>12/20/2019 01:37:38</t>
  </si>
  <si>
    <t>12/20/2019 01:32:45</t>
  </si>
  <si>
    <t>12/20/2019 01:38:38</t>
  </si>
  <si>
    <t>12/20/2019 01:36:45</t>
  </si>
  <si>
    <t>12/20/2019 01:37:12</t>
  </si>
  <si>
    <t>12/20/2019 01:42:38</t>
  </si>
  <si>
    <t>12/20/2019 01:41:11</t>
  </si>
  <si>
    <t>12/20/2019 01:38:45</t>
  </si>
  <si>
    <t>12/20/2019 01:43:37</t>
  </si>
  <si>
    <t>12/20/2019 01:43:11</t>
  </si>
  <si>
    <t>12/20/2019 01:47:37</t>
  </si>
  <si>
    <t>12/20/2019 01:42:45</t>
  </si>
  <si>
    <t>12/20/2019 01:48:38</t>
  </si>
  <si>
    <t>12/20/2019 01:44:45</t>
  </si>
  <si>
    <t>12/20/2019 01:47:11</t>
  </si>
  <si>
    <t>12/20/2019 01:52:37</t>
  </si>
  <si>
    <t>12/20/2019 01:49:11</t>
  </si>
  <si>
    <t>12/20/2019 01:48:45</t>
  </si>
  <si>
    <t>12/20/2019 01:53:38</t>
  </si>
  <si>
    <t>12/20/2019 01:50:45</t>
  </si>
  <si>
    <t>12/20/2019 01:53:12</t>
  </si>
  <si>
    <t>12/20/2019 01:57:38</t>
  </si>
  <si>
    <t>12/20/2019 01:55:12</t>
  </si>
  <si>
    <t>12/20/2019 01:54:46</t>
  </si>
  <si>
    <t>12/20/2019 01:58:38</t>
  </si>
  <si>
    <t>12/20/2019 01:56:45</t>
  </si>
  <si>
    <t>12/20/2019 01:59:12</t>
  </si>
  <si>
    <t>12/20/2019 02:02:39</t>
  </si>
  <si>
    <t>12/20/2019 02:01:12</t>
  </si>
  <si>
    <t>12/20/2019 02:00:45</t>
  </si>
  <si>
    <t>12/20/2019 02:03:38</t>
  </si>
  <si>
    <t>12/20/2019 02:02:52</t>
  </si>
  <si>
    <t>12/20/2019 02:03:30</t>
  </si>
  <si>
    <t>12/20/2019 02:06:38</t>
  </si>
  <si>
    <t>12/20/2019 02:05:12</t>
  </si>
  <si>
    <t>12/20/2019 02:07:39</t>
  </si>
  <si>
    <t>12/20/2019 02:02:44</t>
  </si>
  <si>
    <t>12/20/2019 02:08:39</t>
  </si>
  <si>
    <t>12/20/2019 02:06:44</t>
  </si>
  <si>
    <t>12/20/2019 02:07:12</t>
  </si>
  <si>
    <t>12/20/2019 02:12:38</t>
  </si>
  <si>
    <t>12/20/2019 02:11:12</t>
  </si>
  <si>
    <t>12/20/2019 02:08:44</t>
  </si>
  <si>
    <t>12/20/2019 02:13:38</t>
  </si>
  <si>
    <t>12/20/2019 02:13:12</t>
  </si>
  <si>
    <t>12/20/2019 02:17:38</t>
  </si>
  <si>
    <t>12/20/2019 02:12:44</t>
  </si>
  <si>
    <t>12/20/2019 02:18:38</t>
  </si>
  <si>
    <t>12/20/2019 02:14:44</t>
  </si>
  <si>
    <t>12/20/2019 02:17:19</t>
  </si>
  <si>
    <t>12/20/2019 02:21:38</t>
  </si>
  <si>
    <t>12/20/2019 02:17:12</t>
  </si>
  <si>
    <t>12/20/2019 02:22:39</t>
  </si>
  <si>
    <t>12/20/2019 02:19:12</t>
  </si>
  <si>
    <t>12/20/2019 02:18:44</t>
  </si>
  <si>
    <t>12/20/2019 02:23:38</t>
  </si>
  <si>
    <t>12/20/2019 02:20:44</t>
  </si>
  <si>
    <t>12/20/2019 02:21:46</t>
  </si>
  <si>
    <t>12/20/2019 02:23:12</t>
  </si>
  <si>
    <t>12/20/2019 02:27:40</t>
  </si>
  <si>
    <t>12/20/2019 02:25:12</t>
  </si>
  <si>
    <t>12/20/2019 02:24:44</t>
  </si>
  <si>
    <t>12/20/2019 02:28:39</t>
  </si>
  <si>
    <t>12/20/2019 02:26:44</t>
  </si>
  <si>
    <t>12/20/2019 02:29:12</t>
  </si>
  <si>
    <t>12/20/2019 02:32:39</t>
  </si>
  <si>
    <t>12/20/2019 02:31:12</t>
  </si>
  <si>
    <t>12/20/2019 02:29:58</t>
  </si>
  <si>
    <t>12/20/2019 02:33:40</t>
  </si>
  <si>
    <t>12/20/2019 02:30:44</t>
  </si>
  <si>
    <t>12/20/2019 02:35:12</t>
  </si>
  <si>
    <t>12/20/2019 02:37:40</t>
  </si>
  <si>
    <t>12/20/2019 02:32:44</t>
  </si>
  <si>
    <t>12/20/2019 02:38:41</t>
  </si>
  <si>
    <t>12/20/2019 02:36:44</t>
  </si>
  <si>
    <t>12/20/2019 02:37:12</t>
  </si>
  <si>
    <t>12/20/2019 02:42:41</t>
  </si>
  <si>
    <t>12/20/2019 02:41:12</t>
  </si>
  <si>
    <t>12/20/2019 02:43:40</t>
  </si>
  <si>
    <t>12/20/2019 02:38:44</t>
  </si>
  <si>
    <t>12/20/2019 02:43:12</t>
  </si>
  <si>
    <t>12/20/2019 02:47:40</t>
  </si>
  <si>
    <t>12/20/2019 02:43:19</t>
  </si>
  <si>
    <t>12/20/2019 02:48:40</t>
  </si>
  <si>
    <t>12/20/2019 02:42:44</t>
  </si>
  <si>
    <t>12/20/2019 02:44:44</t>
  </si>
  <si>
    <t>12/20/2019 02:47:12</t>
  </si>
  <si>
    <t>12/20/2019 02:52:40</t>
  </si>
  <si>
    <t>12/20/2019 02:49:12</t>
  </si>
  <si>
    <t>12/20/2019 02:48:44</t>
  </si>
  <si>
    <t>12/20/2019 02:53:40</t>
  </si>
  <si>
    <t>12/20/2019 02:50:44</t>
  </si>
  <si>
    <t>12/20/2019 02:53:12</t>
  </si>
  <si>
    <t>12/20/2019 02:57:39</t>
  </si>
  <si>
    <t>12/20/2019 02:55:12</t>
  </si>
  <si>
    <t>12/20/2019 02:54:46</t>
  </si>
  <si>
    <t>12/20/2019 02:58:39</t>
  </si>
  <si>
    <t>12/20/2019 02:56:45</t>
  </si>
  <si>
    <t>12/20/2019 02:59:36</t>
  </si>
  <si>
    <t>12/20/2019 03:01:40</t>
  </si>
  <si>
    <t>12/20/2019 02:59:12</t>
  </si>
  <si>
    <t>12/20/2019 03:02:39</t>
  </si>
  <si>
    <t>12/20/2019 03:01:12</t>
  </si>
  <si>
    <t>12/20/2019 03:03:40</t>
  </si>
  <si>
    <t>12/20/2019 03:00:45</t>
  </si>
  <si>
    <t>12/20/2019 03:05:12</t>
  </si>
  <si>
    <t>12/20/2019 03:07:39</t>
  </si>
  <si>
    <t>12/20/2019 03:02:45</t>
  </si>
  <si>
    <t>12/20/2019 03:08:38</t>
  </si>
  <si>
    <t>12/20/2019 03:06:45</t>
  </si>
  <si>
    <t>12/20/2019 03:06:28</t>
  </si>
  <si>
    <t>12/20/2019 03:11:39</t>
  </si>
  <si>
    <t>12/20/2019 03:07:12</t>
  </si>
  <si>
    <t>12/20/2019 03:12:38</t>
  </si>
  <si>
    <t>12/20/2019 03:11:12</t>
  </si>
  <si>
    <t>12/20/2019 03:08:45</t>
  </si>
  <si>
    <t>12/20/2019 03:13:39</t>
  </si>
  <si>
    <t>12/20/2019 03:12:45</t>
  </si>
  <si>
    <t>12/20/2019 03:13:13</t>
  </si>
  <si>
    <t>12/20/2019 03:17:39</t>
  </si>
  <si>
    <t>12/20/2019 03:14:31</t>
  </si>
  <si>
    <t>12/20/2019 03:18:40</t>
  </si>
  <si>
    <t>12/20/2019 03:14:45</t>
  </si>
  <si>
    <t>12/20/2019 03:17:13</t>
  </si>
  <si>
    <t>12/20/2019 03:22:39</t>
  </si>
  <si>
    <t>12/20/2019 03:19:12</t>
  </si>
  <si>
    <t>12/20/2019 03:18:45</t>
  </si>
  <si>
    <t>12/20/2019 03:23:40</t>
  </si>
  <si>
    <t>12/20/2019 03:20:45</t>
  </si>
  <si>
    <t>12/20/2019 03:23:13</t>
  </si>
  <si>
    <t>12/20/2019 03:27:40</t>
  </si>
  <si>
    <t>12/20/2019 03:25:13</t>
  </si>
  <si>
    <t>12/20/2019 03:24:45</t>
  </si>
  <si>
    <t>12/20/2019 03:28:40</t>
  </si>
  <si>
    <t>12/20/2019 03:26:45</t>
  </si>
  <si>
    <t>12/20/2019 03:28:37</t>
  </si>
  <si>
    <t>12/20/2019 03:29:41</t>
  </si>
  <si>
    <t>12/20/2019 03:29:12</t>
  </si>
  <si>
    <t>12/20/2019 03:32:40</t>
  </si>
  <si>
    <t>12/20/2019 03:31:13</t>
  </si>
  <si>
    <t>12/20/2019 03:30:45</t>
  </si>
  <si>
    <t>12/20/2019 03:33:40</t>
  </si>
  <si>
    <t>12/20/2019 03:32:45</t>
  </si>
  <si>
    <t>12/20/2019 03:31:52</t>
  </si>
  <si>
    <t>12/20/2019 03:32:54</t>
  </si>
  <si>
    <t>12/20/2019 03:35:40</t>
  </si>
  <si>
    <t>12/20/2019 03:35:12</t>
  </si>
  <si>
    <t>12/20/2019 03:37:41</t>
  </si>
  <si>
    <t>12/20/2019 03:36:45</t>
  </si>
  <si>
    <t>12/20/2019 03:38:40</t>
  </si>
  <si>
    <t>12/20/2019 03:37:12</t>
  </si>
  <si>
    <t>12/20/2019 03:42:39</t>
  </si>
  <si>
    <t>12/20/2019 03:41:12</t>
  </si>
  <si>
    <t>12/20/2019 03:40:15</t>
  </si>
  <si>
    <t>12/20/2019 03:38:45</t>
  </si>
  <si>
    <t>12/20/2019 03:43:40</t>
  </si>
  <si>
    <t>12/20/2019 03:42:45</t>
  </si>
  <si>
    <t>12/20/2019 03:43:33</t>
  </si>
  <si>
    <t>12/20/2019 03:46:40</t>
  </si>
  <si>
    <t>12/20/2019 03:43:12</t>
  </si>
  <si>
    <t>12/20/2019 03:47:40</t>
  </si>
  <si>
    <t>12/20/2019 03:45:01</t>
  </si>
  <si>
    <t>12/20/2019 03:45:02</t>
  </si>
  <si>
    <t>12/20/2019 03:44:45</t>
  </si>
  <si>
    <t>12/20/2019 03:48:39</t>
  </si>
  <si>
    <t>12/20/2019 03:49:12</t>
  </si>
  <si>
    <t>12/20/2019 03:52:40</t>
  </si>
  <si>
    <t>12/20/2019 03:50:12</t>
  </si>
  <si>
    <t>12/20/2019 03:48:45</t>
  </si>
  <si>
    <t>12/20/2019 03:53:39</t>
  </si>
  <si>
    <t>12/20/2019 03:50:45</t>
  </si>
  <si>
    <t>12/20/2019 03:49:02</t>
  </si>
  <si>
    <t>12/20/2019 03:55:12</t>
  </si>
  <si>
    <t>12/20/2019 03:57:40</t>
  </si>
  <si>
    <t>12/20/2019 03:56:12</t>
  </si>
  <si>
    <t>12/20/2019 03:54:46</t>
  </si>
  <si>
    <t>12/20/2019 03:58:39</t>
  </si>
  <si>
    <t>12/20/2019 03:56:45</t>
  </si>
  <si>
    <t>12/20/2019 04:01:12</t>
  </si>
  <si>
    <t>12/20/2019 04:02:40</t>
  </si>
  <si>
    <t>12/20/2019 04:00:45</t>
  </si>
  <si>
    <t>12/20/2019 04:03:40</t>
  </si>
  <si>
    <t>12/20/2019 04:02:45</t>
  </si>
  <si>
    <t>12/20/2019 04:02:13</t>
  </si>
  <si>
    <t>12/20/2019 04:07:39</t>
  </si>
  <si>
    <t>12/20/2019 04:06:45</t>
  </si>
  <si>
    <t>12/20/2019 04:08:39</t>
  </si>
  <si>
    <t>12/20/2019 04:07:13</t>
  </si>
  <si>
    <t>12/20/2019 04:12:39</t>
  </si>
  <si>
    <t>12/20/2019 04:08:13</t>
  </si>
  <si>
    <t>12/20/2019 04:09:48</t>
  </si>
  <si>
    <t>12/20/2019 04:09:49</t>
  </si>
  <si>
    <t>12/20/2019 04:09:51</t>
  </si>
  <si>
    <t>12/20/2019 04:08:45</t>
  </si>
  <si>
    <t>12/20/2019 04:13:39</t>
  </si>
  <si>
    <t>12/20/2019 04:12:45</t>
  </si>
  <si>
    <t>12/20/2019 04:13:18</t>
  </si>
  <si>
    <t>12/20/2019 04:15:39</t>
  </si>
  <si>
    <t>12/20/2019 04:13:13</t>
  </si>
  <si>
    <t>12/20/2019 04:17:39</t>
  </si>
  <si>
    <t>12/20/2019 04:15:13</t>
  </si>
  <si>
    <t>12/20/2019 04:14:45</t>
  </si>
  <si>
    <t>12/20/2019 04:18:39</t>
  </si>
  <si>
    <t>12/20/2019 04:19:13</t>
  </si>
  <si>
    <t>12/20/2019 04:22:39</t>
  </si>
  <si>
    <t>12/20/2019 04:21:13</t>
  </si>
  <si>
    <t>12/20/2019 04:18:45</t>
  </si>
  <si>
    <t>12/20/2019 04:23:39</t>
  </si>
  <si>
    <t>12/20/2019 04:20:45</t>
  </si>
  <si>
    <t>12/20/2019 04:24:36</t>
  </si>
  <si>
    <t>12/20/2019 04:27:39</t>
  </si>
  <si>
    <t>12/20/2019 04:24:37</t>
  </si>
  <si>
    <t>12/20/2019 04:24:39</t>
  </si>
  <si>
    <t>12/20/2019 04:24:41</t>
  </si>
  <si>
    <t>12/20/2019 04:24:42</t>
  </si>
  <si>
    <t>12/20/2019 04:25:13</t>
  </si>
  <si>
    <t>12/20/2019 04:24:45</t>
  </si>
  <si>
    <t>12/20/2019 04:28:39</t>
  </si>
  <si>
    <t>12/20/2019 04:26:45</t>
  </si>
  <si>
    <t>12/20/2019 04:26:44</t>
  </si>
  <si>
    <t>12/20/2019 04:29:39</t>
  </si>
  <si>
    <t>12/20/2019 04:27:27</t>
  </si>
  <si>
    <t>12/20/2019 04:31:39</t>
  </si>
  <si>
    <t>12/20/2019 04:30:13</t>
  </si>
  <si>
    <t>12/20/2019 04:32:39</t>
  </si>
  <si>
    <t>12/20/2019 04:31:13</t>
  </si>
  <si>
    <t>12/20/2019 04:30:45</t>
  </si>
  <si>
    <t>12/20/2019 04:33:39</t>
  </si>
  <si>
    <t>12/20/2019 04:32:45</t>
  </si>
  <si>
    <t>12/20/2019 04:31:30</t>
  </si>
  <si>
    <t>12/20/2019 04:36:13</t>
  </si>
  <si>
    <t>12/20/2019 04:37:39</t>
  </si>
  <si>
    <t>12/20/2019 04:36:45</t>
  </si>
  <si>
    <t>12/20/2019 04:38:39</t>
  </si>
  <si>
    <t>12/20/2019 04:35:22</t>
  </si>
  <si>
    <t>12/20/2019 04:37:02</t>
  </si>
  <si>
    <t>12/20/2019 04:41:38</t>
  </si>
  <si>
    <t>12/20/2019 04:37:13</t>
  </si>
  <si>
    <t>12/20/2019 04:42:39</t>
  </si>
  <si>
    <t>12/20/2019 04:38:45</t>
  </si>
  <si>
    <t>12/20/2019 04:43:39</t>
  </si>
  <si>
    <t>12/20/2019 04:42:45</t>
  </si>
  <si>
    <t>12/20/2019 04:42:13</t>
  </si>
  <si>
    <t>12/20/2019 04:47:39</t>
  </si>
  <si>
    <t>12/20/2019 04:43:13</t>
  </si>
  <si>
    <t>12/20/2019 04:45:25</t>
  </si>
  <si>
    <t>12/20/2019 04:45:26</t>
  </si>
  <si>
    <t>12/20/2019 04:48:39</t>
  </si>
  <si>
    <t>12/20/2019 04:43:40</t>
  </si>
  <si>
    <t>12/20/2019 04:45:10</t>
  </si>
  <si>
    <t>12/20/2019 04:49:38</t>
  </si>
  <si>
    <t>12/20/2019 04:45:57</t>
  </si>
  <si>
    <t>12/20/2019 04:50:39</t>
  </si>
  <si>
    <t>12/20/2019 04:49:13</t>
  </si>
  <si>
    <t>12/20/2019 04:52:40</t>
  </si>
  <si>
    <t>12/20/2019 04:51:13</t>
  </si>
  <si>
    <t>12/20/2019 04:48:46</t>
  </si>
  <si>
    <t>12/20/2019 04:53:40</t>
  </si>
  <si>
    <t>12/20/2019 04:55:13</t>
  </si>
  <si>
    <t>12/20/2019 04:57:40</t>
  </si>
  <si>
    <t>12/20/2019 04:54:46</t>
  </si>
  <si>
    <t>12/20/2019 04:58:40</t>
  </si>
  <si>
    <t>12/20/2019 04:57:28</t>
  </si>
  <si>
    <t>12/20/2019 05:00:40</t>
  </si>
  <si>
    <t>12/20/2019 04:58:37</t>
  </si>
  <si>
    <t>12/20/2019 05:04:40</t>
  </si>
  <si>
    <t>12/20/2019 04:57:13</t>
  </si>
  <si>
    <t>12/20/2019 05:00:45</t>
  </si>
  <si>
    <t>12/20/2019 05:01:13</t>
  </si>
  <si>
    <t>12/20/2019 05:01:11</t>
  </si>
  <si>
    <t>12/20/2019 05:03:45</t>
  </si>
  <si>
    <t>12/20/2019 05:07:40</t>
  </si>
  <si>
    <t>12/20/2019 05:05:50</t>
  </si>
  <si>
    <t>12/20/2019 05:09:40</t>
  </si>
  <si>
    <t>12/20/2019 05:03:13</t>
  </si>
  <si>
    <t>12/20/2019 05:07:13</t>
  </si>
  <si>
    <t>12/20/2019 05:06:45</t>
  </si>
  <si>
    <t>12/20/2019 05:08:39</t>
  </si>
  <si>
    <t>12/20/2019 05:13:41</t>
  </si>
  <si>
    <t>12/20/2019 05:09:13</t>
  </si>
  <si>
    <t>12/20/2019 05:14:41</t>
  </si>
  <si>
    <t>12/20/2019 05:13:13</t>
  </si>
  <si>
    <t>12/20/2019 05:12:45</t>
  </si>
  <si>
    <t>12/20/2019 05:15:13</t>
  </si>
  <si>
    <t>12/20/2019 05:19:41</t>
  </si>
  <si>
    <t>12/20/2019 05:15:23</t>
  </si>
  <si>
    <t>12/20/2019 05:15:24</t>
  </si>
  <si>
    <t>12/20/2019 05:18:45</t>
  </si>
  <si>
    <t>12/20/2019 05:19:15</t>
  </si>
  <si>
    <t>12/20/2019 05:24:40</t>
  </si>
  <si>
    <t>12/20/2019 05:21:13</t>
  </si>
  <si>
    <t>12/20/2019 05:23:46</t>
  </si>
  <si>
    <t>12/20/2019 05:28:41</t>
  </si>
  <si>
    <t>12/20/2019 05:25:13</t>
  </si>
  <si>
    <t>12/20/2019 05:29:40</t>
  </si>
  <si>
    <t>12/20/2019 05:27:14</t>
  </si>
  <si>
    <t>12/20/2019 05:24:45</t>
  </si>
  <si>
    <t>12/20/2019 05:31:13</t>
  </si>
  <si>
    <t>12/20/2019 05:34:40</t>
  </si>
  <si>
    <t>12/20/2019 05:33:13</t>
  </si>
  <si>
    <t>12/20/2019 05:30:45</t>
  </si>
  <si>
    <t>12/20/2019 05:37:13</t>
  </si>
  <si>
    <t>12/20/2019 05:39:40</t>
  </si>
  <si>
    <t>12/20/2019 05:36:45</t>
  </si>
  <si>
    <t>12/20/2019 05:39:13</t>
  </si>
  <si>
    <t>12/20/2019 05:44:40</t>
  </si>
  <si>
    <t>12/20/2019 05:43:13</t>
  </si>
  <si>
    <t>12/20/2019 05:42:45</t>
  </si>
  <si>
    <t>12/20/2019 05:45:14</t>
  </si>
  <si>
    <t>12/20/2019 05:49:39</t>
  </si>
  <si>
    <t>12/20/2019 05:48:45</t>
  </si>
  <si>
    <t>12/20/2019 05:49:13</t>
  </si>
  <si>
    <t>12/20/2019 05:54:40</t>
  </si>
  <si>
    <t>12/20/2019 05:51:13</t>
  </si>
  <si>
    <t>12/20/2019 05:53:57</t>
  </si>
  <si>
    <t>12/20/2019 05:53:58</t>
  </si>
  <si>
    <t>12/20/2019 05:53:59</t>
  </si>
  <si>
    <t>12/20/2019 05:54:00</t>
  </si>
  <si>
    <t>12/20/2019 05:54:01</t>
  </si>
  <si>
    <t>12/20/2019 05:55:13</t>
  </si>
  <si>
    <t>12/20/2019 05:59:40</t>
  </si>
  <si>
    <t>12/20/2019 05:57:13</t>
  </si>
  <si>
    <t>12/20/2019 05:54:02</t>
  </si>
  <si>
    <t>12/20/2019 05:54:46</t>
  </si>
  <si>
    <t>12/20/2019 06:01:13</t>
  </si>
  <si>
    <t>12/20/2019 06:04:40</t>
  </si>
  <si>
    <t>12/20/2019 06:03:14</t>
  </si>
  <si>
    <t>12/20/2019 05:59:45</t>
  </si>
  <si>
    <t>12/20/2019 06:00:45</t>
  </si>
  <si>
    <t>12/20/2019 06:07:13</t>
  </si>
  <si>
    <t>12/20/2019 06:09:40</t>
  </si>
  <si>
    <t>12/20/2019 06:05:45</t>
  </si>
  <si>
    <t>12/20/2019 06:06:45</t>
  </si>
  <si>
    <t>12/20/2019 06:09:13</t>
  </si>
  <si>
    <t>12/20/2019 06:14:40</t>
  </si>
  <si>
    <t>12/20/2019 06:13:14</t>
  </si>
  <si>
    <t>12/20/2019 06:11:45</t>
  </si>
  <si>
    <t>12/20/2019 06:12:45</t>
  </si>
  <si>
    <t>12/20/2019 06:15:14</t>
  </si>
  <si>
    <t>12/20/2019 06:19:40</t>
  </si>
  <si>
    <t>12/20/2019 06:17:45</t>
  </si>
  <si>
    <t>12/20/2019 06:18:45</t>
  </si>
  <si>
    <t>12/20/2019 06:20:15</t>
  </si>
  <si>
    <t>12/20/2019 06:21:40</t>
  </si>
  <si>
    <t>12/20/2019 06:19:14</t>
  </si>
  <si>
    <t>12/20/2019 06:24:41</t>
  </si>
  <si>
    <t>12/20/2019 06:21:14</t>
  </si>
  <si>
    <t>12/20/2019 06:23:46</t>
  </si>
  <si>
    <t>12/20/2019 06:25:14</t>
  </si>
  <si>
    <t>12/20/2019 06:29:40</t>
  </si>
  <si>
    <t>12/20/2019 06:27:14</t>
  </si>
  <si>
    <t>12/20/2019 06:28:25</t>
  </si>
  <si>
    <t>12/20/2019 06:24:46</t>
  </si>
  <si>
    <t>12/20/2019 06:31:36</t>
  </si>
  <si>
    <t>12/20/2019 06:32:40</t>
  </si>
  <si>
    <t>12/20/2019 06:31:14</t>
  </si>
  <si>
    <t>12/20/2019 06:34:40</t>
  </si>
  <si>
    <t>12/20/2019 06:33:14</t>
  </si>
  <si>
    <t>12/20/2019 06:29:46</t>
  </si>
  <si>
    <t>12/20/2019 06:30:46</t>
  </si>
  <si>
    <t>12/20/2019 06:37:14</t>
  </si>
  <si>
    <t>12/20/2019 06:39:40</t>
  </si>
  <si>
    <t>12/20/2019 06:35:46</t>
  </si>
  <si>
    <t>12/20/2019 06:36:46</t>
  </si>
  <si>
    <t>12/20/2019 06:39:48</t>
  </si>
  <si>
    <t>12/20/2019 06:41:41</t>
  </si>
  <si>
    <t>12/20/2019 06:39:14</t>
  </si>
  <si>
    <t>12/20/2019 06:44:40</t>
  </si>
  <si>
    <t>12/20/2019 06:43:14</t>
  </si>
  <si>
    <t>12/20/2019 06:41:46</t>
  </si>
  <si>
    <t>12/20/2019 06:42:46</t>
  </si>
  <si>
    <t>12/20/2019 06:44:21</t>
  </si>
  <si>
    <t>12/20/2019 06:46:40</t>
  </si>
  <si>
    <t>12/20/2019 06:45:14</t>
  </si>
  <si>
    <t>12/20/2019 06:49:40</t>
  </si>
  <si>
    <t>12/20/2019 06:47:46</t>
  </si>
  <si>
    <t>12/20/2019 06:48:46</t>
  </si>
  <si>
    <t>12/20/2019 06:48:12</t>
  </si>
  <si>
    <t>12/20/2019 06:51:40</t>
  </si>
  <si>
    <t>12/20/2019 06:49:14</t>
  </si>
  <si>
    <t>12/20/2019 06:54:40</t>
  </si>
  <si>
    <t>12/20/2019 06:51:14</t>
  </si>
  <si>
    <t>12/20/2019 06:53:47</t>
  </si>
  <si>
    <t>12/20/2019 06:50:33</t>
  </si>
  <si>
    <t>8f4fbe2f-c979-4d17-b364-2098b086b633; asp.net_sessionid=fxl1yq0utov5yecfe4q2bbo2; __requestverificationtoken=l7w6zhhejir-eebkbwzzex74mb3p57cdadqpv3pswhjgxbisrkkw9i1_zhd2ncngwtxv9fmjq71zdv_xmlmloab1e9_bjxmd-hmcwlv67kg1; tp_stylesheet=light_blue; tp_layout_m</t>
  </si>
  <si>
    <t>C:\Users\marcos.pereira\AppData\Local\Temp\KPI's Julho de 2019 - Lote 5 Alagartech (FO SPO).msg\s124\</t>
  </si>
  <si>
    <t>Ata Reunião Contratadas_ Fechamento JULHO-19 2208019.xlsx</t>
  </si>
  <si>
    <t>12/20/2019 06:49:47</t>
  </si>
  <si>
    <t>12/20/2019 06:55:39</t>
  </si>
  <si>
    <t>invite (1).ics.dyw62j1.partial</t>
  </si>
  <si>
    <t>\\acsfs\profiles$\monicargds\Downloads\invite (1).ics.dyw62j1.partial</t>
  </si>
  <si>
    <t>12/20/2019 06:53:39</t>
  </si>
  <si>
    <t>8228101c-8e24-407c-b6a9-e4355363bad1.tmp</t>
  </si>
  <si>
    <t>\\acsfs\profiles$\vivianealda\Downloads\8228101c-8e24-407c-b6a9-e4355363bad1.tmp</t>
  </si>
  <si>
    <t>12/20/2019 06:53:01</t>
  </si>
  <si>
    <t>6682182d-ecf2-49a1-b1b1-15ecc80f79be.tmp</t>
  </si>
  <si>
    <t>\\acsfs\profiles$\nathaliadf\Downloads\6682182d-ecf2-49a1-b1b1-15ecc80f79be.tmp</t>
  </si>
  <si>
    <t>12/20/2019 06:53:43</t>
  </si>
  <si>
    <t>a3bfdf5a-f4d2-4a8a-a326-ac2cd6135029.tmp</t>
  </si>
  <si>
    <t>\\acsfs\profiles$\nathaliadf\Downloads\a3bfdf5a-f4d2-4a8a-a326-ac2cd6135029.tmp</t>
  </si>
  <si>
    <t>12/20/2019 06:54:49</t>
  </si>
  <si>
    <t>48b69b7d-1d7b-4e5a-85ae-79d4c23d5d84.tmp</t>
  </si>
  <si>
    <t>\\acsfs\profiles$\nathaliadf\Downloads\48b69b7d-1d7b-4e5a-85ae-79d4c23d5d84.tmp</t>
  </si>
  <si>
    <t>12/20/2019 06:54:50</t>
  </si>
  <si>
    <t>12/20/2019 06:56:40</t>
  </si>
  <si>
    <t>12/20/2019 06:55:14</t>
  </si>
  <si>
    <t>12/20/2019 06:59:40</t>
  </si>
  <si>
    <t>12/20/2019 06:57:14</t>
  </si>
  <si>
    <t>12/20/2019 06:54:48</t>
  </si>
  <si>
    <t>12/20/2019 06:55:11</t>
  </si>
  <si>
    <t>12/20/2019 07:00:40</t>
  </si>
  <si>
    <t>5d5fed2d-5002-4e02-b6cd-3c6eb7fb25bd.tmp</t>
  </si>
  <si>
    <t>\\acsfs\profiles$\vivianealda\Downloads\5d5fed2d-5002-4e02-b6cd-3c6eb7fb25bd.tmp</t>
  </si>
  <si>
    <t>12/20/2019 06:56:23</t>
  </si>
  <si>
    <t>6543d9e3-4a31-40ce-ab56-9e0fe61e4b81.tmp</t>
  </si>
  <si>
    <t>\\acsfs\profiles$\vivianealda\Downloads\6543d9e3-4a31-40ce-ab56-9e0fe61e4b81.tmp</t>
  </si>
  <si>
    <t>12/20/2019 06:59:07</t>
  </si>
  <si>
    <t>12/20/2019 06:57:59</t>
  </si>
  <si>
    <t>fcbb3a12-fbe6-4a04-82d5-2243cea6b1bd.tmp</t>
  </si>
  <si>
    <t>\\acsfs\profiles$\nathaliadf\Downloads\fcbb3a12-fbe6-4a04-82d5-2243cea6b1bd.tmp</t>
  </si>
  <si>
    <t>12/20/2019 07:01:14</t>
  </si>
  <si>
    <t>12/20/2019 07:04:40</t>
  </si>
  <si>
    <t>12/20/2019 07:03:14</t>
  </si>
  <si>
    <t>12/20/2019 06:59:47</t>
  </si>
  <si>
    <t>12/20/2019 07:00:47</t>
  </si>
  <si>
    <t>12/20/2019 07:04:17</t>
  </si>
  <si>
    <t>12/20/2019 07:06:40</t>
  </si>
  <si>
    <t>12/20/2019 07:04:55</t>
  </si>
  <si>
    <t>12/20/2019 07:04:56</t>
  </si>
  <si>
    <t>12/20/2019 07:04:58</t>
  </si>
  <si>
    <t>12/20/2019 07:05:12</t>
  </si>
  <si>
    <t>12/20/2019 07:05:13</t>
  </si>
  <si>
    <t>12/20/2019 07:05:14</t>
  </si>
  <si>
    <t>12/20/2019 07:05:58</t>
  </si>
  <si>
    <t>12/20/2019 07:05:47</t>
  </si>
  <si>
    <t>12/20/2019 07:07:14</t>
  </si>
  <si>
    <t>12/20/2019 07:09:41</t>
  </si>
  <si>
    <t>12/20/2019 07:06:47</t>
  </si>
  <si>
    <t>12/20/2019 07:06:08</t>
  </si>
  <si>
    <t>12/20/2019 07:11:40</t>
  </si>
  <si>
    <t>12/20/2019 07:10:53</t>
  </si>
  <si>
    <t>97b291e1-1045-44d1-8e49-60cdd268ab5f.tmp</t>
  </si>
  <si>
    <t>\\acsfs\profiles$\marcosvnds\Downloads\97b291e1-1045-44d1-8e49-60cdd268ab5f.tmp</t>
  </si>
  <si>
    <t>12/20/2019 07:10:55</t>
  </si>
  <si>
    <t>12c568ea-ef6b-4fe4-b302-f490e31496dc.tmp</t>
  </si>
  <si>
    <t>\\acsfs\profiles$\marcosvnds\Downloads\12c568ea-ef6b-4fe4-b302-f490e31496dc.tmp</t>
  </si>
  <si>
    <t>12/20/2019 07:09:14</t>
  </si>
  <si>
    <t>12/20/2019 07:14:40</t>
  </si>
  <si>
    <t>12/20/2019 07:13:14</t>
  </si>
  <si>
    <t>12/20/2019 07:11:47</t>
  </si>
  <si>
    <t>12/20/2019 07:12:47</t>
  </si>
  <si>
    <t>12/20/2019 07:11:58</t>
  </si>
  <si>
    <t>12/20/2019 07:16:40</t>
  </si>
  <si>
    <t>6507f2ff-4923-456b-8071-ad1b9baaa8c0.tmp</t>
  </si>
  <si>
    <t>\\acsfs\profiles$\marcosvnds\Downloads\6507f2ff-4923-456b-8071-ad1b9baaa8c0.tmp</t>
  </si>
  <si>
    <t>12/20/2019 07:12:42</t>
  </si>
  <si>
    <t>7e302d1a-803b-4724-9cc8-4268af49f137.tmp</t>
  </si>
  <si>
    <t>\\acsfs\profiles$\marcosvnds\Downloads\7e302d1a-803b-4724-9cc8-4268af49f137.tmp</t>
  </si>
  <si>
    <t>12/20/2019 07:13:15</t>
  </si>
  <si>
    <t>a5a3a6de-10fa-4d66-ad14-3d51b2004b2b.tmp</t>
  </si>
  <si>
    <t>\\acsfs\profiles$\marcosvnds\Downloads\a5a3a6de-10fa-4d66-ad14-3d51b2004b2b.tmp</t>
  </si>
  <si>
    <t>12/20/2019 07:14:02</t>
  </si>
  <si>
    <t>48841f48-c585-4f6a-86e9-509a2428e83f.tmp</t>
  </si>
  <si>
    <t>\\acsfs\profiles$\marcosvnds\Downloads\48841f48-c585-4f6a-86e9-509a2428e83f.tmp</t>
  </si>
  <si>
    <t>12/20/2019 07:14:18</t>
  </si>
  <si>
    <t>12/20/2019 07:17:40</t>
  </si>
  <si>
    <t>12/20/2019 07:14:22</t>
  </si>
  <si>
    <t>12/20/2019 07:16:30</t>
  </si>
  <si>
    <t>06f3b4b8-6019-4820-a7e7-8116488ddf4f.tmp</t>
  </si>
  <si>
    <t>\\acsfs\profiles$\deboraaa\Downloads\06f3b4b8-6019-4820-a7e7-8116488ddf4f.tmp</t>
  </si>
  <si>
    <t>12/20/2019 07:13:30</t>
  </si>
  <si>
    <t>12/20/2019 07:18:40</t>
  </si>
  <si>
    <t>12/20/2019 07:14:59</t>
  </si>
  <si>
    <t>12/20/2019 07:16:26</t>
  </si>
  <si>
    <t>93c07b68-1413-46f6-8dd1-e02b372e4d8c.tmp</t>
  </si>
  <si>
    <t>\\acsfs\profiles$\sarahbal\Downloads\93c07b68-1413-46f6-8dd1-e02b372e4d8c.tmp</t>
  </si>
  <si>
    <t>12/20/2019 07:17:38</t>
  </si>
  <si>
    <t>0801ad8b-df5f-40e0-8c91-116530f233b6.tmp</t>
  </si>
  <si>
    <t>\\acsfs\profiles$\sarahbal\Downloads\0801ad8b-df5f-40e0-8c91-116530f233b6.tmp</t>
  </si>
  <si>
    <t>12/20/2019 07:15:14</t>
  </si>
  <si>
    <t>12/20/2019 07:19:40</t>
  </si>
  <si>
    <t>12/20/2019 07:17:47</t>
  </si>
  <si>
    <t>12/20/2019 07:18:47</t>
  </si>
  <si>
    <t>12/20/2019 07:19:46</t>
  </si>
  <si>
    <t>12/20/2019 07:22:40</t>
  </si>
  <si>
    <t>d4f5fe92-5050-49ae-8749-76fa44cd6a0b.tmp</t>
  </si>
  <si>
    <t>\\acsfs\profiles$\deboraaa\Downloads\d4f5fe92-5050-49ae-8749-76fa44cd6a0b.tmp</t>
  </si>
  <si>
    <t>12/20/2019 07:21:28</t>
  </si>
  <si>
    <t>12/20/2019 07:23:40</t>
  </si>
  <si>
    <t>12/20/2019 07:18:33</t>
  </si>
  <si>
    <t>935d6edb-180e-43a1-8be7-7520c0bfc738.tmp</t>
  </si>
  <si>
    <t>\\acsfs\profiles$\sarahbal\Downloads\935d6edb-180e-43a1-8be7-7520c0bfc738.tmp</t>
  </si>
  <si>
    <t>12/20/2019 07:19:15</t>
  </si>
  <si>
    <t>12/20/2019 07:24:40</t>
  </si>
  <si>
    <t>12/20/2019 07:21:14</t>
  </si>
  <si>
    <t>12/20/2019 07:23:47</t>
  </si>
  <si>
    <t>12/20/2019 07:25:40</t>
  </si>
  <si>
    <t>12/20/2019 07:24:35</t>
  </si>
  <si>
    <t>12/20/2019 07:27:40</t>
  </si>
  <si>
    <t>4eb75b63-e38b-4610-8451-9d6a23a2cf96.tmp</t>
  </si>
  <si>
    <t>\\acsfs\profiles$\matheushds\Downloads\4eb75b63-e38b-4610-8451-9d6a23a2cf96.tmp</t>
  </si>
  <si>
    <t>12/20/2019 07:25:53</t>
  </si>
  <si>
    <t>c032eed9-3963-4314-8cec-76b4b330b24f.tmp</t>
  </si>
  <si>
    <t>\\acsfs\profiles$\matheushds\Downloads\c032eed9-3963-4314-8cec-76b4b330b24f.tmp</t>
  </si>
  <si>
    <t>12/20/2019 07:26:15</t>
  </si>
  <si>
    <t>b5b7ff9d-1515-49b3-a912-abb0f56f493b.tmp</t>
  </si>
  <si>
    <t>\\acsfs\profiles$\matheushds\Downloads\b5b7ff9d-1515-49b3-a912-abb0f56f493b.tmp</t>
  </si>
  <si>
    <t>12/20/2019 07:23:06</t>
  </si>
  <si>
    <t>78ff3962-fae1-41e5-8a85-c80d816135e0.tmp</t>
  </si>
  <si>
    <t>\\acsfs\profiles$\deboraaa\Downloads\78ff3962-fae1-41e5-8a85-c80d816135e0.tmp</t>
  </si>
  <si>
    <t>12/20/2019 07:26:44</t>
  </si>
  <si>
    <t>12/20/2019 07:28:40</t>
  </si>
  <si>
    <t>d5bebe11-795f-41d0-abb0-ae768782b3eb.tmp</t>
  </si>
  <si>
    <t>\\acsfs\profiles$\websondsa\Downloads\d5bebe11-795f-41d0-abb0-ae768782b3eb.tmp</t>
  </si>
  <si>
    <t>12/20/2019 07:27:32</t>
  </si>
  <si>
    <t>261cc86c-49c8-477b-af77-fd3040679e89.tmp</t>
  </si>
  <si>
    <t>\\acsfs\profiles$\websondsa\Downloads\261cc86c-49c8-477b-af77-fd3040679e89.tmp</t>
  </si>
  <si>
    <t>12/20/2019 07:27:33</t>
  </si>
  <si>
    <t>73b3b2f1-d40c-40db-aaba-a965edcefc9b.tmp</t>
  </si>
  <si>
    <t>\\acsfs\profiles$\websondsa\Downloads\73b3b2f1-d40c-40db-aaba-a965edcefc9b.tmp</t>
  </si>
  <si>
    <t>12/20/2019 07:25:44</t>
  </si>
  <si>
    <t>aa16141a-cf45-41c4-87df-2ddb3f3cca0b.tmp</t>
  </si>
  <si>
    <t>\\acsfs\profiles$\sarahbal\Downloads\aa16141a-cf45-41c4-87df-2ddb3f3cca0b.tmp</t>
  </si>
  <si>
    <t>12/20/2019 07:28:10</t>
  </si>
  <si>
    <t>12/20/2019 07:29:40</t>
  </si>
  <si>
    <t>12/20/2019 07:25:14</t>
  </si>
  <si>
    <t>12/20/2019 07:27:14</t>
  </si>
  <si>
    <t>12/20/2019 07:24:47</t>
  </si>
  <si>
    <t>12/20/2019 07:25:27</t>
  </si>
  <si>
    <t>12/20/2019 07:26:39</t>
  </si>
  <si>
    <t>0c1218c3-5013-4e72-8955-1840cb1a9a0c.tmp</t>
  </si>
  <si>
    <t>\\acsfs\profiles$\ERICALSR\Downloads\0c1218c3-5013-4e72-8955-1840cb1a9a0c.tmp</t>
  </si>
  <si>
    <t>12/20/2019 07:27:51</t>
  </si>
  <si>
    <t>cb0a2af8-d8e1-4932-95fa-5fa2a67ac145.tmp</t>
  </si>
  <si>
    <t>\\acsfs\profiles$\ERICALSR\Downloads\cb0a2af8-d8e1-4932-95fa-5fa2a67ac145.tmp</t>
  </si>
  <si>
    <t>12/20/2019 07:30:41</t>
  </si>
  <si>
    <t>12/20/2019 07:26:51</t>
  </si>
  <si>
    <t>c44ab978-dc24-47a2-a4f5-6354bc18403b.tmp</t>
  </si>
  <si>
    <t>\\acsfs\profiles$\vivianealda\Downloads\c44ab978-dc24-47a2-a4f5-6354bc18403b.tmp</t>
  </si>
  <si>
    <t>12/20/2019 07:28:13</t>
  </si>
  <si>
    <t>12/20/2019 07:32:41</t>
  </si>
  <si>
    <t>6aeca8fa-7315-4d0d-b5e5-239ab5d61d4b.tmp</t>
  </si>
  <si>
    <t>\\acsfs\profiles$\deboraaa\Downloads\6aeca8fa-7315-4d0d-b5e5-239ab5d61d4b.tmp</t>
  </si>
  <si>
    <t>12/20/2019 07:28:59</t>
  </si>
  <si>
    <t>12/20/2019 07:33:40</t>
  </si>
  <si>
    <t>32a3d715-a98c-43c3-b8e0-2426d5753969.tmp</t>
  </si>
  <si>
    <t>\\acsfs\profiles$\websondsa\Downloads\32a3d715-a98c-43c3-b8e0-2426d5753969.tmp</t>
  </si>
  <si>
    <t>12/20/2019 07:30:21</t>
  </si>
  <si>
    <t>12/20/2019 07:34:41</t>
  </si>
  <si>
    <t>12/20/2019 07:30:26</t>
  </si>
  <si>
    <t>5f204348-cb76-4d86-8f89-f791596045f3.tmp</t>
  </si>
  <si>
    <t>\\acsfs\profiles$\alicecpbc\Downloads\5f204348-cb76-4d86-8f89-f791596045f3.tmp</t>
  </si>
  <si>
    <t>12/20/2019 07:30:29</t>
  </si>
  <si>
    <t>a32df6e5-ac14-43ce-ae23-cbe02ec000fc.tmp</t>
  </si>
  <si>
    <t>\\acsfs\profiles$\alicecpbc\Downloads\a32df6e5-ac14-43ce-ae23-cbe02ec000fc.tmp</t>
  </si>
  <si>
    <t>12/20/2019 07:31:14</t>
  </si>
  <si>
    <t>12/20/2019 07:33:14</t>
  </si>
  <si>
    <t>12/20/2019 07:29:47</t>
  </si>
  <si>
    <t>12/20/2019 07:30:47</t>
  </si>
  <si>
    <t>12/20/2019 07:35:41</t>
  </si>
  <si>
    <t>12/20/2019 07:31:49</t>
  </si>
  <si>
    <t>12/20/2019 07:24:56</t>
  </si>
  <si>
    <t>12/20/2019 07:36:41</t>
  </si>
  <si>
    <t>/o=exchangelabs/ou=exchange administrative group (fydibohf23spdlt)/cn=recipients/cn=b712c36eebee42428d3790abe2696417-romario gom;romariog@algartech.com;</t>
  </si>
  <si>
    <t>12 -Next Template_Volumetria_ 2019 Oficial Algar Tech</t>
  </si>
  <si>
    <t>12 -Next Template_Volumetria_ 2019 Oficial Algar Tech.xlsm</t>
  </si>
  <si>
    <t>/o=exchangelabs/ou=exchange administrative group (fydibohf23spdlt)/cn=recipients/cn=b712c36eebee42428d3790abe2696417-romario gom,romariog@algartech.com</t>
  </si>
  <si>
    <t>12/20/2019 07:36:08</t>
  </si>
  <si>
    <t>12/20/2019 07:37:41</t>
  </si>
  <si>
    <t>12/20/2019 07:34:28</t>
  </si>
  <si>
    <t>12/20/2019 07:38:40</t>
  </si>
  <si>
    <t>12/20/2019 07:34:40</t>
  </si>
  <si>
    <t>12/20/2019 07:39:41</t>
  </si>
  <si>
    <t>https://udpmailboxap01.acs.com.br:8443/h/search;jsessionid=mumcj134dj5oxqunlzdmci59?si=0&amp;so=0&amp;sc=49807&amp;st=conversation&amp;action=compose</t>
  </si>
  <si>
    <t>victorhmds@bv.algartech.com;</t>
  </si>
  <si>
    <t>https://victorhmds@bv.algartech.com</t>
  </si>
  <si>
    <t>12/20/2019 07:34:46</t>
  </si>
  <si>
    <t>12/20/2019 07:36:36</t>
  </si>
  <si>
    <t>https://udpmailboxap01.acs.com.br:8443/h/search?si=0&amp;so=0&amp;sc=49819&amp;sq=linck&amp;st=conversation&amp;action=compose&amp;paction=paneview</t>
  </si>
  <si>
    <t>guilhermeabsa@bv.algartech.com;</t>
  </si>
  <si>
    <t>https://guilhermeabsa@bv.algartech.com</t>
  </si>
  <si>
    <t>12/20/2019 07:37:14</t>
  </si>
  <si>
    <t>12/20/2019 07:35:47</t>
  </si>
  <si>
    <t>12/20/2019 07:36:47</t>
  </si>
  <si>
    <t>12/20/2019 07:38:19</t>
  </si>
  <si>
    <t>12/20/2019 07:40:41</t>
  </si>
  <si>
    <t>12/20/2019 07:38:29</t>
  </si>
  <si>
    <t>12/20/2019 07:38:30</t>
  </si>
  <si>
    <t>12/20/2019 07:42:42</t>
  </si>
  <si>
    <t>12/20/2019 07:39:00</t>
  </si>
  <si>
    <t>977e84c4-b767-4456-8b62-9724df30d1d9.tmp</t>
  </si>
  <si>
    <t>\\acsfs\profiles$\felipetds\Downloads\977e84c4-b767-4456-8b62-9724df30d1d9.tmp</t>
  </si>
  <si>
    <t>12/20/2019 07:39:48</t>
  </si>
  <si>
    <t>761ddaa1-53aa-4af9-a38c-e488f781b732.tmp</t>
  </si>
  <si>
    <t>\\acsfs\profiles$\felipetds\Downloads\761ddaa1-53aa-4af9-a38c-e488f781b732.tmp</t>
  </si>
  <si>
    <t>12/20/2019 07:41:43</t>
  </si>
  <si>
    <t>12/20/2019 07:38:42</t>
  </si>
  <si>
    <t>12/20/2019 07:43:41</t>
  </si>
  <si>
    <t>85eccb5e-1839-4c27-9fcb-3d7d2c67709d.tmp</t>
  </si>
  <si>
    <t>\\acsfs\profiles$\luanarda\Downloads\85eccb5e-1839-4c27-9fcb-3d7d2c67709d.tmp</t>
  </si>
  <si>
    <t>12/20/2019 07:38:57</t>
  </si>
  <si>
    <t>12/20/2019 07:40:57</t>
  </si>
  <si>
    <t>3f50be48-87ff-44c7-afba-6ed85929c1fa.tmp</t>
  </si>
  <si>
    <t>\\acsfs\profiles$\luanarda\Downloads\3f50be48-87ff-44c7-afba-6ed85929c1fa.tmp</t>
  </si>
  <si>
    <t>12/20/2019 07:41:36</t>
  </si>
  <si>
    <t>a0141867-8552-4677-a347-2aed29ac7c21.tmp</t>
  </si>
  <si>
    <t>\\acsfs\profiles$\luanarda\Downloads\a0141867-8552-4677-a347-2aed29ac7c21.tmp</t>
  </si>
  <si>
    <t>12/20/2019 07:43:04</t>
  </si>
  <si>
    <t>12/20/2019 07:41:09</t>
  </si>
  <si>
    <t>12/20/2019 07:44:42</t>
  </si>
  <si>
    <t>12/20/2019 07:39:14</t>
  </si>
  <si>
    <t>12/20/2019 07:43:15</t>
  </si>
  <si>
    <t>12/20/2019 07:41:47</t>
  </si>
  <si>
    <t>12/20/2019 07:42:47</t>
  </si>
  <si>
    <t>12/20/2019 07:45:41</t>
  </si>
  <si>
    <t>12/20/2019 07:45:36</t>
  </si>
  <si>
    <t>12/20/2019 07:46:41</t>
  </si>
  <si>
    <t>\\acsfs\DEPTOS\Operacao\Banco_Votorantim\Qualidade\Anderson\Jose\Thumbs.db</t>
  </si>
  <si>
    <t>12/20/2019 07:43:06</t>
  </si>
  <si>
    <t>12/20/2019 07:48:41</t>
  </si>
  <si>
    <t>12/20/2019 07:47:20</t>
  </si>
  <si>
    <t>12/20/2019 07:43:44</t>
  </si>
  <si>
    <t>12/20/2019 07:45:14</t>
  </si>
  <si>
    <t>12/20/2019 07:49:42</t>
  </si>
  <si>
    <t>12/20/2019 07:47:47</t>
  </si>
  <si>
    <t>12/20/2019 07:48:47</t>
  </si>
  <si>
    <t>12/20/2019 07:47:52</t>
  </si>
  <si>
    <t>12/20/2019 07:50:41</t>
  </si>
  <si>
    <t>12/20/2019 07:51:08</t>
  </si>
  <si>
    <t>12/20/2019 07:52:41</t>
  </si>
  <si>
    <t>12/20/2019 07:50:51</t>
  </si>
  <si>
    <t>12/20/2019 07:53:42</t>
  </si>
  <si>
    <t>12/20/2019 07:52:23</t>
  </si>
  <si>
    <t>12/20/2019 07:53:30</t>
  </si>
  <si>
    <t>12/20/2019 07:54:42</t>
  </si>
  <si>
    <t>12/20/2019 07:49:14</t>
  </si>
  <si>
    <t>12/20/2019 07:51:15</t>
  </si>
  <si>
    <t>12/20/2019 07:53:47</t>
  </si>
  <si>
    <t>12/19/2019 16:55:52</t>
  </si>
  <si>
    <t>ANDRESSA GOMES RODRIGUES_1_6768085443091175757_1_32.wav</t>
  </si>
  <si>
    <t>\\acsfs\DEPTOS\EDUCACAO EMPRESARIAL\Ligações 2º ciclo - Késia\ANDRESSA GOMES RODRIGUES_1_6768085443091175757_1_32.wav</t>
  </si>
  <si>
    <t>12/19/2019 16:56:31</t>
  </si>
  <si>
    <t>ANDRESSA MACEDO FERREIRA_1_6766192569399457907_1_32.wav</t>
  </si>
  <si>
    <t>\\acsfs\DEPTOS\EDUCACAO EMPRESARIAL\Ligações 2º ciclo - Késia\ANDRESSA MACEDO FERREIRA_1_6766192569399457907_1_32.wav</t>
  </si>
  <si>
    <t>12/19/2019 16:57:00</t>
  </si>
  <si>
    <t>MATEUS DE JESUS MORAIS_1_6766608060240699455_1_32.wav</t>
  </si>
  <si>
    <t>\\acsfs\DEPTOS\EDUCACAO EMPRESARIAL\Ligações 2º ciclo - Késia\MATEUS DE JESUS MORAIS_1_6766608060240699455_1_32.wav</t>
  </si>
  <si>
    <t>12/19/2019 16:57:46</t>
  </si>
  <si>
    <t>BEATRIZ PEREIRA MENDES DA SILVA_1_6766661511108695701_1_32.wav</t>
  </si>
  <si>
    <t>\\acsfs\DEPTOS\EDUCACAO EMPRESARIAL\Ligações 2º ciclo - Késia\BEATRIZ PEREIRA MENDES DA SILVA_1_6766661511108695701_1_32.wav</t>
  </si>
  <si>
    <t>12/19/2019 16:58:20</t>
  </si>
  <si>
    <t>BRUNA ASSUNCAO ROSA_1_6765870811924469396_1_32.wav</t>
  </si>
  <si>
    <t>\\acsfs\DEPTOS\EDUCACAO EMPRESARIAL\Ligações 2º ciclo - Késia\BRUNA ASSUNCAO ROSA_1_6765870811924469396_1_32.wav</t>
  </si>
  <si>
    <t>12/19/2019 16:59:08</t>
  </si>
  <si>
    <t>BRUNO GONCALVES DA SILVA 100529_1_6766607115347893282_1_32.wav</t>
  </si>
  <si>
    <t>\\acsfs\DEPTOS\EDUCACAO EMPRESARIAL\Ligações 2º ciclo - Késia\BRUNO GONCALVES DA SILVA 100529_1_6766607115347893282_1_32.wav</t>
  </si>
  <si>
    <t>12/20/2019 07:55:42</t>
  </si>
  <si>
    <t>12/19/2019 21:23:02</t>
  </si>
  <si>
    <t>12/20/2019 07:52:21</t>
  </si>
  <si>
    <t>0db3b74d-1528-48ce-b150-5d99789c6704.tmp</t>
  </si>
  <si>
    <t>\\acsfs\profiles$\gabrielarb\Downloads\0db3b74d-1528-48ce-b150-5d99789c6704.tmp</t>
  </si>
  <si>
    <t>12/20/2019 07:52:22</t>
  </si>
  <si>
    <t>a8b552d9-aeb8-4e25-b36f-a751d55c580b.tmp</t>
  </si>
  <si>
    <t>\\acsfs\profiles$\gabrielarb\Downloads\a8b552d9-aeb8-4e25-b36f-a751d55c580b.tmp</t>
  </si>
  <si>
    <t>12/20/2019 07:53:31</t>
  </si>
  <si>
    <t>3a47ede7-7d86-4761-b025-670701dc2d76.tmp</t>
  </si>
  <si>
    <t>\\acsfs\profiles$\gabrielarb\Downloads\3a47ede7-7d86-4761-b025-670701dc2d76.tmp</t>
  </si>
  <si>
    <t>12/20/2019 07:54:20</t>
  </si>
  <si>
    <t>c430efee-6ce7-4ab1-9e87-26bcd6a87797.tmp</t>
  </si>
  <si>
    <t>\\acsfs\profiles$\gabrielarb\Downloads\c430efee-6ce7-4ab1-9e87-26bcd6a87797.tmp</t>
  </si>
  <si>
    <t>12/20/2019 07:54:54</t>
  </si>
  <si>
    <t>8d4db8df-4132-422a-9a84-689905ddab39.tmp</t>
  </si>
  <si>
    <t>\\acsfs\profiles$\gabrielarb\Downloads\8d4db8df-4132-422a-9a84-689905ddab39.tmp</t>
  </si>
  <si>
    <t>12/20/2019 07:55:11</t>
  </si>
  <si>
    <t>908e5168-d67e-4ae8-9fc7-493f3eda88a8.tmp</t>
  </si>
  <si>
    <t>\\acsfs\profiles$\gabrielarb\Downloads\908e5168-d67e-4ae8-9fc7-493f3eda88a8.tmp</t>
  </si>
  <si>
    <t>12/20/2019 07:55:30</t>
  </si>
  <si>
    <t>12/20/2019 07:56:42</t>
  </si>
  <si>
    <t>07136fdc-8f94-455f-ba80-bb816270cabb.tmp</t>
  </si>
  <si>
    <t>\\acsfs\profiles$\paulovadc\Downloads\07136fdc-8f94-455f-ba80-bb816270cabb.tmp</t>
  </si>
  <si>
    <t>12/20/2019 07:54:52</t>
  </si>
  <si>
    <t>12/20/2019 07:58:42</t>
  </si>
  <si>
    <t>12/20/2019 07:54:43</t>
  </si>
  <si>
    <t>3033e054-9b10-4222-87a3-7d0eaaa49993.tmp</t>
  </si>
  <si>
    <t>\\acsfs\profiles$\sarahbal\Downloads\3033e054-9b10-4222-87a3-7d0eaaa49993.tmp</t>
  </si>
  <si>
    <t>12/20/2019 07:57:35</t>
  </si>
  <si>
    <t>12/20/2019 07:59:41</t>
  </si>
  <si>
    <t>e9d3fc89-8b91-48aa-8535-46c1b258f58c.tmp</t>
  </si>
  <si>
    <t>\\acsfs\profiles$\alicecpbc\Downloads\e9d3fc89-8b91-48aa-8535-46c1b258f58c.tmp</t>
  </si>
  <si>
    <t>12/20/2019 07:55:14</t>
  </si>
  <si>
    <t>12/20/2019 07:57:14</t>
  </si>
  <si>
    <t>12/20/2019 07:54:49</t>
  </si>
  <si>
    <t>12/20/2019 07:56:30</t>
  </si>
  <si>
    <t>12/20/2019 07:57:07</t>
  </si>
  <si>
    <t>mail.google.com/_/upload?authuser=0&amp;dcp=asu-n&amp;upload_id=AEnB2UrDnwnZlKPyV2n7C1IQK50aE-DZ0jjswut82qMS1W_RTTp4EsX1PXeH92lJtYqDfrDo6V5j9YWMY38UEVfVelG1rkyR0xBYGZQu7_02Uwb02CkOJPA&amp;upload_protocol=resumable</t>
  </si>
  <si>
    <t>12/20/2019 07:56:22</t>
  </si>
  <si>
    <t>d66dbb41-5b59-4544-aa2a-62ea372a9915.tmp</t>
  </si>
  <si>
    <t>\\acsfs\profiles$\ERICALSR\Downloads\d66dbb41-5b59-4544-aa2a-62ea372a9915.tmp</t>
  </si>
  <si>
    <t>12/20/2019 08:00:42</t>
  </si>
  <si>
    <t>12/20/2019 07:57:56</t>
  </si>
  <si>
    <t>12/20/2019 07:55:33</t>
  </si>
  <si>
    <t>12/20/2019 07:57:59</t>
  </si>
  <si>
    <t>bbb30e01-669c-4f91-8eed-e0aa4e8cc5d4.tmp</t>
  </si>
  <si>
    <t>\\acsfs\profiles$\adrielyas\Downloads\bbb30e01-669c-4f91-8eed-e0aa4e8cc5d4.tmp</t>
  </si>
  <si>
    <t>12/20/2019 07:59:05</t>
  </si>
  <si>
    <t>199a8e57-b714-464e-b6b3-02a01d650c84.tmp</t>
  </si>
  <si>
    <t>\\acsfs\profiles$\adrielyas\Downloads\199a8e57-b714-464e-b6b3-02a01d650c84.tmp</t>
  </si>
  <si>
    <t>12/20/2019 08:00:17</t>
  </si>
  <si>
    <t>12/20/2019 08:01:42</t>
  </si>
  <si>
    <t>654559b9-6a54-4239-890a-f97ab94c79f2.tmp</t>
  </si>
  <si>
    <t>\\acsfs\profiles$\deborahsi\Downloads\654559b9-6a54-4239-890a-f97ab94c79f2.tmp</t>
  </si>
  <si>
    <t>12/20/2019 07:57:13</t>
  </si>
  <si>
    <t>d1eb32e2-cbd1-438a-9bfc-81689eabe431.tmp</t>
  </si>
  <si>
    <t>\\acsfs\profiles$\paulovadc\Downloads\d1eb32e2-cbd1-438a-9bfc-81689eabe431.tmp</t>
  </si>
  <si>
    <t>12/20/2019 07:58:10</t>
  </si>
  <si>
    <t>6e962bb5-d922-4091-8cd7-f38ae6de31f2.tmp</t>
  </si>
  <si>
    <t>\\acsfs\profiles$\paulovadc\Downloads\6e962bb5-d922-4091-8cd7-f38ae6de31f2.tmp</t>
  </si>
  <si>
    <t>12/20/2019 07:59:59</t>
  </si>
  <si>
    <t>12/20/2019 08:02:42</t>
  </si>
  <si>
    <t>12/20/2019 08:00:05</t>
  </si>
  <si>
    <t>12/20/2019 08:00:06</t>
  </si>
  <si>
    <t>12/20/2019 08:00:07</t>
  </si>
  <si>
    <t>12/20/2019 08:00:08</t>
  </si>
  <si>
    <t>12/20/2019 08:00:09</t>
  </si>
  <si>
    <t>12/20/2019 08:00:10</t>
  </si>
  <si>
    <t>12/20/2019 08:00:11</t>
  </si>
  <si>
    <t>12/20/2019 08:00:12</t>
  </si>
  <si>
    <t>12/20/2019 08:00:13</t>
  </si>
  <si>
    <t>12/20/2019 08:00:14</t>
  </si>
  <si>
    <t>12/20/2019 08:00:15</t>
  </si>
  <si>
    <t>12/20/2019 08:00:16</t>
  </si>
  <si>
    <t>12/20/2019 08:00:18</t>
  </si>
  <si>
    <t>12/20/2019 08:00:19</t>
  </si>
  <si>
    <t>12/20/2019 08:00:20</t>
  </si>
  <si>
    <t>12/20/2019 08:00:21</t>
  </si>
  <si>
    <t>12/20/2019 08:00:22</t>
  </si>
  <si>
    <t>12/20/2019 08:00:23</t>
  </si>
  <si>
    <t>12/20/2019 08:00:24</t>
  </si>
  <si>
    <t>12/20/2019 08:00:25</t>
  </si>
  <si>
    <t>12/20/2019 08:00:26</t>
  </si>
  <si>
    <t>12/20/2019 08:00:27</t>
  </si>
  <si>
    <t>12/20/2019 08:00:28</t>
  </si>
  <si>
    <t>12/20/2019 08:00:29</t>
  </si>
  <si>
    <t>12/20/2019 08:01:44</t>
  </si>
  <si>
    <t>12/20/2019 08:04:41</t>
  </si>
  <si>
    <t>7f2fc0ad-d87e-4930-8b5c-ef511ad1bb4e.tmp</t>
  </si>
  <si>
    <t>\\acsfs\profiles$\quindaizaagds\Downloads\7f2fc0ad-d87e-4930-8b5c-ef511ad1bb4e.tmp</t>
  </si>
  <si>
    <t>12/20/2019 08:02:17</t>
  </si>
  <si>
    <t>79d54144-80a3-4586-94b8-f5a3d7e45593.tmp</t>
  </si>
  <si>
    <t>\\acsfs\profiles$\quindaizaagds\Downloads\79d54144-80a3-4586-94b8-f5a3d7e45593.tmp</t>
  </si>
  <si>
    <t>12/20/2019 08:01:14</t>
  </si>
  <si>
    <t>12/20/2019 08:03:30</t>
  </si>
  <si>
    <t>2bbdf9ec-090f-41fa-a08b-32588b71ce6c.tmp</t>
  </si>
  <si>
    <t>\\acsfs\profiles$\quindaizaagds\Downloads\2bbdf9ec-090f-41fa-a08b-32588b71ce6c.tmp</t>
  </si>
  <si>
    <t>12/20/2019 08:03:14</t>
  </si>
  <si>
    <t>12/20/2019 07:59:47</t>
  </si>
  <si>
    <t>12/20/2019 08:00:48</t>
  </si>
  <si>
    <t>mail.google.com/_/upload?authuser=0&amp;dcp=asu-n&amp;upload_id=AEnB2Up-jhZPBLrozmG9FifOovuL_YR61wpQN8W_JWwKuHZQAqlUAHaFH2HeMjnmT2yx8ULp5-LbxdwwS6fdggzMN3A6wDWYn70ZWeNXgOHVQIKtlkJn-w4&amp;upload_protocol=resumable</t>
  </si>
  <si>
    <t>12/20/2019 08:05:42</t>
  </si>
  <si>
    <t>12/20/2019 08:01:04</t>
  </si>
  <si>
    <t>db1eb544-8d90-4f7f-baea-c8c8ea3b8262.tmp</t>
  </si>
  <si>
    <t>\\acsfs\profiles$\marcellewdl\Downloads\db1eb544-8d90-4f7f-baea-c8c8ea3b8262.tmp</t>
  </si>
  <si>
    <t>12/20/2019 08:02:32</t>
  </si>
  <si>
    <t>12/20/2019 08:03:47</t>
  </si>
  <si>
    <t>0ff24047-c038-4ac2-9e0a-35dce3c0d1e1.tmp</t>
  </si>
  <si>
    <t>\\acsfs\profiles$\marcellewdl\Downloads\0ff24047-c038-4ac2-9e0a-35dce3c0d1e1.tmp</t>
  </si>
  <si>
    <t>12/20/2019 08:04:13</t>
  </si>
  <si>
    <t>b0213888-7749-437e-a789-ee3629e0d9df.tmp</t>
  </si>
  <si>
    <t>\\acsfs\profiles$\nathaliadf\Downloads\b0213888-7749-437e-a789-ee3629e0d9df.tmp</t>
  </si>
  <si>
    <t>12/20/2019 08:01:31</t>
  </si>
  <si>
    <t>12/20/2019 08:06:41</t>
  </si>
  <si>
    <t>008f5bc0-3844-478c-bb59-503b1b5b4302.tmp</t>
  </si>
  <si>
    <t>\\acsfs\profiles$\deborahsi\Downloads\008f5bc0-3844-478c-bb59-503b1b5b4302.tmp</t>
  </si>
  <si>
    <t>12/20/2019 08:03:55</t>
  </si>
  <si>
    <t>6e488b8a-8f95-464c-985c-cb7eab11e51f.tmp</t>
  </si>
  <si>
    <t>\\acsfs\profiles$\valeriasda\Downloads\6e488b8a-8f95-464c-985c-cb7eab11e51f.tmp</t>
  </si>
  <si>
    <t>12/20/2019 08:04:02</t>
  </si>
  <si>
    <t>93d7552a-82b5-4640-815f-ad5899ce79bf.tmp</t>
  </si>
  <si>
    <t>\\acsfs\profiles$\valeriasda\Downloads\93d7552a-82b5-4640-815f-ad5899ce79bf.tmp</t>
  </si>
  <si>
    <t>12/20/2019 08:02:16</t>
  </si>
  <si>
    <t>12/20/2019 08:05:37</t>
  </si>
  <si>
    <t>12/20/2019 08:08:41</t>
  </si>
  <si>
    <t>12/20/2019 08:06:05</t>
  </si>
  <si>
    <t>12/20/2019 08:09:41</t>
  </si>
  <si>
    <t>\\acsfs\profiles$\leticiaat\My Documents\xworkcenter\logs\</t>
  </si>
  <si>
    <t>XLOG_leticiaat_20122019_080556.log</t>
  </si>
  <si>
    <t>\\acsfs\profiles$\leticiaat\My Documents\xworkcenter\logs\XLOG_leticiaat_20122019_080556.log</t>
  </si>
  <si>
    <t>12/20/2019 08:04:20</t>
  </si>
  <si>
    <t>2d3679d8-ce18-45f2-9ff5-8abec6a4b36f.tmp</t>
  </si>
  <si>
    <t>\\acsfs\profiles$\quindaizaagds\Downloads\2d3679d8-ce18-45f2-9ff5-8abec6a4b36f.tmp</t>
  </si>
  <si>
    <t>12/20/2019 08:07:14</t>
  </si>
  <si>
    <t>12/20/2019 08:04:21</t>
  </si>
  <si>
    <t>13350b04-905b-4162-bf3a-2b520b5c6e34.tmp</t>
  </si>
  <si>
    <t>\\acsfs\profiles$\quindaizaagds\Downloads\13350b04-905b-4162-bf3a-2b520b5c6e34.tmp</t>
  </si>
  <si>
    <t>12/20/2019 08:04:39</t>
  </si>
  <si>
    <t>00e7bf30-4bbc-49e6-8aec-ca54547898b3.tmp</t>
  </si>
  <si>
    <t>\\acsfs\profiles$\quindaizaagds\Downloads\00e7bf30-4bbc-49e6-8aec-ca54547898b3.tmp</t>
  </si>
  <si>
    <t>12/20/2019 08:06:55</t>
  </si>
  <si>
    <t>c4c9acb1-3c31-4a9e-9b56-480588c0999a.tmp</t>
  </si>
  <si>
    <t>\\acsfs\profiles$\quindaizaagds\Downloads\c4c9acb1-3c31-4a9e-9b56-480588c0999a.tmp</t>
  </si>
  <si>
    <t>12/20/2019 08:05:48</t>
  </si>
  <si>
    <t>12/20/2019 08:06:47</t>
  </si>
  <si>
    <t>12/20/2019 08:04:49</t>
  </si>
  <si>
    <t>CINTIA DA COSTA FERREIRA_1_6765498017353119270_1_32.wav</t>
  </si>
  <si>
    <t>\\acsfs\DEPTOS\EDUCACAO EMPRESARIAL\Ligações 2º ciclo - Késia\CINTIA DA COSTA FERREIRA_1_6765498017353119270_1_32.wav</t>
  </si>
  <si>
    <t>12/20/2019 08:05:31</t>
  </si>
  <si>
    <t>CINTIA DE JESUS LIMA_1_6766732575637575828_1_32.wav</t>
  </si>
  <si>
    <t>\\acsfs\DEPTOS\EDUCACAO EMPRESARIAL\Ligações 2º ciclo - Késia\CINTIA DE JESUS LIMA_1_6766732575637575828_1_32.wav</t>
  </si>
  <si>
    <t>12/20/2019 08:07:13</t>
  </si>
  <si>
    <t>CLAUDIA JANAINA CELESTE DE ANDRADE_1_6766196048322957084_1_32.wav</t>
  </si>
  <si>
    <t>\\acsfs\DEPTOS\EDUCACAO EMPRESARIAL\Ligações 2º ciclo - Késia\CLAUDIA JANAINA CELESTE DE ANDRADE_1_6766196048322957084_1_32.wav</t>
  </si>
  <si>
    <t>12/20/2019 08:08:08</t>
  </si>
  <si>
    <t>DALVA DE FATIMA BRAGA_1_6765841455823008857_1_32.wav</t>
  </si>
  <si>
    <t>\\acsfs\DEPTOS\EDUCACAO EMPRESARIAL\Ligações 2º ciclo - Késia\DALVA DE FATIMA BRAGA_1_6765841455823008857_1_32.wav</t>
  </si>
  <si>
    <t>12/20/2019 08:10:41</t>
  </si>
  <si>
    <t>12/20/2019 08:10:37</t>
  </si>
  <si>
    <t>12/20/2019 08:11:41</t>
  </si>
  <si>
    <t>f2abea4f-c3ac-4e11-8f13-c54dc33d8648.tmp</t>
  </si>
  <si>
    <t>\\acsfs\profiles$\deborahsi\Downloads\f2abea4f-c3ac-4e11-8f13-c54dc33d8648.tmp</t>
  </si>
  <si>
    <t>12/20/2019 08:06:26</t>
  </si>
  <si>
    <t>7e1c428e-9a6f-4182-9e8d-1d91c3bc9361.tmp</t>
  </si>
  <si>
    <t>\\acsfs\profiles$\valeriasda\Downloads\7e1c428e-9a6f-4182-9e8d-1d91c3bc9361.tmp</t>
  </si>
  <si>
    <t>12/20/2019 08:11:10</t>
  </si>
  <si>
    <t>12/20/2019 08:09:07</t>
  </si>
  <si>
    <t>12/20/2019 08:12:42</t>
  </si>
  <si>
    <t>12/20/2019 08:08:55</t>
  </si>
  <si>
    <t>\\acsfs\profiles$\nataliacsl\My Documents\My Pictures\</t>
  </si>
  <si>
    <t>\\acsfs\profiles$\nataliacsl\My Documents\My Videos\desktop.ini</t>
  </si>
  <si>
    <t>12/20/2019 08:08:58</t>
  </si>
  <si>
    <t>\\acsfs\profiles$\nataliacsl\My Documents\My Videos\</t>
  </si>
  <si>
    <t>12/20/2019 08:08:59</t>
  </si>
  <si>
    <t>12/20/2019 08:09:01</t>
  </si>
  <si>
    <t>12/20/2019 08:09:02</t>
  </si>
  <si>
    <t>12/20/2019 08:09:04</t>
  </si>
  <si>
    <t>\\acsfs\profiles$\nataliacsl\My Documents\My Music\</t>
  </si>
  <si>
    <t>\\acsfs\profiles$\nataliacsl\My Documents\My Pictures\desktop.ini</t>
  </si>
  <si>
    <t>12/20/2019 08:09:06</t>
  </si>
  <si>
    <t>12/20/2019 08:09:09</t>
  </si>
  <si>
    <t>12/20/2019 08:09:10</t>
  </si>
  <si>
    <t>12/20/2019 08:09:11</t>
  </si>
  <si>
    <t>\\acsfs\profiles$\nataliacsl\Contacts\</t>
  </si>
  <si>
    <t>\\acsfs\profiles$\nataliacsl\Contacts\desktop.ini</t>
  </si>
  <si>
    <t>12/20/2019 08:09:12</t>
  </si>
  <si>
    <t>12/20/2019 08:09:13</t>
  </si>
  <si>
    <t>12/20/2019 08:09:14</t>
  </si>
  <si>
    <t>12/20/2019 08:09:15</t>
  </si>
  <si>
    <t>12/20/2019 08:09:16</t>
  </si>
  <si>
    <t>12/20/2019 08:09:18</t>
  </si>
  <si>
    <t>\\acsfs\profiles$\nataliacsl\My Documents\</t>
  </si>
  <si>
    <t>\\acsfs\profiles$\nataliacsl\Favorites\desktop.ini</t>
  </si>
  <si>
    <t>12/20/2019 08:09:19</t>
  </si>
  <si>
    <t>12/20/2019 08:09:20</t>
  </si>
  <si>
    <t>12/20/2019 08:09:21</t>
  </si>
  <si>
    <t>12/20/2019 08:09:23</t>
  </si>
  <si>
    <t>12/20/2019 08:09:24</t>
  </si>
  <si>
    <t>12/20/2019 08:09:25</t>
  </si>
  <si>
    <t>\\acsfs\profiles$\nataliacsl\My Documents\My Music\desktop.ini</t>
  </si>
  <si>
    <t>12/20/2019 08:09:27</t>
  </si>
  <si>
    <t>12/20/2019 08:09:28</t>
  </si>
  <si>
    <t>12/20/2019 08:09:29</t>
  </si>
  <si>
    <t>12/20/2019 08:09:32</t>
  </si>
  <si>
    <t>\\acsfs\profiles$\nataliacsl\Searches\</t>
  </si>
  <si>
    <t>\\acsfs\profiles$\nataliacsl\Searches\desktop.ini</t>
  </si>
  <si>
    <t>12/20/2019 08:09:33</t>
  </si>
  <si>
    <t>12/20/2019 08:09:34</t>
  </si>
  <si>
    <t>12/20/2019 08:09:35</t>
  </si>
  <si>
    <t>12/20/2019 08:09:39</t>
  </si>
  <si>
    <t>12/20/2019 08:09:40</t>
  </si>
  <si>
    <t>\\acsfs\profiles$\nataliacsl\Downloads\desktop.ini</t>
  </si>
  <si>
    <t>12/20/2019 08:09:42</t>
  </si>
  <si>
    <t>\\acsfs\profiles$\nataliacsl\Favorites\</t>
  </si>
  <si>
    <t>\\acsfs\profiles$\nataliacsl\My Documents\desktop.ini</t>
  </si>
  <si>
    <t>12/20/2019 08:09:44</t>
  </si>
  <si>
    <t>12/20/2019 08:09:45</t>
  </si>
  <si>
    <t>12/20/2019 08:09:46</t>
  </si>
  <si>
    <t>12/20/2019 08:09:47</t>
  </si>
  <si>
    <t>12/20/2019 08:09:48</t>
  </si>
  <si>
    <t>12/20/2019 08:09:49</t>
  </si>
  <si>
    <t>\\acsfs\profiles$\nataliacsl\Saved Games\desktop.ini</t>
  </si>
  <si>
    <t>12/20/2019 08:09:51</t>
  </si>
  <si>
    <t>12/20/2019 08:10:15</t>
  </si>
  <si>
    <t>winrt--{S-1-5-21-602162358-764733703-839522115-332498}-.searchconnector-ms</t>
  </si>
  <si>
    <t>\\acsfs\profiles$\nataliacsl\Searches\winrt--{S-1-5-21-602162358-764733703-839522115-332498}-.searchconnector-ms</t>
  </si>
  <si>
    <t>12/20/2019 08:14:43</t>
  </si>
  <si>
    <t>12/20/2019 08:13:15</t>
  </si>
  <si>
    <t>12/20/2019 08:11:47</t>
  </si>
  <si>
    <t>12/20/2019 08:12:47</t>
  </si>
  <si>
    <t>DANIEL MARINHO LIMA DA SILVA_1_6766648201005041571_1_32.wav</t>
  </si>
  <si>
    <t>\\acsfs\DEPTOS\EDUCACAO EMPRESARIAL\Ligações 2º ciclo - Késia\DANIEL MARINHO LIMA DA SILVA_1_6766648201005041571_1_32.wav</t>
  </si>
  <si>
    <t>12/20/2019 08:15:42</t>
  </si>
  <si>
    <t>12/20/2019 08:10:40</t>
  </si>
  <si>
    <t>12/19/2019 21:21:23</t>
  </si>
  <si>
    <t>Cronograma Macro LGPD_v18.3 (Alessandro).xlsx</t>
  </si>
  <si>
    <t>12/19/2019 22:10:08</t>
  </si>
  <si>
    <t>12/20/2019 08:13:29</t>
  </si>
  <si>
    <t>0c24af79-4cfb-49d4-9f42-931f4527e640.tmp</t>
  </si>
  <si>
    <t>\\acsfs\profiles$\geovannasm\Downloads\0c24af79-4cfb-49d4-9f42-931f4527e640.tmp</t>
  </si>
  <si>
    <t>12/20/2019 08:14:51</t>
  </si>
  <si>
    <t>27cd07b2-4e4e-4933-baa4-f1a10eb5f1c4.tmp</t>
  </si>
  <si>
    <t>\\acsfs\profiles$\geovannasm\Downloads\27cd07b2-4e4e-4933-baa4-f1a10eb5f1c4.tmp</t>
  </si>
  <si>
    <t>12/20/2019 08:11:19</t>
  </si>
  <si>
    <t>12/20/2019 08:16:42</t>
  </si>
  <si>
    <t>994a823e-4f63-46fc-818f-61c2b637a9e4.tmp</t>
  </si>
  <si>
    <t>\\acsfs\profiles$\deborahsi\Downloads\994a823e-4f63-46fc-818f-61c2b637a9e4.tmp</t>
  </si>
  <si>
    <t>12/20/2019 08:13:00</t>
  </si>
  <si>
    <t>544e8446-5df3-4410-9e57-2b3156d778a9.tmp</t>
  </si>
  <si>
    <t>\\acsfs\profiles$\paulovadc\Downloads\544e8446-5df3-4410-9e57-2b3156d778a9.tmp</t>
  </si>
  <si>
    <t>12/20/2019 08:11:52</t>
  </si>
  <si>
    <t>12/20/2019 08:11:53</t>
  </si>
  <si>
    <t>12/20/2019 08:15:02</t>
  </si>
  <si>
    <t>12/20/2019 08:17:42</t>
  </si>
  <si>
    <t>12/20/2019 08:18:09</t>
  </si>
  <si>
    <t>12/20/2019 08:18:42</t>
  </si>
  <si>
    <t>12/20/2019 08:18:10</t>
  </si>
  <si>
    <t>12/20/2019 08:18:11</t>
  </si>
  <si>
    <t>12/20/2019 08:18:12</t>
  </si>
  <si>
    <t>12/20/2019 08:17:49</t>
  </si>
  <si>
    <t>12/20/2019 08:18:06</t>
  </si>
  <si>
    <t>https://udpmailboxap01.acs.com.br:8443/h/search;jsessionid=gu3oszx6zmsh1bmq87bbt4sd2?si=0&amp;so=0&amp;sc=49836&amp;st=conversation&amp;action=compose</t>
  </si>
  <si>
    <t>12/20/2019 08:18:36</t>
  </si>
  <si>
    <t>12/20/2019 08:15:15</t>
  </si>
  <si>
    <t>12/20/2019 08:19:42</t>
  </si>
  <si>
    <t>12/20/2019 08:17:47</t>
  </si>
  <si>
    <t>12/20/2019 08:18:47</t>
  </si>
  <si>
    <t>12/20/2019 08:20:42</t>
  </si>
  <si>
    <t>12/20/2019 08:16:38</t>
  </si>
  <si>
    <t>dca85292-8133-41e3-8073-94aebb8d44e0.tmp</t>
  </si>
  <si>
    <t>\\acsfs\profiles$\geovannasm\Downloads\dca85292-8133-41e3-8073-94aebb8d44e0.tmp</t>
  </si>
  <si>
    <t>12/20/2019 08:16:59</t>
  </si>
  <si>
    <t>87d005dd-3d01-47a4-8400-a4014ef758cb.tmp</t>
  </si>
  <si>
    <t>\\acsfs\profiles$\geovannasm\Downloads\87d005dd-3d01-47a4-8400-a4014ef758cb.tmp</t>
  </si>
  <si>
    <t>12/20/2019 08:16:40</t>
  </si>
  <si>
    <t>0816a5a9-5e55-41e0-87d3-69e236788d26.tmp</t>
  </si>
  <si>
    <t>\\acsfs\profiles$\milenaas\Downloads\0816a5a9-5e55-41e0-87d3-69e236788d26.tmp</t>
  </si>
  <si>
    <t>12/20/2019 08:18:23</t>
  </si>
  <si>
    <t>8f9af682-1c9c-4b90-983d-fb42f6e21aff.tmp</t>
  </si>
  <si>
    <t>\\acsfs\profiles$\milenaas\Downloads\8f9af682-1c9c-4b90-983d-fb42f6e21aff.tmp</t>
  </si>
  <si>
    <t>12/20/2019 08:19:18</t>
  </si>
  <si>
    <t>9ea02134-2826-42f5-abd4-5228b0d023ca.tmp</t>
  </si>
  <si>
    <t>\\acsfs\profiles$\milenaas\Downloads\9ea02134-2826-42f5-abd4-5228b0d023ca.tmp</t>
  </si>
  <si>
    <t>12/20/2019 08:20:14</t>
  </si>
  <si>
    <t>85479026-1d4c-4a94-ac5a-1bb444bb8b40.tmp</t>
  </si>
  <si>
    <t>\\acsfs\profiles$\milenaas\Downloads\85479026-1d4c-4a94-ac5a-1bb444bb8b40.tmp</t>
  </si>
  <si>
    <t>12/20/2019 08:19:03</t>
  </si>
  <si>
    <t>12/20/2019 08:21:42</t>
  </si>
  <si>
    <t>a0a3e5bb-b354-4b78-b044-7e03aa3dddbb.tmp</t>
  </si>
  <si>
    <t>\\acsfs\profiles$\valeriasda\Downloads\a0a3e5bb-b354-4b78-b044-7e03aa3dddbb.tmp</t>
  </si>
  <si>
    <t>12/20/2019 08:19:08</t>
  </si>
  <si>
    <t>12/20/2019 08:19:09</t>
  </si>
  <si>
    <t>12/20/2019 08:19:10</t>
  </si>
  <si>
    <t>12/20/2019 08:19:11</t>
  </si>
  <si>
    <t>12/20/2019 08:19:12</t>
  </si>
  <si>
    <t>12/20/2019 08:19:13</t>
  </si>
  <si>
    <t>12/20/2019 08:19:14</t>
  </si>
  <si>
    <t>12/20/2019 08:19:15</t>
  </si>
  <si>
    <t>12/20/2019 08:19:16</t>
  </si>
  <si>
    <t>12/20/2019 08:19:17</t>
  </si>
  <si>
    <t>12/20/2019 08:19:19</t>
  </si>
  <si>
    <t>12/20/2019 08:19:20</t>
  </si>
  <si>
    <t>12/20/2019 08:19:21</t>
  </si>
  <si>
    <t>12/20/2019 08:19:22</t>
  </si>
  <si>
    <t>12/20/2019 08:19:23</t>
  </si>
  <si>
    <t>12/20/2019 08:19:24</t>
  </si>
  <si>
    <t>12/20/2019 08:19:25</t>
  </si>
  <si>
    <t>12/20/2019 08:19:26</t>
  </si>
  <si>
    <t>12/20/2019 08:19:27</t>
  </si>
  <si>
    <t>12/20/2019 08:19:28</t>
  </si>
  <si>
    <t>12/20/2019 08:19:29</t>
  </si>
  <si>
    <t>12/20/2019 08:20:22</t>
  </si>
  <si>
    <t>12/20/2019 08:22:42</t>
  </si>
  <si>
    <t>12/20/2019 08:23:42</t>
  </si>
  <si>
    <t>12/20/2019 08:18:13</t>
  </si>
  <si>
    <t>12/20/2019 08:18:14</t>
  </si>
  <si>
    <t>12/20/2019 08:18:15</t>
  </si>
  <si>
    <t>12/20/2019 08:18:16</t>
  </si>
  <si>
    <t>12/20/2019 08:18:17</t>
  </si>
  <si>
    <t>12/20/2019 08:18:18</t>
  </si>
  <si>
    <t>12/20/2019 08:18:19</t>
  </si>
  <si>
    <t>12/20/2019 08:18:20</t>
  </si>
  <si>
    <t>12/20/2019 08:18:21</t>
  </si>
  <si>
    <t>12/20/2019 08:18:22</t>
  </si>
  <si>
    <t>12/20/2019 08:21:11</t>
  </si>
  <si>
    <t>12/20/2019 08:19:06</t>
  </si>
  <si>
    <t>12/20/2019 08:24:42</t>
  </si>
  <si>
    <t>12/20/2019 08:21:15</t>
  </si>
  <si>
    <t>12/20/2019 08:22:09</t>
  </si>
  <si>
    <t>12/20/2019 08:22:10</t>
  </si>
  <si>
    <t>12/20/2019 08:22:12</t>
  </si>
  <si>
    <t>12/20/2019 08:22:13</t>
  </si>
  <si>
    <t>12/20/2019 08:22:15</t>
  </si>
  <si>
    <t>12/20/2019 08:22:16</t>
  </si>
  <si>
    <t>12/20/2019 08:22:20</t>
  </si>
  <si>
    <t>12/20/2019 08:22:25</t>
  </si>
  <si>
    <t>12/20/2019 08:22:28</t>
  </si>
  <si>
    <t>12/20/2019 08:22:29</t>
  </si>
  <si>
    <t>12/20/2019 08:22:30</t>
  </si>
  <si>
    <t>12/20/2019 08:22:31</t>
  </si>
  <si>
    <t>12/20/2019 08:22:40</t>
  </si>
  <si>
    <t>12/20/2019 08:22:41</t>
  </si>
  <si>
    <t>12/20/2019 08:22:43</t>
  </si>
  <si>
    <t>12/20/2019 08:22:45</t>
  </si>
  <si>
    <t>12/20/2019 08:22:49</t>
  </si>
  <si>
    <t>12/20/2019 08:22:50</t>
  </si>
  <si>
    <t>12/20/2019 08:22:54</t>
  </si>
  <si>
    <t>12/20/2019 08:22:56</t>
  </si>
  <si>
    <t>12/20/2019 08:22:58</t>
  </si>
  <si>
    <t>12/20/2019 08:25:42</t>
  </si>
  <si>
    <t>12/20/2019 08:21:01</t>
  </si>
  <si>
    <t>C:\A2\PAULAO\TREINAMENTO\</t>
  </si>
  <si>
    <t>TREIANMENTOS REALIZADOS.xlsx</t>
  </si>
  <si>
    <t>12/20/2019 08:23:01</t>
  </si>
  <si>
    <t>71194335-9dc4-4b7a-a227-06be2d89b697.tmp</t>
  </si>
  <si>
    <t>\\acsfs\profiles$\ayalabfi\Downloads\71194335-9dc4-4b7a-a227-06be2d89b697.tmp</t>
  </si>
  <si>
    <t>12/20/2019 08:23:07</t>
  </si>
  <si>
    <t>70ca814e-cfa5-4fce-8ce4-eb424963bf18.tmp</t>
  </si>
  <si>
    <t>\\acsfs\profiles$\ayalabfi\Downloads\70ca814e-cfa5-4fce-8ce4-eb424963bf18.tmp</t>
  </si>
  <si>
    <t>12/20/2019 08:23:08</t>
  </si>
  <si>
    <t>df49a8f8-a249-41ef-b326-e244a9eb8ef3.tmp</t>
  </si>
  <si>
    <t>\\acsfs\profiles$\ayalabfi\Downloads\df49a8f8-a249-41ef-b326-e244a9eb8ef3.tmp</t>
  </si>
  <si>
    <t>12/20/2019 08:23:09</t>
  </si>
  <si>
    <t>c5cbba20-93ed-4c2f-87e1-adee96922df3.tmp</t>
  </si>
  <si>
    <t>\\acsfs\profiles$\ayalabfi\Downloads\c5cbba20-93ed-4c2f-87e1-adee96922df3.tmp</t>
  </si>
  <si>
    <t>12/20/2019 08:24:18</t>
  </si>
  <si>
    <t>22bac179-8431-4af9-abb9-86aa07582301.tmp</t>
  </si>
  <si>
    <t>\\acsfs\profiles$\ayalabfi\Downloads\22bac179-8431-4af9-abb9-86aa07582301.tmp</t>
  </si>
  <si>
    <t>12/20/2019 08:23:26</t>
  </si>
  <si>
    <t>12/20/2019 08:27:42</t>
  </si>
  <si>
    <t>12/20/2019 08:23:18</t>
  </si>
  <si>
    <t>12/20/2019 08:28:42</t>
  </si>
  <si>
    <t>12/20/2019 08:25:06</t>
  </si>
  <si>
    <t>12/20/2019 08:25:15</t>
  </si>
  <si>
    <t>12/20/2019 08:29:42</t>
  </si>
  <si>
    <t>12/20/2019 08:27:15</t>
  </si>
  <si>
    <t>12/20/2019 08:28:32</t>
  </si>
  <si>
    <t>12/20/2019 08:26:59</t>
  </si>
  <si>
    <t>12/20/2019 08:26:02</t>
  </si>
  <si>
    <t>12/20/2019 08:26:03</t>
  </si>
  <si>
    <t>12/20/2019 08:26:04</t>
  </si>
  <si>
    <t>12/20/2019 08:26:05</t>
  </si>
  <si>
    <t>12/20/2019 08:26:06</t>
  </si>
  <si>
    <t>12/20/2019 08:26:07</t>
  </si>
  <si>
    <t>12/20/2019 08:26:08</t>
  </si>
  <si>
    <t>12/20/2019 08:26:09</t>
  </si>
  <si>
    <t>12/20/2019 08:26:10</t>
  </si>
  <si>
    <t>12/20/2019 08:26:11</t>
  </si>
  <si>
    <t>12/20/2019 08:26:12</t>
  </si>
  <si>
    <t>12/20/2019 08:26:13</t>
  </si>
  <si>
    <t>12/20/2019 08:26:14</t>
  </si>
  <si>
    <t>12/20/2019 08:26:15</t>
  </si>
  <si>
    <t>12/20/2019 08:26:16</t>
  </si>
  <si>
    <t>12/20/2019 08:26:17</t>
  </si>
  <si>
    <t>12/20/2019 08:26:18</t>
  </si>
  <si>
    <t>12/20/2019 08:26:19</t>
  </si>
  <si>
    <t>12/20/2019 08:26:20</t>
  </si>
  <si>
    <t>12/20/2019 08:26:21</t>
  </si>
  <si>
    <t>12/20/2019 08:26:22</t>
  </si>
  <si>
    <t>12/20/2019 08:26:23</t>
  </si>
  <si>
    <t>12/20/2019 08:26:24</t>
  </si>
  <si>
    <t>12/20/2019 08:26:25</t>
  </si>
  <si>
    <t>12/20/2019 08:26:26</t>
  </si>
  <si>
    <t>12/20/2019 08:26:27</t>
  </si>
  <si>
    <t>12/20/2019 08:26:28</t>
  </si>
  <si>
    <t>12/20/2019 08:26:29</t>
  </si>
  <si>
    <t>12/20/2019 08:26:30</t>
  </si>
  <si>
    <t>12/20/2019 08:25:43</t>
  </si>
  <si>
    <t>039b1d3c-8b1d-4305-8dc4-6ab51306d7a9.tmp</t>
  </si>
  <si>
    <t>\\acsfs\profiles$\laianear\Downloads\039b1d3c-8b1d-4305-8dc4-6ab51306d7a9.tmp</t>
  </si>
  <si>
    <t>12/20/2019 08:25:51</t>
  </si>
  <si>
    <t>c832436b-07d6-45ad-b2ec-c08dea1205fb.tmp</t>
  </si>
  <si>
    <t>\\acsfs\profiles$\laianear\Downloads\c832436b-07d6-45ad-b2ec-c08dea1205fb.tmp</t>
  </si>
  <si>
    <t>12/20/2019 08:25:57</t>
  </si>
  <si>
    <t>4b0ac4c2-ad86-4381-afe0-b2ff11f0a3d5.tmp</t>
  </si>
  <si>
    <t>\\acsfs\profiles$\laianear\Downloads\4b0ac4c2-ad86-4381-afe0-b2ff11f0a3d5.tmp</t>
  </si>
  <si>
    <t>c1b3abd7-80e7-4bc5-935f-78eb9091b792.tmp</t>
  </si>
  <si>
    <t>\\acsfs\profiles$\laianear\Downloads\c1b3abd7-80e7-4bc5-935f-78eb9091b792.tmp</t>
  </si>
  <si>
    <t>12/20/2019 08:30:42</t>
  </si>
  <si>
    <t>12/20/2019 08:25:53</t>
  </si>
  <si>
    <t>d6c2f2fe-fc1e-45da-8a89-97a2e3696e9c.tmp</t>
  </si>
  <si>
    <t>\\acsfs\profiles$\ayalabfi\Downloads\d6c2f2fe-fc1e-45da-8a89-97a2e3696e9c.tmp</t>
  </si>
  <si>
    <t>12/20/2019 08:28:17</t>
  </si>
  <si>
    <t>3021c8fd-e680-4780-921c-faa3826780eb.tmp</t>
  </si>
  <si>
    <t>\\acsfs\profiles$\ayalabfi\Downloads\3021c8fd-e680-4780-921c-faa3826780eb.tmp</t>
  </si>
  <si>
    <t>12/20/2019 08:25:49</t>
  </si>
  <si>
    <t>12/20/2019 08:25:50</t>
  </si>
  <si>
    <t>12/20/2019 08:25:52</t>
  </si>
  <si>
    <t>12/20/2019 08:25:54</t>
  </si>
  <si>
    <t>12/20/2019 08:25:55</t>
  </si>
  <si>
    <t>12/20/2019 08:25:56</t>
  </si>
  <si>
    <t>12/20/2019 08:25:58</t>
  </si>
  <si>
    <t>12/20/2019 08:25:59</t>
  </si>
  <si>
    <t>12/20/2019 08:26:00</t>
  </si>
  <si>
    <t>12/20/2019 08:26:01</t>
  </si>
  <si>
    <t>12/20/2019 08:30:33</t>
  </si>
  <si>
    <t>12/20/2019 08:31:42</t>
  </si>
  <si>
    <t>40910a8b-4056-41bd-9354-2e6d78331eda.tmp</t>
  </si>
  <si>
    <t>\\acsfs\profiles$\deborahsi\Downloads\40910a8b-4056-41bd-9354-2e6d78331eda.tmp</t>
  </si>
  <si>
    <t>12/20/2019 08:28:35</t>
  </si>
  <si>
    <t>12/20/2019 08:32:42</t>
  </si>
  <si>
    <t>12/20/2019 08:28:05</t>
  </si>
  <si>
    <t>12/20/2019 08:31:38</t>
  </si>
  <si>
    <t>257433d0-7419-48e4-a033-c41119e1f7a3.tmp</t>
  </si>
  <si>
    <t>\\acsfs\profiles$\nataliacsl\Downloads\257433d0-7419-48e4-a033-c41119e1f7a3.tmp</t>
  </si>
  <si>
    <t>12/20/2019 08:31:15</t>
  </si>
  <si>
    <t>12/20/2019 08:34:43</t>
  </si>
  <si>
    <t>12/20/2019 08:33:15</t>
  </si>
  <si>
    <t>12/20/2019 08:30:12</t>
  </si>
  <si>
    <t>STAFF ATENDIMENTO POOL</t>
  </si>
  <si>
    <t>10.200.65.65</t>
  </si>
  <si>
    <t>78-2B-CB-C1-06-B2</t>
  </si>
  <si>
    <t>NESPRESSO-AU17</t>
  </si>
  <si>
    <t>tauandambds</t>
  </si>
  <si>
    <t>C:\Thalia\</t>
  </si>
  <si>
    <t>35191260409075047035550050020486461467087867.pdf</t>
  </si>
  <si>
    <t>12/20/2019 08:30:01</t>
  </si>
  <si>
    <t>12/20/2019 08:34:08</t>
  </si>
  <si>
    <t>12/20/2019 08:35:42</t>
  </si>
  <si>
    <t>12/20/2019 08:33:20</t>
  </si>
  <si>
    <t>12/20/2019 08:37:42</t>
  </si>
  <si>
    <t>3c75e54e-dbe9-4c35-8496-2bdd2813d811.tmp</t>
  </si>
  <si>
    <t>\\acsfs\profiles$\larissaad\Downloads\3c75e54e-dbe9-4c35-8496-2bdd2813d811.tmp</t>
  </si>
  <si>
    <t>12/20/2019 08:34:19</t>
  </si>
  <si>
    <t>a2af44fa-cd7f-4509-822d-7338076ae9d4.tmp</t>
  </si>
  <si>
    <t>\\acsfs\profiles$\larissaad\Downloads\a2af44fa-cd7f-4509-822d-7338076ae9d4.tmp</t>
  </si>
  <si>
    <t>12/20/2019 08:34:21</t>
  </si>
  <si>
    <t>5558f11a-cbd2-4d54-8a16-42c3ccf56e9c.tmp</t>
  </si>
  <si>
    <t>\\acsfs\profiles$\larissaad\Downloads\5558f11a-cbd2-4d54-8a16-42c3ccf56e9c.tmp</t>
  </si>
  <si>
    <t>12/20/2019 08:33:32</t>
  </si>
  <si>
    <t>12/20/2019 08:36:48</t>
  </si>
  <si>
    <t>56f9c162-aaaf-4774-969c-42325f1b0063.tmp</t>
  </si>
  <si>
    <t>\\acsfs\profiles$\YASMINSC\Downloads\56f9c162-aaaf-4774-969c-42325f1b0063.tmp</t>
  </si>
  <si>
    <t>12/20/2019 08:35:11</t>
  </si>
  <si>
    <t>d3f21b6c-8c59-4944-ae09-70766e27a8bc.tmp</t>
  </si>
  <si>
    <t>\\acsfs\profiles$\wenderbnm\Downloads\d3f21b6c-8c59-4944-ae09-70766e27a8bc.tmp</t>
  </si>
  <si>
    <t>12/20/2019 08:36:35</t>
  </si>
  <si>
    <t>d64089fc-e59e-49b7-9c63-b0a314747241.tmp</t>
  </si>
  <si>
    <t>\\acsfs\profiles$\wenderbnm\Downloads\d64089fc-e59e-49b7-9c63-b0a314747241.tmp</t>
  </si>
  <si>
    <t>12/20/2019 08:32:43</t>
  </si>
  <si>
    <t>062f7740-16c8-4611-abeb-d2f140083e17.tmp</t>
  </si>
  <si>
    <t>\\acsfs\profiles$\nataliacsl\Downloads\062f7740-16c8-4611-abeb-d2f140083e17.tmp</t>
  </si>
  <si>
    <t>12/20/2019 08:34:06</t>
  </si>
  <si>
    <t>12/20/2019 08:38:43</t>
  </si>
  <si>
    <t>12/20/2019 08:35:36</t>
  </si>
  <si>
    <t>12/20/2019 08:36:06</t>
  </si>
  <si>
    <t>12/20/2019 08:37:15</t>
  </si>
  <si>
    <t>12/20/2019 08:39:42</t>
  </si>
  <si>
    <t>12/20/2019 08:36:16</t>
  </si>
  <si>
    <t>12/20/2019 08:36:55</t>
  </si>
  <si>
    <t>f08cd34c-cf68-4ecd-a49a-22f744edf818.tmp</t>
  </si>
  <si>
    <t>\\acsfs\profiles$\PEDROHAB\Downloads\f08cd34c-cf68-4ecd-a49a-22f744edf818.tmp</t>
  </si>
  <si>
    <t>092715ec-ff00-49e2-a5ce-89c71e0ea6ee.tmp</t>
  </si>
  <si>
    <t>\\acsfs\profiles$\PEDROHAB\Downloads\092715ec-ff00-49e2-a5ce-89c71e0ea6ee.tmp</t>
  </si>
  <si>
    <t>12/20/2019 08:34:26</t>
  </si>
  <si>
    <t>12/20/2019 08:34:32</t>
  </si>
  <si>
    <t>12/20/2019 08:34:46</t>
  </si>
  <si>
    <t>12/20/2019 08:35:51</t>
  </si>
  <si>
    <t>12/20/2019 08:37:52</t>
  </si>
  <si>
    <t>12/20/2019 08:40:42</t>
  </si>
  <si>
    <t>12/20/2019 08:37:14</t>
  </si>
  <si>
    <t>12/20/2019 08:42:42</t>
  </si>
  <si>
    <t>12/20/2019 08:38:17</t>
  </si>
  <si>
    <t>2835f922-9c77-4ad8-b6f8-8cd6e63c4bcc.tmp</t>
  </si>
  <si>
    <t>\\acsfs\profiles$\YASMINSC\Downloads\2835f922-9c77-4ad8-b6f8-8cd6e63c4bcc.tmp</t>
  </si>
  <si>
    <t>12/20/2019 08:40:45</t>
  </si>
  <si>
    <t>10.203.30.53</t>
  </si>
  <si>
    <t>Entrevistas_Acompanhamento.xlsx</t>
  </si>
  <si>
    <t>12/20/2019 08:40:46</t>
  </si>
  <si>
    <t>mail.google.com/_/upload?authuser=1&amp;dcp=asu-n&amp;upload_id=AEnB2Ur0iii1Hjv62rHtOxwiV1bjpL8vg3Iu6rojo07o9lnfFtKRuFoHrwF89fqI-6mZS_eHwsB4760extMh60xcjeB8IqkfWGRY43PsKOtewSgfxANv77Y&amp;upload_protocol=resumable</t>
  </si>
  <si>
    <t>12/20/2019 08:39:09</t>
  </si>
  <si>
    <t>12/20/2019 08:39:06</t>
  </si>
  <si>
    <t>12/20/2019 08:43:42</t>
  </si>
  <si>
    <t>12/20/2019 08:43:36</t>
  </si>
  <si>
    <t>12/20/2019 08:39:15</t>
  </si>
  <si>
    <t>12/20/2019 08:44:42</t>
  </si>
  <si>
    <t>12/20/2019 08:43:15</t>
  </si>
  <si>
    <t>12/20/2019 08:40:33</t>
  </si>
  <si>
    <t>12/20/2019 08:40:41</t>
  </si>
  <si>
    <t>12/20/2019 08:41:26</t>
  </si>
  <si>
    <t>12/20/2019 08:41:37</t>
  </si>
  <si>
    <t>12/20/2019 08:41:52</t>
  </si>
  <si>
    <t>12/20/2019 08:42:01</t>
  </si>
  <si>
    <t>12/20/2019 08:45:42</t>
  </si>
  <si>
    <t>12/20/2019 08:43:27</t>
  </si>
  <si>
    <t>fdc570b1-42da-427d-953f-cc9c12f99aca.tmp</t>
  </si>
  <si>
    <t>\\acsfs\profiles$\adrielyas\Downloads\fdc570b1-42da-427d-953f-cc9c12f99aca.tmp</t>
  </si>
  <si>
    <t>12/20/2019 08:42:56</t>
  </si>
  <si>
    <t>36c7b2ec-f99e-44e5-b21f-c0274d9be357.tmp</t>
  </si>
  <si>
    <t>\\acsfs\profiles$\geovannasm\Downloads\36c7b2ec-f99e-44e5-b21f-c0274d9be357.tmp</t>
  </si>
  <si>
    <t>12/20/2019 08:44:59</t>
  </si>
  <si>
    <t>12/20/2019 08:47:42</t>
  </si>
  <si>
    <t>7c7066b2-f47f-4b39-af3a-c7d1c1aee84c.tmp</t>
  </si>
  <si>
    <t>\\acsfs\profiles$\wenderbnm\Downloads\7c7066b2-f47f-4b39-af3a-c7d1c1aee84c.tmp</t>
  </si>
  <si>
    <t>12/20/2019 08:47:06</t>
  </si>
  <si>
    <t>12/20/2019 08:48:42</t>
  </si>
  <si>
    <t>12/20/2019 08:47:36</t>
  </si>
  <si>
    <t>12/20/2019 08:48:06</t>
  </si>
  <si>
    <t>12/20/2019 08:45:15</t>
  </si>
  <si>
    <t>12/20/2019 08:49:41</t>
  </si>
  <si>
    <t>12/20/2019 08:45:46</t>
  </si>
  <si>
    <t>4945ee13-17ff-44fc-9f22-32ca1b2d3fa2.tmp</t>
  </si>
  <si>
    <t>\\acsfs\profiles$\claudiajca\Downloads\4945ee13-17ff-44fc-9f22-32ca1b2d3fa2.tmp</t>
  </si>
  <si>
    <t>12/20/2019 08:46:43</t>
  </si>
  <si>
    <t>23b32a9d-82a3-4ab8-8f6f-c255e393724e.tmp</t>
  </si>
  <si>
    <t>\\acsfs\profiles$\claudiajca\Downloads\23b32a9d-82a3-4ab8-8f6f-c255e393724e.tmp</t>
  </si>
  <si>
    <t>12/20/2019 08:48:12</t>
  </si>
  <si>
    <t>.~lock.Cotatos Reneg.ods#</t>
  </si>
  <si>
    <t>\\acsfs\profiles$\CLAUDIAJCA\.~lock.Cotatos Reneg.ods#</t>
  </si>
  <si>
    <t>12/20/2019 08:46:45</t>
  </si>
  <si>
    <t>12/20/2019 08:45:23</t>
  </si>
  <si>
    <t>12/20/2019 08:46:32</t>
  </si>
  <si>
    <t>12/20/2019 08:49:11</t>
  </si>
  <si>
    <t>12/20/2019 08:50:42</t>
  </si>
  <si>
    <t>12/20/2019 08:50:27</t>
  </si>
  <si>
    <t>a4044753-88e5-4a58-a713-17015b39f372.tmp</t>
  </si>
  <si>
    <t>\\acsfs\profiles$\nathaliadf\Downloads\a4044753-88e5-4a58-a713-17015b39f372.tmp</t>
  </si>
  <si>
    <t>12/20/2019 08:50:37</t>
  </si>
  <si>
    <t>12/20/2019 08:52:41</t>
  </si>
  <si>
    <t>12/20/2019 08:49:15</t>
  </si>
  <si>
    <t>12/20/2019 08:54:42</t>
  </si>
  <si>
    <t>12/20/2019 08:51:15</t>
  </si>
  <si>
    <t>12/20/2019 08:49:08</t>
  </si>
  <si>
    <t>12/20/2019 08:49:17</t>
  </si>
  <si>
    <t>12/20/2019 08:49:18</t>
  </si>
  <si>
    <t>12/20/2019 08:49:23</t>
  </si>
  <si>
    <t>12/20/2019 08:49:26</t>
  </si>
  <si>
    <t>12/20/2019 08:49:34</t>
  </si>
  <si>
    <t>12/20/2019 08:49:35</t>
  </si>
  <si>
    <t>12/20/2019 08:49:43</t>
  </si>
  <si>
    <t>12/20/2019 08:49:47</t>
  </si>
  <si>
    <t>12/20/2019 08:49:57</t>
  </si>
  <si>
    <t>12/20/2019 08:50:02</t>
  </si>
  <si>
    <t>12/20/2019 08:50:04</t>
  </si>
  <si>
    <t>12/20/2019 08:50:06</t>
  </si>
  <si>
    <t>12/20/2019 08:50:11</t>
  </si>
  <si>
    <t>12/20/2019 08:50:16</t>
  </si>
  <si>
    <t>12/20/2019 08:50:18</t>
  </si>
  <si>
    <t>12/20/2019 08:50:21</t>
  </si>
  <si>
    <t>12/20/2019 08:50:24</t>
  </si>
  <si>
    <t>12/20/2019 08:55:41</t>
  </si>
  <si>
    <t>12/20/2019 08:50:41</t>
  </si>
  <si>
    <t>a2793bc1-c608-45d9-a5cd-787899c50750.tmp</t>
  </si>
  <si>
    <t>\\acsfs\profiles$\nathaliadf\Downloads\a2793bc1-c608-45d9-a5cd-787899c50750.tmp</t>
  </si>
  <si>
    <t>12/20/2019 08:55:06</t>
  </si>
  <si>
    <t>12/20/2019 08:58:41</t>
  </si>
  <si>
    <t>12/20/2019 08:57:06</t>
  </si>
  <si>
    <t>12/20/2019 08:57:36</t>
  </si>
  <si>
    <t>12/20/2019 08:58:06</t>
  </si>
  <si>
    <t>12/20/2019 08:58:36</t>
  </si>
  <si>
    <t>12/20/2019 08:55:15</t>
  </si>
  <si>
    <t>12/20/2019 08:59:42</t>
  </si>
  <si>
    <t>12/20/2019 08:57:15</t>
  </si>
  <si>
    <t>12/20/2019 08:55:36</t>
  </si>
  <si>
    <t>12/20/2019 08:58:08</t>
  </si>
  <si>
    <t>12/20/2019 09:00:41</t>
  </si>
  <si>
    <t>12/20/2019 08:57:51</t>
  </si>
  <si>
    <t>12/20/2019 09:01:41</t>
  </si>
  <si>
    <t>12/20/2019 08:58:18</t>
  </si>
  <si>
    <t>12/20/2019 09:02:41</t>
  </si>
  <si>
    <t>12/20/2019 09:00:29</t>
  </si>
  <si>
    <t>ulog_Acrobat12_Reader_22bb18ef-a0cc-4985-b2f1-d8449a05e1d0_63db66e3-f374-4d36-bf32-c906659388ac_0.log</t>
  </si>
  <si>
    <t>C:\Users\Jordanarb\AppData\Roaming\Adobe\LogTransport2\Logs\ulog_Acrobat12_Reader_22bb18ef-a0cc-4985-b2f1-d8449a05e1d0_63db66e3-f374-4d36-bf32-c906659388ac_0.log\</t>
  </si>
  <si>
    <t>12/20/2019 09:01:59</t>
  </si>
  <si>
    <t>12/20/2019 09:03:41</t>
  </si>
  <si>
    <t>1cc020db-31e6-44c2-aefa-faa7b2443ecb.tmp</t>
  </si>
  <si>
    <t>\\acsfs\profiles$\websondsa\Downloads\1cc020db-31e6-44c2-aefa-faa7b2443ecb.tmp</t>
  </si>
  <si>
    <t>12/20/2019 09:02:44</t>
  </si>
  <si>
    <t>12/20/2019 09:02:47</t>
  </si>
  <si>
    <t>12/20/2019 09:02:50</t>
  </si>
  <si>
    <t>12/20/2019 09:02:53</t>
  </si>
  <si>
    <t>12/20/2019 09:02:54</t>
  </si>
  <si>
    <t>12/20/2019 09:02:56</t>
  </si>
  <si>
    <t>12/20/2019 09:02:58</t>
  </si>
  <si>
    <t>12/20/2019 09:03:01</t>
  </si>
  <si>
    <t>12/20/2019 08:59:06</t>
  </si>
  <si>
    <t>12/20/2019 09:00:37</t>
  </si>
  <si>
    <t>12/20/2019 09:01:06</t>
  </si>
  <si>
    <t>12/20/2019 09:01:36</t>
  </si>
  <si>
    <t>12/20/2019 09:03:07</t>
  </si>
  <si>
    <t>12/20/2019 09:01:15</t>
  </si>
  <si>
    <t>12/20/2019 09:04:41</t>
  </si>
  <si>
    <t>12/20/2019 09:03:15</t>
  </si>
  <si>
    <t>12/20/2019 09:05:41</t>
  </si>
  <si>
    <t>12/20/2019 09:02:32</t>
  </si>
  <si>
    <t>12/20/2019 09:06:41</t>
  </si>
  <si>
    <t>lucasbs</t>
  </si>
  <si>
    <t>5661c7b6-83f3-4adb-a47a-0eccd2e82aa2.tmp</t>
  </si>
  <si>
    <t>\\acsfs\profiles$\LUCASBS\Downloads\5661c7b6-83f3-4adb-a47a-0eccd2e82aa2.tmp</t>
  </si>
  <si>
    <t>12/20/2019 09:04:34</t>
  </si>
  <si>
    <t>12/20/2019 09:07:41</t>
  </si>
  <si>
    <t>76ef9b06-8445-4ea5-a0db-388cd4c23a24.tmp</t>
  </si>
  <si>
    <t>\\acsfs\profiles$\Flaviojmm\Downloads\76ef9b06-8445-4ea5-a0db-388cd4c23a24.tmp</t>
  </si>
  <si>
    <t>12/20/2019 09:04:13</t>
  </si>
  <si>
    <t>12/20/2019 09:08:41</t>
  </si>
  <si>
    <t>71f004ec-456a-4d97-9257-79f8ecd0bf50.tmp</t>
  </si>
  <si>
    <t>\\acsfs\profiles$\isabellegtds\Downloads\71f004ec-456a-4d97-9257-79f8ecd0bf50.tmp</t>
  </si>
  <si>
    <t>12/20/2019 09:05:57</t>
  </si>
  <si>
    <t>9aac1555-80f5-412a-92c0-4563d8f710af.tmp</t>
  </si>
  <si>
    <t>\\acsfs\profiles$\isabellegtds\Downloads\9aac1555-80f5-412a-92c0-4563d8f710af.tmp</t>
  </si>
  <si>
    <t>12/20/2019 09:04:37</t>
  </si>
  <si>
    <t>12/20/2019 09:04:39</t>
  </si>
  <si>
    <t>12/20/2019 09:04:42</t>
  </si>
  <si>
    <t>12/20/2019 09:04:44</t>
  </si>
  <si>
    <t>12/20/2019 09:04:45</t>
  </si>
  <si>
    <t>12/20/2019 09:04:47</t>
  </si>
  <si>
    <t>12/20/2019 09:04:48</t>
  </si>
  <si>
    <t>12/20/2019 09:04:50</t>
  </si>
  <si>
    <t>12/20/2019 09:04:51</t>
  </si>
  <si>
    <t>12/20/2019 09:04:53</t>
  </si>
  <si>
    <t>12/20/2019 09:04:54</t>
  </si>
  <si>
    <t>12/20/2019 09:06:45</t>
  </si>
  <si>
    <t>https://outlook.office365.com/owa/</t>
  </si>
  <si>
    <t>12/20/2019 09:04:07</t>
  </si>
  <si>
    <t>12/20/2019 09:07:15</t>
  </si>
  <si>
    <t>12/20/2019 09:09:41</t>
  </si>
  <si>
    <t>12/20/2019 09:06:13</t>
  </si>
  <si>
    <t>12/20/2019 09:07:36</t>
  </si>
  <si>
    <t>12/20/2019 09:10:41</t>
  </si>
  <si>
    <t>12/20/2019 09:05:27</t>
  </si>
  <si>
    <t>12/20/2019 09:10:35</t>
  </si>
  <si>
    <t>12/20/2019 09:11:40</t>
  </si>
  <si>
    <t>12/20/2019 09:11:20</t>
  </si>
  <si>
    <t>12/20/2019 09:12:41</t>
  </si>
  <si>
    <t>5ced160f-5894-4272-bfcd-35a954c21171.tmp</t>
  </si>
  <si>
    <t>\\acsfs\profiles$\felipetds\Downloads\5ced160f-5894-4272-bfcd-35a954c21171.tmp</t>
  </si>
  <si>
    <t>12/20/2019 09:11:25</t>
  </si>
  <si>
    <t>b1e0106a-9392-4c2f-be16-c2730de4e8ba.tmp</t>
  </si>
  <si>
    <t>\\acsfs\profiles$\felipetds\Downloads\b1e0106a-9392-4c2f-be16-c2730de4e8ba.tmp</t>
  </si>
  <si>
    <t>12/20/2019 09:09:53</t>
  </si>
  <si>
    <t>demitidos_dezembro_19.xlsx</t>
  </si>
  <si>
    <t>12/20/2019 09:09:21</t>
  </si>
  <si>
    <t>ulog_Acrobat12_Reader_22bb18ef-a0cc-4985-b2f1-d8449a05e1d0_557f07e4-1cf7-4810-9cd9-e0b15f532791_0.log</t>
  </si>
  <si>
    <t>C:\Users\Jordanarb\AppData\Roaming\Adobe\LogTransport2\Logs\ulog_Acrobat12_Reader_22bb18ef-a0cc-4985-b2f1-d8449a05e1d0_557f07e4-1cf7-4810-9cd9-e0b15f532791_0.log\</t>
  </si>
  <si>
    <t>12/20/2019 09:10:08</t>
  </si>
  <si>
    <t>ulog_Acrobat12_Reader_22bb18ef-a0cc-4985-b2f1-d8449a05e1d0_e265b022-5211-4540-a18c-3ed1eb9d98c1_0.log</t>
  </si>
  <si>
    <t>C:\Users\Jordanarb\AppData\Roaming\Adobe\LogTransport2\Logs\ulog_Acrobat12_Reader_22bb18ef-a0cc-4985-b2f1-d8449a05e1d0_e265b022-5211-4540-a18c-3ed1eb9d98c1_0.log\</t>
  </si>
  <si>
    <t>12/20/2019 09:09:23</t>
  </si>
  <si>
    <t>12/20/2019 09:13:40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6843762872&amp;time-delta-to-apply-millis=use-collector-delta</t>
  </si>
  <si>
    <t>12/20/2019 09:10:07</t>
  </si>
  <si>
    <t>12/20/2019 09:14:41</t>
  </si>
  <si>
    <t>12/20/2019 09:11:12</t>
  </si>
  <si>
    <t>https://udpmailboxap01.acs.com.br:8443/h/search;jsessionid=woz5b6wf0via1p15n0dgk7mxl?si=0&amp;so=0&amp;sc=49995&amp;st=conversation&amp;action=compose</t>
  </si>
  <si>
    <t>12/20/2019 09:12:12</t>
  </si>
  <si>
    <t>12/20/2019 09:09:15</t>
  </si>
  <si>
    <t>12/20/2019 09:13:15</t>
  </si>
  <si>
    <t>12/20/2019 09:13:36</t>
  </si>
  <si>
    <t>12/20/2019 09:14:03</t>
  </si>
  <si>
    <t>12/20/2019 09:15:41</t>
  </si>
  <si>
    <t>12/20/2019 09:11:28</t>
  </si>
  <si>
    <t>7bf0ae86-cd8f-47ab-a2ef-5b0e99815a99.tmp</t>
  </si>
  <si>
    <t>\\acsfs\profiles$\gabrielhca\Downloads\7bf0ae86-cd8f-47ab-a2ef-5b0e99815a99.tmp</t>
  </si>
  <si>
    <t>12/20/2019 09:12:22</t>
  </si>
  <si>
    <t>f151f3be-2d19-4cf4-81e5-b09b6822e5fd.tmp</t>
  </si>
  <si>
    <t>\\acsfs\profiles$\gabrielhca\Downloads\f151f3be-2d19-4cf4-81e5-b09b6822e5fd.tmp</t>
  </si>
  <si>
    <t>12/20/2019 09:14:08</t>
  </si>
  <si>
    <t>12/20/2019 09:17:41</t>
  </si>
  <si>
    <t>ulog_Acrobat12_Reader_22bb18ef-a0cc-4985-b2f1-d8449a05e1d0_e4f08dd4-ce73-4cd7-a872-80f77f970024_0.log</t>
  </si>
  <si>
    <t>C:\Users\Jordanarb\AppData\Roaming\Adobe\LogTransport2\Logs\ulog_Acrobat12_Reader_22bb18ef-a0cc-4985-b2f1-d8449a05e1d0_e4f08dd4-ce73-4cd7-a872-80f77f970024_0.log\</t>
  </si>
  <si>
    <t>12/20/2019 09:17:15</t>
  </si>
  <si>
    <t>12/20/2019 09:18:41</t>
  </si>
  <si>
    <t>Cópia de 20180920_RFI_v0.1.xlsx</t>
  </si>
  <si>
    <t>12/20/2019 09:15:22</t>
  </si>
  <si>
    <t>12/20/2019 09:16:20</t>
  </si>
  <si>
    <t>12/20/2019 09:15:15</t>
  </si>
  <si>
    <t>12/20/2019 09:19:40</t>
  </si>
  <si>
    <t>12/20/2019 09:20:41</t>
  </si>
  <si>
    <t>12/20/2019 09:18:22</t>
  </si>
  <si>
    <t>12/20/2019 09:18:14</t>
  </si>
  <si>
    <t>81c48e4d-b142-4d45-9224-689d37fefe6f.tmp</t>
  </si>
  <si>
    <t>\\acsfs\profiles$\nathaliadf\Downloads\81c48e4d-b142-4d45-9224-689d37fefe6f.tmp</t>
  </si>
  <si>
    <t>12/20/2019 09:17:34</t>
  </si>
  <si>
    <t>12/20/2019 09:22:41</t>
  </si>
  <si>
    <t>12/20/2019 09:20:39</t>
  </si>
  <si>
    <t>10b537cc-0da0-490c-978a-4a3f25469f65.tmp</t>
  </si>
  <si>
    <t>\\acsfs\profiles$\alessandraan\Downloads\10b537cc-0da0-490c-978a-4a3f25469f65.tmp</t>
  </si>
  <si>
    <t>44c1f942-5e89-48c6-a02b-52df1341257e.tmp</t>
  </si>
  <si>
    <t>\\acsfs\profiles$\alessandraan\Downloads\44c1f942-5e89-48c6-a02b-52df1341257e.tmp</t>
  </si>
  <si>
    <t>cae063cf-3e39-4c7a-912f-fdf2504346cf.tmp</t>
  </si>
  <si>
    <t>\\acsfs\profiles$\alessandraan\Downloads\cae063cf-3e39-4c7a-912f-fdf2504346cf.tmp</t>
  </si>
  <si>
    <t>12/20/2019 09:20:43</t>
  </si>
  <si>
    <t>6ec54024-855a-4527-9332-3881e71d6396.tmp</t>
  </si>
  <si>
    <t>\\acsfs\profiles$\alessandraan\Downloads\6ec54024-855a-4527-9332-3881e71d6396.tmp</t>
  </si>
  <si>
    <t>12/20/2019 09:22:26</t>
  </si>
  <si>
    <t>12/20/2019 09:23:41</t>
  </si>
  <si>
    <t>12/20/2019 09:22:49</t>
  </si>
  <si>
    <t>12/20/2019 09:18:42</t>
  </si>
  <si>
    <t>12/20/2019 09:24:41</t>
  </si>
  <si>
    <t>12/20/2019 09:19:42</t>
  </si>
  <si>
    <t>12/20/2019 09:21:12</t>
  </si>
  <si>
    <t>12/20/2019 09:19:26</t>
  </si>
  <si>
    <t>b3888a66-b5df-46b4-b496-652fe0bcd76c.tmp</t>
  </si>
  <si>
    <t>\\acsfs\profiles$\quindaizaagds\Downloads\b3888a66-b5df-46b4-b496-652fe0bcd76c.tmp</t>
  </si>
  <si>
    <t>12/20/2019 09:19:16</t>
  </si>
  <si>
    <t>12/20/2019 09:21:15</t>
  </si>
  <si>
    <t>12/20/2019 09:19:39</t>
  </si>
  <si>
    <t>45195fc8-4660-4c63-818a-48378d44a276.tmp</t>
  </si>
  <si>
    <t>\\acsfs\profiles$\quindaizaagds\Downloads\45195fc8-4660-4c63-818a-48378d44a276.tmp</t>
  </si>
  <si>
    <t>12/20/2019 09:19:56</t>
  </si>
  <si>
    <t>b15859c6-3563-4b12-bf13-55e110e8dc1a.tmp</t>
  </si>
  <si>
    <t>\\acsfs\profiles$\quindaizaagds\Downloads\b15859c6-3563-4b12-bf13-55e110e8dc1a.tmp</t>
  </si>
  <si>
    <t>12/20/2019 09:20:14</t>
  </si>
  <si>
    <t>f5f270a4-f7a1-4f23-8f0b-6a73399eddaa.tmp</t>
  </si>
  <si>
    <t>\\acsfs\profiles$\quindaizaagds\Downloads\f5f270a4-f7a1-4f23-8f0b-6a73399eddaa.tmp</t>
  </si>
  <si>
    <t>12/20/2019 09:21:26</t>
  </si>
  <si>
    <t>5f52244d-4fbb-4e49-ae3d-a9ce7e10d13d.tmp</t>
  </si>
  <si>
    <t>\\acsfs\profiles$\quindaizaagds\Downloads\5f52244d-4fbb-4e49-ae3d-a9ce7e10d13d.tmp</t>
  </si>
  <si>
    <t>12/20/2019 09:19:36</t>
  </si>
  <si>
    <t>12/20/2019 09:21:48</t>
  </si>
  <si>
    <t>12/20/2019 09:20:48</t>
  </si>
  <si>
    <t>12/20/2019 09:25:40</t>
  </si>
  <si>
    <t>47e6246d-be0f-4c72-a634-1f8bece2b9a2.tmp</t>
  </si>
  <si>
    <t>\\acsfs\profiles$\leticiala\Downloads\47e6246d-be0f-4c72-a634-1f8bece2b9a2.tmp</t>
  </si>
  <si>
    <t>12/20/2019 09:20:52</t>
  </si>
  <si>
    <t>a949440e-948f-42c9-871a-2233e79d9ba2.tmp</t>
  </si>
  <si>
    <t>\\acsfs\profiles$\leticiala\Downloads\a949440e-948f-42c9-871a-2233e79d9ba2.tmp</t>
  </si>
  <si>
    <t>12/20/2019 09:22:54</t>
  </si>
  <si>
    <t>480c032e-1840-41d0-b4fd-b09269967b24.tmp</t>
  </si>
  <si>
    <t>\\acsfs\profiles$\leticiala\Downloads\480c032e-1840-41d0-b4fd-b09269967b24.tmp</t>
  </si>
  <si>
    <t>12/20/2019 09:24:39</t>
  </si>
  <si>
    <t>a5e78779-e686-41e9-ac47-b97506b4cc2d.tmp</t>
  </si>
  <si>
    <t>\\acsfs\profiles$\gabrielafs\Downloads\a5e78779-e686-41e9-ac47-b97506b4cc2d.tmp</t>
  </si>
  <si>
    <t>12/20/2019 09:24:40</t>
  </si>
  <si>
    <t>019e840e-8ea6-4dd7-9ce6-0066559ff8c6.tmp</t>
  </si>
  <si>
    <t>\\acsfs\profiles$\gabrielafs\Downloads\019e840e-8ea6-4dd7-9ce6-0066559ff8c6.tmp</t>
  </si>
  <si>
    <t>af348b8b-bec9-4bbf-aaf1-99d5701e4b0c.tmp</t>
  </si>
  <si>
    <t>\\acsfs\profiles$\gabrielafs\Downloads\af348b8b-bec9-4bbf-aaf1-99d5701e4b0c.tmp</t>
  </si>
  <si>
    <t>12/20/2019 09:24:43</t>
  </si>
  <si>
    <t>37cd93cf-5420-4641-b2c2-5f66637a67f5.tmp</t>
  </si>
  <si>
    <t>\\acsfs\profiles$\gabrielafs\Downloads\37cd93cf-5420-4641-b2c2-5f66637a67f5.tmp</t>
  </si>
  <si>
    <t>12/20/2019 09:24:25</t>
  </si>
  <si>
    <t>12/20/2019 09:26:41</t>
  </si>
  <si>
    <t>12/20/2019 09:22:16</t>
  </si>
  <si>
    <t>Cópia de Relatorio de Vendas - Auditoria BV Cartoes (Dezembro)_novo 1.xlsx</t>
  </si>
  <si>
    <t>\\acsfs\DEPTOS\Operacao\Banco_Votorantim\Qualidade\Anderson\Jose\Cópia de Relatorio de Vendas - Auditoria BV Cartoes (Dezembro)_novo 1.xlsx</t>
  </si>
  <si>
    <t>12/20/2019 09:26:23</t>
  </si>
  <si>
    <t>12/20/2019 09:27:40</t>
  </si>
  <si>
    <t>cpf - pesquisa.txt</t>
  </si>
  <si>
    <t>\\acsfs\profiles$\larissaad\My Documents\cpf - pesquisa.txt</t>
  </si>
  <si>
    <t>12/20/2019 09:23:11</t>
  </si>
  <si>
    <t>762fe9ba-4d39-489c-9ace-99458e9ccd08.tmp</t>
  </si>
  <si>
    <t>\\acsfs\profiles$\alessandraan\Downloads\762fe9ba-4d39-489c-9ace-99458e9ccd08.tmp</t>
  </si>
  <si>
    <t>12/20/2019 09:23:18</t>
  </si>
  <si>
    <t>88495217-487a-4204-8a55-b189b425979f.tmp</t>
  </si>
  <si>
    <t>\\acsfs\profiles$\alessandraan\Downloads\88495217-487a-4204-8a55-b189b425979f.tmp</t>
  </si>
  <si>
    <t>12/20/2019 09:25:45</t>
  </si>
  <si>
    <t>12/20/2019 09:26:38</t>
  </si>
  <si>
    <t>12/20/2019 09:26:29</t>
  </si>
  <si>
    <t>12/20/2019 09:28:40</t>
  </si>
  <si>
    <t>91acce3a-9a5f-4b7a-81a1-41a031120741.tmp</t>
  </si>
  <si>
    <t>\\acsfs\profiles$\websondsa\Downloads\91acce3a-9a5f-4b7a-81a1-41a031120741.tmp</t>
  </si>
  <si>
    <t>12/20/2019 09:26:30</t>
  </si>
  <si>
    <t>cc385366-1fb7-49c9-bbaf-268b7477e3fe.tmp</t>
  </si>
  <si>
    <t>\\acsfs\profiles$\websondsa\Downloads\cc385366-1fb7-49c9-bbaf-268b7477e3fe.tmp</t>
  </si>
  <si>
    <t>12/20/2019 09:25:49</t>
  </si>
  <si>
    <t>12/20/2019 09:25:15</t>
  </si>
  <si>
    <t>12/20/2019 09:29:40</t>
  </si>
  <si>
    <t>12/20/2019 09:27:15</t>
  </si>
  <si>
    <t>12/20/2019 09:24:56</t>
  </si>
  <si>
    <t>DHIULLIANA NETO APARECIDO DE SOUZA_1_6766204848710944446_1_32.wav</t>
  </si>
  <si>
    <t>\\acsfs\DEPTOS\EDUCACAO EMPRESARIAL\Ligações 2º ciclo - Késia\DHIULLIANA NETO APARECIDO DE SOUZA_1_6766204848710944446_1_32.wav</t>
  </si>
  <si>
    <t>12/20/2019 09:25:33</t>
  </si>
  <si>
    <t>EDUARDO FREITAS SIMOES_1_6766217467324862915_1_32.wav</t>
  </si>
  <si>
    <t>\\acsfs\DEPTOS\EDUCACAO EMPRESARIAL\Ligações 2º ciclo - Késia\EDUARDO FREITAS SIMOES_1_6766217467324862915_1_32.wav</t>
  </si>
  <si>
    <t>12/20/2019 09:26:14</t>
  </si>
  <si>
    <t>ERICA LUZIANA SILVA RIBEIRO_1_6768088969259325954_1_32.wav</t>
  </si>
  <si>
    <t>\\acsfs\DEPTOS\EDUCACAO EMPRESARIAL\Ligações 2º ciclo - Késia\ERICA LUZIANA SILVA RIBEIRO_1_6768088969259325954_1_32.wav</t>
  </si>
  <si>
    <t>12/20/2019 09:26:53</t>
  </si>
  <si>
    <t>FABIANA FONTINELE VERAS_1_6765942378964528055_1_32.wav</t>
  </si>
  <si>
    <t>\\acsfs\DEPTOS\EDUCACAO EMPRESARIAL\Ligações 2º ciclo - Késia\FABIANA FONTINELE VERAS_1_6765942378964528055_1_32.wav</t>
  </si>
  <si>
    <t>12/20/2019 09:27:29</t>
  </si>
  <si>
    <t>FABIANO BRUNO MENDES FILHO_1_6765990113231051167_1_32.wav</t>
  </si>
  <si>
    <t>\\acsfs\DEPTOS\EDUCACAO EMPRESARIAL\Ligações 2º ciclo - Késia\FABIANO BRUNO MENDES FILHO_1_6765990113231051167_1_32.wav</t>
  </si>
  <si>
    <t>12/20/2019 09:28:03</t>
  </si>
  <si>
    <t>FELIPE TOMAZ DA SILVA_1_6765873539228706320_1_32.wav</t>
  </si>
  <si>
    <t>\\acsfs\DEPTOS\EDUCACAO EMPRESARIAL\Ligações 2º ciclo - Késia\FELIPE TOMAZ DA SILVA_1_6765873539228706320_1_32.wav</t>
  </si>
  <si>
    <t>12/20/2019 09:28:39</t>
  </si>
  <si>
    <t>MARIA GABRIELA SILVA GOMES_1_6765929524127414948_1_32.wav</t>
  </si>
  <si>
    <t>\\acsfs\DEPTOS\EDUCACAO EMPRESARIAL\Ligações 2º ciclo - Késia\MARIA GABRIELA SILVA GOMES_1_6765929524127414948_1_32.wav</t>
  </si>
  <si>
    <t>12/20/2019 09:29:12</t>
  </si>
  <si>
    <t>FLAVIO JUNIO MENDES MOREIRA_1_6765448629524177762_1_32.wav</t>
  </si>
  <si>
    <t>\\acsfs\DEPTOS\EDUCACAO EMPRESARIAL\Ligações 2º ciclo - Késia\FLAVIO JUNIO MENDES MOREIRA_1_6765448629524177762_1_32.wav</t>
  </si>
  <si>
    <t>12/20/2019 09:25:36</t>
  </si>
  <si>
    <t>12/20/2019 09:27:46</t>
  </si>
  <si>
    <t>12/20/2019 09:30:40</t>
  </si>
  <si>
    <t>12/20/2019 09:28:55</t>
  </si>
  <si>
    <t>camiladps@algartech.com.br;julianatem@algartech.com.br;marcotvo@algartech.com;</t>
  </si>
  <si>
    <t>RES: BD - IPO</t>
  </si>
  <si>
    <t>camiladps@algartech.com.br,julianatem@algartech.com.br,marcotvo@algartech.com</t>
  </si>
  <si>
    <t>1acc6cd2-bfa5-4fe0-829e-08567fa5dc0a.tmp</t>
  </si>
  <si>
    <t>\\acsfs\profiles$\gabrielafs\Downloads\1acc6cd2-bfa5-4fe0-829e-08567fa5dc0a.tmp</t>
  </si>
  <si>
    <t>12/20/2019 09:29:42</t>
  </si>
  <si>
    <t>12/20/2019 09:32:41</t>
  </si>
  <si>
    <t>12/20/2019 09:28:24</t>
  </si>
  <si>
    <t>10.200.66.128</t>
  </si>
  <si>
    <t>64-1C-67-9C-84-71</t>
  </si>
  <si>
    <t>VOTORANT-JB020</t>
  </si>
  <si>
    <t>https://udpwfmniceap02/web/guest/home?p_auth=yx0o3o7l&amp;p_p_id=58&amp;p_p_lifecycle=1&amp;p_p_state=maximized&amp;p_p_mode=view&amp;savelastpath=0&amp;_58_struts_action=/login/forgot_password</t>
  </si>
  <si>
    <t>12/20/2019 09:29:56</t>
  </si>
  <si>
    <t>12/20/2019 09:33:41</t>
  </si>
  <si>
    <t>12/20/2019 09:30:08</t>
  </si>
  <si>
    <t>12/20/2019 09:32:42</t>
  </si>
  <si>
    <t>12/20/2019 09:34:41</t>
  </si>
  <si>
    <t>12/20/2019 09:31:15</t>
  </si>
  <si>
    <t>12/20/2019 09:33:16</t>
  </si>
  <si>
    <t>12/20/2019 09:34:07</t>
  </si>
  <si>
    <t>10.200.35.251</t>
  </si>
  <si>
    <t>FRANCISLAYNE ASSUMPCAO DE SOUSA_1_6765904858130229796_1_32.wav</t>
  </si>
  <si>
    <t>\\acsfs\DEPTOS\EDUCACAO EMPRESARIAL\Ligações 2º ciclo - Késia\FRANCISLAYNE ASSUMPCAO DE SOUSA_1_6765904858130229796_1_32.wav</t>
  </si>
  <si>
    <t>12/20/2019 09:30:43</t>
  </si>
  <si>
    <t>MARIA APARECIDA VIEIRA DA SILVA_1_6765718946175852277_1_32.wav</t>
  </si>
  <si>
    <t>\\acsfs\DEPTOS\EDUCACAO EMPRESARIAL\Ligações 2º ciclo - Késia\MARIA APARECIDA VIEIRA DA SILVA_1_6765718946175852277_1_32.wav</t>
  </si>
  <si>
    <t>12/20/2019 09:31:19</t>
  </si>
  <si>
    <t>GABRIELA FERREIRA FRAGA_1_6766589132319832133_1_32.wav</t>
  </si>
  <si>
    <t>\\acsfs\DEPTOS\EDUCACAO EMPRESARIAL\Ligações 2º ciclo - Késia\GABRIELA FERREIRA FRAGA_1_6766589132319832133_1_32.wav</t>
  </si>
  <si>
    <t>12/20/2019 09:31:54</t>
  </si>
  <si>
    <t>\\acsfs\DEPTOS\EDUCACAO EMPRESARIAL\Ligações 2º ciclo - Késia\GEOVANA ALINE SANTOS E SILVA_1_6765812984484804293_1_32.wav</t>
  </si>
  <si>
    <t>12/20/2019 09:29:36</t>
  </si>
  <si>
    <t>12/20/2019 09:31:37</t>
  </si>
  <si>
    <t>12/20/2019 09:35:40</t>
  </si>
  <si>
    <t>12/20/2019 09:36:52</t>
  </si>
  <si>
    <t>12/20/2019 09:37:40</t>
  </si>
  <si>
    <t>12/20/2019 09:36:54</t>
  </si>
  <si>
    <t>12/20/2019 09:35:17</t>
  </si>
  <si>
    <t>12/20/2019 09:38:41</t>
  </si>
  <si>
    <t>C:\Users\edienelnpi\Downloads\</t>
  </si>
  <si>
    <t>12/20/2019 09:33:27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6845206889&amp;time-delta-to-apply-millis=use-collector-delta</t>
  </si>
  <si>
    <t>12/20/2019 09:35:07</t>
  </si>
  <si>
    <t>12/20/2019 09:34:12</t>
  </si>
  <si>
    <t>12/20/2019 09:39:40</t>
  </si>
  <si>
    <t>12/20/2019 09:38:12</t>
  </si>
  <si>
    <t>12/20/2019 09:34:51</t>
  </si>
  <si>
    <t>https://udpmailboxap01.acs.com.br:8443/h/search?si=0&amp;so=0&amp;sc=50031&amp;st=conversation&amp;csi=0&amp;action=compose&amp;id=2285&amp;cso=0&amp;paction=view&amp;cid=2286&amp;rf=html&amp;op=reply</t>
  </si>
  <si>
    <t>12/20/2019 09:37:15</t>
  </si>
  <si>
    <t>12/20/2019 09:34:42</t>
  </si>
  <si>
    <t>12/20/2019 09:35:13</t>
  </si>
  <si>
    <t>12/20/2019 09:36:34</t>
  </si>
  <si>
    <t>C:\Users\fernandaab\Desktop\Késia\Ligações para Mutant - 2º ciclo\</t>
  </si>
  <si>
    <t>\\acsfs\Deptos\EDUCACAO EMPRESARIAL\Ligações Segundo Ciclo - Késia\ERICA LUZIANA SILVA RIBEIRO_1_6768088969259325954_1_32.wav</t>
  </si>
  <si>
    <t>\\acsfs\Deptos\EDUCACAO EMPRESARIAL\Ligações Segundo Ciclo - Késia\FABIANA FONTINELE VERAS_1_6765942378964528055_1_32.wav</t>
  </si>
  <si>
    <t>\\acsfs\Deptos\EDUCACAO EMPRESARIAL\Ligações Segundo Ciclo - Késia\FABIANO BRUNO MENDES FILHO_1_6765990113231051167_1_32.wav</t>
  </si>
  <si>
    <t>\\acsfs\Deptos\EDUCACAO EMPRESARIAL\Ligações Segundo Ciclo - Késia\FELIPE TOMAZ DA SILVA_1_6765873539228706320_1_32.wav</t>
  </si>
  <si>
    <t>12/20/2019 09:36:35</t>
  </si>
  <si>
    <t>FERNANDO FREITAS SILVA_1_6766306347378082556_1_32.wav</t>
  </si>
  <si>
    <t>\\acsfs\Deptos\EDUCACAO EMPRESARIAL\Ligações Segundo Ciclo - Késia\FERNANDO FREITAS SILVA_1_6766306347378082556_1_32.wav</t>
  </si>
  <si>
    <t>\\acsfs\Deptos\EDUCACAO EMPRESARIAL\Ligações Segundo Ciclo - Késia\FLAVIO JUNIO MENDES MOREIRA_1_6765448629524177762_1_32.wav</t>
  </si>
  <si>
    <t>\\acsfs\Deptos\EDUCACAO EMPRESARIAL\Ligações Segundo Ciclo - Késia\FRANCISLAYNE ASSUMPCAO DE SOUSA_1_6765904858130229796_1_32.wav</t>
  </si>
  <si>
    <t>\\acsfs\Deptos\EDUCACAO EMPRESARIAL\Ligações Segundo Ciclo - Késia\GABRIELA FERREIRA FRAGA_1_6766589132319832133_1_32.wav</t>
  </si>
  <si>
    <t>12/20/2019 09:36:36</t>
  </si>
  <si>
    <t>\\acsfs\Deptos\EDUCACAO EMPRESARIAL\Ligações Segundo Ciclo - Késia\GEOVANA ALINE SANTOS E SILVA_1_6765812984484804293_1_32.wav</t>
  </si>
  <si>
    <t>GUSTAVO MOURA RODRIGUES_1_6765546486059042479_1_32.wav</t>
  </si>
  <si>
    <t>\\acsfs\Deptos\EDUCACAO EMPRESARIAL\Ligações Segundo Ciclo - Késia\GUSTAVO MOURA RODRIGUES_1_6765546486059042479_1_32.wav</t>
  </si>
  <si>
    <t>HENRIQUE HUMBERTO MARCELINO DE OLIVEIRA_1_6766550520563831390_1_32.wav</t>
  </si>
  <si>
    <t>\\acsfs\Deptos\EDUCACAO EMPRESARIAL\Ligações Segundo Ciclo - Késia\HENRIQUE HUMBERTO MARCELINO DE OLIVEIRA_1_6766550520563831390_1_32.wav</t>
  </si>
  <si>
    <t>ISABEL DIAS SOARES TELES_1_6766727524756034395_1_32.wav</t>
  </si>
  <si>
    <t>\\acsfs\Deptos\EDUCACAO EMPRESARIAL\Ligações Segundo Ciclo - Késia\ISABEL DIAS SOARES TELES_1_6766727524756034395_1_32.wav</t>
  </si>
  <si>
    <t>12/20/2019 09:36:37</t>
  </si>
  <si>
    <t>ISABELLE GOMES TEIXEIRA DOS SANTOS_1_6766243155524262130_1_32.wav</t>
  </si>
  <si>
    <t>\\acsfs\Deptos\EDUCACAO EMPRESARIAL\Ligações Segundo Ciclo - Késia\ISABELLE GOMES TEIXEIRA DOS SANTOS_1_6766243155524262130_1_32.wav</t>
  </si>
  <si>
    <t>JALILE BARBARA DA SILVA_1_6768564177325861092_1_32.wav</t>
  </si>
  <si>
    <t>\\acsfs\Deptos\EDUCACAO EMPRESARIAL\Ligações Segundo Ciclo - Késia\JALILE BARBARA DA SILVA_1_6768564177325861092_1_32.wav</t>
  </si>
  <si>
    <t>12/20/2019 09:36:38</t>
  </si>
  <si>
    <t>JAQUELINE COIMBRA PERES_1_6766258437017907703_1_32.wav</t>
  </si>
  <si>
    <t>\\acsfs\Deptos\EDUCACAO EMPRESARIAL\Ligações Segundo Ciclo - Késia\JAQUELINE COIMBRA PERES_1_6766258437017907703_1_32.wav</t>
  </si>
  <si>
    <t>JESSICA FERREIRA CARVALHO_1_6766264952483289865_1_32.wav</t>
  </si>
  <si>
    <t>\\acsfs\Deptos\EDUCACAO EMPRESARIAL\Ligações Segundo Ciclo - Késia\JESSICA FERREIRA CARVALHO_1_6766264952483289865_1_32.wav</t>
  </si>
  <si>
    <t>JOSE ROSA DE SOUZA NETO_1_6766196074092760907_1_32.wav</t>
  </si>
  <si>
    <t>\\acsfs\Deptos\EDUCACAO EMPRESARIAL\Ligações Segundo Ciclo - Késia\JOSE ROSA DE SOUZA NETO_1_6766196074092760907_1_32.wav</t>
  </si>
  <si>
    <t>12/20/2019 09:36:39</t>
  </si>
  <si>
    <t>KAMILLA CAROLINA RODRIGUES_1_6765802474699818286_1_32.wav</t>
  </si>
  <si>
    <t>\\acsfs\Deptos\EDUCACAO EMPRESARIAL\Ligações Segundo Ciclo - Késia\KAMILLA CAROLINA RODRIGUES_1_6765802474699818286_1_32.wav</t>
  </si>
  <si>
    <t>12/20/2019 09:37:26</t>
  </si>
  <si>
    <t>KELLZYLENNE APARECIDA SILVA RABELO_1_6766277944759364228_1_32.wav</t>
  </si>
  <si>
    <t>\\acsfs\Deptos\EDUCACAO EMPRESARIAL\Ligações Segundo Ciclo - Késia\KELLZYLENNE APARECIDA SILVA RABELO_1_6766277944759364228_1_32.wav</t>
  </si>
  <si>
    <t>LAYLA APARECIDA MACEDO SILVEIRA_1_6766253776978384043_1_32.wav</t>
  </si>
  <si>
    <t>\\acsfs\Deptos\EDUCACAO EMPRESARIAL\Ligações Segundo Ciclo - Késia\LAYLA APARECIDA MACEDO SILVEIRA_1_6766253776978384043_1_32.wav</t>
  </si>
  <si>
    <t>12/20/2019 09:37:37</t>
  </si>
  <si>
    <t>12/20/2019 09:36:40</t>
  </si>
  <si>
    <t>LEANDRO MORAIS SANTOS_1_6766782972783829980_1_32.wav</t>
  </si>
  <si>
    <t>\\acsfs\Deptos\EDUCACAO EMPRESARIAL\Ligações Segundo Ciclo - Késia\LEANDRO MORAIS SANTOS_1_6766782972783829980_1_32.wav</t>
  </si>
  <si>
    <t>12/20/2019 09:36:41</t>
  </si>
  <si>
    <t>LEONARDO COSTA BARROS_1_6766393367710467924_1_32.wav</t>
  </si>
  <si>
    <t>\\acsfs\Deptos\EDUCACAO EMPRESARIAL\Ligações Segundo Ciclo - Késia\LEONARDO COSTA BARROS_1_6766393367710467924_1_32.wav</t>
  </si>
  <si>
    <t>12/20/2019 09:36:42</t>
  </si>
  <si>
    <t>LORRAYNE VALENTINO AMANCIO_1_6766220387902628484_1_32.wav</t>
  </si>
  <si>
    <t>\\acsfs\Deptos\EDUCACAO EMPRESARIAL\Ligações Segundo Ciclo - Késia\LORRAYNE VALENTINO AMANCIO_1_6766220387902628484_1_32.wav</t>
  </si>
  <si>
    <t>LUCAS BARBOSA DA SILVA_1_6766627679651301093_1_32.wav</t>
  </si>
  <si>
    <t>\\acsfs\Deptos\EDUCACAO EMPRESARIAL\Ligações Segundo Ciclo - Késia\LUCAS BARBOSA DA SILVA_1_6766627679651301093_1_32.wav</t>
  </si>
  <si>
    <t>12/20/2019 09:36:43</t>
  </si>
  <si>
    <t>LUCAS NASCIMENTO SILVA_1_6766200442074508174_1_32.wav</t>
  </si>
  <si>
    <t>\\acsfs\Deptos\EDUCACAO EMPRESARIAL\Ligações Segundo Ciclo - Késia\LUCAS NASCIMENTO SILVA_1_6766200442074508174_1_32.wav</t>
  </si>
  <si>
    <t>LUCAS QUITONIO DE SOUZA SILVA_1_6766193140630109233_1_32.wav</t>
  </si>
  <si>
    <t>\\acsfs\Deptos\EDUCACAO EMPRESARIAL\Ligações Segundo Ciclo - Késia\LUCAS QUITONIO DE SOUZA SILVA_1_6766193140630109233_1_32.wav</t>
  </si>
  <si>
    <t>LUIS PHILIPE LIMA SANTANA_1_6768591720951125140_1_32.wav</t>
  </si>
  <si>
    <t>\\acsfs\Deptos\EDUCACAO EMPRESARIAL\Ligações Segundo Ciclo - Késia\LUIS PHILIPE LIMA SANTANA_1_6768591720951125140_1_32.wav</t>
  </si>
  <si>
    <t>\\acsfs\Deptos\EDUCACAO EMPRESARIAL\Ligações Segundo Ciclo - Késia\MARIA APARECIDA VIEIRA DA SILVA_1_6765718946175852277_1_32.wav</t>
  </si>
  <si>
    <t>12/20/2019 09:36:44</t>
  </si>
  <si>
    <t>\\acsfs\Deptos\EDUCACAO EMPRESARIAL\Ligações Segundo Ciclo - Késia\MARIA GABRIELA SILVA GOMES_1_6765929524127414948_1_32.wav</t>
  </si>
  <si>
    <t>\\acsfs\Deptos\EDUCACAO EMPRESARIAL\Ligações Segundo Ciclo - Késia\MATEUS DE JESUS MORAIS_1_6766608060240699455_1_32.wav</t>
  </si>
  <si>
    <t>12/20/2019 09:36:45</t>
  </si>
  <si>
    <t>\\acsfs\Deptos\EDUCACAO EMPRESARIAL\Ligações Segundo Ciclo - Késia\MATHEUS HENRIKO CUNHA BORGES_1_6765876266532943042_1_32.wav</t>
  </si>
  <si>
    <t>\\acsfs\Deptos\EDUCACAO EMPRESARIAL\Ligações Segundo Ciclo - Késia\WELIDI CRISTINA DE JESUS_1_6765932998755944926_1_32.wav</t>
  </si>
  <si>
    <t>\\acsfs\Deptos\EDUCACAO EMPRESARIAL\Ligações Segundo Ciclo - Késia\ADEVILSON GABRIEL LINDEMBERG EVANGELISTA_1_6766272713489189355_1_32.wav</t>
  </si>
  <si>
    <t>12/20/2019 09:36:46</t>
  </si>
  <si>
    <t>\\acsfs\Deptos\EDUCACAO EMPRESARIAL\Ligações Segundo Ciclo - Késia\ADRIELE DAS GRACAS CARVALHO_1_6766424746741533012_1_32.wav</t>
  </si>
  <si>
    <t>12/20/2019 09:36:47</t>
  </si>
  <si>
    <t>\\acsfs\Deptos\EDUCACAO EMPRESARIAL\Ligações Segundo Ciclo - Késia\ADRIELY APARECIDA SILVA_1_6766283240454032051_1_32.wav</t>
  </si>
  <si>
    <t>\\acsfs\Deptos\EDUCACAO EMPRESARIAL\Ligações Segundo Ciclo - Késia\ALEXANDRE MILHOMEM MARACAIPE_1_6765463618960042129_1_32.wav</t>
  </si>
  <si>
    <t>\\acsfs\Deptos\EDUCACAO EMPRESARIAL\Ligações Segundo Ciclo - Késia\ALICE CRISPINA PEREIRA BARBOSA COELHO_1_6766208495138184397_1_32.wav</t>
  </si>
  <si>
    <t>12/20/2019 09:36:48</t>
  </si>
  <si>
    <t>\\acsfs\Deptos\EDUCACAO EMPRESARIAL\Ligações Segundo Ciclo - Késia\ALYNY ALVES_1_6766161134533816545_1_32.wav</t>
  </si>
  <si>
    <t>\\acsfs\Deptos\EDUCACAO EMPRESARIAL\Ligações Segundo Ciclo - Késia\ANDRESSA GOMES RODRIGUES_1_6768085443091175757_1_32.wav</t>
  </si>
  <si>
    <t>12/20/2019 09:36:49</t>
  </si>
  <si>
    <t>\\acsfs\Deptos\EDUCACAO EMPRESARIAL\Ligações Segundo Ciclo - Késia\ANDRESSA MACEDO FERREIRA_1_6766192569399457907_1_32.wav</t>
  </si>
  <si>
    <t>\\acsfs\Deptos\EDUCACAO EMPRESARIAL\Ligações Segundo Ciclo - Késia\BEATRIZ PEREIRA MENDES DA SILVA_1_6766661511108695701_1_32.wav</t>
  </si>
  <si>
    <t>12/20/2019 09:36:50</t>
  </si>
  <si>
    <t>\\acsfs\Deptos\EDUCACAO EMPRESARIAL\Ligações Segundo Ciclo - Késia\BRUNA ASSUNCAO ROSA_1_6765870811924469396_1_32.wav</t>
  </si>
  <si>
    <t>BRUNO GONCALVES DA SILVA_1_6766607115347893282_1_32.wav</t>
  </si>
  <si>
    <t>\\acsfs\Deptos\EDUCACAO EMPRESARIAL\Ligações Segundo Ciclo - Késia\BRUNO GONCALVES DA SILVA_1_6766607115347893282_1_32.wav</t>
  </si>
  <si>
    <t>12/20/2019 09:36:51</t>
  </si>
  <si>
    <t>\\acsfs\Deptos\EDUCACAO EMPRESARIAL\Ligações Segundo Ciclo - Késia\CINTIA DA COSTA FERREIRA_1_6765498017353119270_1_32.wav</t>
  </si>
  <si>
    <t>\\acsfs\Deptos\EDUCACAO EMPRESARIAL\Ligações Segundo Ciclo - Késia\CINTIA DE JESUS LIMA_1_6766732575637575828_1_32.wav</t>
  </si>
  <si>
    <t>\\acsfs\Deptos\EDUCACAO EMPRESARIAL\Ligações Segundo Ciclo - Késia\CLAUDIA JANAINA CELESTE DE ANDRADE_1_6766196048322957084_1_32.wav</t>
  </si>
  <si>
    <t>\\acsfs\Deptos\EDUCACAO EMPRESARIAL\Ligações Segundo Ciclo - Késia\DALVA DE FATIMA BRAGA_1_6765841455823008857_1_32.wav</t>
  </si>
  <si>
    <t>\\acsfs\Deptos\EDUCACAO EMPRESARIAL\Ligações Segundo Ciclo - Késia\DANIEL MARINHO LIMA DA SILVA_1_6766648201005041571_1_32.wav</t>
  </si>
  <si>
    <t>DEBORA CARLA TEIXEIRA RODRIGUES_1_6766589209629243568_1_32.wav</t>
  </si>
  <si>
    <t>\\acsfs\Deptos\EDUCACAO EMPRESARIAL\Ligações Segundo Ciclo - Késia\DEBORA CARLA TEIXEIRA RODRIGUES_1_6766589209629243568_1_32.wav</t>
  </si>
  <si>
    <t>12/20/2019 09:36:53</t>
  </si>
  <si>
    <t>\\acsfs\Deptos\EDUCACAO EMPRESARIAL\Ligações Segundo Ciclo - Késia\DHIULLIANA NETO APARECIDO DE SOUZA_1_6766204848710944446_1_32.wav</t>
  </si>
  <si>
    <t>EDICARLOS DIAS LIMA_1_6766013993249219797_1_32.wav</t>
  </si>
  <si>
    <t>\\acsfs\Deptos\EDUCACAO EMPRESARIAL\Ligações Segundo Ciclo - Késia\EDICARLOS DIAS LIMA_1_6766013993249219797_1_32.wav</t>
  </si>
  <si>
    <t>\\acsfs\Deptos\EDUCACAO EMPRESARIAL\Ligações Segundo Ciclo - Késia\EDUARDO FREITAS SIMOES_1_6766217467324862915_1_32.wav</t>
  </si>
  <si>
    <t>12/20/2019 09:39:24</t>
  </si>
  <si>
    <t>12/20/2019 09:40:41</t>
  </si>
  <si>
    <t>12/20/2019 09:39:48</t>
  </si>
  <si>
    <t>12/20/2019 09:41:41</t>
  </si>
  <si>
    <t>12/20/2019 09:38:42</t>
  </si>
  <si>
    <t>12/20/2019 09:44:41</t>
  </si>
  <si>
    <t>12/20/2019 09:39:12</t>
  </si>
  <si>
    <t>12/20/2019 09:39:42</t>
  </si>
  <si>
    <t>12/20/2019 09:40:12</t>
  </si>
  <si>
    <t>12/20/2019 09:40:42</t>
  </si>
  <si>
    <t>12/20/2019 09:39:15</t>
  </si>
  <si>
    <t>12/20/2019 09:43:15</t>
  </si>
  <si>
    <t>12/20/2019 09:42:13</t>
  </si>
  <si>
    <t>12/20/2019 09:43:38</t>
  </si>
  <si>
    <t>12/20/2019 09:43:09</t>
  </si>
  <si>
    <t>CPF 12291084836 - OPERADOR ANDREA PAULA DA SILVA GOMES_1_6763684845369496543_1_32.wav</t>
  </si>
  <si>
    <t>\\acsfs\Deptos\EDUCACAO EMPRESARIAL\KÉSIA\Ligações - Reclamações\CPF 12291084836 - OPERADOR ANDREA PAULA DA SILVA GOMES_1_6763684845369496543_1_32.wav</t>
  </si>
  <si>
    <t>\\acsfs\Deptos\EDUCACAO EMPRESARIAL\KÉSIA\Ligações - Reclamações\CPF 12291084836 - OPERADOR LUCAS NASCIMENTO SILVA_1_6766240527004273833_1_32.wav</t>
  </si>
  <si>
    <t>12/20/2019 09:43:10</t>
  </si>
  <si>
    <t>\\acsfs\Deptos\EDUCACAO EMPRESARIAL\KÉSIA\Ligações - Reclamações\CPF 12291084836 - OPERADOR NATHALIA RIOS MODESTO RODRIGUES_1_6755488862357760376_1_32.wav</t>
  </si>
  <si>
    <t>CPF 21966496869 - OPERADORA KAREN DE SOUZA RODRIGUES_1_6754349171310924331_1_32.wav</t>
  </si>
  <si>
    <t>\\acsfs\Deptos\EDUCACAO EMPRESARIAL\KÉSIA\Ligações - Reclamações\CPF 21966496869 - OPERADORA KAREN DE SOUZA RODRIGUES_1_6754349171310924331_1_32.wav</t>
  </si>
  <si>
    <t>12/20/2019 09:43:11</t>
  </si>
  <si>
    <t>\\acsfs\Deptos\EDUCACAO EMPRESARIAL\KÉSIA\Ligações - Reclamações\CPF 39621131855 - OPERADORA ALYNY ALVES_1_6767337216838533655_1_32.wav</t>
  </si>
  <si>
    <t>CPF 40316858404 - OPERADORA CINTIA DE JESUS LIMA_1_6769709103937830788_1_32.wav</t>
  </si>
  <si>
    <t>\\acsfs\Deptos\EDUCACAO EMPRESARIAL\KÉSIA\Ligações - Reclamações\CPF 40316858404 - OPERADORA CINTIA DE JESUS LIMA_1_6769709103937830788_1_32.wav</t>
  </si>
  <si>
    <t>12/20/2019 09:43:12</t>
  </si>
  <si>
    <t>\\acsfs\Deptos\EDUCACAO EMPRESARIAL\KÉSIA\Ligações - Reclamações\CPF 40316858404 - OPERADORA JANAYNA TEREZA ROCHA ONOFRE_1_6769713132617138347_1_32.wav</t>
  </si>
  <si>
    <t>12/20/2019 09:43:14</t>
  </si>
  <si>
    <t>CPF 89459792553 - OPERADOR LEONARDO COSTA BARROS_1_6756685904102891224_1_32.wav</t>
  </si>
  <si>
    <t>\\acsfs\Deptos\EDUCACAO EMPRESARIAL\KÉSIA\Ligações - Reclamações\CPF 89459792553 - OPERADOR LEONARDO COSTA BARROS_1_6756685904102891224_1_32.wav</t>
  </si>
  <si>
    <t>12/20/2019 09:43:17</t>
  </si>
  <si>
    <t>C:\Users\fernandaab\Desktop\Késia\Ligações de Elogios\</t>
  </si>
  <si>
    <t>\\acsfs\Deptos\EDUCACAO EMPRESARIAL\KÉSIA\Ligações de Elogios\ADRIELE DAS GRACAS CARVALHO - CONTA 1693805 MASTERCARD_1_6751476396535653348_1_32.wav</t>
  </si>
  <si>
    <t>\\acsfs\Deptos\EDUCACAO EMPRESARIAL\KÉSIA\Ligações de Elogios\ADRIELE DAS GRACAS CARVALHO - CONTA 2691028 MASTERCARD_1_6751453418460618000_1_32.wav</t>
  </si>
  <si>
    <t>12/20/2019 09:43:18</t>
  </si>
  <si>
    <t>\\acsfs\Deptos\EDUCACAO EMPRESARIAL\KÉSIA\Ligações de Elogios\ADRIELY APARECIDA SILVA - CONTA 2710158 MASTERCARD_1_6758006662380991000_1_32.wav</t>
  </si>
  <si>
    <t>12/20/2019 09:43:19</t>
  </si>
  <si>
    <t>\\acsfs\Deptos\EDUCACAO EMPRESARIAL\KÉSIA\Ligações de Elogios\JANAYNA TEREZA ROCHA ONOFRE - CONTA 406070 VISA_1_6752255847200531875_1_32.wav</t>
  </si>
  <si>
    <t>\\acsfs\Deptos\EDUCACAO EMPRESARIAL\KÉSIA\Ligações de Elogios\JULIANE ARAUJO SILVA - CONTA 1177084 MASTERCARD_1_6755925690596527153_1_32.wav</t>
  </si>
  <si>
    <t>12/20/2019 09:43:20</t>
  </si>
  <si>
    <t>\\acsfs\Deptos\EDUCACAO EMPRESARIAL\KÉSIA\Ligações de Elogios\LEANDRO MORAIS SANTOS - CONTA 2778345 MASTERCARD_1_6761199442284582175_1_32.wav</t>
  </si>
  <si>
    <t>\\acsfs\Deptos\EDUCACAO EMPRESARIAL\KÉSIA\Ligações de Elogios\MATHEUS GONZAGA MIRANDA (SCARLET) - CONTA 2539071 MASTERCARD_1_6751906778028522561_1_32.wav</t>
  </si>
  <si>
    <t>12/20/2019 09:43:21</t>
  </si>
  <si>
    <t>\\acsfs\Deptos\EDUCACAO EMPRESARIAL\KÉSIA\Ligações de Elogios\MATHEUS GONZAGA MIRANDA (SCARLET) - CONTA 640665 VISA_1_6751891853017168169_1_32.wav</t>
  </si>
  <si>
    <t>12/20/2019 09:43:24</t>
  </si>
  <si>
    <t>\\acsfs\Deptos\EDUCACAO EMPRESARIAL\KÉSIA\Ligações de Elogios\MYLLENA RIBEIRO DE LIMA - CONTA 602258 VISA_1_6765953760627855364_1_32.wav</t>
  </si>
  <si>
    <t>C:\Users\fernandaab\Desktop\Késia\Ligações de Elogios\REPORTE\</t>
  </si>
  <si>
    <t>LEANDRO MORAIS SANTOS - CONTA 1167922 MASTERCARD_1_6761577051514274898_1_32.wav</t>
  </si>
  <si>
    <t>\\acsfs\Deptos\EDUCACAO EMPRESARIAL\KÉSIA\Ligações de Elogios\REPORTE\LEANDRO MORAIS SANTOS - CONTA 1167922 MASTERCARD_1_6761577051514274898_1_32.wav</t>
  </si>
  <si>
    <t>12/20/2019 09:43:25</t>
  </si>
  <si>
    <t>LEANDRO MORAIS SANTOS - CONTA 1645182 MASTERCARD_1_6770442667172114288_1_32.wav</t>
  </si>
  <si>
    <t>\\acsfs\Deptos\EDUCACAO EMPRESARIAL\KÉSIA\LEANDRO MORAIS SANTOS - CONTA 1645182 MASTERCARD_1_6770442667172114288_1_32.wav</t>
  </si>
  <si>
    <t>12/20/2019 09:43:26</t>
  </si>
  <si>
    <t>\\acsfs\Deptos\EDUCACAO EMPRESARIAL\KÉSIA\MODELO DE LAUDO EM BRANCO (5) - Cópia - Cópia - Cópia.docx</t>
  </si>
  <si>
    <t>12/20/2019 09:43:27</t>
  </si>
  <si>
    <t>Modelo Monitoria.txt</t>
  </si>
  <si>
    <t>\\acsfs\Deptos\EDUCACAO EMPRESARIAL\KÉSIA\Modelo Monitoria.txt</t>
  </si>
  <si>
    <t>12/20/2019 09:40:26</t>
  </si>
  <si>
    <t>12/20/2019 09:40:11</t>
  </si>
  <si>
    <t>12/20/2019 09:40:34</t>
  </si>
  <si>
    <t>12/20/2019 09:45:41</t>
  </si>
  <si>
    <t>\\acsfs\Deptos\EDUCACAO EMPRESARIAL\MATERIAL UNIBRAD\</t>
  </si>
  <si>
    <t>\\acsfs\Deptos\EDUCACAO EMPRESARIAL\MATERIAL UNIBRAD\Thumbs.db</t>
  </si>
  <si>
    <t>12/20/2019 09:40:50</t>
  </si>
  <si>
    <t>\\acsfs\Deptos\EDUCACAO EMPRESARIAL\ligação mutant primeiro ciclo MUTANT\</t>
  </si>
  <si>
    <t>\\acsfs\Deptos\EDUCACAO EMPRESARIAL\FERNANDA\LUCAS BARBOSA DA SILVA_1_6764397655321813861_1_32.wav</t>
  </si>
  <si>
    <t>12/20/2019 09:40:52</t>
  </si>
  <si>
    <t>\\acsfs\Deptos\EDUCACAO EMPRESARIAL\FERNANDA\LUCAS NASCIMENTO SILVA_1_6764320135457083524_1_32.wav</t>
  </si>
  <si>
    <t>12/20/2019 09:40:56</t>
  </si>
  <si>
    <t>\\acsfs\Deptos\EDUCACAO EMPRESARIAL\FERNANDA\LUCAS QUITONIO DE SOUZA SILVA_1_6763233255328136404_1_32.wav</t>
  </si>
  <si>
    <t>12/20/2019 09:40:57</t>
  </si>
  <si>
    <t>\\acsfs\Deptos\EDUCACAO EMPRESARIAL\FERNANDA\LUIS PHILIPE LIMA SANTANA_1_6763271188479283907_1_32.wav</t>
  </si>
  <si>
    <t>12/20/2019 09:40:59</t>
  </si>
  <si>
    <t>\\acsfs\Deptos\EDUCACAO EMPRESARIAL\FERNANDA\MARCELLE WENDY DE LIMA_1_6763655991779207637_1_32.wav</t>
  </si>
  <si>
    <t>12/20/2019 09:41:01</t>
  </si>
  <si>
    <t>\\acsfs\Deptos\EDUCACAO EMPRESARIAL\FERNANDA\MARIA APARECIDA VIEIRA DA SILVA_1_6764590271720137206_1_32.wav</t>
  </si>
  <si>
    <t>12/20/2019 09:41:02</t>
  </si>
  <si>
    <t>\\acsfs\Deptos\EDUCACAO EMPRESARIAL\FERNANDA\MARIA GABRIELA SILVA GOMES_1_6763305496678047342_1_32.wav</t>
  </si>
  <si>
    <t>12/20/2019 09:41:03</t>
  </si>
  <si>
    <t>\\acsfs\Deptos\EDUCACAO EMPRESARIAL\FERNANDA\MATEUS DE JESUS MORAIS_1_6763990651335943673_1_32.wav</t>
  </si>
  <si>
    <t>12/20/2019 09:41:05</t>
  </si>
  <si>
    <t>\\acsfs\Deptos\EDUCACAO EMPRESARIAL\FERNANDA\MATHEUS HENRIKO CUNHA BORGES_1_6763288316808867921_1_32.wav</t>
  </si>
  <si>
    <t>12/20/2019 09:41:07</t>
  </si>
  <si>
    <t>\\acsfs\Deptos\EDUCACAO EMPRESARIAL\FERNANDA\NAYARA NERY ARAUJO OLIVEIRA_1_6766669319359250178_1_32.wav</t>
  </si>
  <si>
    <t>\\acsfs\Deptos\EDUCACAO EMPRESARIAL\FERNANDA\REGIS EZAIAS DA SILVA JUNIOR_1_6766285748714936878_1_32.wav</t>
  </si>
  <si>
    <t>12/20/2019 09:41:08</t>
  </si>
  <si>
    <t>\\acsfs\Deptos\EDUCACAO EMPRESARIAL\FERNANDA\THAIS MACHADO BEZERRA_1_6765851179628964948_1_32.wav</t>
  </si>
  <si>
    <t>12/20/2019 09:41:10</t>
  </si>
  <si>
    <t>\\acsfs\Deptos\EDUCACAO EMPRESARIAL\FERNANDA\THAYNARA CAMILA SANTOS LOPES_1_6765949268092060108_1_32.wav</t>
  </si>
  <si>
    <t>12/20/2019 09:41:13</t>
  </si>
  <si>
    <t>\\acsfs\Deptos\EDUCACAO EMPRESARIAL\FERNANDA\WELIDI CRISTINA DE JESUS_1_6764026046161423058_1_32.wav</t>
  </si>
  <si>
    <t>12/20/2019 09:41:14</t>
  </si>
  <si>
    <t>ADEVILSON GABRIEL LINDEMBERG EVANGELISTA.wav</t>
  </si>
  <si>
    <t>\\acsfs\Deptos\EDUCACAO EMPRESARIAL\FERNANDA\ADEVILSON GABRIEL LINDEMBERG EVANGELISTA.wav</t>
  </si>
  <si>
    <t>12/20/2019 09:41:15</t>
  </si>
  <si>
    <t>\\acsfs\Deptos\EDUCACAO EMPRESARIAL\FERNANDA\ADRIELE DAS GRACAS CARVALHO_1_6763101262393195376_1_32.wav</t>
  </si>
  <si>
    <t>12/20/2019 09:41:17</t>
  </si>
  <si>
    <t>\\acsfs\Deptos\EDUCACAO EMPRESARIAL\FERNANDA\ADRIELY APARECIDA SILVA_1_6763277914398078131_1_32.wav</t>
  </si>
  <si>
    <t>12/20/2019 09:41:19</t>
  </si>
  <si>
    <t>\\acsfs\Deptos\EDUCACAO EMPRESARIAL\FERNANDA\ALEXANDRE MILHOMEM MARACAIPE_1_6763597301051106181_1_32.wav</t>
  </si>
  <si>
    <t>12/20/2019 09:41:20</t>
  </si>
  <si>
    <t>\\acsfs\Deptos\EDUCACAO EMPRESARIAL\FERNANDA\ALICE CRISPINA PEREIRA BARBOSA COELHO_1_6763972805746835442_1_32.wav</t>
  </si>
  <si>
    <t>\\acsfs\Deptos\EDUCACAO EMPRESARIAL\FERNANDA\ALYNY ALVES_1_6763663611051186908_1_32.wav</t>
  </si>
  <si>
    <t>12/20/2019 09:41:21</t>
  </si>
  <si>
    <t>\\acsfs\Deptos\EDUCACAO EMPRESARIAL\FERNANDA\ANDRESSA GOMES RODRIGUES_1_6763938991469306920_1_32.wav</t>
  </si>
  <si>
    <t>12/20/2019 09:41:22</t>
  </si>
  <si>
    <t>\\acsfs\Deptos\EDUCACAO EMPRESARIAL\FERNANDA\ANDRESSA MACEDO FERREIRA_1_6764023164238380311_1_32.wav</t>
  </si>
  <si>
    <t>12/20/2019 09:41:23</t>
  </si>
  <si>
    <t>\\acsfs\Deptos\EDUCACAO EMPRESARIAL\FERNANDA\BEATRIZ PEREIRA MENDES DA SILVA_1_6764334996043930115_1_32.wav</t>
  </si>
  <si>
    <t>12/20/2019 09:41:24</t>
  </si>
  <si>
    <t>\\acsfs\Deptos\EDUCACAO EMPRESARIAL\FERNANDA\BRUNA ASSUNCAO ROSA_1_6763284477108099071_1_32.wav</t>
  </si>
  <si>
    <t>12/20/2019 09:41:25</t>
  </si>
  <si>
    <t>\\acsfs\Deptos\EDUCACAO EMPRESARIAL\FERNANDA\BRUNO GONCALVES DA SILVA_1_6763673197418189643_1_32.wav</t>
  </si>
  <si>
    <t>12/20/2019 09:41:27</t>
  </si>
  <si>
    <t>\\acsfs\Deptos\EDUCACAO EMPRESARIAL\FERNANDA\CINTIA DA COSTA FERREIRA_1_6764356698513674872_1_32.wav</t>
  </si>
  <si>
    <t>12/20/2019 09:41:37</t>
  </si>
  <si>
    <t>\\acsfs\Deptos\EDUCACAO EMPRESARIAL\FERNANDA\CINTIA DE JESUS LIMA_1_6764096492215012089_1_32.wav</t>
  </si>
  <si>
    <t>12/20/2019 09:41:50</t>
  </si>
  <si>
    <t>\\acsfs\Deptos\EDUCACAO EMPRESARIAL\FERNANDA\CLAUDIA JANAINA CELESTE DE ANDRADE_1_6763614751503223088_1_32.wav</t>
  </si>
  <si>
    <t>12/20/2019 09:41:52</t>
  </si>
  <si>
    <t>\\acsfs\Deptos\EDUCACAO EMPRESARIAL\FERNANDA\DALVA DE FATIMA BRAGA_1_6763625853993682568_1_32.wav</t>
  </si>
  <si>
    <t>12/20/2019 09:41:54</t>
  </si>
  <si>
    <t>\\acsfs\Deptos\EDUCACAO EMPRESARIAL\FERNANDA\DANIEL MARINHO LIMA DA SILVA_1_6764027639594292020_1_32.wav</t>
  </si>
  <si>
    <t>12/20/2019 09:41:55</t>
  </si>
  <si>
    <t>\\acsfs\Deptos\EDUCACAO EMPRESARIAL\FERNANDA\DEBORA CARLA TEIXEIRA RODRIGUES_1_6763940237009823692_1_32.wav</t>
  </si>
  <si>
    <t>12/20/2019 09:41:57</t>
  </si>
  <si>
    <t>\\acsfs\Deptos\EDUCACAO EMPRESARIAL\FERNANDA\DHIULLIANA NETO APARECIDO DE SOUZA_1_6763573043075820695_1_32.wav</t>
  </si>
  <si>
    <t>12/20/2019 09:42:00</t>
  </si>
  <si>
    <t>\\acsfs\Deptos\EDUCACAO EMPRESARIAL\FERNANDA\EDUARDO FREITAS SIMOES_1_6763587194993060534_1_32.wav</t>
  </si>
  <si>
    <t>12/20/2019 09:42:03</t>
  </si>
  <si>
    <t>\\acsfs\Deptos\EDUCACAO EMPRESARIAL\FERNANDA\ERICA LUZIANA SILVA RIBEIRO_1_6764070958634447196_1_32.wav</t>
  </si>
  <si>
    <t>\\acsfs\Deptos\EDUCACAO EMPRESARIAL\FERNANDA\FABIANA FONTINELE VERAS_1_6764114853200213347_1_32.wav</t>
  </si>
  <si>
    <t>12/20/2019 09:42:05</t>
  </si>
  <si>
    <t>\\acsfs\Deptos\EDUCACAO EMPRESARIAL\FERNANDA\FABIANO BRUNO MENDES FILHO_1_6764108582547957905_1_32.wav</t>
  </si>
  <si>
    <t>\\acsfs\Deptos\EDUCACAO EMPRESARIAL\FERNANDA\FELIPE TOMAZ DA SILVA_1_6764403681160922810_1_32.wav</t>
  </si>
  <si>
    <t>12/20/2019 09:42:06</t>
  </si>
  <si>
    <t>\\acsfs\Deptos\EDUCACAO EMPRESARIAL\FERNANDA\FERNANDO FREITAS SILVA_1_6764415187378309398_1_32.wav</t>
  </si>
  <si>
    <t>12/20/2019 09:42:08</t>
  </si>
  <si>
    <t>\\acsfs\Deptos\EDUCACAO EMPRESARIAL\FERNANDA\FLAVIO JUNIO MENDES MOREIRA_1_6764016880701219589_1_32.wav</t>
  </si>
  <si>
    <t>12/20/2019 09:42:09</t>
  </si>
  <si>
    <t>\\acsfs\Deptos\EDUCACAO EMPRESARIAL\FERNANDA\FRANCISLAYNE ASSUMPCAO DE SOUSA_1_6764356303376683084_1_32.wav</t>
  </si>
  <si>
    <t>\\acsfs\Deptos\EDUCACAO EMPRESARIAL\FERNANDA\GABRIELA FERREIRA FRAGA_1_6763239903937503888_1_32.wav</t>
  </si>
  <si>
    <t>12/20/2019 09:42:11</t>
  </si>
  <si>
    <t>\\acsfs\Deptos\EDUCACAO EMPRESARIAL\FERNANDA\GEOVANA ALINE SANTOS E SILVA_1_6763254536891087117_1_32.wav</t>
  </si>
  <si>
    <t>\\acsfs\Deptos\EDUCACAO EMPRESARIAL\FERNANDA\GUSTAVO MOURA RODRIGUES_1_6764067947862369330_1_32.wav</t>
  </si>
  <si>
    <t>12/20/2019 09:42:12</t>
  </si>
  <si>
    <t>\\acsfs\Deptos\EDUCACAO EMPRESARIAL\FERNANDA\HENRIQUE HUMBERTO MARCELINO DE OLIVEIRA_1_6764016236456124412_1_32.wav</t>
  </si>
  <si>
    <t>\\acsfs\Deptos\EDUCACAO EMPRESARIAL\FERNANDA\ISABEL DIAS SOARES TELES_1_6764016236456124412_1_32.wav</t>
  </si>
  <si>
    <t>12/20/2019 09:42:14</t>
  </si>
  <si>
    <t>\\acsfs\Deptos\EDUCACAO EMPRESARIAL\FERNANDA\ISABELLE GOMES TEIXEIRA DOS SANTOS_1_6764396426961165311_1_32.wav</t>
  </si>
  <si>
    <t>\\acsfs\Deptos\EDUCACAO EMPRESARIAL\FERNANDA\JALILE BARBARA DA SILVA_1_6763298139399073873_1_32.wav</t>
  </si>
  <si>
    <t>12/20/2019 09:42:15</t>
  </si>
  <si>
    <t>\\acsfs\Deptos\EDUCACAO EMPRESARIAL\FERNANDA\JAQUELINE COIMBRA PERES_1_6763324360174406748_1_32.wav</t>
  </si>
  <si>
    <t>12/20/2019 09:42:16</t>
  </si>
  <si>
    <t>\\acsfs\Deptos\EDUCACAO EMPRESARIAL\FERNANDA\JESSICA DE ALMEIDA GOMES_1_6766245801224120244_1_32.wav</t>
  </si>
  <si>
    <t>12/20/2019 09:42:17</t>
  </si>
  <si>
    <t>\\acsfs\Deptos\EDUCACAO EMPRESARIAL\FERNANDA\JESSICA FERREIRA CARVALHO_1_6763969971068415974_1_32.wav</t>
  </si>
  <si>
    <t>\\acsfs\Deptos\EDUCACAO EMPRESARIAL\FERNANDA\JONATAN LOURENCO DE SOUZA_1_6763571071685830177_1_32.wav</t>
  </si>
  <si>
    <t>\\acsfs\Deptos\EDUCACAO EMPRESARIAL\FERNANDA\JOSE ROSA DE SOUZA NETO_1_6763673815893481115_1_32.wav</t>
  </si>
  <si>
    <t>12/20/2019 09:42:18</t>
  </si>
  <si>
    <t>\\acsfs\Deptos\EDUCACAO EMPRESARIAL\FERNANDA\KAMILLA CAROLINA RODRIGUES_1_6763666351240326042_1_32.wav</t>
  </si>
  <si>
    <t>12/20/2019 09:42:20</t>
  </si>
  <si>
    <t>\\acsfs\Deptos\EDUCACAO EMPRESARIAL\FERNANDA\KELLZYLENNE APARECIDA SILVA RABELO_1_6764034155059689411_1_32.wav</t>
  </si>
  <si>
    <t>12/20/2019 09:42:21</t>
  </si>
  <si>
    <t>\\acsfs\Deptos\EDUCACAO EMPRESARIAL\FERNANDA\LAYLA APARECIDA MACEDO SILVEIRA_1_6763666351240326042_1_32.wav</t>
  </si>
  <si>
    <t>12/20/2019 09:42:22</t>
  </si>
  <si>
    <t>\\acsfs\Deptos\EDUCACAO EMPRESARIAL\FERNANDA\LEANDRO MORAIS SANTOS_1_6764515092612580714_1_32.wav</t>
  </si>
  <si>
    <t>12/20/2019 09:42:24</t>
  </si>
  <si>
    <t>\\acsfs\Deptos\EDUCACAO EMPRESARIAL\FERNANDA\LEONARDO COSTA BARROS_1_6763348746998721619_1_32.wav</t>
  </si>
  <si>
    <t>12/20/2019 09:42:26</t>
  </si>
  <si>
    <t>\\acsfs\Deptos\EDUCACAO EMPRESARIAL\FERNANDA\LORRAYNE VALENTINO AMANCIO_1_6764007818320216196_1_32.wav</t>
  </si>
  <si>
    <t>12/20/2019 09:46:41</t>
  </si>
  <si>
    <t>12/20/2019 09:41:48</t>
  </si>
  <si>
    <t>\\acsfs\DEPTOS\Operacao\Banco_Votorantim\Qualidade\Paulo\Farol de Qualidade\OUTUBBRO\RELATORIO PARA FAROL.xlsx\</t>
  </si>
  <si>
    <t>\\acsfs\DEPTOS\Operacao\Banco_Votorantim\Qualidade\Paulo\Farol de Qualidade\DEZEMBRO\RELATORIO PARA FAROL.xlsx</t>
  </si>
  <si>
    <t>\\acsfs\DEPTOS\Operacao\Banco_Votorantim\Qualidade\Paulo\Farol de Qualidade\OUTUBBRO\</t>
  </si>
  <si>
    <t>RELATORIO PARA FAROL.xlsx</t>
  </si>
  <si>
    <t>Dimensionamento_outubro.xlsx</t>
  </si>
  <si>
    <t>\\acsfs\DEPTOS\Operacao\Banco_Votorantim\Qualidade\Paulo\Farol de Qualidade\DEZEMBRO\Dimensionamento_outubro.xlsx</t>
  </si>
  <si>
    <t>\\acsfs\DEPTOS\Operacao\Banco_Votorantim\Qualidade\Paulo\Farol de Qualidade\DEZEMBRO\Dimensionamento_outubro.xlsx\</t>
  </si>
  <si>
    <t>\\acsfs\DEPTOS\Operacao\Banco_Votorantim\Qualidade\Paulo\Farol de Qualidade\DEZEMBRO\Dimensionamento_outubro.xlsx\:Zone.Identifier:$DATA</t>
  </si>
  <si>
    <t>Farol de qualidade.pptx</t>
  </si>
  <si>
    <t>\\acsfs\DEPTOS\Operacao\Banco_Votorantim\Qualidade\Paulo\Farol de Qualidade\DEZEMBRO\Farol de qualidade.pptx</t>
  </si>
  <si>
    <t>12/20/2019 09:42:25</t>
  </si>
  <si>
    <t>\\acsfs\DEPTOS\Operacao\Banco_Votorantim\Qualidade\Paulo\Farol de Qualidade\DEZEMBRO\Resultado.xls</t>
  </si>
  <si>
    <t>12/20/2019 09:43:43</t>
  </si>
  <si>
    <t>\\udpnp2sc02\g\restore\ticket_862484_TELA\G\Storage3\udpnp2ap02\32\2019\2\7\SC_Storage center\667400\</t>
  </si>
  <si>
    <t>SC_1_6655261518423201680_6655261533443012147_89373141.zip</t>
  </si>
  <si>
    <t>\\udpnp2sc02\g\restore\ticket_862484_TELA\G\Storage3\udpnp2ap02\32\2019\2\7\SC_Storage center\667400\SC_1_6655261518423201680_6655261533443012147_89373141.zip</t>
  </si>
  <si>
    <t>12/20/2019 09:44:14</t>
  </si>
  <si>
    <t>\\acsfs\DEPTOS\Operacao\Banco_Votorantim\Qualidade\Paulo\MONITORIAS DEZEMBRO\</t>
  </si>
  <si>
    <t>MONITORIAS_3º_CICLO_CRBV.txt</t>
  </si>
  <si>
    <t>\\acsfs\DEPTOS\Operacao\Banco_Votorantim\Qualidade\Paulo\MONITORIAS DEZEMBRO\MONITORIAS_3º_CICLO_CRBV.txt</t>
  </si>
  <si>
    <t>12/20/2019 09:45:09</t>
  </si>
  <si>
    <t>\\acsfs\DEPTOS\Operacao\Banco_Votorantim\Qualidade\Paulo\Farol de Qualidade\DEZEMBRO\</t>
  </si>
  <si>
    <t>Não confirmado 927367.crdownload</t>
  </si>
  <si>
    <t>\\acsfs\DEPTOS\Operacao\Banco_Votorantim\Qualidade\Paulo\Farol de Qualidade\DEZEMBRO\Não confirmado 927367.crdownload</t>
  </si>
  <si>
    <t>12/20/2019 09:45:12</t>
  </si>
  <si>
    <t>DIMENSIONAMENTO.xlsx:Zone.Identifier</t>
  </si>
  <si>
    <t>\\acsfs\DEPTOS\Operacao\Banco_Votorantim\Qualidade\Paulo\Farol de Qualidade\DEZEMBRO\DIMENSIONAMENTO.xlsx:Zone.Identifier</t>
  </si>
  <si>
    <t>12/20/2019 09:46:22</t>
  </si>
  <si>
    <t>RESULTADO.xls</t>
  </si>
  <si>
    <t>\\acsfs\DEPTOS\Operacao\Banco_Votorantim\Qualidade\Paulo\Farol de Qualidade\DEZEMBRO\RESULTADO.xls</t>
  </si>
  <si>
    <t>12/20/2019 09:46:23</t>
  </si>
  <si>
    <t>12/20/2019 09:47:41</t>
  </si>
  <si>
    <t>12/20/2019 09:46:42</t>
  </si>
  <si>
    <t>12/20/2019 09:42:40</t>
  </si>
  <si>
    <t>12/20/2019 09:45:59</t>
  </si>
  <si>
    <t>12/20/2019 09:42:52</t>
  </si>
  <si>
    <t>12/20/2019 09:43:42</t>
  </si>
  <si>
    <t>12/20/2019 09:49:41</t>
  </si>
  <si>
    <t>12/20/2019 09:44:12</t>
  </si>
  <si>
    <t>12/20/2019 09:45:42</t>
  </si>
  <si>
    <t>12/19/2019 22:44:12</t>
  </si>
  <si>
    <t>C:\$Recycle.Bin\S-1-5-21-602162358-764733703-839522115-212263\$RC3RIWO\</t>
  </si>
  <si>
    <t>F:\Drive H\Algar Tech\00.Desktop\GRU2 Energy Billing\GRU-2 Energy Consumption.xlsx</t>
  </si>
  <si>
    <t>C:\$Recycle.Bin\S-1-5-21-602162358-764733703-839522115-212263\$RC3RIWO\Draft\</t>
  </si>
  <si>
    <t>GRU-2 Energy Consumption_antigo.xlsx</t>
  </si>
  <si>
    <t>F:\Drive H\Algar Tech\00.Desktop\GRU2 Energy Billing\Draft\GRU-2 Energy Consumption_antigo.xlsx</t>
  </si>
  <si>
    <t>12/19/2019 22:44:13</t>
  </si>
  <si>
    <t>GRU-2 Energy Consumption_modelo_proposta.xlsx</t>
  </si>
  <si>
    <t>F:\Drive H\Algar Tech\00.Desktop\GRU2 Energy Billing\Draft\GRU-2 Energy Consumption_modelo_proposta.xlsx</t>
  </si>
  <si>
    <t>GRU-2 Energy Consumption_proposta_racional.xlsx</t>
  </si>
  <si>
    <t>F:\Drive H\Algar Tech\00.Desktop\GRU2 Energy Billing\Draft\GRU-2 Energy Consumption_proposta_racional.xlsx</t>
  </si>
  <si>
    <t>GRU-2 Energy Consumption_rev1.xlsx</t>
  </si>
  <si>
    <t>F:\Drive H\Algar Tech\00.Desktop\GRU2 Energy Billing\Draft\GRU-2 Energy Consumption_rev1.xlsx</t>
  </si>
  <si>
    <t>12/19/2019 22:44:14</t>
  </si>
  <si>
    <t>MEDIÇAÕ FEV 19 - CONTRATO Nº 004_2016.xlsx</t>
  </si>
  <si>
    <t>F:\Drive H\Algar Tech\00.Desktop\GRU2 Energy Billing\Draft\MEDIÇAÕ FEV 19 - CONTRATO Nº 004_2016.xlsx</t>
  </si>
  <si>
    <t>F:\Drive H\Algar Tech\00.Desktop\Status Amazon MWO.pptx\</t>
  </si>
  <si>
    <t>F:\Drive H\Algar Tech\00.Desktop\Status Amazon MWO.pptx</t>
  </si>
  <si>
    <t>12/19/2019 22:44:27</t>
  </si>
  <si>
    <t>F:\Drive H\Algar Tech\00.Desktop\</t>
  </si>
  <si>
    <t>F:\Drive H\Algar Tech\00.Desktop\2018-06 _A100 Energy Bil-TOTAL CAMPINAS.xlsx</t>
  </si>
  <si>
    <t>12/19/2019 22:44:28</t>
  </si>
  <si>
    <t>A100 Eficiencia Energia.xlsx</t>
  </si>
  <si>
    <t>F:\Drive H\Algar Tech\00.Desktop\A100 Eficiencia Energia.xlsx</t>
  </si>
  <si>
    <t>Analitico com Rateio EBIT.xls</t>
  </si>
  <si>
    <t>F:\Drive H\Algar Tech\00.Desktop\Analitico com Rateio EBIT.xls</t>
  </si>
  <si>
    <t>12/19/2019 22:44:31</t>
  </si>
  <si>
    <t>Clientes x Contatos ITO - A100.xlsx</t>
  </si>
  <si>
    <t>F:\Drive H\Algar Tech\00.Desktop\Clientes x Contatos ITO - A100.xlsx</t>
  </si>
  <si>
    <t>12/19/2019 22:44:32</t>
  </si>
  <si>
    <t>Preco_ProjetoExecutivoSPOF_V3.xlsb</t>
  </si>
  <si>
    <t>F:\Drive H\Algar Tech\00.Desktop\Preco_ProjetoExecutivoSPOF_V3.xlsb</t>
  </si>
  <si>
    <t>Razao Contabil.xls</t>
  </si>
  <si>
    <t>F:\Drive H\Algar Tech\00.Desktop\Razao Contabil.xls</t>
  </si>
  <si>
    <t>F:\Drive H\Algar Tech\00.Desktop\relatorio_gabriel3.xlsx</t>
  </si>
  <si>
    <t>C:\$Recycle.Bin\S-1-5-21-602162358-764733703-839522115-212263\$RN5YWHN\</t>
  </si>
  <si>
    <t>Detalhe_RL_Majoração.xlsb</t>
  </si>
  <si>
    <t>F:\Drive H\Algar Tech\00.Desktop\Impostos\Detalhe_RL_Majoração.xlsb</t>
  </si>
  <si>
    <t>12/19/2019 22:45:46</t>
  </si>
  <si>
    <t>C:\$Recycle.Bin\S-1-5-21-602162358-764733703-839522115-212263\$RPEP7GK\</t>
  </si>
  <si>
    <t>Visão Executiva Custo Consumo Receita A100 Energia Atualizada2.xlsx</t>
  </si>
  <si>
    <t>F:\Drive H\Algar Tech\00.Desktop\GRU2 CRAC Capacity\Visão Executiva Custo Consumo Receita A100 Energia Atualizada2.xlsx</t>
  </si>
  <si>
    <t>12/19/2019 22:50:55</t>
  </si>
  <si>
    <t>E:\</t>
  </si>
  <si>
    <t>Sistema de Precificação Data Center V13 -09 03 2015.xlsb</t>
  </si>
  <si>
    <t>F:\Drive H\Algar Tech\Sistema de Precificação Data Center V13 -09 03 2015.xlsb</t>
  </si>
  <si>
    <t>12/19/2019 22:51:26</t>
  </si>
  <si>
    <t>E:\Fusion\2019\</t>
  </si>
  <si>
    <t>Apuração 1º Tri - Gabriel Storti.xlsx</t>
  </si>
  <si>
    <t>F:\Drive H\Algar Tech\Fusion\2019\Apuração 1º Tri - Gabriel Storti.xlsx</t>
  </si>
  <si>
    <t>E:\Fusion\2019\Arquivo de Metas - New.msg\s1\</t>
  </si>
  <si>
    <t>New_Gabriel Storti.xlsx</t>
  </si>
  <si>
    <t>F:\Drive H\Algar Tech\Fusion\2019\Arquivo de Metas - New.msg</t>
  </si>
  <si>
    <t>E:\Fusion\2019\Extrato de Apuração 2019.msg\s1\</t>
  </si>
  <si>
    <t>F:\Drive H\Algar Tech\Fusion\2019\Extrato de Apuração 2019.msg</t>
  </si>
  <si>
    <t>E:\Fusion\2019\Extrato do 2º Tri de 2019 .msg\s1\</t>
  </si>
  <si>
    <t>Gabriel Storti.xlsx</t>
  </si>
  <si>
    <t>F:\Drive H\Algar Tech\Fusion\2019\Extrato do 2º Tri de 2019 .msg</t>
  </si>
  <si>
    <t>E:\Fusion\2019\Extrato Recálculo do 1º Tri de 2019 .msg\s1\</t>
  </si>
  <si>
    <t>RC1Tri - Gabriel Storti.xlsx</t>
  </si>
  <si>
    <t>F:\Drive H\Algar Tech\Fusion\2019\Extrato Recálculo do 1º Tri de 2019 .msg</t>
  </si>
  <si>
    <t>12/19/2019 22:51:27</t>
  </si>
  <si>
    <t>Gabriel Storti - 1.xlsx</t>
  </si>
  <si>
    <t>F:\Drive H\Algar Tech\Fusion\2019\Gabriel Storti - 1.xlsx</t>
  </si>
  <si>
    <t>Gabriel Storti - 2 trimestre.xlsx</t>
  </si>
  <si>
    <t>F:\Drive H\Algar Tech\Fusion\2019\Gabriel Storti - 2 trimestre.xlsx</t>
  </si>
  <si>
    <t>Gabriel Storti - 3 trimestre.xlsx</t>
  </si>
  <si>
    <t>F:\Drive H\Algar Tech\Fusion\2019\Gabriel Storti - 3 trimestre.xlsx</t>
  </si>
  <si>
    <t>F:\Drive H\Algar Tech\Fusion\2019\New_Gabriel Storti.xlsx</t>
  </si>
  <si>
    <t>12/19/2019 22:51:29</t>
  </si>
  <si>
    <t>Pré-Apuração Junho_Gabriel.xlsx</t>
  </si>
  <si>
    <t>F:\Drive H\Algar Tech\Fusion\2019\Pré-Apuração Junho_Gabriel.xlsx</t>
  </si>
  <si>
    <t>Resultado.xlsx</t>
  </si>
  <si>
    <t>F:\Drive H\Algar Tech\Fusion\2019\Resultado.xlsx</t>
  </si>
  <si>
    <t>12/19/2019 22:51:30</t>
  </si>
  <si>
    <t>Resultado_anotacoes.xlsx</t>
  </si>
  <si>
    <t>F:\Drive H\Algar Tech\Fusion\2019\Resultado_anotacoes.xlsx</t>
  </si>
  <si>
    <t>12/19/2019 22:51:31</t>
  </si>
  <si>
    <t>E:\Materiais de Trabalho\Telefones Conferencia\</t>
  </si>
  <si>
    <t>Formulário RETIRADA DE ATIVO.xlsx</t>
  </si>
  <si>
    <t>F:\Drive H\Algar Tech\Materiais de Trabalho\Telefones Conferencia\Formulário RETIRADA DE ATIVO.xlsx</t>
  </si>
  <si>
    <t>12/19/2019 22:51:32</t>
  </si>
  <si>
    <t>PMO Algar Tech - SOLICITAÇÃO DE CAPEX - TELEFONE CONFERENCIA.xlsx</t>
  </si>
  <si>
    <t>F:\Drive H\Algar Tech\Materiais de Trabalho\Telefones Conferencia\PMO Algar Tech - SOLICITAÇÃO DE CAPEX - TELEFONE CONFERENCIA.xlsx</t>
  </si>
  <si>
    <t>12/19/2019 22:51:38</t>
  </si>
  <si>
    <t>E:\Reembolso\2019.11\Seattle\</t>
  </si>
  <si>
    <t>F:\Drive H\Algar Tech\Reembolso\2019.11\Seattle\Controle de Ponto.xlsx</t>
  </si>
  <si>
    <t>12/19/2019 22:51:50</t>
  </si>
  <si>
    <t>E:\Fusion\2014 Pre-vendas\</t>
  </si>
  <si>
    <t>Apurações 2014.xlsx</t>
  </si>
  <si>
    <t>F:\Drive H\Algar Tech\Fusion\2014 Pre-vendas\Apurações 2014.xlsx</t>
  </si>
  <si>
    <t>12/19/2019 22:51:51</t>
  </si>
  <si>
    <t>Gestão Consolidada.xls</t>
  </si>
  <si>
    <t>F:\Drive H\Algar Tech\Fusion\2014 Pre-vendas\Gestão Consolidada.xls</t>
  </si>
  <si>
    <t>12/19/2019 22:51:59</t>
  </si>
  <si>
    <t>MB% Proposta v8_MC Com Depreciação.xlsx</t>
  </si>
  <si>
    <t>F:\Drive H\Algar Tech\Fusion\2014 Pre-vendas\MB% Proposta v8_MC Com Depreciação.xlsx</t>
  </si>
  <si>
    <t>Novo Sistema de Precificação Data Center _ V 07 05-08-14 .xlsb</t>
  </si>
  <si>
    <t>F:\Drive H\Algar Tech\Fusion\2014 Pre-vendas\Novo Sistema de Precificação Data Center _ V 07 05-08-14 .xlsb</t>
  </si>
  <si>
    <t>12/19/2019 22:52:00</t>
  </si>
  <si>
    <t>Novo Sistema de Precificação Data Center _ V 07 24-07-14 .xlsb</t>
  </si>
  <si>
    <t>F:\Drive H\Algar Tech\Fusion\2014 Pre-vendas\Novo Sistema de Precificação Data Center _ V 07 24-07-14 .xlsb</t>
  </si>
  <si>
    <t>12/19/2019 22:52:03</t>
  </si>
  <si>
    <t>Receita Incremental 2014.V1-Infraestrutura de TI.xls</t>
  </si>
  <si>
    <t>F:\Drive H\Algar Tech\Fusion\2014 Pre-vendas\Receita Incremental 2014.V1-Infraestrutura de TI.xls</t>
  </si>
  <si>
    <t>Receita Incremental 2014.V1-Infraestrutura de TI_2014.11.26.xls</t>
  </si>
  <si>
    <t>F:\Drive H\Algar Tech\Fusion\2014 Pre-vendas\Receita Incremental 2014.V1-Infraestrutura de TI_2014.11.26.xls</t>
  </si>
  <si>
    <t>12/19/2019 22:52:04</t>
  </si>
  <si>
    <t>Receita Incremental 2014.V1.xls</t>
  </si>
  <si>
    <t>F:\Drive H\Algar Tech\Fusion\2014 Pre-vendas\Receita Incremental 2014.V1.xls</t>
  </si>
  <si>
    <t>12/19/2019 22:52:05</t>
  </si>
  <si>
    <t>Vendas 2014 infra de TI.xls</t>
  </si>
  <si>
    <t>F:\Drive H\Algar Tech\Fusion\2014 Pre-vendas\Vendas 2014 infra de TI.xls</t>
  </si>
  <si>
    <t>12/19/2019 22:52:08</t>
  </si>
  <si>
    <t>Vendas Detalhado v4.xlsx</t>
  </si>
  <si>
    <t>F:\Drive H\Algar Tech\Fusion\2014 Pre-vendas\Vendas Detalhado v4.xlsx</t>
  </si>
  <si>
    <t>E:\Fusion\2014 Pre-vendas\0.Fechamento 2014\</t>
  </si>
  <si>
    <t>Cópia de Prévia - Incremental total 2014 - para coordenadores_Data Center.xlsx</t>
  </si>
  <si>
    <t>F:\Drive H\Algar Tech\Fusion\2014 Pre-vendas\0.Fechamento 2014\Cópia de Prévia - Incremental total 2014 - para coordenadores_Data Center.xlsx</t>
  </si>
  <si>
    <t>12/19/2019 22:52:09</t>
  </si>
  <si>
    <t>Gabriel Storti - Política 2014.xlsx</t>
  </si>
  <si>
    <t>F:\Drive H\Algar Tech\Fusion\2014 Pre-vendas\0.Fechamento 2014\Gabriel Storti - Política 2014.xlsx</t>
  </si>
  <si>
    <t>Opps Amazon.xlsx</t>
  </si>
  <si>
    <t>F:\Drive H\Algar Tech\Fusion\2014 Pre-vendas\0.Fechamento 2014\Opps Amazon.xlsx</t>
  </si>
  <si>
    <t>Prévia - Incremental total 2014 - Gabriel Storti.xlsx</t>
  </si>
  <si>
    <t>F:\Drive H\Algar Tech\Fusion\2014 Pre-vendas\0.Fechamento 2014\Prévia - Incremental total 2014 - Gabriel Storti.xlsx</t>
  </si>
  <si>
    <t>Prévia - Incremental total 2014 - para coordenadores.xlsx</t>
  </si>
  <si>
    <t>F:\Drive H\Algar Tech\Fusion\2014 Pre-vendas\0.Fechamento 2014\Prévia - Incremental total 2014 - para coordenadores.xlsx</t>
  </si>
  <si>
    <t>12/19/2019 22:52:10</t>
  </si>
  <si>
    <t>E:\Fusion\2014 Pre-vendas\Draft\</t>
  </si>
  <si>
    <t>F:\Drive H\Algar Tech\Fusion\2014 Pre-vendas\Draft\Receita Incremental 2014.V1.xls</t>
  </si>
  <si>
    <t>12/19/2019 22:52:17</t>
  </si>
  <si>
    <t>E:\Fusion\2017\</t>
  </si>
  <si>
    <t>Atingimento.xlsx</t>
  </si>
  <si>
    <t>F:\Drive H\Algar Tech\Fusion\2017\Atingimento.xlsx</t>
  </si>
  <si>
    <t>12/19/2019 22:52:20</t>
  </si>
  <si>
    <t>Comissão Força de Vendas - Anual - Gabriel Storti.xlsb</t>
  </si>
  <si>
    <t>F:\Drive H\Algar Tech\Fusion\2017\Comissão Força de Vendas - Anual - Gabriel Storti.xlsb</t>
  </si>
  <si>
    <t>12/19/2019 22:52:23</t>
  </si>
  <si>
    <t>Comissão Força de Vendas - Anual - Gabriel Storti_rev1.xlsb</t>
  </si>
  <si>
    <t>F:\Drive H\Algar Tech\Fusion\2017\Comissão Força de Vendas - Anual - Gabriel Storti_rev1.xlsb</t>
  </si>
  <si>
    <t>12/20/2019 09:45:16</t>
  </si>
  <si>
    <t>12/19/2019 22:52:45</t>
  </si>
  <si>
    <t>E:\Fusion\2017\ENC Comissão Gabriel.msg\s1\</t>
  </si>
  <si>
    <t>Comissão Força de Vendas - 1º Tri - Gabriel Storti.xlsb</t>
  </si>
  <si>
    <t>F:\Drive H\Algar Tech\Fusion\2017\ENC Comissão Gabriel.msg</t>
  </si>
  <si>
    <t>Comissão Força de Vendas - 2º Tri - Gabriel Storti.xlsb</t>
  </si>
  <si>
    <t>Meritocracia - Storti.xlsb</t>
  </si>
  <si>
    <t>12/19/2019 22:52:46</t>
  </si>
  <si>
    <t>E:\Fusion\2017\ENC Comissão Gabriel.msg\s221\</t>
  </si>
  <si>
    <t>Comissão Força de Vendas - Anual - Gabriel.xlsb</t>
  </si>
  <si>
    <t>12/19/2019 22:52:47</t>
  </si>
  <si>
    <t>E:\Fusion\2017\Meta Farmer 2017.msg\s1\</t>
  </si>
  <si>
    <t>Metas Farmers Infra TI v2.xlsx</t>
  </si>
  <si>
    <t>F:\Drive H\Algar Tech\Fusion\2017\Meta Farmer 2017.msg</t>
  </si>
  <si>
    <t>F:\Drive H\Algar Tech\Fusion\2017\Metas Farmers Infra TI v2.xlsx</t>
  </si>
  <si>
    <t>12/19/2019 22:52:48</t>
  </si>
  <si>
    <t>Projecao Meta Gabriel Infra TI v2.xlsx</t>
  </si>
  <si>
    <t>F:\Drive H\Algar Tech\Fusion\2017\Projecao Meta Gabriel Infra TI v2.xlsx</t>
  </si>
  <si>
    <t>12/19/2019 22:52:52</t>
  </si>
  <si>
    <t>E:\Fusion\2017\RES Comissão Gabriel.msg\s1\</t>
  </si>
  <si>
    <t>F:\Drive H\Algar Tech\Fusion\2017\RES Comissão Gabriel.msg</t>
  </si>
  <si>
    <t>12/19/2019 22:52:55</t>
  </si>
  <si>
    <t>E:\Fusion\2017\Clenner\</t>
  </si>
  <si>
    <t>F:\Drive H\Algar Tech\Fusion\2017\Clenner\Comissão Força de Vendas - 1º Tri - Gabriel Storti.xlsb</t>
  </si>
  <si>
    <t>12/19/2019 22:52:59</t>
  </si>
  <si>
    <t>F:\Drive H\Algar Tech\Fusion\2017\Clenner\Comissão Força de Vendas - 2º Tri - Gabriel Storti.xlsb</t>
  </si>
  <si>
    <t>12/19/2019 22:53:02</t>
  </si>
  <si>
    <t>F:\Drive H\Algar Tech\Fusion\2017\Clenner\Comissão Força de Vendas - Anual - Gabriel Storti.xlsb</t>
  </si>
  <si>
    <t>F:\Drive H\Algar Tech\Fusion\2017\Clenner\Meritocracia - Storti.xlsb</t>
  </si>
  <si>
    <t>12/19/2019 22:53:07</t>
  </si>
  <si>
    <t>E:\Fusion\2017\Clenner\RES Comissão Gabriel.msg\s79\</t>
  </si>
  <si>
    <t>F:\Drive H\Algar Tech\Fusion\2017\Clenner\RES Comissão Gabriel.msg</t>
  </si>
  <si>
    <t>E:\Fusion\2017\Objetivos 1 Semestre\</t>
  </si>
  <si>
    <t>2017_Objetivos de contribuição Geral_v12.xlsx</t>
  </si>
  <si>
    <t>F:\Drive H\Algar Tech\Fusion\2017\Objetivos 1 Semestre\2017_Objetivos de contribuição Geral_v12.xlsx</t>
  </si>
  <si>
    <t>12/19/2019 22:53:08</t>
  </si>
  <si>
    <t>E:\Fusion\2017\Q2.2017\</t>
  </si>
  <si>
    <t>F:\Drive H\Algar Tech\Fusion\2017\Q2.2017\GABRIEL JOSE STORTI.xlsx</t>
  </si>
  <si>
    <t>12/19/2019 22:53:09</t>
  </si>
  <si>
    <t>E:\Fusion\2018\</t>
  </si>
  <si>
    <t>0.Meta Gabriel final.xlsx</t>
  </si>
  <si>
    <t>F:\Drive H\Algar Tech\Fusion\2018\0.Meta Gabriel final.xlsx</t>
  </si>
  <si>
    <t>Apuracao Comissao 2018 - Gabriel.xlsx</t>
  </si>
  <si>
    <t>F:\Drive H\Algar Tech\Fusion\2018\Apuracao Comissao 2018 - Gabriel.xlsx</t>
  </si>
  <si>
    <t>Comissão Força de Vendas - 1º Tri - 2018 - Gabriel.xlsb</t>
  </si>
  <si>
    <t>F:\Drive H\Algar Tech\Fusion\2018\Comissão Força de Vendas - 1º Tri - 2018 - Gabriel.xlsb</t>
  </si>
  <si>
    <t>12/19/2019 22:53:15</t>
  </si>
  <si>
    <t>Comissão Força de Vendas - 2018.xlsb</t>
  </si>
  <si>
    <t>F:\Drive H\Algar Tech\Fusion\2018\Comissão Força de Vendas - 2018.xlsb</t>
  </si>
  <si>
    <t>12/19/2019 22:53:19</t>
  </si>
  <si>
    <t>Comissão Força de Vendas - 2º Tri - 2018 - Gabriel Storti.xlsb</t>
  </si>
  <si>
    <t>F:\Drive H\Algar Tech\Fusion\2018\Comissão Força de Vendas - 2º Tri - 2018 - Gabriel Storti.xlsb</t>
  </si>
  <si>
    <t>12/19/2019 22:53:23</t>
  </si>
  <si>
    <t>Comissão Força de Vendas - 3º Tri - 2018 - OFICIAL FINAL - LUCAS MARQUES.xlsb</t>
  </si>
  <si>
    <t>F:\Drive H\Algar Tech\Fusion\2018\Comissão Força de Vendas - 3º Tri - 2018 - OFICIAL FINAL - LUCAS MARQUES.xlsb</t>
  </si>
  <si>
    <t>12/19/2019 22:53:26</t>
  </si>
  <si>
    <t>Comissão Força de Vendas - 4º Tri - 2018 V6 (ATS) - SF - LUCAS.xlsb</t>
  </si>
  <si>
    <t>F:\Drive H\Algar Tech\Fusion\2018\Comissão Força de Vendas - 4º Tri - 2018 V6 (ATS) - SF - LUCAS.xlsb</t>
  </si>
  <si>
    <t>12/19/2019 22:53:29</t>
  </si>
  <si>
    <t>Simulação Recálculo Gabriel Storti - ANUAL 2018 - SF.xlsx.xlsb</t>
  </si>
  <si>
    <t>F:\Drive H\Algar Tech\Fusion\2018\Simulação Recálculo Gabriel Storti - ANUAL 2018 - SF.xlsx.xlsb</t>
  </si>
  <si>
    <t>Simulação Recálculo Gabriel Storti - Consolidado - TRIMESTRE - 2018 - SF.xlsx</t>
  </si>
  <si>
    <t>F:\Drive H\Algar Tech\Fusion\2018\Simulação Recálculo Gabriel Storti - Consolidado - TRIMESTRE - 2018 - SF.xlsx</t>
  </si>
  <si>
    <t>12/20/2019 09:44:57</t>
  </si>
  <si>
    <t>E:\Fusion\2018\Draft\</t>
  </si>
  <si>
    <t>Meta Gabriel.xls</t>
  </si>
  <si>
    <t>F:\Drive H\Algar Tech\Fusion\2018\Draft\Meta Gabriel.xls</t>
  </si>
  <si>
    <t>12/19/2019 22:53:30</t>
  </si>
  <si>
    <t>Gabriel Storti (1).xlsx</t>
  </si>
  <si>
    <t>F:\Drive H\Algar Tech\Fusion\2019\Gabriel Storti (1).xlsx</t>
  </si>
  <si>
    <t>E:\Fusion\Comissao ate 2017\</t>
  </si>
  <si>
    <t>Comissao.xlsx</t>
  </si>
  <si>
    <t>F:\Drive H\Algar Tech\Fusion\Comissao ate 2017\Comissao.xlsx</t>
  </si>
  <si>
    <t>12/19/2019 22:53:31</t>
  </si>
  <si>
    <t>E:\Fusion\SDM 2016\</t>
  </si>
  <si>
    <t>Apuração Farmers_2ºsem2016_V2.xlsx</t>
  </si>
  <si>
    <t>F:\Drive H\Algar Tech\Fusion\SDM 2016\Apuração Farmers_2ºsem2016_V2.xlsx</t>
  </si>
  <si>
    <t>12/19/2019 22:53:38</t>
  </si>
  <si>
    <t>Evidências para Apuração dos Objetivos 2º sem 16_v2.xlsx</t>
  </si>
  <si>
    <t>F:\Drive H\Algar Tech\Fusion\SDM 2016\Evidências para Apuração dos Objetivos 2º sem 16_v2.xlsx</t>
  </si>
  <si>
    <t>E:\Fusion\SDM 2016\Evidências para Apuração dos Objetivos 2º sem 16_v2.xlsx\</t>
  </si>
  <si>
    <t>12/19/2019 22:53:39</t>
  </si>
  <si>
    <t>12/20/2019 09:50:40</t>
  </si>
  <si>
    <t>GABRIEL STORTI.xlsx</t>
  </si>
  <si>
    <t>F:\Drive H\Algar Tech\Fusion\SDM 2016\GABRIEL STORTI.xlsx</t>
  </si>
  <si>
    <t>Lista de Oportunidades Infra - Gabriel.xlsx</t>
  </si>
  <si>
    <t>F:\Drive H\Algar Tech\Fusion\SDM 2016\Lista de Oportunidades Infra - Gabriel.xlsx</t>
  </si>
  <si>
    <t>12/19/2019 22:53:50</t>
  </si>
  <si>
    <t>E:\Log de Itens de Prioridade\</t>
  </si>
  <si>
    <t>2012-11-09 Log de Itens de Prioridade - gs.xlsx</t>
  </si>
  <si>
    <t>F:\Drive H\Algar Tech\Log de Itens de Prioridade\2012-11-09 Log de Itens de Prioridade - gs.xlsx</t>
  </si>
  <si>
    <t>2012-11-11 Log de Itens de Prioridade - gs.xlsx</t>
  </si>
  <si>
    <t>F:\Drive H\Algar Tech\Log de Itens de Prioridade\2012-11-11 Log de Itens de Prioridade - gs.xlsx</t>
  </si>
  <si>
    <t>12/19/2019 22:54:07</t>
  </si>
  <si>
    <t>E:\Log de Itens de Prioridade CES A100\</t>
  </si>
  <si>
    <t>2012-11-29 Log de Itens de Prioridade CES A100 - gs.xlsx</t>
  </si>
  <si>
    <t>F:\Drive H\Algar Tech\Log de Itens de Prioridade CES A100\2012-11-29 Log de Itens de Prioridade CES A100 - gs.xlsx</t>
  </si>
  <si>
    <t>E:\00.Desktop\</t>
  </si>
  <si>
    <t>Algar Tech - Microsoft.xlsx</t>
  </si>
  <si>
    <t>F:\Drive H\Algar Tech\00.Desktop\Algar Tech - Microsoft.xlsx</t>
  </si>
  <si>
    <t>12/19/2019 22:54:08</t>
  </si>
  <si>
    <t>Categorias ITO_v4.xlsx</t>
  </si>
  <si>
    <t>F:\Drive H\Algar Tech\00.Desktop\Categorias ITO_v4.xlsx</t>
  </si>
  <si>
    <t>12/20/2019 09:45:32</t>
  </si>
  <si>
    <t>\\acsfs\Deptos\EDUCACAO EMPRESARIAL\</t>
  </si>
  <si>
    <t>\\acsfs\Deptos\EDUCACAO EMPRESARIAL\Thumbs.db</t>
  </si>
  <si>
    <t>12/20/2019 09:45:44</t>
  </si>
  <si>
    <t>\\acsfs\Deptos\EDUCACAO EMPRESARIAL\FERNANDA MONIT\Fernanda\ALERTA DE ATENDIMENTO (2).xlsx</t>
  </si>
  <si>
    <t>BANCO DE DADOS - OPERAÇÃO (2) 21-11.xlsx</t>
  </si>
  <si>
    <t>\\acsfs\Deptos\EDUCACAO EMPRESARIAL\FERNANDA MONIT\Fernanda\BANCO DE DADOS - OPERAÇÃO (2) 21-11.xlsx</t>
  </si>
  <si>
    <t>12/20/2019 09:45:45</t>
  </si>
  <si>
    <t>CPF 09259801702 Raimundo Neves da Silva.docx</t>
  </si>
  <si>
    <t>\\acsfs\Deptos\EDUCACAO EMPRESARIAL\FERNANDA MONIT\Fernanda\CPF 09259801702 Raimundo Neves da Silva.docx</t>
  </si>
  <si>
    <t>DISTRIBUIÇÃO DE MONITORIAS - MARIANE (version 1).xlsx</t>
  </si>
  <si>
    <t>\\acsfs\Deptos\EDUCACAO EMPRESARIAL\FERNANDA MONIT\Fernanda\DISTRIBUIÇÃO DE MONITORIAS - MARIANE (version 1).xlsx</t>
  </si>
  <si>
    <t>fone BV.txt</t>
  </si>
  <si>
    <t>\\acsfs\Deptos\EDUCACAO EMPRESARIAL\FERNANDA MONIT\Fernanda\fone BV.txt</t>
  </si>
  <si>
    <t>\\acsfs\Deptos\EDUCACAO EMPRESARIAL\FERNANDA MONIT\Fernanda\ILHA FLAG - ATUALIZADO Flag Contestação de Despesas.pdf</t>
  </si>
  <si>
    <t>12/20/2019 09:45:47</t>
  </si>
  <si>
    <t>ligação operador madrugada.docx</t>
  </si>
  <si>
    <t>\\acsfs\Deptos\EDUCACAO EMPRESARIAL\FERNANDA MONIT\Fernanda\ligação operador madrugada.docx</t>
  </si>
  <si>
    <t>12/20/2019 09:45:48</t>
  </si>
  <si>
    <t>MAPA OPERACIONAL 16102019 (2).xlsx</t>
  </si>
  <si>
    <t>\\acsfs\Deptos\EDUCACAO EMPRESARIAL\FERNANDA MONIT\Fernanda\MAPA OPERACIONAL 16102019 (2).xlsx</t>
  </si>
  <si>
    <t>12/19/2019 22:54:09</t>
  </si>
  <si>
    <t>Faturamento Antecipado Echostar - Fase 1.xlsx</t>
  </si>
  <si>
    <t>F:\Drive H\Algar Tech\00.Desktop\Faturamento Antecipado Echostar - Fase 1.xlsx</t>
  </si>
  <si>
    <t>MAPA OPERACIONAL BV CARTOES.xlsx</t>
  </si>
  <si>
    <t>\\acsfs\Deptos\EDUCACAO EMPRESARIAL\FERNANDA MONIT\Fernanda\MAPA OPERACIONAL BV CARTOES.xlsx</t>
  </si>
  <si>
    <t>Modelo de laudo (2).pdf</t>
  </si>
  <si>
    <t>\\acsfs\Deptos\EDUCACAO EMPRESARIAL\FERNANDA MONIT\Fernanda\Modelo de laudo (2).pdf</t>
  </si>
  <si>
    <t>Modelo de laudo (2).xlsx</t>
  </si>
  <si>
    <t>\\acsfs\Deptos\EDUCACAO EMPRESARIAL\FERNANDA MONIT\Fernanda\Modelo de laudo (2).xlsx</t>
  </si>
  <si>
    <t>\\acsfs\Deptos\EDUCACAO EMPRESARIAL\FERNANDA MONIT\Fernanda\Modelo Monitoria.txt</t>
  </si>
  <si>
    <t>MONITORIAS 29-11-19.txt</t>
  </si>
  <si>
    <t>\\acsfs\Deptos\EDUCACAO EMPRESARIAL\FERNANDA MONIT\Fernanda\MONITORIAS 29-11-19.txt</t>
  </si>
  <si>
    <t>OPERADORES QUE NAO CONSTAM LIGAÇÃO NO NICE.xlsx</t>
  </si>
  <si>
    <t>\\acsfs\Deptos\EDUCACAO EMPRESARIAL\FERNANDA MONIT\Fernanda\OPERADORES QUE NAO CONSTAM LIGAÇÃO NO NICE.xlsx</t>
  </si>
  <si>
    <t>12/20/2019 09:45:53</t>
  </si>
  <si>
    <t>Relatorio nome operador.csv</t>
  </si>
  <si>
    <t>\\acsfs\Deptos\EDUCACAO EMPRESARIAL\FERNANDA MONIT\Fernanda\Relatorio nome operador.csv</t>
  </si>
  <si>
    <t>12/20/2019 09:46:07</t>
  </si>
  <si>
    <t>SKIL URA - BV CARTÕES - 01-11-19 segundo ciclo.xlsb</t>
  </si>
  <si>
    <t>\\acsfs\Deptos\EDUCACAO EMPRESARIAL\FERNANDA MONIT\Fernanda\SKIL URA - BV CARTÕES - 01-11-19 segundo ciclo.xlsb</t>
  </si>
  <si>
    <t>VozADEVILSON GABRIEL LINDEMBERG EVANGELISTA16.docx</t>
  </si>
  <si>
    <t>\\acsfs\Deptos\EDUCACAO EMPRESARIAL\FERNANDA MONIT\Fernanda\VozADEVILSON GABRIEL LINDEMBERG EVANGELISTA16.docx</t>
  </si>
  <si>
    <t>VozTHYAGO SANTANA PASETTO17.docx</t>
  </si>
  <si>
    <t>\\acsfs\Deptos\EDUCACAO EMPRESARIAL\FERNANDA MONIT\Fernanda\VozTHYAGO SANTANA PASETTO17.docx</t>
  </si>
  <si>
    <t>~$NITORIA DEZEMBRO.docx</t>
  </si>
  <si>
    <t>\\acsfs\Deptos\EDUCACAO EMPRESARIAL\FERNANDA MONIT\Fernanda\~$NITORIA DEZEMBRO.docx</t>
  </si>
  <si>
    <t>\\acsfs\Deptos\Operacao\Banco_Votorantim\Qualidade\Fernanda\AUDITORIA DE VENDAS\</t>
  </si>
  <si>
    <t>Auditoria BV Cartões.xlsx</t>
  </si>
  <si>
    <t>\\acsfs\Deptos\EDUCACAO EMPRESARIAL\FERNANDA MONIT\Fernanda\AUDITORIA DE VENDAS\Auditoria BV Cartões.xlsx</t>
  </si>
  <si>
    <t>AUDITORIA DE VENDAS BV CARTÕES - OUTUBRO 2019 - FERNANDA.xlsx</t>
  </si>
  <si>
    <t>\\acsfs\Deptos\EDUCACAO EMPRESARIAL\FERNANDA MONIT\Fernanda\AUDITORIA DE VENDAS\AUDITORIA DE VENDAS BV CARTÕES - OUTUBRO 2019 - FERNANDA.xlsx</t>
  </si>
  <si>
    <t>\\acsfs\Deptos\Operacao\Banco_Votorantim\Qualidade\Fernanda\Fernanda Aparecida Borges\</t>
  </si>
  <si>
    <t>\\acsfs\Deptos\EDUCACAO EMPRESARIAL\FERNANDA MONIT\Fernanda\Fernanda Aparecida Borges\Auditoria BV Cartões.xlsx</t>
  </si>
  <si>
    <t>12/20/2019 09:46:08</t>
  </si>
  <si>
    <t>BANCO DE DADOS - OPERAÇÃO (1) 13-11-19.xlsx</t>
  </si>
  <si>
    <t>\\acsfs\Deptos\EDUCACAO EMPRESARIAL\FERNANDA MONIT\Fernanda\Fernanda Aparecida Borges\BANCO DE DADOS - OPERAÇÃO (1) 13-11-19.xlsx</t>
  </si>
  <si>
    <t>carteira habilitação fer.pdf</t>
  </si>
  <si>
    <t>\\acsfs\Deptos\EDUCACAO EMPRESARIAL\FERNANDA MONIT\Fernanda\Fernanda Aparecida Borges\carteira habilitação fer.pdf</t>
  </si>
  <si>
    <t>\\acsfs\Deptos\EDUCACAO EMPRESARIAL\FERNANDA MONIT\Fernanda\Fernanda Aparecida Borges\carteira habilitação fer.pdf\</t>
  </si>
  <si>
    <t>\\acsfs\Deptos\EDUCACAO EMPRESARIAL\FERNANDA MONIT\Fernanda\Fernanda Aparecida Borges\carteira habilitação fer.pdf\:Zone.Identifier:$DATA</t>
  </si>
  <si>
    <t>Central Cartão (3).xls</t>
  </si>
  <si>
    <t>\\acsfs\Deptos\EDUCACAO EMPRESARIAL\FERNANDA MONIT\Fernanda\Fernanda Aparecida Borges\Central Cartão (3).xls</t>
  </si>
  <si>
    <t>Check List CRCC_ NOVO_v2 (1).xls</t>
  </si>
  <si>
    <t>\\acsfs\Deptos\EDUCACAO EMPRESARIAL\FERNANDA MONIT\Fernanda\Fernanda Aparecida Borges\Check List CRCC_ NOVO_v2 (1).xls</t>
  </si>
  <si>
    <t>checklist cartao BV.xls</t>
  </si>
  <si>
    <t>\\acsfs\Deptos\EDUCACAO EMPRESARIAL\FERNANDA MONIT\Fernanda\Fernanda Aparecida Borges\checklist cartao BV.xls</t>
  </si>
  <si>
    <t>CPF DO CLIENTE 728.122.221-15 OPERADOR.xlsx</t>
  </si>
  <si>
    <t>\\acsfs\Deptos\EDUCACAO EMPRESARIAL\FERNANDA MONIT\Fernanda\Fernanda Aparecida Borges\CPF DO CLIENTE 728.122.221-15 OPERADOR.xlsx</t>
  </si>
  <si>
    <t>IMG_20191105_122521.jpg</t>
  </si>
  <si>
    <t>\\acsfs\Deptos\EDUCACAO EMPRESARIAL\FERNANDA MONIT\Fernanda\Fernanda Aparecida Borges\IMG_20191105_122521.jpg</t>
  </si>
  <si>
    <t>\\acsfs\Deptos\EDUCACAO EMPRESARIAL\FERNANDA MONIT\Fernanda\Fernanda Aparecida Borges\IMG_20191105_122521.jpg\</t>
  </si>
  <si>
    <t>\\acsfs\Deptos\EDUCACAO EMPRESARIAL\FERNANDA MONIT\Fernanda\Fernanda Aparecida Borges\IMG_20191105_122521.jpg\:Zone.Identifier:$DATA</t>
  </si>
  <si>
    <t>\\acsfs\Deptos\EDUCACAO EMPRESARIAL\FERNANDA MONIT\Fernanda\Fernanda Aparecida Borges\MAPA OPERACIONAL BV CARTOES.xlsx</t>
  </si>
  <si>
    <t>12/20/2019 09:46:15</t>
  </si>
  <si>
    <t>SKIL URA - BV CARTÕES - 01-11-19.xlsb</t>
  </si>
  <si>
    <t>\\acsfs\Deptos\EDUCACAO EMPRESARIAL\FERNANDA MONIT\Fernanda\Fernanda Aparecida Borges\SKIL URA - BV CARTÕES - 01-11-19.xlsb</t>
  </si>
  <si>
    <t>Rafaela Marques.htm</t>
  </si>
  <si>
    <t>\\acsfs\Deptos\EDUCACAO EMPRESARIAL\FERNANDA MONIT\Fernanda\ligaçoes para Mutant\Rafaela Marques.htm</t>
  </si>
  <si>
    <t>Inclusão Empresas - Nova Segmentação - Eutelsat.xlsx</t>
  </si>
  <si>
    <t>F:\Drive H\Algar Tech\00.Desktop\Inclusão Empresas - Nova Segmentação - Eutelsat.xlsx</t>
  </si>
  <si>
    <t>\\acsfs\Deptos\EDUCACAO EMPRESARIAL\FERNANDA MONIT\Fernanda\ligaçoes para Mutant\Rafaela Marques.htm\</t>
  </si>
  <si>
    <t>\\acsfs\Deptos\EDUCACAO EMPRESARIAL\FERNANDA MONIT\Fernanda\ligaçoes para Mutant\Rafaela Marques.htm\:Zone.Identifier:$DATA</t>
  </si>
  <si>
    <t>VALERIA SENA DE ARAUJO.htm</t>
  </si>
  <si>
    <t>\\acsfs\Deptos\EDUCACAO EMPRESARIAL\FERNANDA MONIT\Fernanda\ligaçoes para Mutant\VALERIA SENA DE ARAUJO.htm</t>
  </si>
  <si>
    <t>\\acsfs\Deptos\EDUCACAO EMPRESARIAL\FERNANDA MONIT\Fernanda\ligaçoes para Mutant\VALERIA SENA DE ARAUJO.htm\</t>
  </si>
  <si>
    <t>\\acsfs\Deptos\EDUCACAO EMPRESARIAL\FERNANDA MONIT\Fernanda\ligaçoes para Mutant\VALERIA SENA DE ARAUJO.htm\:Zone.Identifier:$DATA</t>
  </si>
  <si>
    <t>view.htm</t>
  </si>
  <si>
    <t>\\acsfs\Deptos\EDUCACAO EMPRESARIAL\FERNANDA MONIT\Fernanda\ligaçoes para Mutant\view.htm</t>
  </si>
  <si>
    <t>\\acsfs\Deptos\EDUCACAO EMPRESARIAL\FERNANDA MONIT\Fernanda\ligaçoes para Mutant\view.htm\</t>
  </si>
  <si>
    <t>\\acsfs\Deptos\EDUCACAO EMPRESARIAL\FERNANDA MONIT\Fernanda\ligaçoes para Mutant\view.htm\:Zone.Identifier:$DATA</t>
  </si>
  <si>
    <t>12/20/2019 09:49:21</t>
  </si>
  <si>
    <t>fb03f925-3c09-4d9c-a550-d5bf45f75ca1.tmp</t>
  </si>
  <si>
    <t>\\acsfs\profiles$\leticiala\Downloads\fb03f925-3c09-4d9c-a550-d5bf45f75ca1.tmp</t>
  </si>
  <si>
    <t>\\acsfs\Deptos\Operacao\Banco_Votorantim\Qualidade\Fernanda\MONITORIA NOVEMBRO\ALERTA DE ATENDIMENTO (2).xlsx\</t>
  </si>
  <si>
    <t>\\acsfs\Deptos\EDUCACAO EMPRESARIAL\FERNANDA MONIT\Fernanda\MONITORIA NOVEMBRO\ALERTA DE ATENDIMENTO (2).xlsx</t>
  </si>
  <si>
    <t>\\acsfs\Deptos\Operacao\Banco_Votorantim\Qualidade\Fernanda\MONITORIA NOVEMBRO\</t>
  </si>
  <si>
    <t>CHECLIST NOVEMBRO.xls</t>
  </si>
  <si>
    <t>\\acsfs\Deptos\EDUCACAO EMPRESARIAL\FERNANDA MONIT\Fernanda\MONITORIA NOVEMBRO\CHECLIST NOVEMBRO.xls</t>
  </si>
  <si>
    <t>12/20/2019 09:46:16</t>
  </si>
  <si>
    <t>\\acsfs\Deptos\EDUCACAO EMPRESARIAL\FERNANDA MONIT\Fernanda\MONITORIA NOVEMBRO\Modelo Monitoria.txt</t>
  </si>
  <si>
    <t>Monitoria novembro 21-11-19.docx</t>
  </si>
  <si>
    <t>\\acsfs\Deptos\EDUCACAO EMPRESARIAL\FERNANDA MONIT\Fernanda\MONITORIA NOVEMBRO\Monitoria novembro 21-11-19.docx</t>
  </si>
  <si>
    <t>Monitoria novembro.docx</t>
  </si>
  <si>
    <t>\\acsfs\Deptos\EDUCACAO EMPRESARIAL\FERNANDA MONIT\Fernanda\MONITORIA NOVEMBRO\Monitoria novembro.docx</t>
  </si>
  <si>
    <t>12/20/2019 09:46:18</t>
  </si>
  <si>
    <t>RELAT_FILAS_1001_DIAR_20191112_050545..csv</t>
  </si>
  <si>
    <t>\\acsfs\Deptos\EDUCACAO EMPRESARIAL\FERNANDA MONIT\Fernanda\MONITORIA NOVEMBRO\RELAT_FILAS_1001_DIAR_20191112_050545..csv</t>
  </si>
  <si>
    <t>RELAT_FILAS_1001_DIAR_20191112_050545.CSV</t>
  </si>
  <si>
    <t>\\acsfs\Deptos\EDUCACAO EMPRESARIAL\FERNANDA MONIT\Fernanda\MONITORIA NOVEMBRO\RELAT_FILAS_1001_DIAR_20191112_050545.CSV</t>
  </si>
  <si>
    <t>12/20/2019 09:46:31</t>
  </si>
  <si>
    <t>RELAT_FILAS_1001_DIAR_20191115_045115.CSV</t>
  </si>
  <si>
    <t>\\acsfs\Deptos\EDUCACAO EMPRESARIAL\FERNANDA MONIT\Fernanda\MONITORIA NOVEMBRO\RELAT_FILAS_1001_DIAR_20191115_045115.CSV</t>
  </si>
  <si>
    <t>12/20/2019 09:46:59</t>
  </si>
  <si>
    <t>RELAT_FILAS_1001_DIAR_20191115_045115.xlsx</t>
  </si>
  <si>
    <t>\\acsfs\Deptos\EDUCACAO EMPRESARIAL\FERNANDA MONIT\Fernanda\MONITORIA NOVEMBRO\RELAT_FILAS_1001_DIAR_20191115_045115.xlsx</t>
  </si>
  <si>
    <t>12/20/2019 09:47:00</t>
  </si>
  <si>
    <t>~$nitoria novembro 21-11-19.docx</t>
  </si>
  <si>
    <t>\\acsfs\Deptos\EDUCACAO EMPRESARIAL\FERNANDA MONIT\Fernanda\MONITORIA NOVEMBRO\~$nitoria novembro 21-11-19.docx</t>
  </si>
  <si>
    <t>~$nitoria novembro.docx</t>
  </si>
  <si>
    <t>\\acsfs\Deptos\EDUCACAO EMPRESARIAL\FERNANDA MONIT\Fernanda\MONITORIA NOVEMBRO\~$nitoria novembro.docx</t>
  </si>
  <si>
    <t>\\acsfs\Deptos\Operacao\Banco_Votorantim\Qualidade\Fernanda\MONITORIA OUTUBRO\</t>
  </si>
  <si>
    <t>MONITORIA 21.docx</t>
  </si>
  <si>
    <t>\\acsfs\Deptos\EDUCACAO EMPRESARIAL\FERNANDA MONIT\Fernanda\MONITORIA OUTUBRO\MONITORIA 21.docx</t>
  </si>
  <si>
    <t>MONITORIA 08-11.docx</t>
  </si>
  <si>
    <t>\\acsfs\Deptos\EDUCACAO EMPRESARIAL\FERNANDA MONIT\Fernanda\MONITORIA OUTUBRO\MONITORIA 08-11.docx</t>
  </si>
  <si>
    <t>Monitoria OUTUBRO.xlsx</t>
  </si>
  <si>
    <t>\\acsfs\Deptos\EDUCACAO EMPRESARIAL\FERNANDA MONIT\Fernanda\MONITORIA OUTUBRO\Monitoria OUTUBRO.xlsx</t>
  </si>
  <si>
    <t>~$NITORIA 21.docx</t>
  </si>
  <si>
    <t>\\acsfs\Deptos\EDUCACAO EMPRESARIAL\FERNANDA MONIT\Fernanda\MONITORIA OUTUBRO\~$NITORIA 21.docx</t>
  </si>
  <si>
    <t>\\acsfs\Deptos\EDUCACAO EMPRESARIAL\FERNANDA MONIT\Fernanda\MONITORIAS DEZEMBRO\MONITORIA DEZEMBRO.docx</t>
  </si>
  <si>
    <t>\\acsfs\Deptos\EDUCACAO EMPRESARIAL\FERNANDA MONIT\Fernanda\MONITORIAS DEZEMBRO\MONITORIA DEZEMBRO12-12.docx</t>
  </si>
  <si>
    <t>\\acsfs\Deptos\EDUCACAO EMPRESARIAL\FERNANDA MONIT\Fernanda\MONITORIAS DEZEMBRO\monitorias 12-12-19 a tarde.txt</t>
  </si>
  <si>
    <t>\\acsfs\Deptos\EDUCACAO EMPRESARIAL\FERNANDA MONIT\Fernanda\MONITORIAS DEZEMBRO\~$NITORIA DEZEMBRO.docx</t>
  </si>
  <si>
    <t>~$NITORIA DEZEMBRO12-12.docx</t>
  </si>
  <si>
    <t>\\acsfs\Deptos\EDUCACAO EMPRESARIAL\FERNANDA MONIT\Fernanda\MONITORIAS DEZEMBRO\~$NITORIA DEZEMBRO12-12.docx</t>
  </si>
  <si>
    <t>07184812590Iuri Douglas Costa Mota.docx</t>
  </si>
  <si>
    <t>\\acsfs\Deptos\EDUCACAO EMPRESARIAL\FERNANDA MONIT\Fernanda\RECLAMAÇÃO E OUVIDORIA\07184812590Iuri Douglas Costa Mota.docx</t>
  </si>
  <si>
    <t>MRC Tracking -Algar.xlsx</t>
  </si>
  <si>
    <t>F:\Drive H\Algar Tech\00.Desktop\MRC Tracking -Algar.xlsx</t>
  </si>
  <si>
    <t>12/20/2019 09:47:01</t>
  </si>
  <si>
    <t>\\acsfs\Deptos\Operacao\Banco_Votorantim\Qualidade\Fernanda\RECLAMAÇÃO E OUVIDORIA\Ariel de Oliveira Gonçalves.docx\</t>
  </si>
  <si>
    <t>\\acsfs\Deptos\EDUCACAO EMPRESARIAL\FERNANDA MONIT\Fernanda\RECLAMAÇÃO E OUVIDORIA\Ariel de Oliveira Gonçalves.docx</t>
  </si>
  <si>
    <t>Ariel de Oliveira Gonçalves.docx</t>
  </si>
  <si>
    <t>BACEN_RECLAMAÇÕES - FERNANDA.xlsx</t>
  </si>
  <si>
    <t>\\acsfs\Deptos\EDUCACAO EMPRESARIAL\FERNANDA MONIT\Fernanda\RECLAMAÇÃO E OUVIDORIA\BACEN_RECLAMAÇÕES - FERNANDA.xlsx</t>
  </si>
  <si>
    <t>12/20/2019 09:47:02</t>
  </si>
  <si>
    <t>\\acsfs\Deptos\Operacao\Banco_Votorantim\Qualidade\Fernanda\RECLAMAÇÃO E OUVIDORIA\Carlos Eduardo dos Santos.docx\</t>
  </si>
  <si>
    <t>\\acsfs\Deptos\EDUCACAO EMPRESARIAL\FERNANDA MONIT\Fernanda\RECLAMAÇÃO E OUVIDORIA\Carlos Eduardo dos Santos.docx</t>
  </si>
  <si>
    <t>Carlos Eduardo dos Santos.docx</t>
  </si>
  <si>
    <t>CASO 00798505 Regis.docx</t>
  </si>
  <si>
    <t>\\acsfs\Deptos\EDUCACAO EMPRESARIAL\FERNANDA MONIT\Fernanda\RECLAMAÇÃO E OUVIDORIA\CASO 00798505 Regis.docx</t>
  </si>
  <si>
    <t>\\acsfs\Deptos\EDUCACAO EMPRESARIAL\FERNANDA MONIT\Fernanda\RECLAMAÇÃO E OUVIDORIA\CPF 09936554833 Adnilton Nascimento.pdf</t>
  </si>
  <si>
    <t>\\acsfs\Deptos\Operacao\Banco_Votorantim\Qualidade\Fernanda\RECLAMAÇÃO E OUVIDORIA\CPF 170.192.678-40 OPERADOR JOAO VITOR ALVES LIMA_.docx\</t>
  </si>
  <si>
    <t>\\acsfs\Deptos\EDUCACAO EMPRESARIAL\FERNANDA MONIT\Fernanda\RECLAMAÇÃO E OUVIDORIA\CPF 170.192.678-40 OPERADOR JOAO VITOR ALVES LIMA_.docx</t>
  </si>
  <si>
    <t>CPF 170.192.678-40 OPERADOR JOAO VITOR ALVES LIMA_.docx</t>
  </si>
  <si>
    <t>\\acsfs\Deptos\EDUCACAO EMPRESARIAL\FERNANDA MONIT\Fernanda\RECLAMAÇÃO E OUVIDORIA\CPF 002.918.617-09 Valdenice Rodrigues Vieira.docx</t>
  </si>
  <si>
    <t>\\acsfs\Deptos\EDUCACAO EMPRESARIAL\FERNANDA MONIT\Fernanda\RECLAMAÇÃO E OUVIDORIA\CPF 002.918.617-09 Valdenice Rodrigues Vieira.pdf</t>
  </si>
  <si>
    <t>12/20/2019 09:47:03</t>
  </si>
  <si>
    <t>\\acsfs\Deptos\EDUCACAO EMPRESARIAL\FERNANDA MONIT\Fernanda\RECLAMAÇÃO E OUVIDORIA\CPF 031.594.560-56 Luiza Santos .pdf</t>
  </si>
  <si>
    <t>\\acsfs\Deptos\EDUCACAO EMPRESARIAL\FERNANDA MONIT\Fernanda\RECLAMAÇÃO E OUVIDORIA\CPF 03159456056 Luiza Santos.pdf</t>
  </si>
  <si>
    <t>\\acsfs\Deptos\EDUCACAO EMPRESARIAL\FERNANDA MONIT\Fernanda\RECLAMAÇÃO E OUVIDORIA\CPF 03159456056Luiza Santos .pdf</t>
  </si>
  <si>
    <t>\\acsfs\Deptos\EDUCACAO EMPRESARIAL\FERNANDA MONIT\Fernanda\RECLAMAÇÃO E OUVIDORIA\CPF 04248677458 Francisca Afonso dos Santos.pdf</t>
  </si>
  <si>
    <t>CPF 04799048473 Denilson FErnandes da Silva.docx</t>
  </si>
  <si>
    <t>\\acsfs\Deptos\EDUCACAO EMPRESARIAL\FERNANDA MONIT\Fernanda\RECLAMAÇÃO E OUVIDORIA\CPF 04799048473 Denilson FErnandes da Silva.docx</t>
  </si>
  <si>
    <t>CPF 06896897805 AZENILDA DE SANTANA PEREIRA.pdf</t>
  </si>
  <si>
    <t>\\acsfs\Deptos\EDUCACAO EMPRESARIAL\FERNANDA MONIT\Fernanda\RECLAMAÇÃO E OUVIDORIA\CPF 06896897805 AZENILDA DE SANTANA PEREIRA.pdf</t>
  </si>
  <si>
    <t>\\acsfs\Deptos\Operacao\Banco_Votorantim\Qualidade\Fernanda\RECLAMAÇÃO E OUVIDORIA\CPF 07184812590 Iuri Douglas Costa Mota.docx\</t>
  </si>
  <si>
    <t>\\acsfs\Deptos\EDUCACAO EMPRESARIAL\FERNANDA MONIT\Fernanda\RECLAMAÇÃO E OUVIDORIA\CPF 07184812590 Iuri Douglas Costa Mota.docx</t>
  </si>
  <si>
    <t>CPF 07184812590 Iuri Douglas Costa Mota.docx</t>
  </si>
  <si>
    <t>CPF 07184812590 Iuri Douglas Costa Mota.pdf</t>
  </si>
  <si>
    <t>\\acsfs\Deptos\EDUCACAO EMPRESARIAL\FERNANDA MONIT\Fernanda\RECLAMAÇÃO E OUVIDORIA\CPF 07184812590 Iuri Douglas Costa Mota.pdf</t>
  </si>
  <si>
    <t>CPF 08888047760 Fernanda Luiza da Silva Cruz...pdf</t>
  </si>
  <si>
    <t>\\acsfs\Deptos\EDUCACAO EMPRESARIAL\FERNANDA MONIT\Fernanda\RECLAMAÇÃO E OUVIDORIA\CPF 08888047760 Fernanda Luiza da Silva Cruz...pdf</t>
  </si>
  <si>
    <t>\\acsfs\Deptos\Operacao\Banco_Votorantim\Qualidade\Fernanda\RECLAMAÇÃO E OUVIDORIA\CPF 08888047760 Fernanda Luiza da Silva Cruz.docx\</t>
  </si>
  <si>
    <t>\\acsfs\Deptos\EDUCACAO EMPRESARIAL\FERNANDA MONIT\Fernanda\RECLAMAÇÃO E OUVIDORIA\CPF 08888047760 Fernanda Luiza da Silva Cruz.docx</t>
  </si>
  <si>
    <t>CPF 08888047760 Fernanda Luiza da Silva Cruz.docx</t>
  </si>
  <si>
    <t>12/20/2019 09:47:04</t>
  </si>
  <si>
    <t>\\acsfs\Deptos\Operacao\Banco_Votorantim\Qualidade\Fernanda\RECLAMAÇÃO E OUVIDORIA\CPF 320.699.918-90 Noemia da Conceição freitas.docx\</t>
  </si>
  <si>
    <t>\\acsfs\Deptos\EDUCACAO EMPRESARIAL\FERNANDA MONIT\Fernanda\RECLAMAÇÃO E OUVIDORIA\CPF 320.699.918-90 Noemia da Conceição freitas.docx</t>
  </si>
  <si>
    <t>\\acsfs\Deptos\EDUCACAO EMPRESARIAL\FERNANDA MONIT\Fernanda\RECLAMAÇÃO E OUVIDORIA\CPF 320.699.918-90 Noemia da Conceição freitas.pdf</t>
  </si>
  <si>
    <t>\\acsfs\Deptos\Operacao\Banco_Votorantim\Qualidade\Fernanda\RECLAMAÇÃO E OUVIDORIA\Josue Euclair Fernandes Vieigas.docx\</t>
  </si>
  <si>
    <t>\\acsfs\Deptos\EDUCACAO EMPRESARIAL\FERNANDA MONIT\Fernanda\RECLAMAÇÃO E OUVIDORIA\Josue Euclair Fernandes Vieigas.docx</t>
  </si>
  <si>
    <t>Josue Euclair Fernandes Vieigas.docx</t>
  </si>
  <si>
    <t>Josue Euclair Fernandes Vieigas.pdf</t>
  </si>
  <si>
    <t>\\acsfs\Deptos\EDUCACAO EMPRESARIAL\FERNANDA MONIT\Fernanda\RECLAMAÇÃO E OUVIDORIA\Josue Euclair Fernandes Vieigas.pdf</t>
  </si>
  <si>
    <t>LAUDO DE LIGAÇÃO.docx</t>
  </si>
  <si>
    <t>\\acsfs\Deptos\EDUCACAO EMPRESARIAL\FERNANDA MONIT\Fernanda\RECLAMAÇÃO E OUVIDORIA\LAUDO DE LIGAÇÃO.docx</t>
  </si>
  <si>
    <t>\\acsfs\Deptos\EDUCACAO EMPRESARIAL\FERNANDA MONIT\Fernanda\RECLAMAÇÃO E OUVIDORIA\MODELO DE LAUDO EM BRANCO (4) - Cópia - Cópia - Cópia.docx</t>
  </si>
  <si>
    <t>\\acsfs\Deptos\Operacao\Banco_Votorantim\Qualidade\Fernanda\RECLAMAÇÃO E OUVIDORIA\MODELO DE LAUDO EM BRANCO (3) - Cópia - Cópia - Cópia.docx\</t>
  </si>
  <si>
    <t>\\acsfs\Deptos\EDUCACAO EMPRESARIAL\FERNANDA MONIT\Fernanda\RECLAMAÇÃO E OUVIDORIA\MODELO DE LAUDO EM BRANCO (3) - Cópia - Cópia - Cópia.docx</t>
  </si>
  <si>
    <t>MODELO DE LAUDO EM BRANCO (3) - Cópia - Cópia - Cópia.docx</t>
  </si>
  <si>
    <t>\\acsfs\Deptos\EDUCACAO EMPRESARIAL\FERNANDA MONIT\Fernanda\RECLAMAÇÃO E OUVIDORIA\MODELO DE LAUDO EM BRANCO (5) - Cópia - Cópia - Cópia.docx</t>
  </si>
  <si>
    <t>12/19/2019 22:54:12</t>
  </si>
  <si>
    <t>Saldo A100 ROW 31072015.xlsx</t>
  </si>
  <si>
    <t>F:\Drive H\Algar Tech\00.Desktop\Saldo A100 ROW 31072015.xlsx</t>
  </si>
  <si>
    <t>\\acsfs\Deptos\EDUCACAO EMPRESARIAL\FERNANDA MONIT\Fernanda\RECLAMAÇÃO E OUVIDORIA\MODELO DE LAUDO EM BRANCO(3) - Cópia - Cópia - Cópia - Cópia.docx</t>
  </si>
  <si>
    <t>12/20/2019 09:47:05</t>
  </si>
  <si>
    <t>\\acsfs\Deptos\EDUCACAO EMPRESARIAL\FERNANDA MONIT\Fernanda\RECLAMAÇÃO E OUVIDORIA\MODELO DE LAUDO EM BRANCO(3) - Cópia - Cópia - Cópia.docx</t>
  </si>
  <si>
    <t>\\acsfs\Deptos\Operacao\Banco_Votorantim\Qualidade\Fernanda\RECLAMAÇÃO E OUVIDORIA\MODELO DE LAUDO EM BRANCO(3) - Cópia - Cópia.docx\</t>
  </si>
  <si>
    <t>\\acsfs\Deptos\EDUCACAO EMPRESARIAL\FERNANDA MONIT\Fernanda\RECLAMAÇÃO E OUVIDORIA\MODELO DE LAUDO EM BRANCO(3) - Cópia - Cópia.docx</t>
  </si>
  <si>
    <t>MODELO DE LAUDO EM BRANCO(3) - Cópia - Cópia.docx</t>
  </si>
  <si>
    <t>\\acsfs\Deptos\EDUCACAO EMPRESARIAL\FERNANDA MONIT\Fernanda\RECLAMAÇÃO E OUVIDORIA\reclamação 09-12-19.docx</t>
  </si>
  <si>
    <t>\\acsfs\Deptos\Operacao\Banco_Votorantim\Qualidade\Fernanda\RECLAMAÇÃO E OUVIDORIA\SEBASTIAO COSTA DOS SANTOS CPF 49152947300.docx\</t>
  </si>
  <si>
    <t>\\acsfs\Deptos\EDUCACAO EMPRESARIAL\FERNANDA MONIT\Fernanda\RECLAMAÇÃO E OUVIDORIA\SEBASTIAO COSTA DOS SANTOS CPF 49152947300.docx</t>
  </si>
  <si>
    <t>12/19/2019 22:54:14</t>
  </si>
  <si>
    <t>Tapete Adesivo - Novo Sistema de Precificação Data Center V 2015-7-001.xlsb</t>
  </si>
  <si>
    <t>F:\Drive H\Algar Tech\00.Desktop\Tapete Adesivo - Novo Sistema de Precificação Data Center V 2015-7-001.xlsb</t>
  </si>
  <si>
    <t>SEBASTIAO COSTA DOS SANTOS CPF 49152947300.docx</t>
  </si>
  <si>
    <t>~$clamação 09-12-19.docx</t>
  </si>
  <si>
    <t>\\acsfs\Deptos\EDUCACAO EMPRESARIAL\FERNANDA MONIT\Fernanda\RECLAMAÇÃO E OUVIDORIA\~$clamação 09-12-19.docx</t>
  </si>
  <si>
    <t>~$DELO DE LAUDO (3) - Cópia - Cópia.docx</t>
  </si>
  <si>
    <t>\\acsfs\Deptos\EDUCACAO EMPRESARIAL\FERNANDA MONIT\Fernanda\RECLAMAÇÃO E OUVIDORIA\~$DELO DE LAUDO (3) - Cópia - Cópia.docx</t>
  </si>
  <si>
    <t>~$DELO DE LAUDO EM BRANCO (5) - Cópia - Cópia - Cópia.docx</t>
  </si>
  <si>
    <t>\\acsfs\Deptos\EDUCACAO EMPRESARIAL\FERNANDA MONIT\Fernanda\RECLAMAÇÃO E OUVIDORIA\~$DELO DE LAUDO EM BRANCO (5) - Cópia - Cópia - Cópia.docx</t>
  </si>
  <si>
    <t>~$DELO DE LAUDO EM BRANCO(3) - Cópia - Cópia.docx</t>
  </si>
  <si>
    <t>\\acsfs\Deptos\EDUCACAO EMPRESARIAL\FERNANDA MONIT\Fernanda\RECLAMAÇÃO E OUVIDORIA\~$DELO DE LAUDO EM BRANCO(3) - Cópia - Cópia.docx</t>
  </si>
  <si>
    <t>~$F 002.918.617-09 Valdenice Rodrigues Vieira.docx</t>
  </si>
  <si>
    <t>\\acsfs\Deptos\EDUCACAO EMPRESARIAL\FERNANDA MONIT\Fernanda\RECLAMAÇÃO E OUVIDORIA\~$F 002.918.617-09 Valdenice Rodrigues Vieira.docx</t>
  </si>
  <si>
    <t>~$sue Euclair Fernandes Vieigas.docx</t>
  </si>
  <si>
    <t>\\acsfs\Deptos\EDUCACAO EMPRESARIAL\FERNANDA MONIT\Fernanda\RECLAMAÇÃO E OUVIDORIA\~$sue Euclair Fernandes Vieigas.docx</t>
  </si>
  <si>
    <t>~$UDO DE LIGAÇÃO.docx</t>
  </si>
  <si>
    <t>\\acsfs\Deptos\EDUCACAO EMPRESARIAL\FERNANDA MONIT\Fernanda\RECLAMAÇÃO E OUVIDORIA\~$UDO DE LIGAÇÃO.docx</t>
  </si>
  <si>
    <t>\\acsfs\Deptos\Operacao\Banco_Votorantim\Qualidade\Fernanda\RECLAMAÇÃO E OUVIDORIA\ligação de reclamação e ouvidoria\</t>
  </si>
  <si>
    <t>CPF 170.192.678-40 OPERADOR JOAO VITOR ALVES LIMA_1_6750726834548194901_1_32.wav</t>
  </si>
  <si>
    <t>\\acsfs\Deptos\EDUCACAO EMPRESARIAL\FERNANDA MONIT\Fernanda\RECLAMAÇÃO E OUVIDORIA\ligação de reclamação e ouvidoria\CPF 170.192.678-40 OPERADOR JOAO VITOR ALVES LIMA_1_6750726834548194901_1_32.wav</t>
  </si>
  <si>
    <t>Marilia Fernandes Paes Leme Borges_1_6756593953148045461_1_32.wav</t>
  </si>
  <si>
    <t>\\acsfs\Deptos\EDUCACAO EMPRESARIAL\FERNANDA MONIT\Fernanda\RECLAMAÇÃO E OUVIDORIA\ligação de reclamação e ouvidoria\Marilia Fernandes Paes Leme Borges_1_6756593953148045461_1_32.wav</t>
  </si>
  <si>
    <t>12/20/2019 09:47:06</t>
  </si>
  <si>
    <t>\\acsfs\Deptos\Operacao\Banco_Votorantim\Qualidade\Fernanda\RECLAMAÇÃO E OUVIDORIA\RECLAMAÇÃO\MODELO DE LAUDO (2) - Cópia - Cópia.docx\</t>
  </si>
  <si>
    <t>\\acsfs\Deptos\EDUCACAO EMPRESARIAL\FERNANDA MONIT\Fernanda\RECLAMAÇÃO E OUVIDORIA\RECLAMAÇÃO\MODELO DE LAUDO (2) - Cópia - Cópia.docx</t>
  </si>
  <si>
    <t>\\acsfs\Deptos\Operacao\Banco_Votorantim\Qualidade\Fernanda\RECLAMAÇÃO E OUVIDORIA\RECLAMAÇÃO\</t>
  </si>
  <si>
    <t>MODELO DE LAUDO (2) - Cópia - Cópia.docx</t>
  </si>
  <si>
    <t>12/19/2019 22:54:18</t>
  </si>
  <si>
    <t>E:\00.Desktop\A100 Sumario Faturamento\</t>
  </si>
  <si>
    <t>2013-01_A100 Billing Detail Summary.xlsx</t>
  </si>
  <si>
    <t>F:\Drive H\Algar Tech\00.Desktop\A100 Sumario Faturamento\2013-01_A100 Billing Detail Summary.xlsx</t>
  </si>
  <si>
    <t>2013-02_A100 Billing Detail Summary.xlsx</t>
  </si>
  <si>
    <t>F:\Drive H\Algar Tech\00.Desktop\A100 Sumario Faturamento\2013-02_A100 Billing Detail Summary.xlsx</t>
  </si>
  <si>
    <t>2013-03_A100 Billing Detail Summary.xlsx</t>
  </si>
  <si>
    <t>F:\Drive H\Algar Tech\00.Desktop\A100 Sumario Faturamento\2013-03_A100 Billing Detail Summary.xlsx</t>
  </si>
  <si>
    <t>12/19/2019 22:54:19</t>
  </si>
  <si>
    <t>2013-04_A100 Billing Detail Summary.xlsx</t>
  </si>
  <si>
    <t>F:\Drive H\Algar Tech\00.Desktop\A100 Sumario Faturamento\2013-04_A100 Billing Detail Summary.xlsx</t>
  </si>
  <si>
    <t>2013-05_A100 Billing Detail Summary.xlsx</t>
  </si>
  <si>
    <t>F:\Drive H\Algar Tech\00.Desktop\A100 Sumario Faturamento\2013-05_A100 Billing Detail Summary.xlsx</t>
  </si>
  <si>
    <t>2013-06_A100 Billing Detail Summary.xlsx</t>
  </si>
  <si>
    <t>F:\Drive H\Algar Tech\00.Desktop\A100 Sumario Faturamento\2013-06_A100 Billing Detail Summary.xlsx</t>
  </si>
  <si>
    <t>2013-07-2_A100 Billing Detail Summary.xlsx</t>
  </si>
  <si>
    <t>F:\Drive H\Algar Tech\00.Desktop\A100 Sumario Faturamento\2013-07-2_A100 Billing Detail Summary.xlsx</t>
  </si>
  <si>
    <t>12/19/2019 22:54:20</t>
  </si>
  <si>
    <t>2013-07_A100 Billing Detail Summary_rev1.xlsx</t>
  </si>
  <si>
    <t>F:\Drive H\Algar Tech\00.Desktop\A100 Sumario Faturamento\2013-07_A100 Billing Detail Summary_rev1.xlsx</t>
  </si>
  <si>
    <t>2013-08-2_A100 Billing Detail Summary.xlsx</t>
  </si>
  <si>
    <t>F:\Drive H\Algar Tech\00.Desktop\A100 Sumario Faturamento\2013-08-2_A100 Billing Detail Summary.xlsx</t>
  </si>
  <si>
    <t>2013-08_A100 Billing Detail Summary.xlsx</t>
  </si>
  <si>
    <t>F:\Drive H\Algar Tech\00.Desktop\A100 Sumario Faturamento\2013-08_A100 Billing Detail Summary.xlsx</t>
  </si>
  <si>
    <t>2013-09_A100 Billing Detail Summary.xlsx</t>
  </si>
  <si>
    <t>F:\Drive H\Algar Tech\00.Desktop\A100 Sumario Faturamento\2013-09_A100 Billing Detail Summary.xlsx</t>
  </si>
  <si>
    <t>12/20/2019 09:45:29</t>
  </si>
  <si>
    <t>12/20/2019 09:46:36</t>
  </si>
  <si>
    <t>12/19/2019 22:54:21</t>
  </si>
  <si>
    <t>2013-10_A100 Billing Detail Summary.xlsx</t>
  </si>
  <si>
    <t>F:\Drive H\Algar Tech\00.Desktop\A100 Sumario Faturamento\2013-10_A100 Billing Detail Summary.xlsx</t>
  </si>
  <si>
    <t>0bca7094-2bb2-4762-9647-deddaa603f6a.tmp</t>
  </si>
  <si>
    <t>\\acsfs\profiles$\gabrielafs\Downloads\0bca7094-2bb2-4762-9647-deddaa603f6a.tmp</t>
  </si>
  <si>
    <t>2013-11_A100 Billing Detail Summary.xlsx</t>
  </si>
  <si>
    <t>F:\Drive H\Algar Tech\00.Desktop\A100 Sumario Faturamento\2013-11_A100 Billing Detail Summary.xlsx</t>
  </si>
  <si>
    <t>12/20/2019 09:51:41</t>
  </si>
  <si>
    <t>2013-12_A100 Billing Detail Summary.xlsx</t>
  </si>
  <si>
    <t>F:\Drive H\Algar Tech\00.Desktop\A100 Sumario Faturamento\2013-12_A100 Billing Detail Summary.xlsx</t>
  </si>
  <si>
    <t>2014-01_A100 Billing Detail Summary.xlsx</t>
  </si>
  <si>
    <t>F:\Drive H\Algar Tech\00.Desktop\A100 Sumario Faturamento\2014-01_A100 Billing Detail Summary.xlsx</t>
  </si>
  <si>
    <t>2014-02_A100 Billing Detail Summary.xlsx</t>
  </si>
  <si>
    <t>F:\Drive H\Algar Tech\00.Desktop\A100 Sumario Faturamento\2014-02_A100 Billing Detail Summary.xlsx</t>
  </si>
  <si>
    <t>2014-03_A100 Billing Detail Summary.xlsx</t>
  </si>
  <si>
    <t>F:\Drive H\Algar Tech\00.Desktop\A100 Sumario Faturamento\2014-03_A100 Billing Detail Summary.xlsx</t>
  </si>
  <si>
    <t>2014-04_A100 Billing Detail Summary_rev1.xlsx</t>
  </si>
  <si>
    <t>F:\Drive H\Algar Tech\00.Desktop\A100 Sumario Faturamento\2014-04_A100 Billing Detail Summary_rev1.xlsx</t>
  </si>
  <si>
    <t>12/19/2019 22:54:22</t>
  </si>
  <si>
    <t>2014-05_A100 Billing Detail Summary.xlsx</t>
  </si>
  <si>
    <t>F:\Drive H\Algar Tech\00.Desktop\A100 Sumario Faturamento\2014-05_A100 Billing Detail Summary.xlsx</t>
  </si>
  <si>
    <t>2014-06_A100 Billing Detail Summary.xlsx</t>
  </si>
  <si>
    <t>F:\Drive H\Algar Tech\00.Desktop\A100 Sumario Faturamento\2014-06_A100 Billing Detail Summary.xlsx</t>
  </si>
  <si>
    <t>2014-07_A100 Billing Detail Summary.xlsx</t>
  </si>
  <si>
    <t>F:\Drive H\Algar Tech\00.Desktop\A100 Sumario Faturamento\2014-07_A100 Billing Detail Summary.xlsx</t>
  </si>
  <si>
    <t>2014-08_A100 Billing Detail Summary_rev2.xlsx</t>
  </si>
  <si>
    <t>F:\Drive H\Algar Tech\00.Desktop\A100 Sumario Faturamento\2014-08_A100 Billing Detail Summary_rev2.xlsx</t>
  </si>
  <si>
    <t>2014-09_A100 Billing Detail Summary_rev1.xlsx</t>
  </si>
  <si>
    <t>F:\Drive H\Algar Tech\00.Desktop\A100 Sumario Faturamento\2014-09_A100 Billing Detail Summary_rev1.xlsx</t>
  </si>
  <si>
    <t>2014-10_A100 Billing Detail Summary_rev1.xlsx</t>
  </si>
  <si>
    <t>F:\Drive H\Algar Tech\00.Desktop\A100 Sumario Faturamento\2014-10_A100 Billing Detail Summary_rev1.xlsx</t>
  </si>
  <si>
    <t>2014-11_A100 Billing Detail Summary.xlsx</t>
  </si>
  <si>
    <t>F:\Drive H\Algar Tech\00.Desktop\A100 Sumario Faturamento\2014-11_A100 Billing Detail Summary.xlsx</t>
  </si>
  <si>
    <t>2014-12_A100 Billing Detail Summary.xlsx</t>
  </si>
  <si>
    <t>F:\Drive H\Algar Tech\00.Desktop\A100 Sumario Faturamento\2014-12_A100 Billing Detail Summary.xlsx</t>
  </si>
  <si>
    <t>12/19/2019 22:54:23</t>
  </si>
  <si>
    <t>2015-01_A100 Billing Detail Summary_rev1.xlsx</t>
  </si>
  <si>
    <t>F:\Drive H\Algar Tech\00.Desktop\A100 Sumario Faturamento\2015-01_A100 Billing Detail Summary_rev1.xlsx</t>
  </si>
  <si>
    <t>2015-02_A100 Billing Detail Summary_rev2.xlsx</t>
  </si>
  <si>
    <t>F:\Drive H\Algar Tech\00.Desktop\A100 Sumario Faturamento\2015-02_A100 Billing Detail Summary_rev2.xlsx</t>
  </si>
  <si>
    <t>2015-03_A100 Billing Detail Summary_rev1.xlsx</t>
  </si>
  <si>
    <t>F:\Drive H\Algar Tech\00.Desktop\A100 Sumario Faturamento\2015-03_A100 Billing Detail Summary_rev1.xlsx</t>
  </si>
  <si>
    <t>2015-04_A100 Billing Detail Summary_rev2.xlsx</t>
  </si>
  <si>
    <t>F:\Drive H\Algar Tech\00.Desktop\A100 Sumario Faturamento\2015-04_A100 Billing Detail Summary_rev2.xlsx</t>
  </si>
  <si>
    <t>2015-05_A100 Billing Detail Summary_rev2.xlsx</t>
  </si>
  <si>
    <t>F:\Drive H\Algar Tech\00.Desktop\A100 Sumario Faturamento\2015-05_A100 Billing Detail Summary_rev2.xlsx</t>
  </si>
  <si>
    <t>2015-06_A100 Billing Detail Summary_rev0.xlsx</t>
  </si>
  <si>
    <t>F:\Drive H\Algar Tech\00.Desktop\A100 Sumario Faturamento\2015-06_A100 Billing Detail Summary_rev0.xlsx</t>
  </si>
  <si>
    <t>12/19/2019 22:54:24</t>
  </si>
  <si>
    <t>2015-07_A100 Billing Detail Summary.xlsx</t>
  </si>
  <si>
    <t>F:\Drive H\Algar Tech\00.Desktop\A100 Sumario Faturamento\2015-07_A100 Billing Detail Summary.xlsx</t>
  </si>
  <si>
    <t>12/20/2019 09:47:50</t>
  </si>
  <si>
    <t>CURVA NORMAL - 19/12/2019</t>
  </si>
  <si>
    <t>12/19/2019 22:54:30</t>
  </si>
  <si>
    <t>E:\00.Desktop\Backup\2 - Business Performance\2017\pifi pafi\</t>
  </si>
  <si>
    <t>142791-PIF PAF SD e FD BP Preço C010 B011 Desonerada_v4.2 08x05.xlsb</t>
  </si>
  <si>
    <t>F:\Drive H\Algar Tech\00.Desktop\Backup\2 - Business Performance\2017\pifi pafi\142791-PIF PAF SD e FD BP Preço C010 B011 Desonerada_v4.2 08x05.xlsb</t>
  </si>
  <si>
    <t>E:\00.Desktop\Backup\2 - Business Performance\2017\pifi pafi\142791-PIF PAF SD e FD BP Preço C010 B011 Desonerada_v4.2 08x05.xlsb\</t>
  </si>
  <si>
    <t>E:\00.Desktop\Backup\2 - Business Performance\2017\Wanessa\</t>
  </si>
  <si>
    <t>F:\Drive H\Algar Tech\00.Desktop\Backup\2 - Business Performance\2017\Wanessa\Solicitações de Férias Irregulares.xls</t>
  </si>
  <si>
    <t>Transacoes por Item de Faturamento.xlsx</t>
  </si>
  <si>
    <t>F:\Drive H\Algar Tech\00.Desktop\Backup\2 - Business Performance\2017\Wanessa\Transacoes por Item de Faturamento.xlsx</t>
  </si>
  <si>
    <t>12/19/2019 22:55:17</t>
  </si>
  <si>
    <t>E:\00.Desktop\Backup\2 - Business Performance\2017\Wanessa\Demandas\</t>
  </si>
  <si>
    <t>QV EBIT BPO.xlsx</t>
  </si>
  <si>
    <t>F:\Drive H\Algar Tech\00.Desktop\Backup\2 - Business Performance\2017\Wanessa\Demandas\QV EBIT BPO.xlsx</t>
  </si>
  <si>
    <t>12/19/2019 22:55:35</t>
  </si>
  <si>
    <t>E:\00.Desktop\Backup\2 - Business Performance\2017\Wanessa\Demandas\LATAM\</t>
  </si>
  <si>
    <t>Algar - Argentina Noviembre 2017.xlsx</t>
  </si>
  <si>
    <t>F:\Drive H\Algar Tech\00.Desktop\Backup\2 - Business Performance\2017\Wanessa\Demandas\LATAM\Algar - Argentina Noviembre 2017.xlsx</t>
  </si>
  <si>
    <t>12/19/2019 22:55:46</t>
  </si>
  <si>
    <t>Algar - Colombia Noviembre 2017.xlsx</t>
  </si>
  <si>
    <t>F:\Drive H\Algar Tech\00.Desktop\Backup\2 - Business Performance\2017\Wanessa\Demandas\LATAM\Algar - Colombia Noviembre 2017.xlsx</t>
  </si>
  <si>
    <t>12/19/2019 22:55:47</t>
  </si>
  <si>
    <t>Balanco HFM_2017_LATAM.xlsx</t>
  </si>
  <si>
    <t>F:\Drive H\Algar Tech\00.Desktop\Backup\2 - Business Performance\2017\Wanessa\Demandas\LATAM\Balanco HFM_2017_LATAM.xlsx</t>
  </si>
  <si>
    <t>12/19/2019 22:55:48</t>
  </si>
  <si>
    <t>BP Crescimento Argentina e Chile - 4a. REUGER 2017.xlsb</t>
  </si>
  <si>
    <t>F:\Drive H\Algar Tech\00.Desktop\Backup\2 - Business Performance\2017\Wanessa\Demandas\LATAM\BP Crescimento Argentina e Chile - 4a. REUGER 2017.xlsb</t>
  </si>
  <si>
    <t>E:\Materiais de Trabalho\</t>
  </si>
  <si>
    <t>Lista Mediapel 2013 FINAL ATI e SYNOS.xls</t>
  </si>
  <si>
    <t>F:\Drive H\Algar Tech\Materiais de Trabalho\Lista Mediapel 2013 FINAL ATI e SYNOS.xls</t>
  </si>
  <si>
    <t>BP Crescimento Colômbia - 4a. REUGER 2017.xlsb</t>
  </si>
  <si>
    <t>F:\Drive H\Algar Tech\00.Desktop\Backup\2 - Business Performance\2017\Wanessa\Demandas\LATAM\BP Crescimento Colômbia - 4a. REUGER 2017.xlsb</t>
  </si>
  <si>
    <t>12/19/2019 22:55:49</t>
  </si>
  <si>
    <t>12/20/2019 09:52:41</t>
  </si>
  <si>
    <t>BP Internacionalização Mexico - 4a. REUGER 2017.xlsb</t>
  </si>
  <si>
    <t>F:\Drive H\Algar Tech\00.Desktop\Backup\2 - Business Performance\2017\Wanessa\Demandas\LATAM\BP Internacionalização Mexico - 4a. REUGER 2017.xlsb</t>
  </si>
  <si>
    <t>12/19/2019 22:55:52</t>
  </si>
  <si>
    <t>CAPEX 2018_CNPJ.xlsx</t>
  </si>
  <si>
    <t>F:\Drive H\Algar Tech\00.Desktop\Backup\2 - Business Performance\2017\Wanessa\Demandas\LATAM\CAPEX 2018_CNPJ.xlsx</t>
  </si>
  <si>
    <t>12/19/2019 22:55:53</t>
  </si>
  <si>
    <t>E:\Materiais de Trabalho\Lista Mediapel 2013 FINAL ATI e SYNOS.zip\</t>
  </si>
  <si>
    <t>F:\Drive H\Algar Tech\Materiais de Trabalho\Lista Mediapel 2013 FINAL ATI e SYNOS.zip</t>
  </si>
  <si>
    <t>12/19/2019 22:55:58</t>
  </si>
  <si>
    <t>Comparativo DRE.xlsx</t>
  </si>
  <si>
    <t>F:\Drive H\Algar Tech\00.Desktop\Backup\2 - Business Performance\2017\Wanessa\Demandas\LATAM\Comparativo DRE.xlsx</t>
  </si>
  <si>
    <t>DRE QV 2017.xlsx</t>
  </si>
  <si>
    <t>F:\Drive H\Algar Tech\00.Desktop\Backup\2 - Business Performance\2017\Wanessa\Demandas\LATAM\DRE QV 2017.xlsx</t>
  </si>
  <si>
    <t>12/19/2019 22:56:07</t>
  </si>
  <si>
    <t>Orçamento Receitas 2018 por cliente.xlsx</t>
  </si>
  <si>
    <t>F:\Drive H\Algar Tech\00.Desktop\Backup\2 - Business Performance\2017\Wanessa\Demandas\LATAM\Orçamento Receitas 2018 por cliente.xlsx</t>
  </si>
  <si>
    <t>Premissas Latam_Prazos.xlsx</t>
  </si>
  <si>
    <t>F:\Drive H\Algar Tech\00.Desktop\Backup\2 - Business Performance\2017\Wanessa\Demandas\LATAM\Premissas Latam_Prazos.xlsx</t>
  </si>
  <si>
    <t>12/19/2019 22:56:08</t>
  </si>
  <si>
    <t>QV Orcamento 2018 Latam.xlsx</t>
  </si>
  <si>
    <t>F:\Drive H\Algar Tech\00.Desktop\Backup\2 - Business Performance\2017\Wanessa\Demandas\LATAM\QV Orcamento 2018 Latam.xlsx</t>
  </si>
  <si>
    <t>E:\00.Desktop\Backup\2 - Business Performance\2017\Wanessa\Demandas\LP\</t>
  </si>
  <si>
    <t>DRE EBIT 4.xlsx</t>
  </si>
  <si>
    <t>F:\Drive H\Algar Tech\00.Desktop\Backup\2 - Business Performance\2017\Wanessa\Demandas\LP\DRE EBIT 4.xlsx</t>
  </si>
  <si>
    <t>12/19/2019 22:56:09</t>
  </si>
  <si>
    <t>Lista Midiapel - 2013 ATI e SYNOS.xlsx</t>
  </si>
  <si>
    <t>F:\Drive H\Algar Tech\Materiais de Trabalho\Lista Midiapel - 2013 ATI e SYNOS.xlsx</t>
  </si>
  <si>
    <t>LP_OPEX TORRES NEGÓCIO_v4.xlsx</t>
  </si>
  <si>
    <t>F:\Drive H\Algar Tech\00.Desktop\Backup\2 - Business Performance\2017\Wanessa\Demandas\LP\LP_OPEX TORRES NEGÓCIO_v4.xlsx</t>
  </si>
  <si>
    <t>12/19/2019 22:56:10</t>
  </si>
  <si>
    <t>QV por CNPJ.xls</t>
  </si>
  <si>
    <t>F:\Drive H\Algar Tech\00.Desktop\Backup\2 - Business Performance\2017\Wanessa\Demandas\LP\QV por CNPJ.xls</t>
  </si>
  <si>
    <t>12/19/2019 22:56:33</t>
  </si>
  <si>
    <t>E:\00.Desktop\Backup\2 - Business Performance\2017\Wanessa\Demandas\Margem BPO\</t>
  </si>
  <si>
    <t>Detalhado Rateio.xlsx</t>
  </si>
  <si>
    <t>F:\Drive H\Algar Tech\00.Desktop\Backup\2 - Business Performance\2017\Wanessa\Demandas\Margem BPO\Detalhado Rateio.xlsx</t>
  </si>
  <si>
    <t>12/19/2019 22:56:34</t>
  </si>
  <si>
    <t>E:\Materiais de Trabalho\2017.3.7 - Bateria Celular\</t>
  </si>
  <si>
    <t>Material de Escritorio.xls</t>
  </si>
  <si>
    <t>F:\Drive H\Algar Tech\Materiais de Trabalho\2017.3.7 - Bateria Celular\Material de Escritorio.xls</t>
  </si>
  <si>
    <t>DRE QV.xlsx</t>
  </si>
  <si>
    <t>F:\Drive H\Algar Tech\00.Desktop\Backup\2 - Business Performance\2017\Wanessa\Demandas\Margem BPO\DRE QV.xlsx</t>
  </si>
  <si>
    <t>F:\Drive H\Algar Tech\00.Desktop\Backup\2 - Business Performance\2017\Wanessa\Demandas\Margem BPO\LP_OPEX TORRES NEGÓCIO_v4.xlsx</t>
  </si>
  <si>
    <t>12/19/2019 22:56:42</t>
  </si>
  <si>
    <t>Orçamento Consolidado v5final.xlsx</t>
  </si>
  <si>
    <t>F:\Drive H\Algar Tech\00.Desktop\Backup\2 - Business Performance\2017\Wanessa\Demandas\Margem BPO\Orçamento Consolidado v5final.xlsx</t>
  </si>
  <si>
    <t>Orçamento Incremental 2018_TOTAL v5 (002).xlsx</t>
  </si>
  <si>
    <t>F:\Drive H\Algar Tech\00.Desktop\Backup\2 - Business Performance\2017\Wanessa\Demandas\Margem BPO\Orçamento Incremental 2018_TOTAL v5 (002).xlsx</t>
  </si>
  <si>
    <t>F:\Drive H\Algar Tech\Materiais de Trabalho\2017.3.7 - Bateria Celular\Template_Materiais_Escritorio_Informatica.xlsx</t>
  </si>
  <si>
    <t>QV Orcamento 2017.xls</t>
  </si>
  <si>
    <t>F:\Drive H\Algar Tech\00.Desktop\Backup\2 - Business Performance\2017\Wanessa\Demandas\Margem BPO\QV Orcamento 2017.xls</t>
  </si>
  <si>
    <t>E:\Materiais de Trabalho\2017.3.7 - Bateria Celular\Draft\</t>
  </si>
  <si>
    <t>F:\Drive H\Algar Tech\Materiais de Trabalho\2017.3.7 - Bateria Celular\Draft\Material de Escritorio.xls</t>
  </si>
  <si>
    <t>12/19/2019 22:56:44</t>
  </si>
  <si>
    <t>E:\00.Desktop\Backup\2 - Business Performance\2017\Wanessa\Demandas\ORCAMENTO 2018\</t>
  </si>
  <si>
    <t>1 - Aplicacoes.xlsx</t>
  </si>
  <si>
    <t>F:\Drive H\Algar Tech\00.Desktop\Backup\2 - Business Performance\2017\Wanessa\Demandas\ORCAMENTO 2018\1 - Aplicacoes.xlsx</t>
  </si>
  <si>
    <t>12/19/2019 22:57:20</t>
  </si>
  <si>
    <t>102017_Forecast de Receita Oficial v2.xlsx</t>
  </si>
  <si>
    <t>F:\Drive H\Algar Tech\00.Desktop\Backup\2 - Business Performance\2017\Wanessa\Demandas\ORCAMENTO 2018\102017_Forecast de Receita Oficial v2.xlsx</t>
  </si>
  <si>
    <t>E:\Materiais de Trabalho\Bateria Dell\</t>
  </si>
  <si>
    <t>Formulario.xls</t>
  </si>
  <si>
    <t>F:\Drive H\Algar Tech\Materiais de Trabalho\Bateria Dell\Formulario.xls</t>
  </si>
  <si>
    <t>12/19/2019 22:57:21</t>
  </si>
  <si>
    <t>2 - BPO.xlsx</t>
  </si>
  <si>
    <t>F:\Drive H\Algar Tech\00.Desktop\Backup\2 - Business Performance\2017\Wanessa\Demandas\ORCAMENTO 2018\2 - BPO.xlsx</t>
  </si>
  <si>
    <t>3 - Infra TI.xlsx</t>
  </si>
  <si>
    <t>F:\Drive H\Algar Tech\00.Desktop\Backup\2 - Business Performance\2017\Wanessa\Demandas\ORCAMENTO 2018\3 - Infra TI.xlsx</t>
  </si>
  <si>
    <t>12/20/2019 09:51:29</t>
  </si>
  <si>
    <t>4 - LATAM.xlsx</t>
  </si>
  <si>
    <t>F:\Drive H\Algar Tech\00.Desktop\Backup\2 - Business Performance\2017\Wanessa\Demandas\ORCAMENTO 2018\4 - LATAM.xlsx</t>
  </si>
  <si>
    <t>12/19/2019 22:57:22</t>
  </si>
  <si>
    <t>5 - SG TI.xlsx</t>
  </si>
  <si>
    <t>F:\Drive H\Algar Tech\00.Desktop\Backup\2 - Business Performance\2017\Wanessa\Demandas\ORCAMENTO 2018\5 - SG TI.xlsx</t>
  </si>
  <si>
    <t>6 - TELECOM.xlsx</t>
  </si>
  <si>
    <t>F:\Drive H\Algar Tech\00.Desktop\Backup\2 - Business Performance\2017\Wanessa\Demandas\ORCAMENTO 2018\6 - TELECOM.xlsx</t>
  </si>
  <si>
    <t>12/19/2019 22:57:30</t>
  </si>
  <si>
    <t>Orcamento Detalhado Marketing.xlsx</t>
  </si>
  <si>
    <t>F:\Drive H\Algar Tech\00.Desktop\Backup\2 - Business Performance\2017\Wanessa\Demandas\ORCAMENTO 2018\Orcamento Detalhado Marketing.xlsx</t>
  </si>
  <si>
    <t>12/20/2019 09:47:37</t>
  </si>
  <si>
    <t>12/19/2019 22:57:31</t>
  </si>
  <si>
    <t>QV_11102017.xls</t>
  </si>
  <si>
    <t>F:\Drive H\Algar Tech\00.Desktop\Backup\2 - Business Performance\2017\Wanessa\Demandas\ORCAMENTO 2018\QV_11102017.xls</t>
  </si>
  <si>
    <t>F:\Drive H\Algar Tech\00.Desktop\Backup\2 - Business Performance\2017\Wanessa\Demandas\ORCAMENTO 2018\Resumo.xlsx</t>
  </si>
  <si>
    <t>12/19/2019 22:57:36</t>
  </si>
  <si>
    <t>E:\00.Desktop\Backup\2 - Business Performance\2017\Wanessa\Demandas\SGI\</t>
  </si>
  <si>
    <t>QV CLIENTES.xls</t>
  </si>
  <si>
    <t>F:\Drive H\Algar Tech\00.Desktop\Backup\2 - Business Performance\2017\Wanessa\Demandas\SGI\QV CLIENTES.xls</t>
  </si>
  <si>
    <t>E:\Materiais de Trabalho\GDO 3495\</t>
  </si>
  <si>
    <t>Requisições Internas.xls</t>
  </si>
  <si>
    <t>F:\Drive H\Algar Tech\Materiais de Trabalho\GDO 3495\Requisições Internas.xls</t>
  </si>
  <si>
    <t>12/19/2019 22:57:42</t>
  </si>
  <si>
    <t>E:\00.Desktop\Backup\2 - Business Performance\2017\Wanessa\Demandas\SGI\QV CLIENTES.zip\</t>
  </si>
  <si>
    <t>F:\Drive H\Algar Tech\00.Desktop\Backup\2 - Business Performance\2017\Wanessa\Demandas\SGI\QV CLIENTES.zip</t>
  </si>
  <si>
    <t>E:\Materiais de Trabalho\Material de Trabalho - 2015.9.11\</t>
  </si>
  <si>
    <t>Materiais de Compra X Midiapel - Gabriel Jose Storti.xlsx</t>
  </si>
  <si>
    <t>F:\Drive H\Algar Tech\Materiais de Trabalho\Material de Trabalho - 2015.9.11\Materiais de Compra X Midiapel - Gabriel Jose Storti.xlsx</t>
  </si>
  <si>
    <t>12/19/2019 22:57:45</t>
  </si>
  <si>
    <t>E:\00.Desktop\Backup\2 - Business Performance\2018\01 - Projetos Assistidos\02 - Gestao Amb. Tecnologia\Banco Itau\</t>
  </si>
  <si>
    <t>145043 - BP Preço C011 B012 Desonerada 60%.xlsb</t>
  </si>
  <si>
    <t>F:\Drive H\Algar Tech\00.Desktop\Backup\2 - Business Performance\2018\01 - Projetos Assistidos\02 - Gestao Amb. Tecnologia\Banco Itau\145043 - BP Preço C011 B012 Desonerada 60%.xlsb</t>
  </si>
  <si>
    <t>E:\00.Desktop\Backup\2 - Business Performance\2018\01 - Projetos Assistidos\02 - Gestao Amb. Tecnologia\Banco Itau\145043 - BP Preço C011 B012 Desonerada 60%.xlsb\</t>
  </si>
  <si>
    <t>12/19/2019 22:57:49</t>
  </si>
  <si>
    <t>145043 - BP Preço C011 B012 Desonerada 60%_v2.xlsb</t>
  </si>
  <si>
    <t>F:\Drive H\Algar Tech\00.Desktop\Backup\2 - Business Performance\2018\01 - Projetos Assistidos\02 - Gestao Amb. Tecnologia\Banco Itau\145043 - BP Preço C011 B012 Desonerada 60%_v2.xlsb</t>
  </si>
  <si>
    <t>E:\00.Desktop\Backup\2 - Business Performance\2018\01 - Projetos Assistidos\02 - Gestao Amb. Tecnologia\Banco Itau\145043 - BP Preço C011 B012 Desonerada 60%_v2.xlsb\</t>
  </si>
  <si>
    <t>12/19/2019 22:57:52</t>
  </si>
  <si>
    <t>BP Preço C011 B012 Onerada 60%_v2 CONTINGENCIA 50.xlsb</t>
  </si>
  <si>
    <t>F:\Drive H\Algar Tech\00.Desktop\Backup\2 - Business Performance\2018\01 - Projetos Assistidos\02 - Gestao Amb. Tecnologia\Banco Itau\BP Preço C011 B012 Onerada 60%_v2 CONTINGENCIA 50.xlsb</t>
  </si>
  <si>
    <t>E:\00.Desktop\Backup\2 - Business Performance\2018\01 - Projetos Assistidos\02 - Gestao Amb. Tecnologia\Banco Itau\BP Preço C011 B012 Onerada 60%_v2 CONTINGENCIA 50.xlsb\</t>
  </si>
  <si>
    <t>12/19/2019 22:57:56</t>
  </si>
  <si>
    <t>BP Preço C011 B012 Onerada 60%_v2 CONTINGENCIA 90.xlsb</t>
  </si>
  <si>
    <t>F:\Drive H\Algar Tech\00.Desktop\Backup\2 - Business Performance\2018\01 - Projetos Assistidos\02 - Gestao Amb. Tecnologia\Banco Itau\BP Preço C011 B012 Onerada 60%_v2 CONTINGENCIA 90.xlsb</t>
  </si>
  <si>
    <t>E:\00.Desktop\Backup\2 - Business Performance\2018\01 - Projetos Assistidos\02 - Gestao Amb. Tecnologia\Banco Itau\BP Preço C011 B012 Onerada 60%_v2 CONTINGENCIA 90.xlsb\</t>
  </si>
  <si>
    <t>12/19/2019 22:58:01</t>
  </si>
  <si>
    <t>BP Preço C011 B012 Onerada 60%_v2.xlsb</t>
  </si>
  <si>
    <t>F:\Drive H\Algar Tech\00.Desktop\Backup\2 - Business Performance\2018\01 - Projetos Assistidos\02 - Gestao Amb. Tecnologia\Banco Itau\BP Preço C011 B012 Onerada 60%_v2.xlsb</t>
  </si>
  <si>
    <t>E:\00.Desktop\Backup\2 - Business Performance\2018\01 - Projetos Assistidos\02 - Gestao Amb. Tecnologia\Banco Itau\BP Preço C011 B012 Onerada 60%_v2.xlsb\</t>
  </si>
  <si>
    <t>12/19/2019 22:58:03</t>
  </si>
  <si>
    <t>BP Preço C011 B012 Onerada.xlsb</t>
  </si>
  <si>
    <t>F:\Drive H\Algar Tech\00.Desktop\Backup\2 - Business Performance\2018\01 - Projetos Assistidos\02 - Gestao Amb. Tecnologia\Banco Itau\BP Preço C011 B012 Onerada.xlsb</t>
  </si>
  <si>
    <t>E:\00.Desktop\Backup\2 - Business Performance\2018\01 - Projetos Assistidos\02 - Gestao Amb. Tecnologia\Banco Itau\BP Preço C011 B012 Onerada.xlsb\</t>
  </si>
  <si>
    <t>12/19/2019 22:58:07</t>
  </si>
  <si>
    <t>E:\00.Desktop\Backup\2 - Business Performance\2018\01 - Projetos Assistidos\02 - Gestao Amb. Tecnologia\Boticário\</t>
  </si>
  <si>
    <t>BP Preço C011 B012 Desonerada - Boticário - Proposta 144907v1.1.xlsb</t>
  </si>
  <si>
    <t>F:\Drive H\Algar Tech\00.Desktop\Backup\2 - Business Performance\2018\01 - Projetos Assistidos\02 - Gestao Amb. Tecnologia\Boticário\BP Preço C011 B012 Desonerada - Boticário - Proposta 144907v1.1.xlsb</t>
  </si>
  <si>
    <t>E:\00.Desktop\Backup\2 - Business Performance\2018\01 - Projetos Assistidos\02 - Gestao Amb. Tecnologia\Boticário\BP Preço C011 B012 Desonerada - Boticário - Proposta 144907v1.1.xlsb\</t>
  </si>
  <si>
    <t>12/19/2019 22:58:09</t>
  </si>
  <si>
    <t>FLUXO BOTICARIO.xlsx</t>
  </si>
  <si>
    <t>F:\Drive H\Algar Tech\00.Desktop\Backup\2 - Business Performance\2018\01 - Projetos Assistidos\02 - Gestao Amb. Tecnologia\Boticário\FLUXO BOTICARIO.xlsx</t>
  </si>
  <si>
    <t>12/19/2019 22:58:11</t>
  </si>
  <si>
    <t>E:\00.Desktop\Backup\2 - Business Performance\2018\01 - Projetos Assistidos\02 - Gestao Amb. Tecnologia\PIF PAF\</t>
  </si>
  <si>
    <t>BP PIF PAF_Risco de Rescisao.xlsx</t>
  </si>
  <si>
    <t>F:\Drive H\Algar Tech\00.Desktop\Backup\2 - Business Performance\2018\01 - Projetos Assistidos\02 - Gestao Amb. Tecnologia\PIF PAF\BP PIF PAF_Risco de Rescisao.xlsx</t>
  </si>
  <si>
    <t>12/19/2019 22:58:15</t>
  </si>
  <si>
    <t>E:\00.Desktop\Backup\2 - Business Performance\2018\01 - Projetos Assistidos\03 - Gestao Serv. de Telecom\VIVO\</t>
  </si>
  <si>
    <t>145999 - BP Preço C011 B012 - NE-sem ad Ajute Opex..xlsb</t>
  </si>
  <si>
    <t>F:\Drive H\Algar Tech\00.Desktop\Backup\2 - Business Performance\2018\01 - Projetos Assistidos\03 - Gestao Serv. de Telecom\VIVO\145999 - BP Preço C011 B012 - NE-sem ad Ajute Opex..xlsb</t>
  </si>
  <si>
    <t>12/20/2019 09:53:41</t>
  </si>
  <si>
    <t>E:\00.Desktop\Backup\2 - Business Performance\2018\01 - Projetos Assistidos\03 - Gestao Serv. de Telecom\VIVO\145999 - BP Preço C011 B012 - NE-sem ad Ajute Opex..xlsb\</t>
  </si>
  <si>
    <t>12/20/2019 09:48:28</t>
  </si>
  <si>
    <t>12/19/2019 22:58:23</t>
  </si>
  <si>
    <t>145999 - BP Preço C011 B012 - NE-sem ad..xlsb</t>
  </si>
  <si>
    <t>F:\Drive H\Algar Tech\00.Desktop\Backup\2 - Business Performance\2018\01 - Projetos Assistidos\03 - Gestao Serv. de Telecom\VIVO\145999 - BP Preço C011 B012 - NE-sem ad..xlsb</t>
  </si>
  <si>
    <t>E:\00.Desktop\Backup\2 - Business Performance\2018\01 - Projetos Assistidos\03 - Gestao Serv. de Telecom\VIVO\145999 - BP Preço C011 B012 - NE-sem ad..xlsb\</t>
  </si>
  <si>
    <t>2018.xls</t>
  </si>
  <si>
    <t>F:\Drive H\Algar Tech\00.Desktop\Backup\2 - Business Performance\2018\01 - Projetos Assistidos\03 - Gestao Serv. de Telecom\VIVO\2018.xls</t>
  </si>
  <si>
    <t>12/19/2019 22:58:25</t>
  </si>
  <si>
    <t>Cópia de FERIAS 6005 E 6006.xlsx</t>
  </si>
  <si>
    <t>F:\Drive H\Algar Tech\00.Desktop\Backup\2 - Business Performance\2018\01 - Projetos Assistidos\03 - Gestao Serv. de Telecom\VIVO\Cópia de FERIAS 6005 E 6006.xlsx</t>
  </si>
  <si>
    <t>Provisão férias.xls</t>
  </si>
  <si>
    <t>F:\Drive H\Algar Tech\00.Desktop\Backup\2 - Business Performance\2018\01 - Projetos Assistidos\03 - Gestao Serv. de Telecom\VIVO\Provisão férias.xls</t>
  </si>
  <si>
    <t>F:\Drive H\Algar Tech\00.Desktop\Backup\2 - Business Performance\2018\01 - Projetos Assistidos\03 - Gestao Serv. de Telecom\VIVO\Simulação.xlsx</t>
  </si>
  <si>
    <t>12/19/2019 22:58:31</t>
  </si>
  <si>
    <t>E:\00.Desktop\Backup\2 - Business Performance\2018\01 - Projetos Assistidos\03 - Gestao Serv. de Telecom\Vivo Lote 4 e 5\</t>
  </si>
  <si>
    <t>145999 - BP Preço C011 B012 - MG-Centro Oeste.xlsb</t>
  </si>
  <si>
    <t>F:\Drive H\Algar Tech\00.Desktop\Backup\2 - Business Performance\2018\01 - Projetos Assistidos\03 - Gestao Serv. de Telecom\Vivo Lote 4 e 5\145999 - BP Preço C011 B012 - MG-Centro Oeste.xlsb</t>
  </si>
  <si>
    <t>E:\00.Desktop\Backup\2 - Business Performance\2018\01 - Projetos Assistidos\03 - Gestao Serv. de Telecom\Vivo Lote 4 e 5\145999 - BP Preço C011 B012 - MG-Centro Oeste.xlsb\</t>
  </si>
  <si>
    <t>12/19/2019 22:58:37</t>
  </si>
  <si>
    <t>145999 - BP Preço C011 B012 - RJO.xlsb</t>
  </si>
  <si>
    <t>F:\Drive H\Algar Tech\00.Desktop\Backup\2 - Business Performance\2018\01 - Projetos Assistidos\03 - Gestao Serv. de Telecom\Vivo Lote 4 e 5\145999 - BP Preço C011 B012 - RJO.xlsb</t>
  </si>
  <si>
    <t>E:\00.Desktop\Backup\2 - Business Performance\2018\01 - Projetos Assistidos\03 - Gestao Serv. de Telecom\Vivo Lote 4 e 5\145999 - BP Preço C011 B012 - RJO.xlsb\</t>
  </si>
  <si>
    <t>12/19/2019 22:58:38</t>
  </si>
  <si>
    <t>Modelo Apresetação.xlsx</t>
  </si>
  <si>
    <t>F:\Drive H\Algar Tech\00.Desktop\Backup\2 - Business Performance\2018\01 - Projetos Assistidos\03 - Gestao Serv. de Telecom\Vivo Lote 4 e 5\Modelo Apresetação.xlsx</t>
  </si>
  <si>
    <t>12/19/2019 22:58:51</t>
  </si>
  <si>
    <t>E:\00.Desktop\Backup\2 - Business Performance\2018\01 - Projetos Assistidos\03 - Gestao Serv. de Telecom\VIVO_ùltimo\Vivo\</t>
  </si>
  <si>
    <t>145999 - BP Preço C011 B012 - NE-adicional.xlsb</t>
  </si>
  <si>
    <t>F:\Drive H\Algar Tech\00.Desktop\Backup\2 - Business Performance\2018\01 - Projetos Assistidos\03 - Gestao Serv. de Telecom\VIVO_ùltimo\Vivo\145999 - BP Preço C011 B012 - NE-adicional.xlsb</t>
  </si>
  <si>
    <t>E:\00.Desktop\Backup\2 - Business Performance\2018\01 - Projetos Assistidos\03 - Gestao Serv. de Telecom\VIVO_ùltimo\Vivo\145999 - BP Preço C011 B012 - NE-adicional.xlsb\</t>
  </si>
  <si>
    <t>12/19/2019 22:58:55</t>
  </si>
  <si>
    <t>145999 - BP Preço C011 B012 - NE.xlsb</t>
  </si>
  <si>
    <t>F:\Drive H\Algar Tech\00.Desktop\Backup\2 - Business Performance\2018\01 - Projetos Assistidos\03 - Gestao Serv. de Telecom\VIVO_ùltimo\Vivo\145999 - BP Preço C011 B012 - NE.xlsb</t>
  </si>
  <si>
    <t>E:\00.Desktop\Backup\2 - Business Performance\2018\01 - Projetos Assistidos\03 - Gestao Serv. de Telecom\VIVO_ùltimo\Vivo\145999 - BP Preço C011 B012 - NE.xlsb\</t>
  </si>
  <si>
    <t>12/19/2019 22:59:09</t>
  </si>
  <si>
    <t>Calculo Percentual de CPRB Orçamento Consolidado.xlsx</t>
  </si>
  <si>
    <t>F:\Drive H\Algar Tech\00.Desktop\Backup\2 - Business Performance\2018\01 - Projetos Assistidos\03 - Gestao Serv. de Telecom\VIVO_ùltimo\Vivo\Calculo Percentual de CPRB Orçamento Consolidado.xlsx</t>
  </si>
  <si>
    <t>12/19/2019 22:59:42</t>
  </si>
  <si>
    <t>E:\00.Desktop\Backup\2 - Business Performance\2018\01 - Projetos Assistidos\03 - Gestao Serv. de Telecom\VIVO_ùltimo\Vivo\Compliance de Contratos - Vivo Telefônica v1.pptx\</t>
  </si>
  <si>
    <t>F:\Drive H\Algar Tech\00.Desktop\Backup\2 - Business Performance\2018\01 - Projetos Assistidos\03 - Gestao Serv. de Telecom\VIVO_ùltimo\Vivo\Compliance de Contratos - Vivo Telefônica v1.pptx</t>
  </si>
  <si>
    <t>Microsoft_Excel_Binary_Worksheet10.xlsb</t>
  </si>
  <si>
    <t>Microsoft_Excel_Binary_Worksheet11.xlsb</t>
  </si>
  <si>
    <t>Microsoft_Excel_Binary_Worksheet13.xlsb</t>
  </si>
  <si>
    <t>Microsoft_Excel_Binary_Worksheet14.xlsb</t>
  </si>
  <si>
    <t>12/19/2019 22:59:43</t>
  </si>
  <si>
    <t>Microsoft_Excel_Binary_Worksheet8.xlsb</t>
  </si>
  <si>
    <t>12/19/2019 22:59:44</t>
  </si>
  <si>
    <t>12/19/2019 22:59:45</t>
  </si>
  <si>
    <t>12/19/2019 22:59:46</t>
  </si>
  <si>
    <t>12/19/2019 22:59:47</t>
  </si>
  <si>
    <t>12/19/2019 22:59:48</t>
  </si>
  <si>
    <t>12/19/2019 22:59:49</t>
  </si>
  <si>
    <t>12/19/2019 22:59:50</t>
  </si>
  <si>
    <t>E:\00.Desktop\Backup\2 - Business Performance\2018\01 - Projetos Assistidos\03 - Gestao Serv. de Telecom\VIVO_ùltimo\Vivo\Compliance de Contratos - Vivo Telefônica v1.pptx\Microsoft_Excel_Binary_Worksheet.xlsb\</t>
  </si>
  <si>
    <t>E:\00.Desktop\Backup\2 - Business Performance\2018\01 - Projetos Assistidos\03 - Gestao Serv. de Telecom\VIVO_ùltimo\Vivo\Compliance de Contratos - Vivo Telefônica v1.pptx\Microsoft_Excel_Binary_Worksheet10.xlsb\</t>
  </si>
  <si>
    <t>12/19/2019 22:59:51</t>
  </si>
  <si>
    <t>E:\00.Desktop\Backup\2 - Business Performance\2018\01 - Projetos Assistidos\03 - Gestao Serv. de Telecom\VIVO_ùltimo\Vivo\Compliance de Contratos - Vivo Telefônica v1.pptx\Microsoft_Excel_Binary_Worksheet11.xlsb\</t>
  </si>
  <si>
    <t>12/19/2019 22:59:52</t>
  </si>
  <si>
    <t>E:\00.Desktop\Backup\2 - Business Performance\2018\01 - Projetos Assistidos\03 - Gestao Serv. de Telecom\VIVO_ùltimo\Vivo\Compliance de Contratos - Vivo Telefônica v1.pptx\Microsoft_Excel_Binary_Worksheet13.xlsb\</t>
  </si>
  <si>
    <t>E:\00.Desktop\Backup\2 - Business Performance\2018\01 - Projetos Assistidos\03 - Gestao Serv. de Telecom\VIVO_ùltimo\Vivo\Compliance de Contratos - Vivo Telefônica v1.pptx\Microsoft_Excel_Binary_Worksheet14.xlsb\</t>
  </si>
  <si>
    <t>12/19/2019 22:59:53</t>
  </si>
  <si>
    <t>E:\00.Desktop\Backup\2 - Business Performance\2018\01 - Projetos Assistidos\03 - Gestao Serv. de Telecom\VIVO_ùltimo\Vivo\Compliance de Contratos - Vivo Telefônica v1.pptx\Microsoft_Excel_Binary_Worksheet3.xlsb\</t>
  </si>
  <si>
    <t>12/19/2019 22:59:54</t>
  </si>
  <si>
    <t>E:\00.Desktop\Backup\2 - Business Performance\2018\01 - Projetos Assistidos\03 - Gestao Serv. de Telecom\VIVO_ùltimo\Vivo\Compliance de Contratos - Vivo Telefônica v1.pptx\Microsoft_Excel_Binary_Worksheet7.xlsb\</t>
  </si>
  <si>
    <t>12/19/2019 22:59:55</t>
  </si>
  <si>
    <t>E:\00.Desktop\Backup\2 - Business Performance\2018\01 - Projetos Assistidos\03 - Gestao Serv. de Telecom\VIVO_ùltimo\Vivo\Compliance de Contratos - Vivo Telefônica v1.pptx\Microsoft_Excel_Binary_Worksheet8.xlsb\</t>
  </si>
  <si>
    <t>12/19/2019 23:00:09</t>
  </si>
  <si>
    <t>Cópia de 145999 - BP Preço C011 B012 - NE-adicional-6 meses.xlsb</t>
  </si>
  <si>
    <t>F:\Drive H\Algar Tech\00.Desktop\Backup\2 - Business Performance\2018\01 - Projetos Assistidos\03 - Gestao Serv. de Telecom\VIVO_ùltimo\Vivo\Cópia de 145999 - BP Preço C011 B012 - NE-adicional-6 meses.xlsb</t>
  </si>
  <si>
    <t>E:\00.Desktop\Backup\2 - Business Performance\2018\01 - Projetos Assistidos\03 - Gestao Serv. de Telecom\VIVO_ùltimo\Vivo\Cópia de 145999 - BP Preço C011 B012 - NE-adicional-6 meses.xlsb\</t>
  </si>
  <si>
    <t>DRE Comparativo resultados Anterior Maio a dez .xls</t>
  </si>
  <si>
    <t>F:\Drive H\Algar Tech\00.Desktop\Backup\2 - Business Performance\2018\01 - Projetos Assistidos\03 - Gestao Serv. de Telecom\VIVO_ùltimo\Vivo\DRE Comparativo resultados Anterior Maio a dez .xls</t>
  </si>
  <si>
    <t>12/19/2019 23:00:10</t>
  </si>
  <si>
    <t>DRE Comparativo resultados.xls</t>
  </si>
  <si>
    <t>F:\Drive H\Algar Tech\00.Desktop\Backup\2 - Business Performance\2018\01 - Projetos Assistidos\03 - Gestao Serv. de Telecom\VIVO_ùltimo\Vivo\DRE Comparativo resultados.xls</t>
  </si>
  <si>
    <t>12/19/2019 23:00:12</t>
  </si>
  <si>
    <t>12/20/2019 09:54:41</t>
  </si>
  <si>
    <t>Multas 2017.xlsx</t>
  </si>
  <si>
    <t>F:\Drive H\Algar Tech\00.Desktop\Backup\2 - Business Performance\2018\01 - Projetos Assistidos\03 - Gestao Serv. de Telecom\VIVO_ùltimo\Vivo\Multas 2017.xlsx</t>
  </si>
  <si>
    <t>Vivo Fat a e B.xls</t>
  </si>
  <si>
    <t>F:\Drive H\Algar Tech\00.Desktop\Backup\2 - Business Performance\2018\01 - Projetos Assistidos\03 - Gestao Serv. de Telecom\VIVO_ùltimo\Vivo\Vivo Fat a e B.xls</t>
  </si>
  <si>
    <t>12/20/2019 09:48:42</t>
  </si>
  <si>
    <t>12/20/2019 09:49:12</t>
  </si>
  <si>
    <t>12/20/2019 09:50:12</t>
  </si>
  <si>
    <t>12/20/2019 09:51:12</t>
  </si>
  <si>
    <t>12/20/2019 09:51:42</t>
  </si>
  <si>
    <t>12/19/2019 23:00:19</t>
  </si>
  <si>
    <t>E:\00.Desktop\Backup\2 - Business Performance\2018\01 - Projetos Assistidos\03 - Gestao Serv. de Telecom\VIVO_ùltimo\Vivo\Estudo 09 fev\</t>
  </si>
  <si>
    <t>145999 - BP Preço C011 B012 - com ad..xlsb</t>
  </si>
  <si>
    <t>F:\Drive H\Algar Tech\00.Desktop\Backup\2 - Business Performance\2018\01 - Projetos Assistidos\03 - Gestao Serv. de Telecom\VIVO_ùltimo\Vivo\Estudo 09 fev\145999 - BP Preço C011 B012 - com ad..xlsb</t>
  </si>
  <si>
    <t>E:\00.Desktop\Backup\2 - Business Performance\2018\01 - Projetos Assistidos\03 - Gestao Serv. de Telecom\VIVO_ùltimo\Vivo\Estudo 09 fev\145999 - BP Preço C011 B012 - com ad..xlsb\</t>
  </si>
  <si>
    <t>12/19/2019 23:00:25</t>
  </si>
  <si>
    <t>F:\Drive H\Algar Tech\00.Desktop\Backup\2 - Business Performance\2018\01 - Projetos Assistidos\03 - Gestao Serv. de Telecom\VIVO_ùltimo\Vivo\Estudo 09 fev\145999 - BP Preço C011 B012 - sem ad..xlsb</t>
  </si>
  <si>
    <t>E:\00.Desktop\Backup\2 - Business Performance\2018\01 - Projetos Assistidos\03 - Gestao Serv. de Telecom\VIVO_ùltimo\Vivo\Estudo 09 fev\145999 - BP Preço C011 B012 - sem ad..xlsb\</t>
  </si>
  <si>
    <t>12/19/2019 23:00:26</t>
  </si>
  <si>
    <t>F:\Drive H\Algar Tech\00.Desktop\Backup\2 - Business Performance\2018\01 - Projetos Assistidos\03 - Gestao Serv. de Telecom\VIVO_ùltimo\Vivo\Estudo 09 fev\2018.xls</t>
  </si>
  <si>
    <t>Cópia de Custos Eq Compartilhada_Antonio.xlsx</t>
  </si>
  <si>
    <t>F:\Drive H\Algar Tech\00.Desktop\Backup\2 - Business Performance\2018\01 - Projetos Assistidos\03 - Gestao Serv. de Telecom\VIVO_ùltimo\Vivo\Estudo 09 fev\Cópia de Custos Eq Compartilhada_Antonio.xlsx</t>
  </si>
  <si>
    <t>12/19/2019 23:00:33</t>
  </si>
  <si>
    <t>E:\00.Desktop\Backup\2 - Business Performance\2018\01 - Projetos Assistidos\03 - Gestao Serv. de Telecom\VIVO_ùltimo\Vivo\Estudo 09 fev\Anterior com ext. Adc. 15 TH\</t>
  </si>
  <si>
    <t>145999 - BP Preço C011 B012 - NE-adicional-6 meses.xlsb</t>
  </si>
  <si>
    <t>F:\Drive H\Algar Tech\00.Desktop\Backup\2 - Business Performance\2018\01 - Projetos Assistidos\03 - Gestao Serv. de Telecom\VIVO_ùltimo\Vivo\Estudo 09 fev\Anterior com ext. Adc. 15 TH\145999 - BP Preço C011 B012 - NE-adicional-6 meses.xlsb</t>
  </si>
  <si>
    <t>E:\00.Desktop\Backup\2 - Business Performance\2018\01 - Projetos Assistidos\03 - Gestao Serv. de Telecom\VIVO_ùltimo\Vivo\Estudo 09 fev\Anterior com ext. Adc. 15 TH\145999 - BP Preço C011 B012 - NE-adicional-6 meses.xlsb\</t>
  </si>
  <si>
    <t>E:\0.A100\00.Faturamento\</t>
  </si>
  <si>
    <t>Forecast - MRC Amazon 2020 - 2019.9.4.xlsx</t>
  </si>
  <si>
    <t>F:\Drive H\Algar Tech\0.A100\00.Faturamento\Forecast - MRC Amazon 2020 - 2019.9.4.xlsx</t>
  </si>
  <si>
    <t>12/19/2019 23:00:41</t>
  </si>
  <si>
    <t>E:\00.Desktop\Backup\2 - Business Performance\2018\01 - Projetos Assistidos\03 - Gestao Serv. de Telecom\VIVO_ùltimo\Vivo\Estudo 09 fev\Anterior sem Adicional 15 TH\</t>
  </si>
  <si>
    <t>145999 - BP Preço C011 B012 - NE-6 meses.xlsb</t>
  </si>
  <si>
    <t>F:\Drive H\Algar Tech\00.Desktop\Backup\2 - Business Performance\2018\01 - Projetos Assistidos\03 - Gestao Serv. de Telecom\VIVO_ùltimo\Vivo\Estudo 09 fev\Anterior sem Adicional 15 TH\145999 - BP Preço C011 B012 - NE-6 meses.xlsb</t>
  </si>
  <si>
    <t>E:\00.Desktop\Backup\2 - Business Performance\2018\01 - Projetos Assistidos\03 - Gestao Serv. de Telecom\VIVO_ùltimo\Vivo\Estudo 09 fev\Anterior sem Adicional 15 TH\145999 - BP Preço C011 B012 - NE-6 meses.xlsb\</t>
  </si>
  <si>
    <t>12/19/2019 23:00:46</t>
  </si>
  <si>
    <t>E:\00.Desktop\Backup\2 - Business Performance\2018\01 - Projetos Assistidos\03 - Gestao Serv. de Telecom\VIVO_ùltimo\Vivo\Versão 14 fev\</t>
  </si>
  <si>
    <t>F:\Drive H\Algar Tech\00.Desktop\Backup\2 - Business Performance\2018\01 - Projetos Assistidos\03 - Gestao Serv. de Telecom\VIVO_ùltimo\Vivo\Versão 14 fev\145999 - BP Preço C011 B012 - com ad..xlsb</t>
  </si>
  <si>
    <t>12/20/2019 09:49:15</t>
  </si>
  <si>
    <t>12/20/2019 09:51:15</t>
  </si>
  <si>
    <t>E:\00.Desktop\Backup\2 - Business Performance\2018\01 - Projetos Assistidos\03 - Gestao Serv. de Telecom\VIVO_ùltimo\Vivo\Versão 14 fev\145999 - BP Preço C011 B012 - com ad..xlsb\</t>
  </si>
  <si>
    <t>12/19/2019 23:00:50</t>
  </si>
  <si>
    <t>F:\Drive H\Algar Tech\00.Desktop\Backup\2 - Business Performance\2018\01 - Projetos Assistidos\03 - Gestao Serv. de Telecom\VIVO_ùltimo\Vivo\Versão 14 fev\145999 - BP Preço C011 B012 - sem ad..xlsb</t>
  </si>
  <si>
    <t>E:\00.Desktop\Backup\2 - Business Performance\2018\01 - Projetos Assistidos\03 - Gestao Serv. de Telecom\VIVO_ùltimo\Vivo\Versão 14 fev\145999 - BP Preço C011 B012 - sem ad..xlsb\</t>
  </si>
  <si>
    <t>12/20/2019 09:53:19</t>
  </si>
  <si>
    <t>Forecast - MRC Amazon 2020.xlsx</t>
  </si>
  <si>
    <t>F:\Drive H\Algar Tech\0.A100\00.Faturamento\Forecast - MRC Amazon 2020.xlsx</t>
  </si>
  <si>
    <t>12/19/2019 23:00:51</t>
  </si>
  <si>
    <t>2018 2.xls</t>
  </si>
  <si>
    <t>F:\Drive H\Algar Tech\00.Desktop\Backup\2 - Business Performance\2018\01 - Projetos Assistidos\03 - Gestao Serv. de Telecom\VIVO_ùltimo\Vivo\Versão 14 fev\2018 2.xls</t>
  </si>
  <si>
    <t>F:\Drive H\Algar Tech\00.Desktop\Backup\2 - Business Performance\2018\01 - Projetos Assistidos\03 - Gestao Serv. de Telecom\VIVO_ùltimo\Vivo\Versão 14 fev\2018.xls</t>
  </si>
  <si>
    <t>12/19/2019 23:00:53</t>
  </si>
  <si>
    <t>Forecast - MRC Amazon 2020_2019.10.04.xlsx</t>
  </si>
  <si>
    <t>F:\Drive H\Algar Tech\0.A100\00.Faturamento\Forecast - MRC Amazon 2020_2019.10.04.xlsx</t>
  </si>
  <si>
    <t>F:\Drive H\Algar Tech\00.Desktop\Backup\2 - Business Performance\2018\01 - Projetos Assistidos\03 - Gestao Serv. de Telecom\VIVO_ùltimo\Vivo\Versão 14 fev\Cópia de Custos Eq Compartilhada_Antonio.xlsx</t>
  </si>
  <si>
    <t>12/20/2019 09:52:24</t>
  </si>
  <si>
    <t>10.200.67.57</t>
  </si>
  <si>
    <t>TALITA SANTOS SILVA CASTRO (361).contact</t>
  </si>
  <si>
    <t>\\acsfs\profiles$\talitassc\Contacts\TALITA SANTOS SILVA CASTRO (361).contact</t>
  </si>
  <si>
    <t>12/20/2019 09:52:25</t>
  </si>
  <si>
    <t>12/20/2019 09:52:52</t>
  </si>
  <si>
    <t>12/20/2019 09:52:53</t>
  </si>
  <si>
    <t>12/20/2019 09:52:54</t>
  </si>
  <si>
    <t>12/20/2019 09:52:55</t>
  </si>
  <si>
    <t>12/19/2019 23:00:54</t>
  </si>
  <si>
    <t>F:\Drive H\Algar Tech\0.A100\00.Faturamento\Forecast - MRC Amazon 2020_2019.10.04_407 racks.xlsx</t>
  </si>
  <si>
    <t>12/20/2019 09:52:56</t>
  </si>
  <si>
    <t>12/20/2019 09:52:57</t>
  </si>
  <si>
    <t>12/20/2019 09:52:58</t>
  </si>
  <si>
    <t>12/20/2019 09:52:59</t>
  </si>
  <si>
    <t>12/20/2019 09:53:00</t>
  </si>
  <si>
    <t>12/20/2019 09:53:01</t>
  </si>
  <si>
    <t>12/20/2019 09:53:02</t>
  </si>
  <si>
    <t>F:\Drive H\Algar Tech\00.Desktop\Backup\2 - Business Performance\2018\01 - Projetos Assistidos\03 - Gestao Serv. de Telecom\VIVO_ùltimo\Vivo\Versão 14 fev\DRE Comparativo resultados Anterior Maio a dez .xls</t>
  </si>
  <si>
    <t>12/20/2019 09:53:03</t>
  </si>
  <si>
    <t>12/20/2019 09:53:04</t>
  </si>
  <si>
    <t>Forecast - MRC Amazon 2020_2019.10.04_429 racks.xlsx</t>
  </si>
  <si>
    <t>F:\Drive H\Algar Tech\0.A100\00.Faturamento\Forecast - MRC Amazon 2020_2019.10.04_429 racks.xlsx</t>
  </si>
  <si>
    <t>12/20/2019 09:53:05</t>
  </si>
  <si>
    <t>12/20/2019 09:53:07</t>
  </si>
  <si>
    <t>12/20/2019 09:53:08</t>
  </si>
  <si>
    <t>12/20/2019 09:53:09</t>
  </si>
  <si>
    <t>12/20/2019 09:53:10</t>
  </si>
  <si>
    <t>12/20/2019 09:53:11</t>
  </si>
  <si>
    <t>12/20/2019 09:53:12</t>
  </si>
  <si>
    <t>12/20/2019 09:53:14</t>
  </si>
  <si>
    <t>12/20/2019 09:53:15</t>
  </si>
  <si>
    <t>12/20/2019 09:53:56</t>
  </si>
  <si>
    <t>12/20/2019 09:53:57</t>
  </si>
  <si>
    <t>12/20/2019 09:53:58</t>
  </si>
  <si>
    <t>12/20/2019 09:53:59</t>
  </si>
  <si>
    <t>DRE Comparativo resultados Anterior Maio a dez_.xls</t>
  </si>
  <si>
    <t>F:\Drive H\Algar Tech\00.Desktop\Backup\2 - Business Performance\2018\01 - Projetos Assistidos\03 - Gestao Serv. de Telecom\VIVO_ùltimo\Vivo\Versão 14 fev\DRE Comparativo resultados Anterior Maio a dez_.xls</t>
  </si>
  <si>
    <t>12/19/2019 23:00:56</t>
  </si>
  <si>
    <t>F:\Drive H\Algar Tech\0.A100\00.Faturamento\Forecast - MRC Amazon 2020_2019.9.30.xlsx</t>
  </si>
  <si>
    <t>12/19/2019 23:00:57</t>
  </si>
  <si>
    <t>Relação MRC Amazon.xlsx</t>
  </si>
  <si>
    <t>F:\Drive H\Algar Tech\0.A100\00.Faturamento\Relação MRC Amazon.xlsx</t>
  </si>
  <si>
    <t>12/20/2019 09:49:37</t>
  </si>
  <si>
    <t>Relação MRC Amazon_rev1.xlsx</t>
  </si>
  <si>
    <t>F:\Drive H\Algar Tech\0.A100\00.Faturamento\Relação MRC Amazon_rev1.xlsx</t>
  </si>
  <si>
    <t>12/19/2019 23:00:58</t>
  </si>
  <si>
    <t>Relação MRC Amazon_rev2.xlsx</t>
  </si>
  <si>
    <t>F:\Drive H\Algar Tech\0.A100\00.Faturamento\Relação MRC Amazon_rev2.xlsx</t>
  </si>
  <si>
    <t>12/19/2019 23:00:59</t>
  </si>
  <si>
    <t>E:\00.Desktop\Backup\2 - Business Performance\2018\01 - Projetos Assistidos\05 - Infra TI\1- Estudo Preço\Aumento Microsoft\</t>
  </si>
  <si>
    <t>Data Center 11-jan-2018_CORE _Aumento Cto.xlsb</t>
  </si>
  <si>
    <t>F:\Drive H\Algar Tech\00.Desktop\Backup\2 - Business Performance\2018\01 - Projetos Assistidos\05 - Infra TI\1- Estudo Preço\Aumento Microsoft\Data Center 11-jan-2018_CORE _Aumento Cto.xlsb</t>
  </si>
  <si>
    <t>E:\00.Desktop\Backup\2 - Business Performance\2018\01 - Projetos Assistidos\05 - Infra TI\1- Estudo Preço\Aumento Microsoft\Data Center 11-jan-2018_CORE _Aumento Cto.xlsb\</t>
  </si>
  <si>
    <t>12/19/2019 23:01:00</t>
  </si>
  <si>
    <t>Data Center 11-jan-2018_Microsoft Spla Aumento Cto.xlsb</t>
  </si>
  <si>
    <t>F:\Drive H\Algar Tech\00.Desktop\Backup\2 - Business Performance\2018\01 - Projetos Assistidos\05 - Infra TI\1- Estudo Preço\Aumento Microsoft\Data Center 11-jan-2018_Microsoft Spla Aumento Cto.xlsb</t>
  </si>
  <si>
    <t>E:\00.Desktop\Backup\2 - Business Performance\2018\01 - Projetos Assistidos\05 - Infra TI\1- Estudo Preço\Aumento Microsoft\Data Center 11-jan-2018_Microsoft Spla Aumento Cto.xlsb\</t>
  </si>
  <si>
    <t>Relação NRC Amazon.xlsx</t>
  </si>
  <si>
    <t>F:\Drive H\Algar Tech\0.A100\00.Faturamento\Relação NRC Amazon.xlsx</t>
  </si>
  <si>
    <t>Reporte Reajustes Microsoft SPLA.xlsx</t>
  </si>
  <si>
    <t>F:\Drive H\Algar Tech\00.Desktop\Backup\2 - Business Performance\2018\01 - Projetos Assistidos\05 - Infra TI\1- Estudo Preço\Aumento Microsoft\Reporte Reajustes Microsoft SPLA.xlsx</t>
  </si>
  <si>
    <t>12/19/2019 23:01:02</t>
  </si>
  <si>
    <t>E:\00.Desktop\Backup\2 - Business Performance\2018\01 - Projetos Assistidos\05 - Infra TI\1- Estudo Preço\Estudo Preço_Mix Produto\</t>
  </si>
  <si>
    <t>Mix - Grande.xlsb</t>
  </si>
  <si>
    <t>F:\Drive H\Algar Tech\00.Desktop\Backup\2 - Business Performance\2018\01 - Projetos Assistidos\05 - Infra TI\1- Estudo Preço\Estudo Preço_Mix Produto\Mix - Grande.xlsb</t>
  </si>
  <si>
    <t>E:\00.Desktop\Backup\2 - Business Performance\2018\01 - Projetos Assistidos\05 - Infra TI\1- Estudo Preço\Estudo Preço_Mix Produto\Mix - Grande.xlsb\</t>
  </si>
  <si>
    <t>12/19/2019 23:01:03</t>
  </si>
  <si>
    <t>Mix - medio-grade.xlsb</t>
  </si>
  <si>
    <t>F:\Drive H\Algar Tech\00.Desktop\Backup\2 - Business Performance\2018\01 - Projetos Assistidos\05 - Infra TI\1- Estudo Preço\Estudo Preço_Mix Produto\Mix - medio-grade.xlsb</t>
  </si>
  <si>
    <t>E:\00.Desktop\Backup\2 - Business Performance\2018\01 - Projetos Assistidos\05 - Infra TI\1- Estudo Preço\Estudo Preço_Mix Produto\Mix - medio-grade.xlsb\</t>
  </si>
  <si>
    <t>12/19/2019 23:01:04</t>
  </si>
  <si>
    <t>Mix - Medio.xlsb</t>
  </si>
  <si>
    <t>F:\Drive H\Algar Tech\00.Desktop\Backup\2 - Business Performance\2018\01 - Projetos Assistidos\05 - Infra TI\1- Estudo Preço\Estudo Preço_Mix Produto\Mix - Medio.xlsb</t>
  </si>
  <si>
    <t>E:\00.Desktop\Backup\2 - Business Performance\2018\01 - Projetos Assistidos\05 - Infra TI\1- Estudo Preço\Estudo Preço_Mix Produto\Mix - Medio.xlsb\</t>
  </si>
  <si>
    <t>12/19/2019 23:01:05</t>
  </si>
  <si>
    <t>Mix - Pequeno.xlsb</t>
  </si>
  <si>
    <t>F:\Drive H\Algar Tech\00.Desktop\Backup\2 - Business Performance\2018\01 - Projetos Assistidos\05 - Infra TI\1- Estudo Preço\Estudo Preço_Mix Produto\Mix - Pequeno.xlsb</t>
  </si>
  <si>
    <t>E:\00.Desktop\Backup\2 - Business Performance\2018\01 - Projetos Assistidos\05 - Infra TI\1- Estudo Preço\Estudo Preço_Mix Produto\Mix - Pequeno.xlsb\</t>
  </si>
  <si>
    <t>Resumo Mix.xlsx</t>
  </si>
  <si>
    <t>F:\Drive H\Algar Tech\00.Desktop\Backup\2 - Business Performance\2018\01 - Projetos Assistidos\05 - Infra TI\1- Estudo Preço\Estudo Preço_Mix Produto\Resumo Mix.xlsx</t>
  </si>
  <si>
    <t>12/19/2019 23:01:16</t>
  </si>
  <si>
    <t>E:\00.Desktop\Backup\2 - Business Performance\2018\01 - Projetos Assistidos\05 - Infra TI\Amazon Fase VI\</t>
  </si>
  <si>
    <t>BP Amazon - Incluso 58 Racks_IFRS 15.xlsm</t>
  </si>
  <si>
    <t>F:\Drive H\Algar Tech\00.Desktop\Backup\2 - Business Performance\2018\01 - Projetos Assistidos\05 - Infra TI\Amazon Fase VI\BP Amazon - Incluso 58 Racks_IFRS 15.xlsm</t>
  </si>
  <si>
    <t>12/19/2019 23:01:17</t>
  </si>
  <si>
    <t>BP Amazon_128 Racks.xlsm</t>
  </si>
  <si>
    <t>F:\Drive H\Algar Tech\00.Desktop\Backup\2 - Business Performance\2018\01 - Projetos Assistidos\05 - Infra TI\Amazon Fase VI\BP Amazon_128 Racks.xlsm</t>
  </si>
  <si>
    <t>12/19/2019 23:01:21</t>
  </si>
  <si>
    <t>BP Amazon_128 Racks_IFRS 15.xlsm</t>
  </si>
  <si>
    <t>F:\Drive H\Algar Tech\00.Desktop\Backup\2 - Business Performance\2018\01 - Projetos Assistidos\05 - Infra TI\Amazon Fase VI\BP Amazon_128 Racks_IFRS 15.xlsm</t>
  </si>
  <si>
    <t>12/19/2019 23:01:23</t>
  </si>
  <si>
    <t>BP Amazon_128 Racks_Locacao.xlsm</t>
  </si>
  <si>
    <t>F:\Drive H\Algar Tech\00.Desktop\Backup\2 - Business Performance\2018\01 - Projetos Assistidos\05 - Infra TI\Amazon Fase VI\BP Amazon_128 Racks_Locacao.xlsm</t>
  </si>
  <si>
    <t>12/19/2019 23:01:25</t>
  </si>
  <si>
    <t>BP Amazon_128 Racks_Locacao_IFRS 15.xlsm</t>
  </si>
  <si>
    <t>F:\Drive H\Algar Tech\00.Desktop\Backup\2 - Business Performance\2018\01 - Projetos Assistidos\05 - Infra TI\Amazon Fase VI\BP Amazon_128 Racks_Locacao_IFRS 15.xlsm</t>
  </si>
  <si>
    <t>12/19/2019 23:01:35</t>
  </si>
  <si>
    <t>BP Amazon_70 Racks.xlsm</t>
  </si>
  <si>
    <t>F:\Drive H\Algar Tech\00.Desktop\Backup\2 - Business Performance\2018\01 - Projetos Assistidos\05 - Infra TI\Amazon Fase VI\BP Amazon_70 Racks.xlsm</t>
  </si>
  <si>
    <t>BP Amazon_70 Racks_IFRS 15.xlsm</t>
  </si>
  <si>
    <t>F:\Drive H\Algar Tech\00.Desktop\Backup\2 - Business Performance\2018\01 - Projetos Assistidos\05 - Infra TI\Amazon Fase VI\BP Amazon_70 Racks_IFRS 15.xlsm</t>
  </si>
  <si>
    <t>12/19/2019 23:01:40</t>
  </si>
  <si>
    <t>BP Amazon_70 Racks_Locacao.xlsm</t>
  </si>
  <si>
    <t>F:\Drive H\Algar Tech\00.Desktop\Backup\2 - Business Performance\2018\01 - Projetos Assistidos\05 - Infra TI\Amazon Fase VI\BP Amazon_70 Racks_Locacao.xlsm</t>
  </si>
  <si>
    <t>12/19/2019 23:01:41</t>
  </si>
  <si>
    <t>E:\00.Desktop\Backup\2 - Business Performance\2018\01 - Projetos Assistidos\05 - Infra TI\Amazon Fase VI\Arquivos Recebidos\</t>
  </si>
  <si>
    <t>A100 70Racks CAPEX-OPEX 180105.xlsx</t>
  </si>
  <si>
    <t>F:\Drive H\Algar Tech\00.Desktop\Backup\2 - Business Performance\2018\01 - Projetos Assistidos\05 - Infra TI\Amazon Fase VI\Arquivos Recebidos\A100 70Racks CAPEX-OPEX 180105.xlsx</t>
  </si>
  <si>
    <t>A100 70Racks CAPEX-OPEX-LOCAÇÃO 60 meses 180116.xlsx</t>
  </si>
  <si>
    <t>F:\Drive H\Algar Tech\00.Desktop\Backup\2 - Business Performance\2018\01 - Projetos Assistidos\05 - Infra TI\Amazon Fase VI\Arquivos Recebidos\A100 70Racks CAPEX-OPEX-LOCAÇÃO 60 meses 180116.xlsx</t>
  </si>
  <si>
    <t>12/19/2019 23:01:42</t>
  </si>
  <si>
    <t>Template para BP.xlsx</t>
  </si>
  <si>
    <t>F:\Drive H\Algar Tech\00.Desktop\Backup\2 - Business Performance\2018\01 - Projetos Assistidos\05 - Infra TI\Amazon Fase VI\Arquivos Recebidos\Template para BP.xlsx</t>
  </si>
  <si>
    <t>12/19/2019 23:01:47</t>
  </si>
  <si>
    <t>E:\00.Desktop\Backup\2 - Business Performance\2018\01 - Projetos Assistidos\05 - Infra TI\Faber Castel\</t>
  </si>
  <si>
    <t>sem basis - finalde BP Preço C011 B012 Desonerada_v3.xlsb</t>
  </si>
  <si>
    <t>F:\Drive H\Algar Tech\00.Desktop\Backup\2 - Business Performance\2018\01 - Projetos Assistidos\05 - Infra TI\Faber Castel\sem basis - finalde BP Preço C011 B012 Desonerada_v3.xlsb</t>
  </si>
  <si>
    <t>E:\00.Desktop\Backup\2 - Business Performance\2018\01 - Projetos Assistidos\05 - Infra TI\Faber Castel\sem basis - finalde BP Preço C011 B012 Desonerada_v3.xlsb\</t>
  </si>
  <si>
    <t>12/19/2019 23:01:48</t>
  </si>
  <si>
    <t>Setup Faber Castel Data Center 21-12-2017v2_Rampa Setup.xlsb</t>
  </si>
  <si>
    <t>F:\Drive H\Algar Tech\00.Desktop\Backup\2 - Business Performance\2018\01 - Projetos Assistidos\05 - Infra TI\Faber Castel\Setup Faber Castel Data Center 21-12-2017v2_Rampa Setup.xlsb</t>
  </si>
  <si>
    <t>E:\00.Desktop\Backup\2 - Business Performance\2018\01 - Projetos Assistidos\05 - Infra TI\Faber Castel\Setup Faber Castel Data Center 21-12-2017v2_Rampa Setup.xlsb\</t>
  </si>
  <si>
    <t>12/19/2019 23:01:50</t>
  </si>
  <si>
    <t>E:\00.Desktop\Backup\2 - Business Performance\2018\01 - Projetos Assistidos\05 - Infra TI\Pearson\</t>
  </si>
  <si>
    <t>Precificação 144584 Data Center_v4 Cloud Privada 01-11-2017 Rampa Receita.xlsb</t>
  </si>
  <si>
    <t>F:\Drive H\Algar Tech\00.Desktop\Backup\2 - Business Performance\2018\01 - Projetos Assistidos\05 - Infra TI\Pearson\Precificação 144584 Data Center_v4 Cloud Privada 01-11-2017 Rampa Receita.xlsb</t>
  </si>
  <si>
    <t>12/20/2019 09:55:40</t>
  </si>
  <si>
    <t>E:\00.Desktop\Backup\2 - Business Performance\2018\01 - Projetos Assistidos\05 - Infra TI\Pearson\Precificação 144584 Data Center_v4 Cloud Privada 01-11-2017 Rampa Receita.xlsb\</t>
  </si>
  <si>
    <t>12/19/2019 23:01:52</t>
  </si>
  <si>
    <t>Precificação 144584 Data Center_v4 Cloud Pública 01-01-2017_Rampa Receita.xlsb</t>
  </si>
  <si>
    <t>F:\Drive H\Algar Tech\00.Desktop\Backup\2 - Business Performance\2018\01 - Projetos Assistidos\05 - Infra TI\Pearson\Precificação 144584 Data Center_v4 Cloud Pública 01-01-2017_Rampa Receita.xlsb</t>
  </si>
  <si>
    <t>E:\00.Desktop\Backup\2 - Business Performance\2018\01 - Projetos Assistidos\05 - Infra TI\Pearson\Precificação 144584 Data Center_v4 Cloud Pública 01-01-2017_Rampa Receita.xlsb\</t>
  </si>
  <si>
    <t>12/19/2019 23:02:00</t>
  </si>
  <si>
    <t>E:\00.Desktop\Backup\2 - Business Performance\2018\01 - Projetos Assistidos\06 - Latam\Analise Orcamento 2018\</t>
  </si>
  <si>
    <t>F:\Drive H\Algar Tech\00.Desktop\Backup\2 - Business Performance\2018\01 - Projetos Assistidos\06 - Latam\Analise Orcamento 2018\Comparativo DRE.xlsx</t>
  </si>
  <si>
    <t>12/19/2019 23:02:34</t>
  </si>
  <si>
    <t>E:\00.Desktop\Backup\2 - Business Performance\2018\01 - Projetos Assistidos\06 - Latam\Analise Orcamento 2018\Fechamento Latam Dezembro\</t>
  </si>
  <si>
    <t>Conciliacao Argentina.xlsx</t>
  </si>
  <si>
    <t>F:\Drive H\Algar Tech\00.Desktop\Backup\2 - Business Performance\2018\01 - Projetos Assistidos\06 - Latam\Analise Orcamento 2018\Fechamento Latam Dezembro\Conciliacao Argentina.xlsx</t>
  </si>
  <si>
    <t>12/19/2019 23:02:52</t>
  </si>
  <si>
    <t>E:\00.Desktop\Backup\2 - Business Performance\2018\01 - Projetos Assistidos\06 - Latam\Analise Orcamento 2018\Fechamento Latam Novembro\</t>
  </si>
  <si>
    <t>F:\Drive H\Algar Tech\00.Desktop\Backup\2 - Business Performance\2018\01 - Projetos Assistidos\06 - Latam\Analise Orcamento 2018\Fechamento Latam Novembro\Algar - Argentina Noviembre 2017.xlsx</t>
  </si>
  <si>
    <t>12/19/2019 23:03:12</t>
  </si>
  <si>
    <t>F:\Drive H\Algar Tech\00.Desktop\Backup\2 - Business Performance\2018\01 - Projetos Assistidos\06 - Latam\Analise Orcamento 2018\Fechamento Latam Novembro\Algar - Colombia Noviembre 2017.xlsx</t>
  </si>
  <si>
    <t>12/19/2019 23:03:16</t>
  </si>
  <si>
    <t>E:\00.Desktop\Backup\2 - Business Performance\2018\01 - Projetos Assistidos\06 - Latam\Reprojecao de BP Latam\</t>
  </si>
  <si>
    <t>Latam Argentina_BP Reprojetado 2018 a 2021.xlsm</t>
  </si>
  <si>
    <t>F:\Drive H\Algar Tech\00.Desktop\Backup\2 - Business Performance\2018\01 - Projetos Assistidos\06 - Latam\Reprojecao de BP Latam\Latam Argentina_BP Reprojetado 2018 a 2021.xlsm</t>
  </si>
  <si>
    <t>12/19/2019 23:03:18</t>
  </si>
  <si>
    <t>Latam Colombia_BP Reprojetado 2018 a 2021.xlsm</t>
  </si>
  <si>
    <t>F:\Drive H\Algar Tech\00.Desktop\Backup\2 - Business Performance\2018\01 - Projetos Assistidos\06 - Latam\Reprojecao de BP Latam\Latam Colombia_BP Reprojetado 2018 a 2021.xlsm</t>
  </si>
  <si>
    <t>12/19/2019 23:03:20</t>
  </si>
  <si>
    <t>Latam Consolidado.xlsm</t>
  </si>
  <si>
    <t>F:\Drive H\Algar Tech\00.Desktop\Backup\2 - Business Performance\2018\01 - Projetos Assistidos\06 - Latam\Reprojecao de BP Latam\Latam Consolidado.xlsm</t>
  </si>
  <si>
    <t>12/19/2019 23:03:23</t>
  </si>
  <si>
    <t>Latam Mexico_BP Reprojetado 2018 a 2021.xlsm</t>
  </si>
  <si>
    <t>F:\Drive H\Algar Tech\00.Desktop\Backup\2 - Business Performance\2018\01 - Projetos Assistidos\06 - Latam\Reprojecao de BP Latam\Latam Mexico_BP Reprojetado 2018 a 2021.xlsm</t>
  </si>
  <si>
    <t>12/19/2019 23:03:26</t>
  </si>
  <si>
    <t>E:\00.Desktop\Backup\2 - Business Performance\2018\01 - Projetos Assistidos\06 - Latam\Reprojecao de BP Latam\Bases Reprojecao\</t>
  </si>
  <si>
    <t>F:\Drive H\Algar Tech\00.Desktop\Backup\2 - Business Performance\2018\01 - Projetos Assistidos\06 - Latam\Reprojecao de BP Latam\Bases Reprojecao\Balanco HFM_2017_LATAM.xlsx</t>
  </si>
  <si>
    <t>12/19/2019 23:03:27</t>
  </si>
  <si>
    <t>F:\Drive H\Algar Tech\00.Desktop\Backup\2 - Business Performance\2018\01 - Projetos Assistidos\06 - Latam\Reprojecao de BP Latam\Bases Reprojecao\BP Crescimento Argentina e Chile - 4a. REUGER 2017.xlsb</t>
  </si>
  <si>
    <t>F:\Drive H\Algar Tech\00.Desktop\Backup\2 - Business Performance\2018\01 - Projetos Assistidos\06 - Latam\Reprojecao de BP Latam\Bases Reprojecao\BP Crescimento Colômbia - 4a. REUGER 2017.xlsb</t>
  </si>
  <si>
    <t>12/19/2019 23:03:28</t>
  </si>
  <si>
    <t>F:\Drive H\Algar Tech\00.Desktop\Backup\2 - Business Performance\2018\01 - Projetos Assistidos\06 - Latam\Reprojecao de BP Latam\Bases Reprojecao\BP Internacionalização Mexico - 4a. REUGER 2017.xlsb</t>
  </si>
  <si>
    <t>12/20/2019 09:50:03</t>
  </si>
  <si>
    <t>0b969a36-b52c-4d06-85f2-e499c08539d1.tmp</t>
  </si>
  <si>
    <t>\\acsfs\profiles$\leticiala\Downloads\0b969a36-b52c-4d06-85f2-e499c08539d1.tmp</t>
  </si>
  <si>
    <t>12/19/2019 23:03:36</t>
  </si>
  <si>
    <t>F:\Drive H\Algar Tech\00.Desktop\Backup\2 - Business Performance\2018\01 - Projetos Assistidos\06 - Latam\Reprojecao de BP Latam\Bases Reprojecao\CAPEX 2018_CNPJ.xlsx</t>
  </si>
  <si>
    <t>F:\Drive H\Algar Tech\00.Desktop\Backup\2 - Business Performance\2018\01 - Projetos Assistidos\06 - Latam\Reprojecao de BP Latam\Bases Reprojecao\DRE QV 2017.xlsx</t>
  </si>
  <si>
    <t>12/19/2019 23:03:38</t>
  </si>
  <si>
    <t>Longo Prazo MG 14112017.xlsx</t>
  </si>
  <si>
    <t>F:\Drive H\Algar Tech\00.Desktop\Backup\2 - Business Performance\2018\01 - Projetos Assistidos\06 - Latam\Reprojecao de BP Latam\Bases Reprojecao\Longo Prazo MG 14112017.xlsx</t>
  </si>
  <si>
    <t>F:\Drive H\Algar Tech\00.Desktop\Backup\2 - Business Performance\2018\01 - Projetos Assistidos\06 - Latam\Reprojecao de BP Latam\Bases Reprojecao\Premissas Latam_Prazos.xlsx</t>
  </si>
  <si>
    <t>12/19/2019 23:03:43</t>
  </si>
  <si>
    <t>E:\00.Desktop\Backup\2 - Business Performance\2018\02 - Projetos Coorporativos\01- GRC\BP Investimentos 2018\</t>
  </si>
  <si>
    <t>BP Capex Novas Vendas 2018 RLC.xlsm</t>
  </si>
  <si>
    <t>F:\Drive H\Algar Tech\00.Desktop\Backup\2 - Business Performance\2018\02 - Projetos Coorporativos\01- GRC\BP Investimentos 2018\BP Capex Novas Vendas 2018 RLC.xlsm</t>
  </si>
  <si>
    <t>QV Analitico.xlsx</t>
  </si>
  <si>
    <t>F:\Drive H\Algar Tech\00.Desktop\Backup\2 - Business Performance\2018\02 - Projetos Coorporativos\01- GRC\BP Investimentos 2018\QV Analitico.xlsx</t>
  </si>
  <si>
    <t>Rampa CAPEX_2018_Consolidado.xlsx</t>
  </si>
  <si>
    <t>F:\Drive H\Algar Tech\00.Desktop\Backup\2 - Business Performance\2018\02 - Projetos Coorporativos\01- GRC\BP Investimentos 2018\Rampa CAPEX_2018_Consolidado.xlsx</t>
  </si>
  <si>
    <t>12/19/2019 23:03:45</t>
  </si>
  <si>
    <t>E:\00.Desktop\Backup\2 - Business Performance\2018\02 - Projetos Coorporativos\03-Infra Estrutura\Investimento 2018\</t>
  </si>
  <si>
    <t>Analitico QV.xlsx</t>
  </si>
  <si>
    <t>F:\Drive H\Algar Tech\00.Desktop\Backup\2 - Business Performance\2018\02 - Projetos Coorporativos\03-Infra Estrutura\Investimento 2018\Analitico QV.xlsx</t>
  </si>
  <si>
    <t>12/19/2019 23:03:47</t>
  </si>
  <si>
    <t>BP CAPEX INFRA TI 2018.xlsm</t>
  </si>
  <si>
    <t>F:\Drive H\Algar Tech\00.Desktop\Backup\2 - Business Performance\2018\02 - Projetos Coorporativos\03-Infra Estrutura\Investimento 2018\BP CAPEX INFRA TI 2018.xlsm</t>
  </si>
  <si>
    <t>E:\00.Desktop\Backup\2 - Business Performance\2018\02 - Projetos Coorporativos\03-Infra Estrutura\Investimento 2018\ENC Capex incremental 2018.msg\s203\</t>
  </si>
  <si>
    <t>Infra_TI_Incremental_2018.xlsx</t>
  </si>
  <si>
    <t>F:\Drive H\Algar Tech\00.Desktop\Backup\2 - Business Performance\2018\02 - Projetos Coorporativos\03-Infra Estrutura\Investimento 2018\ENC Capex incremental 2018.msg</t>
  </si>
  <si>
    <t>12/19/2019 23:03:48</t>
  </si>
  <si>
    <t>E:\00.Desktop\Backup\2 - Business Performance\2018\02 - Projetos Coorporativos\03-Infra Estrutura\Multi Cloud - Estrategico\</t>
  </si>
  <si>
    <t>BP Gerenciamento de Cloud - 4a. REUGER 2017.xlsb</t>
  </si>
  <si>
    <t>F:\Drive H\Algar Tech\00.Desktop\Backup\2 - Business Performance\2018\02 - Projetos Coorporativos\03-Infra Estrutura\Multi Cloud - Estrategico\BP Gerenciamento de Cloud - 4a. REUGER 2017.xlsb</t>
  </si>
  <si>
    <t>12/19/2019 23:03:49</t>
  </si>
  <si>
    <t>Orcamento 2018 Novos Negocios Infra TI.xlsx</t>
  </si>
  <si>
    <t>F:\Drive H\Algar Tech\00.Desktop\Backup\2 - Business Performance\2018\02 - Projetos Coorporativos\03-Infra Estrutura\Multi Cloud - Estrategico\Orcamento 2018 Novos Negocios Infra TI.xlsx</t>
  </si>
  <si>
    <t>Orcamento 2018 Novos Negocios Infra TI_cenário 7,5%.xlsx</t>
  </si>
  <si>
    <t>F:\Drive H\Algar Tech\00.Desktop\Backup\2 - Business Performance\2018\02 - Projetos Coorporativos\03-Infra Estrutura\Multi Cloud - Estrategico\Orcamento 2018 Novos Negocios Infra TI_cenário 7,5%.xlsx</t>
  </si>
  <si>
    <t>Orcamento 2018 Recorrente Multi Cloud Cenário Real.xlsx</t>
  </si>
  <si>
    <t>F:\Drive H\Algar Tech\00.Desktop\Backup\2 - Business Performance\2018\02 - Projetos Coorporativos\03-Infra Estrutura\Multi Cloud - Estrategico\Orcamento 2018 Recorrente Multi Cloud Cenário Real.xlsx</t>
  </si>
  <si>
    <t>Orcamento 2018 Recorrente Multi Cloud.xlsx</t>
  </si>
  <si>
    <t>F:\Drive H\Algar Tech\00.Desktop\Backup\2 - Business Performance\2018\02 - Projetos Coorporativos\03-Infra Estrutura\Multi Cloud - Estrategico\Orcamento 2018 Recorrente Multi Cloud.xlsx</t>
  </si>
  <si>
    <t>12/19/2019 23:04:09</t>
  </si>
  <si>
    <t>PMR clientes.xlsb</t>
  </si>
  <si>
    <t>F:\Drive H\Algar Tech\00.Desktop\Backup\2 - Business Performance\2018\02 - Projetos Coorporativos\03-Infra Estrutura\Multi Cloud - Estrategico\PMR clientes.xlsb</t>
  </si>
  <si>
    <t>12/19/2019 23:04:15</t>
  </si>
  <si>
    <t>Receitas por cliente 2018.xlsx</t>
  </si>
  <si>
    <t>F:\Drive H\Algar Tech\00.Desktop\Backup\2 - Business Performance\2018\02 - Projetos Coorporativos\03-Infra Estrutura\Multi Cloud - Estrategico\Receitas por cliente 2018.xlsx</t>
  </si>
  <si>
    <t>12/19/2019 23:04:16</t>
  </si>
  <si>
    <t>E:\00.Desktop\Backup\2 - Business Performance\2018\02 - Projetos Coorporativos\03-Infra Estrutura\Multi Cloud - Estrategico\Primeiro Cenário\</t>
  </si>
  <si>
    <t>BP Gerenciamento de Cloud - 1a.Cenário sem cresc. 18 - Cópia.xlsb</t>
  </si>
  <si>
    <t>F:\Drive H\Algar Tech\00.Desktop\Backup\2 - Business Performance\2018\02 - Projetos Coorporativos\03-Infra Estrutura\Multi Cloud - Estrategico\Primeiro Cenário\BP Gerenciamento de Cloud - 1a.Cenário sem cresc. 18 - Cópia.xlsb</t>
  </si>
  <si>
    <t>BP Gerenciamento de Cloud - 1a.Cenário.xlsb</t>
  </si>
  <si>
    <t>F:\Drive H\Algar Tech\00.Desktop\Backup\2 - Business Performance\2018\02 - Projetos Coorporativos\03-Infra Estrutura\Multi Cloud - Estrategico\Primeiro Cenário\BP Gerenciamento de Cloud - 1a.Cenário.xlsb</t>
  </si>
  <si>
    <t>12/19/2019 23:04:17</t>
  </si>
  <si>
    <t>E:\00.Desktop\Backup\2 - Business Performance\2018\02 - Projetos Coorporativos\03-Infra Estrutura\Multi Cloud - Estrategico\Segundo Cenário\</t>
  </si>
  <si>
    <t>BP Gerenciamento de Cloud - 2a.Cenário -MC Ideal.xlsb</t>
  </si>
  <si>
    <t>F:\Drive H\Algar Tech\00.Desktop\Backup\2 - Business Performance\2018\02 - Projetos Coorporativos\03-Infra Estrutura\Multi Cloud - Estrategico\Segundo Cenário\BP Gerenciamento de Cloud - 2a.Cenário -MC Ideal.xlsb</t>
  </si>
  <si>
    <t>12/19/2019 23:04:18</t>
  </si>
  <si>
    <t>BP Gerenciamento de Cloud - 2a.Cenário capex 2018 - Cópia.xlsb</t>
  </si>
  <si>
    <t>F:\Drive H\Algar Tech\00.Desktop\Backup\2 - Business Performance\2018\02 - Projetos Coorporativos\03-Infra Estrutura\Multi Cloud - Estrategico\Segundo Cenário\BP Gerenciamento de Cloud - 2a.Cenário capex 2018 - Cópia.xlsb</t>
  </si>
  <si>
    <t>12/20/2019 09:53:37</t>
  </si>
  <si>
    <t>497e8dba-c2ae-4da1-b455-95c35a2b040a.tmp</t>
  </si>
  <si>
    <t>\\acsfs\profiles$\geovannasm\Downloads\497e8dba-c2ae-4da1-b455-95c35a2b040a.tmp</t>
  </si>
  <si>
    <t>12/20/2019 09:53:52</t>
  </si>
  <si>
    <t>9c39ce16-4a7f-49a3-aa3f-d76dd4f5ae77.tmp</t>
  </si>
  <si>
    <t>\\acsfs\profiles$\geovannasm\Downloads\9c39ce16-4a7f-49a3-aa3f-d76dd4f5ae77.tmp</t>
  </si>
  <si>
    <t>12/19/2019 23:04:19</t>
  </si>
  <si>
    <t>BP Gerenciamento de Cloud - 2a.Cenário capex 2018.xlsb</t>
  </si>
  <si>
    <t>F:\Drive H\Algar Tech\00.Desktop\Backup\2 - Business Performance\2018\02 - Projetos Coorporativos\03-Infra Estrutura\Multi Cloud - Estrategico\Segundo Cenário\BP Gerenciamento de Cloud - 2a.Cenário capex 2018.xlsb</t>
  </si>
  <si>
    <t>BP Gerenciamento de Cloud - 2a.Cenário.xlsb</t>
  </si>
  <si>
    <t>F:\Drive H\Algar Tech\00.Desktop\Backup\2 - Business Performance\2018\02 - Projetos Coorporativos\03-Infra Estrutura\Multi Cloud - Estrategico\Segundo Cenário\BP Gerenciamento de Cloud - 2a.Cenário.xlsb</t>
  </si>
  <si>
    <t>12/19/2019 23:04:21</t>
  </si>
  <si>
    <t>E:\00.Desktop\Backup\2 - Business Performance\2018\02 - Projetos Coorporativos\04-Aplicações\</t>
  </si>
  <si>
    <t>CMMI - 500 mil sem Receita Incremental.xlsx</t>
  </si>
  <si>
    <t>F:\Drive H\Algar Tech\00.Desktop\Backup\2 - Business Performance\2018\02 - Projetos Coorporativos\04-Aplicações\CMMI - 500 mil sem Receita Incremental.xlsx</t>
  </si>
  <si>
    <t>12/19/2019 23:04:23</t>
  </si>
  <si>
    <t>E:\00.Desktop\Backup\2 - Business Performance\2018\03 - LP\</t>
  </si>
  <si>
    <t>OPEX TORRES NEGÓCIO_v4.xlsx</t>
  </si>
  <si>
    <t>F:\Drive H\Algar Tech\00.Desktop\Backup\2 - Business Performance\2018\03 - LP\OPEX TORRES NEGÓCIO_v4.xlsx</t>
  </si>
  <si>
    <t>12/20/2019 09:51:37</t>
  </si>
  <si>
    <t>629aca86-4df6-486a-891d-197c0380d878.tmp</t>
  </si>
  <si>
    <t>\\acsfs\profiles$\nathaliadf\Downloads\629aca86-4df6-486a-891d-197c0380d878.tmp</t>
  </si>
  <si>
    <t>dfa4e759-ce70-4af1-97a5-4af4c6a3f0ab.tmp</t>
  </si>
  <si>
    <t>\\acsfs\profiles$\nathaliadf\Downloads\dfa4e759-ce70-4af1-97a5-4af4c6a3f0ab.tmp</t>
  </si>
  <si>
    <t>12/19/2019 23:04:25</t>
  </si>
  <si>
    <t>Planilha Modelo BP 2017 TECH_v4.xlsm</t>
  </si>
  <si>
    <t>F:\Drive H\Algar Tech\00.Desktop\Backup\2 - Business Performance\2018\03 - LP\Planilha Modelo BP 2017 TECH_v4.xlsm</t>
  </si>
  <si>
    <t>12/19/2019 23:04:34</t>
  </si>
  <si>
    <t>12/20/2019 09:56:41</t>
  </si>
  <si>
    <t>E:\00.Desktop\Backup\2 - Business Performance\2018\03 - LP\Apresentações\Apresentação Conselho_Financeiro.pptx\</t>
  </si>
  <si>
    <t>F:\Drive H\Algar Tech\00.Desktop\Backup\2 - Business Performance\2018\03 - LP\Apresentações\Apresentação Conselho_Financeiro.pptx</t>
  </si>
  <si>
    <t>12/19/2019 23:04:35</t>
  </si>
  <si>
    <t>12/19/2019 23:04:36</t>
  </si>
  <si>
    <t>12/20/2019 09:51:36</t>
  </si>
  <si>
    <t>12/20/2019 09:54:19</t>
  </si>
  <si>
    <t>\\acsfs\DEPTOS\Operacao\Banco_Votorantim\Qualidade\Anderson\Auditoria de Vendas\Laudo\BV Cartoes\Dezembro\Romario Silva\</t>
  </si>
  <si>
    <t>\\acsfs\DEPTOS\Operacao\Banco_Votorantim\Qualidade\Anderson\Auditoria de Vendas\Laudo\BV Cartoes\Dezembro\Romario Silva\Thumbs.db</t>
  </si>
  <si>
    <t>12/20/2019 09:52:16</t>
  </si>
  <si>
    <t>12/20/2019 09:57:41</t>
  </si>
  <si>
    <t>lista de presença nr17 - avon (20-12-2019).xlsx</t>
  </si>
  <si>
    <t>12/20/2019 09:55:58</t>
  </si>
  <si>
    <t>12/20/2019 09:58:08</t>
  </si>
  <si>
    <t>12/20/2019 09:58:41</t>
  </si>
  <si>
    <t>12/20/2019 09:55:16</t>
  </si>
  <si>
    <t>12/20/2019 09:59:41</t>
  </si>
  <si>
    <t>12/20/2019 09:57:16</t>
  </si>
  <si>
    <t>12/20/2019 09:56:04</t>
  </si>
  <si>
    <t>12/20/2019 09:55:38</t>
  </si>
  <si>
    <t>12/20/2019 09:58:28</t>
  </si>
  <si>
    <t>12/20/2019 10:00:41</t>
  </si>
  <si>
    <t>backofficebv@dxc.com;jean.loiola@bv.com.br;larissa.alcantara@bv.com.br;marianeps@algartech.com;talmaiardo@algartech.com;thiagordu@algartech.com;</t>
  </si>
  <si>
    <t>backofficebv@dxc.com,jean.loiola@bv.com.br,larissa.alcantara@bv.com.br,marianeps@algartech.com,talmaiardo@algartech.com,thiagordu@algartech.com</t>
  </si>
  <si>
    <t>12/20/2019 09:58:32</t>
  </si>
  <si>
    <t>12/20/2019 09:59:03</t>
  </si>
  <si>
    <t>5c40f0ef-97ae-4175-8135-293dd154276a.tmp</t>
  </si>
  <si>
    <t>\\acsfs\profiles$\vivianealda\Downloads\5c40f0ef-97ae-4175-8135-293dd154276a.tmp</t>
  </si>
  <si>
    <t>12/19/2019 23:04:37</t>
  </si>
  <si>
    <t>12/19/2019 23:04:38</t>
  </si>
  <si>
    <t>12/19/2019 23:04:39</t>
  </si>
  <si>
    <t>12/19/2019 23:04:40</t>
  </si>
  <si>
    <t>12/19/2019 23:04:41</t>
  </si>
  <si>
    <t>12/19/2019 23:04:51</t>
  </si>
  <si>
    <t>E:\00.Desktop\Backup\2 - Business Performance\2018\03 - LP\Apresentações\Apresentação Conselho_Financeiro_20Jan.pptx\</t>
  </si>
  <si>
    <t>F:\Drive H\Algar Tech\00.Desktop\Backup\2 - Business Performance\2018\03 - LP\Apresentações\Apresentação Conselho_Financeiro_20Jan.pptx</t>
  </si>
  <si>
    <t>12/19/2019 23:05:03</t>
  </si>
  <si>
    <t>E:\00.Desktop\Backup\2 - Business Performance\2018\03 - LP\Apresentações\Apresentação Conselho_Financeiro_v1.pptx\</t>
  </si>
  <si>
    <t>F:\Drive H\Algar Tech\00.Desktop\Backup\2 - Business Performance\2018\03 - LP\Apresentações\Apresentação Conselho_Financeiro_v1.pptx</t>
  </si>
  <si>
    <t>12/19/2019 23:05:04</t>
  </si>
  <si>
    <t>12/19/2019 23:05:05</t>
  </si>
  <si>
    <t>12/20/2019 10:01:41</t>
  </si>
  <si>
    <t>12/20/2019 09:57:17</t>
  </si>
  <si>
    <t>c:\users\marcotvo\desktop\</t>
  </si>
  <si>
    <t>estrutura marco tulio - novembro.xlsx</t>
  </si>
  <si>
    <t>12/20/2019 09:59:51</t>
  </si>
  <si>
    <t>12/20/2019 10:02:41</t>
  </si>
  <si>
    <t>12/20/2019 09:59:31</t>
  </si>
  <si>
    <t>12/20/2019 10:00:59</t>
  </si>
  <si>
    <t>12/20/2019 10:01:38</t>
  </si>
  <si>
    <t>12/20/2019 10:01:39</t>
  </si>
  <si>
    <t>12/20/2019 10:01:16</t>
  </si>
  <si>
    <t>12/20/2019 10:04:41</t>
  </si>
  <si>
    <t>12/20/2019 10:03:16</t>
  </si>
  <si>
    <t>12/20/2019 10:01:28</t>
  </si>
  <si>
    <t>12/20/2019 10:01:37</t>
  </si>
  <si>
    <t>12/20/2019 10:02:39</t>
  </si>
  <si>
    <t>12/20/2019 10:05:41</t>
  </si>
  <si>
    <t>66153adf-a4d6-4de2-8401-7a69d40f9918.tmp</t>
  </si>
  <si>
    <t>\\acsfs\profiles$\leticiala\Downloads\66153adf-a4d6-4de2-8401-7a69d40f9918.tmp</t>
  </si>
  <si>
    <t>12/20/2019 10:03:59</t>
  </si>
  <si>
    <t>12/20/2019 10:04:02</t>
  </si>
  <si>
    <t>12/20/2019 10:06:41</t>
  </si>
  <si>
    <t>12/20/2019 10:04:19</t>
  </si>
  <si>
    <t>\\acsfs\DEPTOS\Operacao\Banco_Votorantim\Qualidade\Paulo\Farol de Qualidade\DEZEMBRO\RELATORIO PARA FAROL.xlsx\</t>
  </si>
  <si>
    <t>12/20/2019 10:04:22</t>
  </si>
  <si>
    <t>12/20/2019 10:05:31</t>
  </si>
  <si>
    <t>12/20/2019 10:05:52</t>
  </si>
  <si>
    <t>12/19/2019 18:31:27</t>
  </si>
  <si>
    <t>12/20/2019 10:08:41</t>
  </si>
  <si>
    <t>mail.google.com/_/upload?authuser=2&amp;dcp=asu-n&amp;upload_id=AEnB2UqrjEUsYI2zmJ1pGyfr-MQ4ALRsglsOE6AuQI_mXFuLITaUncUDlvqF-W8xxt2TC-9Cdck2t-2ZJZjcRRM4d6byZJulRLTOBI7s_9dMHKmJ4KZZ9ZE&amp;upload_protocol=resumable</t>
  </si>
  <si>
    <t>12/20/2019 10:04:20</t>
  </si>
  <si>
    <t>12/20/2019 10:06:36</t>
  </si>
  <si>
    <t>12/20/2019 10:06:42</t>
  </si>
  <si>
    <t>12/20/2019 10:09:41</t>
  </si>
  <si>
    <t>12/20/2019 10:07:16</t>
  </si>
  <si>
    <t>12/20/2019 10:07:37</t>
  </si>
  <si>
    <t>12/20/2019 10:08:59</t>
  </si>
  <si>
    <t>12/20/2019 10:06:06</t>
  </si>
  <si>
    <t>12/20/2019 10:10:41</t>
  </si>
  <si>
    <t>12/20/2019 10:06:34</t>
  </si>
  <si>
    <t>12/20/2019 10:07:00</t>
  </si>
  <si>
    <t>12/20/2019 10:07:26</t>
  </si>
  <si>
    <t>12/20/2019 10:05:54</t>
  </si>
  <si>
    <t>12/20/2019 10:11:41</t>
  </si>
  <si>
    <t>6dc47038-ad52-4548-95a9-1a32cc8abb6e.tmp</t>
  </si>
  <si>
    <t>\\acsfs\profiles$\deborahsi\Downloads\6dc47038-ad52-4548-95a9-1a32cc8abb6e.tmp</t>
  </si>
  <si>
    <t>12/20/2019 10:12:00</t>
  </si>
  <si>
    <t>12/20/2019 10:12:42</t>
  </si>
  <si>
    <t>12/20/2019 10:11:51</t>
  </si>
  <si>
    <t>12/20/2019 10:10:42</t>
  </si>
  <si>
    <t>12/20/2019 10:14:42</t>
  </si>
  <si>
    <t>12/20/2019 10:11:46</t>
  </si>
  <si>
    <t>12/20/2019 10:09:16</t>
  </si>
  <si>
    <t>12/20/2019 10:13:16</t>
  </si>
  <si>
    <t>12/20/2019 10:13:37</t>
  </si>
  <si>
    <t>12/20/2019 10:13:54</t>
  </si>
  <si>
    <t>12/20/2019 10:15:41</t>
  </si>
  <si>
    <t>Gestão de Reajustes 2019 v8.1 20_12.xlsx</t>
  </si>
  <si>
    <t>12/20/2019 10:14:36</t>
  </si>
  <si>
    <t>12/20/2019 10:13:40</t>
  </si>
  <si>
    <t>f1e60d05-ad2e-49a3-9429-02a065be79b9.tmp</t>
  </si>
  <si>
    <t>\\acsfs\profiles$\vivianealda\Downloads\f1e60d05-ad2e-49a3-9429-02a065be79b9.tmp</t>
  </si>
  <si>
    <t>12/20/2019 10:12:31</t>
  </si>
  <si>
    <t>12/20/2019 10:16:41</t>
  </si>
  <si>
    <t>12/20/2019 10:14:34</t>
  </si>
  <si>
    <t>12/20/2019 10:11:33</t>
  </si>
  <si>
    <t>12/20/2019 10:11:37</t>
  </si>
  <si>
    <t>12/20/2019 10:15:57</t>
  </si>
  <si>
    <t>12/20/2019 10:17:41</t>
  </si>
  <si>
    <t>12/20/2019 10:16:44</t>
  </si>
  <si>
    <t>12/20/2019 10:15:24</t>
  </si>
  <si>
    <t>c1e25eab-e0a0-4510-aa07-990a14cd35e9.tmp</t>
  </si>
  <si>
    <t>\\acsfs\profiles$\YASMINSC\Downloads\c1e25eab-e0a0-4510-aa07-990a14cd35e9.tmp</t>
  </si>
  <si>
    <t>12/20/2019 10:12:59</t>
  </si>
  <si>
    <t>12/20/2019 10:16:24</t>
  </si>
  <si>
    <t>12/20/2019 10:16:37</t>
  </si>
  <si>
    <t>12/20/2019 10:15:22</t>
  </si>
  <si>
    <t>12/20/2019 10:18:42</t>
  </si>
  <si>
    <t>Calculadora Prêmio.xlsx</t>
  </si>
  <si>
    <t>\\acsfs\DEPTOS\Operacao\Banco_Votorantim\Supervisao\SUPERS BV CARTÕES\ADILSON\Vendas\Calculadora Prêmio.xlsx</t>
  </si>
  <si>
    <t>12/20/2019 10:13:42</t>
  </si>
  <si>
    <t>12/20/2019 10:19:41</t>
  </si>
  <si>
    <t>12/20/2019 10:16:12</t>
  </si>
  <si>
    <t>12/20/2019 10:15:16</t>
  </si>
  <si>
    <t>12/20/2019 10:16:43</t>
  </si>
  <si>
    <t>12/20/2019 10:19:32</t>
  </si>
  <si>
    <t>12/20/2019 10:20:41</t>
  </si>
  <si>
    <t>\\acsfs\Deptos\EDUCACAO EMPRESARIAL\FERNANDA MONIT\</t>
  </si>
  <si>
    <t>Nayara Nery Araujo Oliveira_1_6766669319359250178_1_32.wav</t>
  </si>
  <si>
    <t>\\acsfs\Deptos\EDUCACAO EMPRESARIAL\FERNANDA MONIT\Nayara Nery Araujo Oliveira_1_6766669319359250178_1_32.wav</t>
  </si>
  <si>
    <t>12/20/2019 10:21:41</t>
  </si>
  <si>
    <t>12/20/2019 10:20:24</t>
  </si>
  <si>
    <t>12/20/2019 10:22:41</t>
  </si>
  <si>
    <t>12/20/2019 10:18:07</t>
  </si>
  <si>
    <t>12/20/2019 10:18:09</t>
  </si>
  <si>
    <t>12/20/2019 10:22:30</t>
  </si>
  <si>
    <t>12/20/2019 10:23:42</t>
  </si>
  <si>
    <t>NB-DIEGOALS</t>
  </si>
  <si>
    <t>C:\Users\diegoals\Downloads\</t>
  </si>
  <si>
    <t>Relatório Diario CAOA 18-12.xlsx</t>
  </si>
  <si>
    <t>12/20/2019 10:21:12</t>
  </si>
  <si>
    <t>12/20/2019 10:24:41</t>
  </si>
  <si>
    <t>12/20/2019 10:23:12</t>
  </si>
  <si>
    <t>12/20/2019 10:19:16</t>
  </si>
  <si>
    <t>12/20/2019 10:21:16</t>
  </si>
  <si>
    <t>12/20/2019 10:19:37</t>
  </si>
  <si>
    <t>12/20/2019 10:20:39</t>
  </si>
  <si>
    <t>12/20/2019 10:25:42</t>
  </si>
  <si>
    <t>Regis Ezaias da Silva Junior_1_6766285748714936878_1_32.wav</t>
  </si>
  <si>
    <t>\\acsfs\Deptos\EDUCACAO EMPRESARIAL\FERNANDA MONIT\Regis Ezaias da Silva Junior_1_6766285748714936878_1_32.wav</t>
  </si>
  <si>
    <t>12/20/2019 10:21:25</t>
  </si>
  <si>
    <t>Thais Machado Bezerra_1_6765851179628964948_1_32.wav</t>
  </si>
  <si>
    <t>\\acsfs\Deptos\EDUCACAO EMPRESARIAL\FERNANDA MONIT\Thais Machado Bezerra_1_6765851179628964948_1_32.wav</t>
  </si>
  <si>
    <t>12/20/2019 10:26:41</t>
  </si>
  <si>
    <t>12/20/2019 10:25:09</t>
  </si>
  <si>
    <t>08c1658e-0bbc-4f33-a363-a3a3ac008b2f.tmp</t>
  </si>
  <si>
    <t>\\acsfs\profiles$\LUCASBS\Downloads\08c1658e-0bbc-4f33-a363-a3a3ac008b2f.tmp</t>
  </si>
  <si>
    <t>12/20/2019 10:24:29</t>
  </si>
  <si>
    <t>\\acsfs\DEPTOS\Operacao\Banco_Votorantim\Qualidade\Anderson\Auditoria de Vendas\Laudo\BV Cartoes\Novembro\Lais Ribeiro - PP\</t>
  </si>
  <si>
    <t>\\acsfs\DEPTOS\Operacao\Banco_Votorantim\Qualidade\Anderson\Auditoria de Vendas\Laudo\BV Cartoes\Novembro\Lais Ribeiro - PP\Thumbs.db</t>
  </si>
  <si>
    <t>12/20/2019 10:24:30</t>
  </si>
  <si>
    <t>\\acsfs\DEPTOS\Operacao\Banco_Votorantim\Qualidade\Anderson\Auditoria de Vendas\Laudo\BV Cartoes\Novembro\Lais Ribeiro - SPR\</t>
  </si>
  <si>
    <t>\\acsfs\DEPTOS\Operacao\Banco_Votorantim\Qualidade\Anderson\Auditoria de Vendas\Laudo\BV Cartoes\Novembro\Lais Ribeiro - SPR\Thumbs.db</t>
  </si>
  <si>
    <t>\\acsfs\DEPTOS\Operacao\Banco_Votorantim\Qualidade\Anderson\Auditoria de Vendas\Laudo\BV Cartoes\Novembro\Lais Ribeiro- SPR 12.11.2019\</t>
  </si>
  <si>
    <t>\\acsfs\DEPTOS\Operacao\Banco_Votorantim\Qualidade\Anderson\Auditoria de Vendas\Laudo\BV Cartoes\Novembro\Lais Ribeiro- SPR 12.11.2019\Thumbs.db</t>
  </si>
  <si>
    <t>12/20/2019 10:25:13</t>
  </si>
  <si>
    <t>\\acsfs\DEPTOS\Operacao\Banco_Votorantim\Qualidade\Anderson\Auditoria de Vendas\Laudo\BV Cartoes\Novembro\Matheus Gonzaga - PP\</t>
  </si>
  <si>
    <t>\\acsfs\DEPTOS\Operacao\Banco_Votorantim\Qualidade\Anderson\Auditoria de Vendas\Laudo\BV Cartoes\Novembro\Matheus Gonzaga - PP\Thumbs.db</t>
  </si>
  <si>
    <t>12/20/2019 10:21:51</t>
  </si>
  <si>
    <t>12/20/2019 10:27:42</t>
  </si>
  <si>
    <t>12/20/2019 10:22:21</t>
  </si>
  <si>
    <t>12/20/2019 10:23:05</t>
  </si>
  <si>
    <t>12/20/2019 10:23:11</t>
  </si>
  <si>
    <t>12/20/2019 10:23:17</t>
  </si>
  <si>
    <t>12/20/2019 10:23:23</t>
  </si>
  <si>
    <t>12/20/2019 10:23:25</t>
  </si>
  <si>
    <t>12/20/2019 10:23:38</t>
  </si>
  <si>
    <t>12/20/2019 10:23:40</t>
  </si>
  <si>
    <t>12/20/2019 10:27:19</t>
  </si>
  <si>
    <t>12/20/2019 10:24:12</t>
  </si>
  <si>
    <t>12/20/2019 10:29:42</t>
  </si>
  <si>
    <t>12/20/2019 10:25:52</t>
  </si>
  <si>
    <t>12/20/2019 10:25:16</t>
  </si>
  <si>
    <t>12/20/2019 10:27:16</t>
  </si>
  <si>
    <t>12/20/2019 10:24:33</t>
  </si>
  <si>
    <t>12/20/2019 10:25:37</t>
  </si>
  <si>
    <t>12/20/2019 10:25:41</t>
  </si>
  <si>
    <t>12/20/2019 10:30:41</t>
  </si>
  <si>
    <t>12/20/2019 10:25:59</t>
  </si>
  <si>
    <t>12/20/2019 10:26:11</t>
  </si>
  <si>
    <t>12/20/2019 10:26:24</t>
  </si>
  <si>
    <t>12/20/2019 10:27:02</t>
  </si>
  <si>
    <t>12/20/2019 10:31:41</t>
  </si>
  <si>
    <t>12/20/2019 10:25:58</t>
  </si>
  <si>
    <t>10.12.240.67</t>
  </si>
  <si>
    <t>CRONOGRAMA SAC - PA DIGITAL- RETENÇÃO.xlsx</t>
  </si>
  <si>
    <t>12/20/2019 10:28:25</t>
  </si>
  <si>
    <t>ad1377c2-31a8-4923-ba70-2c3784c92f3d.tmp</t>
  </si>
  <si>
    <t>\\acsfs\profiles$\paulovadc\Downloads\ad1377c2-31a8-4923-ba70-2c3784c92f3d.tmp</t>
  </si>
  <si>
    <t>12/20/2019 10:28:02</t>
  </si>
  <si>
    <t>0f89bcdb-4eea-4b30-abb3-acb312c5e11b.tmp</t>
  </si>
  <si>
    <t>\\acsfs\profiles$\LUCASBS\Downloads\0f89bcdb-4eea-4b30-abb3-acb312c5e11b.tmp</t>
  </si>
  <si>
    <t>12/20/2019 10:26:55</t>
  </si>
  <si>
    <t>\\acsfs\DEPTOS\Operacao\Banco_Votorantim\Qualidade\Anderson\Auditoria de Vendas\Laudo\BV Cartoes\Novembro\Ana Paula da Silva - SPF\</t>
  </si>
  <si>
    <t>Ana Paula da Silva_BV Cartoes_SPF_11.11.2019.docx</t>
  </si>
  <si>
    <t>\\acsfs\DEPTOS\Operacao\Banco_Votorantim\Qualidade\Anderson\Auditoria de Vendas\Laudo\BV Cartoes\Novembro\Ana Paula da Silva - SPF\Ana Paula da Silva_BV Cartoes_SPF_11.11.2019.docx</t>
  </si>
  <si>
    <t>12/20/2019 10:28:23</t>
  </si>
  <si>
    <t>\\acsfs\DEPTOS\EDUCACAO EMPRESARIAL\2 - Operações\0 - BV\5 - QUALIDADE\Nova pasta\Nova pasta\Ana Paula da Silva_BV Cartoes_SPF_11.11.2019.docx</t>
  </si>
  <si>
    <t>12/20/2019 10:28:26</t>
  </si>
  <si>
    <t>Vendas de Serviços ALGAR - Dezembro_2019 (10).xlsb</t>
  </si>
  <si>
    <t>\\acsfs\DEPTOS\EDUCACAO EMPRESARIAL\2 - Operações\0 - BV\5 - QUALIDADE\Nova pasta\Nova pasta\Vendas de Serviços ALGAR - Dezembro_2019 (10).xlsb</t>
  </si>
  <si>
    <t>\\acsfs\DEPTOS\EDUCACAO EMPRESARIAL\2 - Operações\0 - BV\5 - QUALIDADE\Nova pasta\Nova pasta\Vendas de Serviços ALGAR - Dezembro_2019 (10).xlsb\</t>
  </si>
  <si>
    <t>\\acsfs\DEPTOS\EDUCACAO EMPRESARIAL\2 - Operações\0 - BV\5 - QUALIDADE\Nova pasta\Nova pasta\Vendas de Serviços ALGAR - Dezembro_2019 (10).xlsb\:Zone.Identifier:$DATA</t>
  </si>
  <si>
    <t>\\acsfs\DEPTOS\EDUCACAO EMPRESARIAL\2 - Operações\0 - BV\5 - QUALIDADE\Nova pasta\Nova pasta\Check List - BV CARTOES_.xlsx</t>
  </si>
  <si>
    <t>1.mp4</t>
  </si>
  <si>
    <t>Algar_Midias play</t>
  </si>
  <si>
    <t>\\acsfs\DEPTOS\EDUCACAO EMPRESARIAL\2 - Operações\0 - BV\5 - QUALIDADE\Nova pasta\Nova pasta\1.mp4</t>
  </si>
  <si>
    <t>email.txt</t>
  </si>
  <si>
    <t>\\acsfs\DEPTOS\EDUCACAO EMPRESARIAL\2 - Operações\0 - BV\5 - QUALIDADE\Nova pasta\Nova pasta\email.txt</t>
  </si>
  <si>
    <t>12/20/2019 10:31:42</t>
  </si>
  <si>
    <t>12/20/2019 10:32:42</t>
  </si>
  <si>
    <t>12/20/2019 10:28:39</t>
  </si>
  <si>
    <t>12/20/2019 10:28:40</t>
  </si>
  <si>
    <t>12/20/2019 10:29:19</t>
  </si>
  <si>
    <t>12/20/2019 10:29:21</t>
  </si>
  <si>
    <t>12/20/2019 10:29:23</t>
  </si>
  <si>
    <t>12/20/2019 10:29:25</t>
  </si>
  <si>
    <t>12/20/2019 10:29:31</t>
  </si>
  <si>
    <t>12/20/2019 10:29:33</t>
  </si>
  <si>
    <t>12/20/2019 10:31:22</t>
  </si>
  <si>
    <t>12/20/2019 10:31:27</t>
  </si>
  <si>
    <t>12/20/2019 10:31:28</t>
  </si>
  <si>
    <t>12/20/2019 10:34:42</t>
  </si>
  <si>
    <t>12/20/2019 10:30:12</t>
  </si>
  <si>
    <t>12/20/2019 10:31:16</t>
  </si>
  <si>
    <t>12/20/2019 10:33:16</t>
  </si>
  <si>
    <t>12/20/2019 10:31:37</t>
  </si>
  <si>
    <t>12/20/2019 10:32:05</t>
  </si>
  <si>
    <t>12/20/2019 10:35:41</t>
  </si>
  <si>
    <t>Receitas Previstas 2020.xlsx</t>
  </si>
  <si>
    <t>12/20/2019 10:34:26</t>
  </si>
  <si>
    <t>claudineiavc@algartech.com.br;equipefabi@algartech.com.br;evertonpdsr@algartech.com.br;fabianapm@algartech.com;ideniraa@algartech.com.br;tecnicospj@algartech.com.br;</t>
  </si>
  <si>
    <t>RES: ESCALA FERIADO</t>
  </si>
  <si>
    <t>claudineiavc@algartech.com.br,equipefabi@algartech.com.br,evertonpdsr@algartech.com.br,fabianapm@algartech.com,ideniraa@algartech.com.br,tecnicospj@algartech.com.br</t>
  </si>
  <si>
    <t>12/20/2019 10:34:51</t>
  </si>
  <si>
    <t>12/20/2019 10:31:02</t>
  </si>
  <si>
    <t>12/20/2019 10:31:05</t>
  </si>
  <si>
    <t>58a5db38-0258-4996-8544-2645ca76dd8d.tmp</t>
  </si>
  <si>
    <t>\\acsfs\profiles$\geovannasm\Downloads\58a5db38-0258-4996-8544-2645ca76dd8d.tmp</t>
  </si>
  <si>
    <t>12/20/2019 10:27:07</t>
  </si>
  <si>
    <t>12/20/2019 10:36:42</t>
  </si>
  <si>
    <t>H:\PMO Governança\03 - ACOMPANHAMENTO DE PROJETOS\ELECTROLUX\PMO - STATUS DE GOVERNANÇA - PROJETOS GOVERNADOS 2019 - RFP ELECTROLUX - 19-11-21 - CENARIO EBIT.pptx\</t>
  </si>
  <si>
    <t>12/20/2019 10:37:41</t>
  </si>
  <si>
    <t>12/20/2019 10:33:58</t>
  </si>
  <si>
    <t>12/20/2019 10:36:36</t>
  </si>
  <si>
    <t>12/20/2019 10:33:12</t>
  </si>
  <si>
    <t>5aa2ccca-2a32-4a5e-b911-799b559467a0.tmp</t>
  </si>
  <si>
    <t>\\acsfs\profiles$\Flaviojmm\Downloads\5aa2ccca-2a32-4a5e-b911-799b559467a0.tmp</t>
  </si>
  <si>
    <t>12/20/2019 10:36:24</t>
  </si>
  <si>
    <t>12/20/2019 10:36:25</t>
  </si>
  <si>
    <t>12/20/2019 10:36:59</t>
  </si>
  <si>
    <t>12/20/2019 10:38:42</t>
  </si>
  <si>
    <t>12/20/2019 10:34:12</t>
  </si>
  <si>
    <t>12/20/2019 10:39:41</t>
  </si>
  <si>
    <t>12/20/2019 10:36:43</t>
  </si>
  <si>
    <t>12/20/2019 10:37:12</t>
  </si>
  <si>
    <t>12/20/2019 10:37:42</t>
  </si>
  <si>
    <t>12/20/2019 10:38:58</t>
  </si>
  <si>
    <t>daa7f752-35a8-4f2c-ab53-c068f2b394a8.tmp</t>
  </si>
  <si>
    <t>\\acsfs\profiles$\KARENDSR\Downloads\daa7f752-35a8-4f2c-ab53-c068f2b394a8.tmp</t>
  </si>
  <si>
    <t>12/20/2019 10:37:16</t>
  </si>
  <si>
    <t>12/20/2019 10:37:37</t>
  </si>
  <si>
    <t>12/20/2019 10:38:24</t>
  </si>
  <si>
    <t>12/20/2019 10:40:42</t>
  </si>
  <si>
    <t>0ef4cadf-c65b-465f-9514-36b3b51f85af.tmp</t>
  </si>
  <si>
    <t>\\acsfs\profiles$\geovannasm\Downloads\0ef4cadf-c65b-465f-9514-36b3b51f85af.tmp</t>
  </si>
  <si>
    <t>12/20/2019 10:39:43</t>
  </si>
  <si>
    <t>\\acsfs\profiles$\geovannasm\Downloads\$RECYCLE.BIN\</t>
  </si>
  <si>
    <t>$I9SV6JS.pdf</t>
  </si>
  <si>
    <t>\\acsfs\profiles$\geovannasm\Downloads\$RECYCLE.BIN\$I9SV6JS.pdf</t>
  </si>
  <si>
    <t>12/20/2019 10:38:19</t>
  </si>
  <si>
    <t>72acb149-5985-45ae-98b2-38b82030409d.tmp</t>
  </si>
  <si>
    <t>\\acsfs\profiles$\gabrielhca\Downloads\72acb149-5985-45ae-98b2-38b82030409d.tmp</t>
  </si>
  <si>
    <t>12/20/2019 10:39:01</t>
  </si>
  <si>
    <t>9c417269-7b4e-47cb-97ab-2d2c3aa58c04.tmp</t>
  </si>
  <si>
    <t>\\acsfs\profiles$\gabrielhca\Downloads\9c417269-7b4e-47cb-97ab-2d2c3aa58c04.tmp</t>
  </si>
  <si>
    <t>12/20/2019 10:38:50</t>
  </si>
  <si>
    <t>ea0e328a-9c36-4992-9bbe-bf5bb1eeebdc.tmp</t>
  </si>
  <si>
    <t>\\acsfs\profiles$\geovanaasa\Downloads\ea0e328a-9c36-4992-9bbe-bf5bb1eeebdc.tmp</t>
  </si>
  <si>
    <t>12/20/2019 10:39:49</t>
  </si>
  <si>
    <t>52a9879b-335e-4d7b-a39e-f6ccab9c7929.tmp</t>
  </si>
  <si>
    <t>\\acsfs\profiles$\geovanaasa\Downloads\52a9879b-335e-4d7b-a39e-f6ccab9c7929.tmp</t>
  </si>
  <si>
    <t>12/20/2019 10:36:32</t>
  </si>
  <si>
    <t>12/20/2019 10:41:41</t>
  </si>
  <si>
    <t>12/20/2019 10:42:41</t>
  </si>
  <si>
    <t>12/20/2019 10:40:36</t>
  </si>
  <si>
    <t>12/20/2019 10:40:54</t>
  </si>
  <si>
    <t>12/20/2019 10:38:05</t>
  </si>
  <si>
    <t>12/20/2019 10:43:41</t>
  </si>
  <si>
    <t>mail.google.com/_/upload?authuser=2&amp;dcp=asu-n&amp;upload_id=AEnB2Upa1k2QvlYw2aqf7Ayp1NAi5cLpPMzd0I7WUyXa79g-J4HRgDL1gRKpKuvvT2cxyPxdr_nEmsdRu1eXqrTG5aHLwISt5o1MDI4FdJJF3XuAy8XV_yY&amp;upload_protocol=resumable</t>
  </si>
  <si>
    <t>Qtd Venda x Não Venda.xlsx</t>
  </si>
  <si>
    <t>12/20/2019 10:39:12</t>
  </si>
  <si>
    <t>12/20/2019 10:44:40</t>
  </si>
  <si>
    <t>12/20/2019 10:39:42</t>
  </si>
  <si>
    <t>12/20/2019 10:41:12</t>
  </si>
  <si>
    <t>12/20/2019 10:43:12</t>
  </si>
  <si>
    <t>12/20/2019 10:43:42</t>
  </si>
  <si>
    <t>12/20/2019 10:43:53</t>
  </si>
  <si>
    <t>40aed9d5-d1ae-4145-8cc7-abebb5c03604.tmp</t>
  </si>
  <si>
    <t>\\acsfs\profiles$\KARENDSR\Downloads\40aed9d5-d1ae-4145-8cc7-abebb5c03604.tmp</t>
  </si>
  <si>
    <t>12/20/2019 10:39:16</t>
  </si>
  <si>
    <t>12/20/2019 10:43:16</t>
  </si>
  <si>
    <t>12/20/2019 10:39:26</t>
  </si>
  <si>
    <t>12/20/2019 10:39:50</t>
  </si>
  <si>
    <t>12/20/2019 10:43:37</t>
  </si>
  <si>
    <t>12/20/2019 10:42:01</t>
  </si>
  <si>
    <t>12/20/2019 10:45:41</t>
  </si>
  <si>
    <t>a3d72989-4450-4763-bbba-63a2e9076126.tmp</t>
  </si>
  <si>
    <t>\\acsfs\profiles$\gabrielhca\Downloads\a3d72989-4450-4763-bbba-63a2e9076126.tmp</t>
  </si>
  <si>
    <t>12/20/2019 10:43:54</t>
  </si>
  <si>
    <t>e12b7ee8-477a-45ba-9ca4-be28505c1350.tmp</t>
  </si>
  <si>
    <t>\\acsfs\profiles$\gabrielhca\Downloads\e12b7ee8-477a-45ba-9ca4-be28505c1350.tmp</t>
  </si>
  <si>
    <t>12/20/2019 10:44:18</t>
  </si>
  <si>
    <t>40081181-b6a7-419e-bfe3-6d51911625fb.tmp</t>
  </si>
  <si>
    <t>\\acsfs\profiles$\gabrielhca\Downloads\40081181-b6a7-419e-bfe3-6d51911625fb.tmp</t>
  </si>
  <si>
    <t>12/20/2019 10:40:40</t>
  </si>
  <si>
    <t>0e399a8e-4611-42b2-8eee-22ab759204da.tmp</t>
  </si>
  <si>
    <t>\\acsfs\profiles$\gabrielarb\Downloads\0e399a8e-4611-42b2-8eee-22ab759204da.tmp</t>
  </si>
  <si>
    <t>12/20/2019 10:44:08</t>
  </si>
  <si>
    <t>12/20/2019 10:46:40</t>
  </si>
  <si>
    <t>b58978df-0bac-4690-8ab8-34d26acbb107.tmp</t>
  </si>
  <si>
    <t>\\acsfs\profiles$\LUCASBS\Downloads\b58978df-0bac-4690-8ab8-34d26acbb107.tmp</t>
  </si>
  <si>
    <t>12/20/2019 10:47:41</t>
  </si>
  <si>
    <t>12/20/2019 10:46:36</t>
  </si>
  <si>
    <t>12/20/2019 10:44:38</t>
  </si>
  <si>
    <t>mail.google.com/_/upload?authuser=0&amp;dcp=asu-n&amp;upload_id=AEnB2UopVhq1gqfy654wpuJcK8kIcp3ShxRYwQGyDYs4IeE2VsbolNdT5LJmwnSZzbf_D0QD04wB0Izy9CUES7D31DqvpLaq__Aq1SCedDzr1bGKjxPMwyk&amp;upload_protocol=resumable</t>
  </si>
  <si>
    <t>BD - DESLIGADOS - 12-2019.xlsx</t>
  </si>
  <si>
    <t>12/20/2019 10:44:54</t>
  </si>
  <si>
    <t>12/20/2019 10:44:57</t>
  </si>
  <si>
    <t>12/20/2019 10:45:37</t>
  </si>
  <si>
    <t>12/20/2019 10:45:45</t>
  </si>
  <si>
    <t>12/20/2019 10:47:09</t>
  </si>
  <si>
    <t>https://udpwfmniceap02/pt_br/web/guest/home?p_auth=yx0o3o7l&amp;p_p_id=58&amp;p_p_lifecycle=1&amp;p_p_state=maximized&amp;p_p_mode=view&amp;savelastpath=0&amp;_58_struts_action=/login/forgot_password</t>
  </si>
  <si>
    <t>12/20/2019 10:43:29</t>
  </si>
  <si>
    <t>12/20/2019 10:48:41</t>
  </si>
  <si>
    <t>12/20/2019 10:45:29</t>
  </si>
  <si>
    <t>\\acsfs\DEPTOS\Operacao\Banco_Votorantim\Comum\00 - COMUM - BV CARTÕES\EQUIPE ADILSON\Reneg\9778BF33.tmp\</t>
  </si>
  <si>
    <t>\\acsfs\DEPTOS\Operacao\Banco_Votorantim\Comum\00 - COMUM - BV CARTÕES\EQUIPE ADILSON\Reneg\9778BF33.tmp\:Zone.Identifier:$DATA</t>
  </si>
  <si>
    <t>12/20/2019 10:45:30</t>
  </si>
  <si>
    <t>\\acsfs\DEPTOS\Operacao\Banco_Votorantim\Comum\00 - COMUM - BV CARTÕES\EQUIPE ADILSON\Reneg\</t>
  </si>
  <si>
    <t>12/20/2019 10:45:36</t>
  </si>
  <si>
    <t>\\acsfs\DEPTOS\Operacao\Banco_Votorantim\Comum\00 - COMUM - BV CARTÕES\EQUIPE ADILSON\Reneg\5A9C0966.tmp\</t>
  </si>
  <si>
    <t>\\acsfs\DEPTOS\Operacao\Banco_Votorantim\Comum\00 - COMUM - BV CARTÕES\EQUIPE ADILSON\Reneg\5A9C0966.tmp\:Zone.Identifier:$DATA</t>
  </si>
  <si>
    <t>12/20/2019 10:44:12</t>
  </si>
  <si>
    <t>12/20/2019 10:49:41</t>
  </si>
  <si>
    <t>12/20/2019 10:44:42</t>
  </si>
  <si>
    <t>12/20/2019 10:45:12</t>
  </si>
  <si>
    <t>12/20/2019 10:45:42</t>
  </si>
  <si>
    <t>12/20/2019 10:46:12</t>
  </si>
  <si>
    <t>12/20/2019 10:46:42</t>
  </si>
  <si>
    <t>12/20/2019 10:45:23</t>
  </si>
  <si>
    <t>624ed2e1-1e8e-420f-9d5f-3ab2ace22d35.tmp</t>
  </si>
  <si>
    <t>\\acsfs\profiles$\KARENDSR\Downloads\624ed2e1-1e8e-420f-9d5f-3ab2ace22d35.tmp</t>
  </si>
  <si>
    <t>8b9e5813-a7c0-4e38-892f-7e3157a59ef7.tmp</t>
  </si>
  <si>
    <t>\\acsfs\profiles$\KARENDSR\Downloads\8b9e5813-a7c0-4e38-892f-7e3157a59ef7.tmp</t>
  </si>
  <si>
    <t>12/20/2019 10:45:48</t>
  </si>
  <si>
    <t>e31ce892-adc9-43bd-837c-ad9d043e44ea.tmp</t>
  </si>
  <si>
    <t>\\acsfs\profiles$\KARENDSR\Downloads\e31ce892-adc9-43bd-837c-ad9d043e44ea.tmp</t>
  </si>
  <si>
    <t>12/20/2019 10:45:16</t>
  </si>
  <si>
    <t>12/20/2019 10:48:23</t>
  </si>
  <si>
    <t>mail.google.com/_/upload?authuser=1&amp;dcp=asu-n&amp;upload_id=AEnB2UpiCRNbinlSgpq-BFYTRV46H5Scmz1dZnuaI9V4Nms2QhUXiDoDEZFtdGb8tx4LKQ1m8WdpPJ6MAnTgN0xVcubTF3ZTD4DSXD46PD0uHxKr4DFNyCc&amp;upload_protocol=resumable</t>
  </si>
  <si>
    <t>Resumo dimensionamento Prevenção Fraude_Carrefour - 12062019 (1).xlsm</t>
  </si>
  <si>
    <t>12/20/2019 10:47:38</t>
  </si>
  <si>
    <t>12/20/2019 10:49:39</t>
  </si>
  <si>
    <t>12/20/2019 10:50:41</t>
  </si>
  <si>
    <t>30f7b5e9-40ec-4e3a-91d1-dffdfe7a472e.tmp</t>
  </si>
  <si>
    <t>\\acsfs\profiles$\geovanaasa\Downloads\30f7b5e9-40ec-4e3a-91d1-dffdfe7a472e.tmp</t>
  </si>
  <si>
    <t>12/20/2019 10:50:19</t>
  </si>
  <si>
    <t>12/20/2019 10:51:40</t>
  </si>
  <si>
    <t>12/20/2019 10:50:20</t>
  </si>
  <si>
    <t>12/20/2019 10:50:21</t>
  </si>
  <si>
    <t>12/20/2019 10:50:22</t>
  </si>
  <si>
    <t>12/20/2019 10:50:23</t>
  </si>
  <si>
    <t>12/20/2019 10:50:24</t>
  </si>
  <si>
    <t>12/20/2019 10:50:26</t>
  </si>
  <si>
    <t>12/20/2019 10:50:27</t>
  </si>
  <si>
    <t>12/20/2019 10:50:28</t>
  </si>
  <si>
    <t>12/20/2019 10:50:29</t>
  </si>
  <si>
    <t>12/20/2019 10:50:30</t>
  </si>
  <si>
    <t>12/20/2019 10:50:31</t>
  </si>
  <si>
    <t>12/20/2019 10:49:53</t>
  </si>
  <si>
    <t>12/20/2019 10:50:32</t>
  </si>
  <si>
    <t>12/20/2019 10:50:33</t>
  </si>
  <si>
    <t>12/20/2019 10:50:34</t>
  </si>
  <si>
    <t>12/20/2019 10:50:35</t>
  </si>
  <si>
    <t>12/20/2019 10:50:36</t>
  </si>
  <si>
    <t>12/20/2019 10:50:37</t>
  </si>
  <si>
    <t>12/20/2019 10:50:38</t>
  </si>
  <si>
    <t>12/20/2019 10:50:39</t>
  </si>
  <si>
    <t>12/20/2019 10:50:40</t>
  </si>
  <si>
    <t>12/20/2019 10:50:42</t>
  </si>
  <si>
    <t>12/20/2019 10:50:43</t>
  </si>
  <si>
    <t>12/20/2019 10:50:44</t>
  </si>
  <si>
    <t>12/20/2019 10:50:45</t>
  </si>
  <si>
    <t>12/20/2019 10:50:46</t>
  </si>
  <si>
    <t>12/20/2019 10:50:47</t>
  </si>
  <si>
    <t>12/20/2019 10:50:48</t>
  </si>
  <si>
    <t>12/20/2019 10:50:49</t>
  </si>
  <si>
    <t>12/20/2019 10:52:41</t>
  </si>
  <si>
    <t>12/20/2019 10:49:06</t>
  </si>
  <si>
    <t>12/20/2019 10:51:11</t>
  </si>
  <si>
    <t>12/20/2019 10:51:01</t>
  </si>
  <si>
    <t>12/20/2019 10:51:19</t>
  </si>
  <si>
    <t>12/20/2019 10:51:21</t>
  </si>
  <si>
    <t>12/20/2019 10:49:30</t>
  </si>
  <si>
    <t>12/20/2019 10:53:40</t>
  </si>
  <si>
    <t>12/20/2019 10:50:02</t>
  </si>
  <si>
    <t>3ce5dfdb-c9c9-4dda-9131-acdace0f6141.tmp</t>
  </si>
  <si>
    <t>\\acsfs\profiles$\isabellegtds\Downloads\3ce5dfdb-c9c9-4dda-9131-acdace0f6141.tmp</t>
  </si>
  <si>
    <t>12/20/2019 10:48:48</t>
  </si>
  <si>
    <t>12/20/2019 10:51:45</t>
  </si>
  <si>
    <t>janainapa@algartech.com.br;</t>
  </si>
  <si>
    <t>ENC: Volume Gerenciadas Amex e Visa - 20/12</t>
  </si>
  <si>
    <t>janainapa@algartech.com.br</t>
  </si>
  <si>
    <t>12/20/2019 10:52:43</t>
  </si>
  <si>
    <t>12/20/2019 10:54:41</t>
  </si>
  <si>
    <t>12/20/2019 10:49:16</t>
  </si>
  <si>
    <t>12/20/2019 10:51:12</t>
  </si>
  <si>
    <t>12/20/2019 10:49:38</t>
  </si>
  <si>
    <t>12/20/2019 10:55:41</t>
  </si>
  <si>
    <t>12/20/2019 10:56:40</t>
  </si>
  <si>
    <t>12/20/2019 10:53:17</t>
  </si>
  <si>
    <t>\\acsfs\profiles$\LUCASBS\</t>
  </si>
  <si>
    <t>.~lock.RENEG BV.ods#</t>
  </si>
  <si>
    <t>\\acsfs\profiles$\LUCASBS\.~lock.RENEG BV.ods#</t>
  </si>
  <si>
    <t>12/20/2019 10:53:18</t>
  </si>
  <si>
    <t>lu1242015eoo8.tmp</t>
  </si>
  <si>
    <t>\\acsfs\profiles$\LUCASBS\lu1242015eoo8.tmp</t>
  </si>
  <si>
    <t>\\acsfs\profiles$\LUCASBS\lu1242015eoo8.tmp\</t>
  </si>
  <si>
    <t>\\acsfs\profiles$\LUCASBS\lu1242015eoo8.tmp\META-INF\</t>
  </si>
  <si>
    <t>\\acsfs\profiles$\LUCASBS\lu1242015eoo8.tmp\Thumbnails\</t>
  </si>
  <si>
    <t>12/20/2019 10:54:26</t>
  </si>
  <si>
    <t>9059fcce-1ba2-41a5-a4ff-73d418a49796.tmp</t>
  </si>
  <si>
    <t>\\acsfs\profiles$\LUCASBS\Downloads\9059fcce-1ba2-41a5-a4ff-73d418a49796.tmp</t>
  </si>
  <si>
    <t>12/20/2019 10:57:41</t>
  </si>
  <si>
    <t>12/20/2019 10:54:03</t>
  </si>
  <si>
    <t>12/20/2019 10:54:15</t>
  </si>
  <si>
    <t>12/20/2019 10:54:16</t>
  </si>
  <si>
    <t>12/20/2019 10:57:03</t>
  </si>
  <si>
    <t>12/20/2019 10:58:41</t>
  </si>
  <si>
    <t>594bf083-5ee7-40e3-83b6-3d1da320fb26.tmp</t>
  </si>
  <si>
    <t>\\acsfs\profiles$\isabellegtds\Downloads\594bf083-5ee7-40e3-83b6-3d1da320fb26.tmp</t>
  </si>
  <si>
    <t>12/20/2019 10:55:14</t>
  </si>
  <si>
    <t>rafael.bortolato@invenit.com.br;</t>
  </si>
  <si>
    <t>rafael.bortolato@invenit.com.br</t>
  </si>
  <si>
    <t>12/20/2019 10:56:56</t>
  </si>
  <si>
    <t>12/20/2019 10:55:43</t>
  </si>
  <si>
    <t>12/20/2019 10:59:41</t>
  </si>
  <si>
    <t>12/20/2019 10:56:13</t>
  </si>
  <si>
    <t>12/20/2019 10:56:43</t>
  </si>
  <si>
    <t>12/20/2019 10:57:13</t>
  </si>
  <si>
    <t>12/20/2019 10:57:43</t>
  </si>
  <si>
    <t>12/20/2019 10:58:43</t>
  </si>
  <si>
    <t>12/20/2019 10:55:16</t>
  </si>
  <si>
    <t>12/20/2019 10:56:16</t>
  </si>
  <si>
    <t>12/20/2019 10:55:10</t>
  </si>
  <si>
    <t>12/20/2019 10:55:39</t>
  </si>
  <si>
    <t>12/20/2019 10:56:08</t>
  </si>
  <si>
    <t>12/20/2019 11:00:42</t>
  </si>
  <si>
    <t>3d72ff85-e239-4eb1-b13d-b966cca41f6a.tmp</t>
  </si>
  <si>
    <t>\\acsfs\profiles$\ayalabfi\Downloads\3d72ff85-e239-4eb1-b13d-b966cca41f6a.tmp</t>
  </si>
  <si>
    <t>12/20/2019 11:00:14</t>
  </si>
  <si>
    <t>5750c730-48a1-428e-bc4c-266bdd9293b6.tmp</t>
  </si>
  <si>
    <t>\\acsfs\profiles$\gabrielhca\Downloads\5750c730-48a1-428e-bc4c-266bdd9293b6.tmp</t>
  </si>
  <si>
    <t>12/20/2019 11:01:41</t>
  </si>
  <si>
    <t>12/20/2019 10:58:24</t>
  </si>
  <si>
    <t>dfb08d2d-fb64-40c0-9cfd-ba3d19ab02cf.tmp</t>
  </si>
  <si>
    <t>\\acsfs\profiles$\JOAOVAL\Downloads\dfb08d2d-fb64-40c0-9cfd-ba3d19ab02cf.tmp</t>
  </si>
  <si>
    <t>12/20/2019 11:00:26</t>
  </si>
  <si>
    <t>77b67c38-b09d-4888-b082-3ea51d140897.tmp</t>
  </si>
  <si>
    <t>\\acsfs\profiles$\JOAOVAL\Downloads\77b67c38-b09d-4888-b082-3ea51d140897.tmp</t>
  </si>
  <si>
    <t>12/20/2019 10:58:10</t>
  </si>
  <si>
    <t>"domain":"bancobrasil.com.br"}; _pk_id.16.3c5e=b6901a99bb3e8d3c.1575379765.20.1576847328.1576847046.; cdetalhe=b!3d32002|o!3d0|j!3d0|p!3d1|f!3d0 servico=exibirtelainformativanologin;"domain":"bancobrasil.com.br"}; _pk_id.16.3c5e=b6901a99bb3e8d3c.1575379765.20.1576847328.1576847046.; cdetalhe=b!3d32002|o!3d0|j!3d0|p!3d1|f!3d0 servico=listardebatesfalecomseugerente;"domain":"bancobrasil.com.br"}; _pk_id.16.3c5e=b6901a99bb3e8d3c.1575379765.20.1576847328.1576847046.; cdetalhe=b!3d32002|o!3d0|j!3d0|p!3d1|f!3d0 servico=verificarnovasmensagens;"domain":"bancobrasil.com.br"}; cs___sessionid___0={"name":"sessionid";"domain":"bancobrasil.com.br"}; ortcsession-u0jwbb-s=6c181ea79487e66f; ortcsession-u0jwbb=6c181ea79487e66f; cs___pminteractions___0={"name":"pminteractions";"expires":"2019-12-20t14:04:25.083z";"expires":"2020-12-20t13:04:25.084z";"heartbeat":{"fails":3;"https://www.bb.com.br/pbb/pagina-inicial"]; _pk_ses.16.3c5e=*; nvgc41493=0|0; nav41493=97e1b157ccf6abd0431b508d709|2_355; aapf.l=1; aapf.pr=w3siy29kawdvijo</t>
  </si>
  <si>
    <t>"domain":"bancobrasil.com.br"}; _pk_id.16.3c5e=b6901a99bb3e8d3c.1575379765.20.1576847328.1576847046.; cdetalhe=b!3d32002|o!3d0|j!3d0|p!3d1|f!3d0 servico=exibirtelainformativanologin,"domain":"bancobrasil.com.br"}; _pk_id.16.3c5e=b6901a99bb3e8d3c.1575379765.20.1576847328.1576847046.; cdetalhe=b!3d32002|o!3d0|j!3d0|p!3d1|f!3d0 servico=listardebatesfalecomseugerente,"domain":"bancobrasil.com.br"}; _pk_id.16.3c5e=b6901a99bb3e8d3c.1575379765.20.1576847328.1576847046.; cdetalhe=b!3d32002|o!3d0|j!3d0|p!3d1|f!3d0 servico=verificarnovasmensagens,"domain":"bancobrasil.com.br"}; cs___sessionid___0={"name":"sessionid","domain":"bancobrasil.com.br"}; ortcsession-u0jwbb-s=6c181ea79487e66f; ortcsession-u0jwbb=6c181ea79487e66f; cs___pminteractions___0={"name":"pminteractions","expires":"2019-12-20t14:04:25.083z","expires":"2020-12-20t13:04:25.084z","heartbeat":{"fails":3,"https://www.bb.com.br/pbb/pagina-inicial"]; _pk_ses.16.3c5e=*; nvgc41493=0|0; nav41493=97e1b157ccf6abd0431b508d709|2_355; aapf.l=1; aapf.pr=w3siy29kawdvijo</t>
  </si>
  <si>
    <t>12/20/2019 10:58:30</t>
  </si>
  <si>
    <t>12/20/2019 11:02:41</t>
  </si>
  <si>
    <t>12/20/2019 10:58:36</t>
  </si>
  <si>
    <t>12/20/2019 10:59:30</t>
  </si>
  <si>
    <t>12/20/2019 10:58:31</t>
  </si>
  <si>
    <t>12/20/2019 11:03:41</t>
  </si>
  <si>
    <t>12/20/2019 10:59:18</t>
  </si>
  <si>
    <t>12/20/2019 11:01:03</t>
  </si>
  <si>
    <t>12/20/2019 10:59:13</t>
  </si>
  <si>
    <t>12/20/2019 11:04:41</t>
  </si>
  <si>
    <t>12/20/2019 10:59:43</t>
  </si>
  <si>
    <t>12/20/2019 11:00:13</t>
  </si>
  <si>
    <t>12/20/2019 11:00:43</t>
  </si>
  <si>
    <t>12/20/2019 11:02:01</t>
  </si>
  <si>
    <t>https://udpmailboxap01.acs.com.br:8443/h/search?si=4&amp;so=0&amp;sc=50211&amp;st=conversation&amp;action=compose&amp;paction=paneview</t>
  </si>
  <si>
    <t>12/20/2019 11:02:31</t>
  </si>
  <si>
    <t>12/20/2019 11:02:39</t>
  </si>
  <si>
    <t>12/20/2019 11:03:13</t>
  </si>
  <si>
    <t>12/20/2019 11:03:43</t>
  </si>
  <si>
    <t>12/20/2019 11:00:34</t>
  </si>
  <si>
    <t>5909501e-1a8a-4078-a63c-c060c6a09be8.tmp</t>
  </si>
  <si>
    <t>\\acsfs\profiles$\KARENDSR\Downloads\5909501e-1a8a-4078-a63c-c060c6a09be8.tmp</t>
  </si>
  <si>
    <t>12/20/2019 11:01:16</t>
  </si>
  <si>
    <t>12/20/2019 11:02:16</t>
  </si>
  <si>
    <t>12/20/2019 11:01:11</t>
  </si>
  <si>
    <t>12/20/2019 11:01:38</t>
  </si>
  <si>
    <t>12/20/2019 11:02:56</t>
  </si>
  <si>
    <t>12/20/2019 11:04:12</t>
  </si>
  <si>
    <t>12/20/2019 11:05:42</t>
  </si>
  <si>
    <t>C:\Users\simoneesm\OneDrive - Grupo Algar\Controle\CLIENTES\DPRF\Operação\Faturamento\11 - Novembro\</t>
  </si>
  <si>
    <t>ATESTE CONTRATO 26_2019 - Novembro.xlsx</t>
  </si>
  <si>
    <t>12/20/2019 11:03:49</t>
  </si>
  <si>
    <t>12/20/2019 11:03:05</t>
  </si>
  <si>
    <t>8c993fe4-3072-4630-b163-a53ae27bdc02.tmp</t>
  </si>
  <si>
    <t>\\acsfs\profiles$\geovannasm\Downloads\8c993fe4-3072-4630-b163-a53ae27bdc02.tmp</t>
  </si>
  <si>
    <t>12/20/2019 11:00:41</t>
  </si>
  <si>
    <t>61c4efde-f83e-43f5-9d69-de8cb1eee901.tmp</t>
  </si>
  <si>
    <t>\\acsfs\profiles$\gabrielhca\Downloads\61c4efde-f83e-43f5-9d69-de8cb1eee901.tmp</t>
  </si>
  <si>
    <t>12/20/2019 11:01:37</t>
  </si>
  <si>
    <t>12/20/2019 11:03:00</t>
  </si>
  <si>
    <t>49a5d9a4-1d41-4f9f-91c2-18a381cad5ac.tmp</t>
  </si>
  <si>
    <t>\\acsfs\profiles$\gabrielarb\Downloads\49a5d9a4-1d41-4f9f-91c2-18a381cad5ac.tmp</t>
  </si>
  <si>
    <t>12/20/2019 11:02:17</t>
  </si>
  <si>
    <t>12/20/2019 11:06:42</t>
  </si>
  <si>
    <t>12/20/2019 10:39:06</t>
  </si>
  <si>
    <t>12/20/2019 11:07:42</t>
  </si>
  <si>
    <t>C:\Users\sarahro\Downloads\</t>
  </si>
  <si>
    <t>UPH Cnovas e Formalização.xlsx</t>
  </si>
  <si>
    <t>12/20/2019 11:03:08</t>
  </si>
  <si>
    <t>12/20/2019 11:08:42</t>
  </si>
  <si>
    <t>anavbg@algartech.com;bvs-centralcartoes@bv.com.br;cintia.souza-domingues@dxc.com;eduardo.santana@bv.com.br;fernandorsju@algartech.com;kesiadof@algartech.com;marianeps@algartech.com;talmaiardo@algartech.com;thiagordu@algartech.com;</t>
  </si>
  <si>
    <t>anavbg@algartech.com,bvs-centralcartoes@bv.com.br,cintia.souza-domingues@dxc.com,eduardo.santana@bv.com.br,fernandorsju@algartech.com,kesiadof@algartech.com,marianeps@algartech.com,talmaiardo@algartech.com,thiagordu@algartech.com</t>
  </si>
  <si>
    <t>12/20/2019 11:03:11</t>
  </si>
  <si>
    <t>12/20/2019 11:03:16</t>
  </si>
  <si>
    <t>12/20/2019 11:05:05</t>
  </si>
  <si>
    <t>12/20/2019 11:04:13</t>
  </si>
  <si>
    <t>12/20/2019 11:09:42</t>
  </si>
  <si>
    <t>12/20/2019 11:07:16</t>
  </si>
  <si>
    <t>12/20/2019 11:08:16</t>
  </si>
  <si>
    <t>12/20/2019 11:07:37</t>
  </si>
  <si>
    <t>12/20/2019 11:11:42</t>
  </si>
  <si>
    <t>12/20/2019 11:09:37</t>
  </si>
  <si>
    <t>12/20/2019 11:12:42</t>
  </si>
  <si>
    <t>12/20/2019 11:08:14</t>
  </si>
  <si>
    <t>12/20/2019 11:11:52</t>
  </si>
  <si>
    <t>12/20/2019 11:12:05</t>
  </si>
  <si>
    <t>12/20/2019 11:12:14</t>
  </si>
  <si>
    <t>12/20/2019 11:10:47</t>
  </si>
  <si>
    <t>12/20/2019 11:13:43</t>
  </si>
  <si>
    <t>12/20/2019 11:10:44</t>
  </si>
  <si>
    <t>XLOG_sorayadsr_20122019_111038.log</t>
  </si>
  <si>
    <t>\\acsfs\profiles$\sorayadsr\My Documents\xworkcenter\logs\XLOG_sorayadsr_20122019_111038.log</t>
  </si>
  <si>
    <t>12/20/2019 11:11:43</t>
  </si>
  <si>
    <t>12/20/2019 11:14:42</t>
  </si>
  <si>
    <t>12/20/2019 11:11:44</t>
  </si>
  <si>
    <t>12/20/2019 11:12:13</t>
  </si>
  <si>
    <t>12/20/2019 11:12:43</t>
  </si>
  <si>
    <t>12/20/2019 11:13:14</t>
  </si>
  <si>
    <t>12/20/2019 11:13:16</t>
  </si>
  <si>
    <t>12/20/2019 11:10:43</t>
  </si>
  <si>
    <t>12/20/2019 11:13:37</t>
  </si>
  <si>
    <t>12/20/2019 11:13:13</t>
  </si>
  <si>
    <t>mail.google.com/_/upload?authuser=1&amp;dcp=asu-n&amp;upload_id=AEnB2Uq58VhxOpc73rmsMsdHX-bpD03g-PING9dk_bNuUKzS_j5XJcoYnLMp_wO61VeVxp7br6_rMj2cCtoTxCfvR-wK1uQJqu_Mf6nRinAUK45bvZAdiek&amp;upload_protocol=resumable</t>
  </si>
  <si>
    <t>SETUP_Operação e Pausas.xls</t>
  </si>
  <si>
    <t>12/20/2019 11:11:39</t>
  </si>
  <si>
    <t>12/20/2019 11:15:43</t>
  </si>
  <si>
    <t>32b9634e-a9c3-4234-8017-a5bcf3c2b368.tmp</t>
  </si>
  <si>
    <t>\\acsfs\profiles$\gabrielhca\Downloads\32b9634e-a9c3-4234-8017-a5bcf3c2b368.tmp</t>
  </si>
  <si>
    <t>12/20/2019 11:13:57</t>
  </si>
  <si>
    <t>12/20/2019 11:16:42</t>
  </si>
  <si>
    <t>12/20/2019 11:15:35</t>
  </si>
  <si>
    <t>lu1242015eooh.tmp</t>
  </si>
  <si>
    <t>\\acsfs\profiles$\LUCASBS\lu1242015eooh.tmp</t>
  </si>
  <si>
    <t>\\acsfs\profiles$\LUCASBS\lu1242015eooh.tmp\</t>
  </si>
  <si>
    <t>\\acsfs\profiles$\LUCASBS\lu1242015eooh.tmp\META-INF\</t>
  </si>
  <si>
    <t>\\acsfs\profiles$\LUCASBS\lu1242015eooh.tmp\Thumbnails\</t>
  </si>
  <si>
    <t>12/20/2019 11:14:30</t>
  </si>
  <si>
    <t>12/20/2019 11:17:43</t>
  </si>
  <si>
    <t>12/20/2019 11:14:34</t>
  </si>
  <si>
    <t>\\acsfs\engeset\FINANCEIRO_ULA\FATURAMENTO\23. Pré Faturamento\3.TI Infra e SD\TI -INFRA\12.Dezembro 2019\TATI\</t>
  </si>
  <si>
    <t>12.TEC Faturamento Camargo e Correa.xlsx</t>
  </si>
  <si>
    <t>12/20/2019 11:17:44</t>
  </si>
  <si>
    <t>12/20/2019 11:19:43</t>
  </si>
  <si>
    <t>12/20/2019 11:18:14</t>
  </si>
  <si>
    <t>12/20/2019 11:14:16</t>
  </si>
  <si>
    <t>12/20/2019 11:16:44</t>
  </si>
  <si>
    <t>\\acsfs\Deptos\EDUCACAO EMPRESARIAL\KÉSIA\OUVIDORIA, PROCON, BACEN E RECLAME AQUI\</t>
  </si>
  <si>
    <t>CPF 01423424751 - OPERADOR LEONARDO COSTA BARROS_1_6763399380368164699_1_32.wav</t>
  </si>
  <si>
    <t>\\acsfs\Deptos\EDUCACAO EMPRESARIAL\KÉSIA\OUVIDORIA, PROCON, BACEN E RECLAME AQUI\CPF 01423424751 - OPERADOR LEONARDO COSTA BARROS_1_6763399380368164699_1_32.wav</t>
  </si>
  <si>
    <t>12/20/2019 11:17:46</t>
  </si>
  <si>
    <t>30741;andrelpsa@algartech.com;joaogvc@algartech.com;leonardoao@algartech.com;maristelavodq@bv.algartech.com;paulacn@algartech.com;qualidadealgarbv@algartech.com;rafaelggs@algartech.com;supervisaobancovotorantim@algartech.com;taysdss@algartech.com;viniciussg@algartech.com;</t>
  </si>
  <si>
    <t>30741,andrelpsa@algartech.com,joaogvc@algartech.com,leonardoao@algartech.com,maristelavodq@bv.algartech.com,paulacn@algartech.com,qualidadealgarbv@algartech.com,rafaelggs@algartech.com,supervisaobancovotorantim@algartech.com,taysdss@algartech.com,viniciussg@algartech.com</t>
  </si>
  <si>
    <t>12/20/2019 11:17:59</t>
  </si>
  <si>
    <t>andrelpsa@algartech.com;joaogvc@algartech.com;leonardoao@algartech.com;maristelavodq@bv.algartech.com;paulacn@algartech.com;qualidadealgarbv@algartech.com;rafaelggs@algartech.com;supervisaobancovotorantim@algartech.com;taysdss@algartech.com;viniciussg@algartech.com;</t>
  </si>
  <si>
    <t>andrelpsa@algartech.com,joaogvc@algartech.com,leonardoao@algartech.com,maristelavodq@bv.algartech.com,paulacn@algartech.com,qualidadealgarbv@algartech.com,rafaelggs@algartech.com,supervisaobancovotorantim@algartech.com,taysdss@algartech.com,viniciussg@algartech.com</t>
  </si>
  <si>
    <t>12/20/2019 11:18:10</t>
  </si>
  <si>
    <t>12/20/2019 11:18:11</t>
  </si>
  <si>
    <t>12/20/2019 11:18:32</t>
  </si>
  <si>
    <t>12/20/2019 11:20:42</t>
  </si>
  <si>
    <t>1406fccd-9d3c-4e72-9b9f-74afeae3cf46.tmp</t>
  </si>
  <si>
    <t>\\acsfs\profiles$\leticiala\Downloads\1406fccd-9d3c-4e72-9b9f-74afeae3cf46.tmp</t>
  </si>
  <si>
    <t>12/20/2019 11:17:41</t>
  </si>
  <si>
    <t>12/20/2019 11:21:42</t>
  </si>
  <si>
    <t>075e9550-804b-4fb1-809f-0e0516af2bae.tmp</t>
  </si>
  <si>
    <t>\\acsfs\profiles$\paulovadc\Downloads\075e9550-804b-4fb1-809f-0e0516af2bae.tmp</t>
  </si>
  <si>
    <t>12/20/2019 11:17:39</t>
  </si>
  <si>
    <t>12/20/2019 11:22:42</t>
  </si>
  <si>
    <t>12/20/2019 11:21:01</t>
  </si>
  <si>
    <t>12/20/2019 11:20:15</t>
  </si>
  <si>
    <t>12/20/2019 11:22:01</t>
  </si>
  <si>
    <t>12/20/2019 11:23:42</t>
  </si>
  <si>
    <t>C:\Users\douglassp\OneDrive - Grupo Algar\Projetos\GRC 4.0\ppt\Marketofy 2.0 - 16x9 - MAIN.ppt\s4\</t>
  </si>
  <si>
    <t>Microsoft Excel Chart10.dat</t>
  </si>
  <si>
    <t>Microsoft Excel Chart11.dat</t>
  </si>
  <si>
    <t>Microsoft Excel Chart12.dat</t>
  </si>
  <si>
    <t>Microsoft Excel Chart13.dat</t>
  </si>
  <si>
    <t>12/20/2019 11:22:02</t>
  </si>
  <si>
    <t>Microsoft Excel Chart14.dat</t>
  </si>
  <si>
    <t>12/20/2019 11:22:05</t>
  </si>
  <si>
    <t>Microsoft Excel Chart15.dat</t>
  </si>
  <si>
    <t>12/20/2019 11:22:06</t>
  </si>
  <si>
    <t>Microsoft Excel Chart16.dat</t>
  </si>
  <si>
    <t>Microsoft Excel Chart17.dat</t>
  </si>
  <si>
    <t>Microsoft Excel Chart18.dat</t>
  </si>
  <si>
    <t>12/20/2019 11:22:07</t>
  </si>
  <si>
    <t>Microsoft Excel Chart3.dat</t>
  </si>
  <si>
    <t>Microsoft Excel Chart4.dat</t>
  </si>
  <si>
    <t>Microsoft Excel Chart5.dat</t>
  </si>
  <si>
    <t>Microsoft Excel Chart6.dat</t>
  </si>
  <si>
    <t>Microsoft Excel Chart7.dat</t>
  </si>
  <si>
    <t>Microsoft Excel Chart8.dat</t>
  </si>
  <si>
    <t>Microsoft Excel Chart9.dat</t>
  </si>
  <si>
    <t>12/20/2019 11:21:14</t>
  </si>
  <si>
    <t>12/20/2019 11:24:43</t>
  </si>
  <si>
    <t>12/20/2019 11:21:44</t>
  </si>
  <si>
    <t>12/20/2019 11:22:44</t>
  </si>
  <si>
    <t>12/20/2019 11:23:14</t>
  </si>
  <si>
    <t>12/20/2019 11:19:18</t>
  </si>
  <si>
    <t>12/20/2019 11:20:16</t>
  </si>
  <si>
    <t>12/20/2019 11:19:37</t>
  </si>
  <si>
    <t>12/20/2019 11:20:18</t>
  </si>
  <si>
    <t>12/20/2019 11:26:43</t>
  </si>
  <si>
    <t>12/20/2019 11:27:42</t>
  </si>
  <si>
    <t>12/20/2019 11:25:18</t>
  </si>
  <si>
    <t>12/20/2019 11:25:04</t>
  </si>
  <si>
    <t>12/20/2019 11:28:43</t>
  </si>
  <si>
    <t>12/20/2019 11:27:29</t>
  </si>
  <si>
    <t>C:\Users\heliorg\OneDrive - Grupo Algar\Squad\URAs\7 - Electrolux\</t>
  </si>
  <si>
    <t>Laudas_Melhorias URA PCI.xlsx</t>
  </si>
  <si>
    <t>12/20/2019 11:24:14</t>
  </si>
  <si>
    <t>12/20/2019 11:29:42</t>
  </si>
  <si>
    <t>12/20/2019 11:26:44</t>
  </si>
  <si>
    <t>12/20/2019 11:27:14</t>
  </si>
  <si>
    <t>12/20/2019 11:25:16</t>
  </si>
  <si>
    <t>12/20/2019 11:26:16</t>
  </si>
  <si>
    <t>12/20/2019 11:25:13</t>
  </si>
  <si>
    <t>12/20/2019 11:25:37</t>
  </si>
  <si>
    <t>12/20/2019 11:26:03</t>
  </si>
  <si>
    <t>12/20/2019 11:31:02</t>
  </si>
  <si>
    <t>12/20/2019 11:31:42</t>
  </si>
  <si>
    <t>12/20/2019 11:31:03</t>
  </si>
  <si>
    <t>lu1242015eooq.tmp</t>
  </si>
  <si>
    <t>\\acsfs\profiles$\LUCASBS\lu1242015eooq.tmp</t>
  </si>
  <si>
    <t>\\acsfs\profiles$\LUCASBS\lu1242015eooq.tmp\</t>
  </si>
  <si>
    <t>\\acsfs\profiles$\LUCASBS\lu1242015eooq.tmp\META-INF\</t>
  </si>
  <si>
    <t>\\acsfs\profiles$\LUCASBS\lu1242015eooq.tmp\Thumbnails\</t>
  </si>
  <si>
    <t>12/20/2019 11:32:42</t>
  </si>
  <si>
    <t>12/20/2019 11:30:55</t>
  </si>
  <si>
    <t>12/20/2019 11:29:12</t>
  </si>
  <si>
    <t>12/20/2019 11:29:05</t>
  </si>
  <si>
    <t>12/20/2019 11:33:42</t>
  </si>
  <si>
    <t>mail.google.com/_/upload?authuser=2&amp;dcp=asu-n&amp;upload_id=AEnB2UqxPZjGnZzBlqHNYpopmfZdfPR0loqCn969VMUmh0Rp-D_4qbVEXtm86iXPrFfKGj8o4ixCQCqJhVpa-kT8mJHVuDfAt3acSSzGYz-fAgmmoAieF3E&amp;upload_protocol=resumable</t>
  </si>
  <si>
    <t>bgrayenywbdwabdfxvdoe0fctvkjgasmw1dktlxrqljcc0c=;bgrayenywbdwabdfxvdoe0fctvkjgbmwrffraetrqhzaduqx;</t>
  </si>
  <si>
    <t>bgrayenywbdwabdfxvdoe0fctvkjgasmw1dktlxrqljcc0c=,bgrayenywbdwabdfxvdoe0fctvkjgbmwrffraetrqhzaduqx</t>
  </si>
  <si>
    <t>12/20/2019 11:31:53</t>
  </si>
  <si>
    <t>12/20/2019 11:30:15</t>
  </si>
  <si>
    <t>12/20/2019 11:34:42</t>
  </si>
  <si>
    <t>12/20/2019 11:30:45</t>
  </si>
  <si>
    <t>12/20/2019 11:31:16</t>
  </si>
  <si>
    <t>12/20/2019 11:32:16</t>
  </si>
  <si>
    <t>12/20/2019 11:33:44</t>
  </si>
  <si>
    <t>b6ad1652-4045-4a42-b580-7df175603faa.tmp</t>
  </si>
  <si>
    <t>\\acsfs\profiles$\claudiajca\Downloads\b6ad1652-4045-4a42-b580-7df175603faa.tmp</t>
  </si>
  <si>
    <t>12/20/2019 11:31:37</t>
  </si>
  <si>
    <t>12/20/2019 11:33:50</t>
  </si>
  <si>
    <t>12/20/2019 11:34:05</t>
  </si>
  <si>
    <t>12/20/2019 11:35:42</t>
  </si>
  <si>
    <t>12/20/2019 11:33:32</t>
  </si>
  <si>
    <t>12/20/2019 11:36:42</t>
  </si>
  <si>
    <t>2fb52068-03b1-4f9a-bac8-ef36a3c8a9f9.tmp</t>
  </si>
  <si>
    <t>\\acsfs\profiles$\marcosvnds\Downloads\2fb52068-03b1-4f9a-bac8-ef36a3c8a9f9.tmp</t>
  </si>
  <si>
    <t>12/20/2019 11:37:41</t>
  </si>
  <si>
    <t>12/20/2019 11:36:20</t>
  </si>
  <si>
    <t>12/20/2019 11:36:37</t>
  </si>
  <si>
    <t>ed10d299-f919-4f0b-9459-599f0881bf42.tmp</t>
  </si>
  <si>
    <t>\\acsfs\profiles$\larissaad\Downloads\ed10d299-f919-4f0b-9459-599f0881bf42.tmp</t>
  </si>
  <si>
    <t>12/20/2019 11:32:06</t>
  </si>
  <si>
    <t>12/20/2019 11:33:11</t>
  </si>
  <si>
    <t>12/20/2019 11:33:13</t>
  </si>
  <si>
    <t>12/20/2019 11:33:29</t>
  </si>
  <si>
    <t>12/20/2019 11:33:31</t>
  </si>
  <si>
    <t>12/20/2019 11:35:06</t>
  </si>
  <si>
    <t>12/20/2019 11:38:42</t>
  </si>
  <si>
    <t>12/20/2019 11:34:59</t>
  </si>
  <si>
    <t>12/20/2019 11:39:42</t>
  </si>
  <si>
    <t>mail.google.com/_/upload?authuser=1&amp;dcp=asu-n&amp;upload_id=AEnB2UpTNyQM_WW7J1DmEt1CTTOtn1rwawO92BrSS51IdhH5c3-mUy-GAVEa0nyHh3Yj-tqKKGagVIS3y1IgRphSwDBNeOoB65dLoM9l4tI6_9iELBsmgmI&amp;upload_protocol=resumable</t>
  </si>
  <si>
    <t>Auditoria Novembro 19.xlsx</t>
  </si>
  <si>
    <t>12/20/2019 11:35:45</t>
  </si>
  <si>
    <t>12/20/2019 11:36:15</t>
  </si>
  <si>
    <t>12/20/2019 11:36:45</t>
  </si>
  <si>
    <t>12/20/2019 11:37:15</t>
  </si>
  <si>
    <t>12/20/2019 11:37:16</t>
  </si>
  <si>
    <t>12/20/2019 11:38:16</t>
  </si>
  <si>
    <t>12/20/2019 11:35:49</t>
  </si>
  <si>
    <t>c133d245-199f-4a7a-a03c-c0eba51b4514.tmp</t>
  </si>
  <si>
    <t>\\acsfs\profiles$\claudiajca\Downloads\c133d245-199f-4a7a-a03c-c0eba51b4514.tmp</t>
  </si>
  <si>
    <t>12/20/2019 11:37:37</t>
  </si>
  <si>
    <t>12/20/2019 11:39:53</t>
  </si>
  <si>
    <t>12/20/2019 11:40:42</t>
  </si>
  <si>
    <t>12/20/2019 11:39:59</t>
  </si>
  <si>
    <t>XLOG_danielpdl_17122019_075252.log</t>
  </si>
  <si>
    <t>\\acsfs\profiles$\danielpdl\My Documents\xworkcenter\logs\XLOG_danielpdl_17122019_075252.log</t>
  </si>
  <si>
    <t>12/20/2019 11:37:55</t>
  </si>
  <si>
    <t>12/20/2019 11:41:42</t>
  </si>
  <si>
    <t>12/20/2019 11:37:56</t>
  </si>
  <si>
    <t>lu1242015eoov.tmp</t>
  </si>
  <si>
    <t>\\acsfs\profiles$\LUCASBS\lu1242015eoov.tmp</t>
  </si>
  <si>
    <t>\\acsfs\profiles$\LUCASBS\lu1242015eoov.tmp\</t>
  </si>
  <si>
    <t>\\acsfs\profiles$\LUCASBS\lu1242015eoov.tmp\META-INF\</t>
  </si>
  <si>
    <t>\\acsfs\profiles$\LUCASBS\lu1242015eoov.tmp\Thumbnails\</t>
  </si>
  <si>
    <t>12/20/2019 11:40:38</t>
  </si>
  <si>
    <t>12/20/2019 11:40:39</t>
  </si>
  <si>
    <t>lu1242015eop0.tmp</t>
  </si>
  <si>
    <t>\\acsfs\profiles$\LUCASBS\lu1242015eop0.tmp</t>
  </si>
  <si>
    <t>\\acsfs\profiles$\LUCASBS\lu1242015eop0.tmp\</t>
  </si>
  <si>
    <t>\\acsfs\profiles$\LUCASBS\lu1242015eop0.tmp\META-INF\</t>
  </si>
  <si>
    <t>\\acsfs\profiles$\LUCASBS\lu1242015eop0.tmp\Thumbnails\</t>
  </si>
  <si>
    <t>12/20/2019 11:42:42</t>
  </si>
  <si>
    <t>12/20/2019 11:39:21</t>
  </si>
  <si>
    <t>12/20/2019 11:38:10</t>
  </si>
  <si>
    <t>12/20/2019 11:38:11</t>
  </si>
  <si>
    <t>12/20/2019 11:43:42</t>
  </si>
  <si>
    <t>12/20/2019 11:40:16</t>
  </si>
  <si>
    <t>12/20/2019 11:44:41</t>
  </si>
  <si>
    <t>12/20/2019 11:40:46</t>
  </si>
  <si>
    <t>12/20/2019 11:43:16</t>
  </si>
  <si>
    <t>12/20/2019 11:43:29</t>
  </si>
  <si>
    <t>12/20/2019 11:43:56</t>
  </si>
  <si>
    <t>CPF_ 014.234.247-51 ANDREIA MARIA DE SOUZA.pdf</t>
  </si>
  <si>
    <t>\\acsfs\Deptos\EDUCACAO EMPRESARIAL\KÉSIA\OUVIDORIA, PROCON, BACEN E RECLAME AQUI\CPF_ 014.234.247-51 ANDREIA MARIA DE SOUZA.pdf</t>
  </si>
  <si>
    <t>\\acsfs\Deptos\EDUCACAO EMPRESARIAL\KÉSIA\OUVIDORIA, PROCON, BACEN E RECLAME AQUI\CPF_ 014.234.247-51 ANDREIA MARIA DE SOUZA.pdf\</t>
  </si>
  <si>
    <t>\\acsfs\Deptos\EDUCACAO EMPRESARIAL\KÉSIA\OUVIDORIA, PROCON, BACEN E RECLAME AQUI\CPF_ 014.234.247-51 ANDREIA MARIA DE SOUZA.pdf\:Zone.Identifier:$DATA</t>
  </si>
  <si>
    <t>12/20/2019 11:41:38</t>
  </si>
  <si>
    <t>12/20/2019 11:43:37</t>
  </si>
  <si>
    <t>12/20/2019 11:44:04</t>
  </si>
  <si>
    <t>12/20/2019 11:45:42</t>
  </si>
  <si>
    <t>mail.google.com/_/upload?authuser=0&amp;dcp=asu-n&amp;upload_id=AEnB2Uq7mHVjGRVDAmqu_Rs3Y2BUiFaAHR1raxPLAHPQTEU30cANX2dy2b6kNie1uaaQxCPe75AaL4yU7p9kPoCMjn3eeBQvRva-ZXFt1MdiHrM6uvwxsx0&amp;upload_protocol=resumable</t>
  </si>
  <si>
    <t>0;0.475;0.475];0.668;0];10.814999928697944;12.125000124797225;12.854];126.11500010825694;13.53;138.541;14.34500003233552;15.344;15.344];15.552;15.552];1597.681];164.43499992601573;166.76499997265637;169.3399997893721;178.03000006824732;1918.874999973923;2;2.1100000012665987;2026.8449999857694;2027.1750001702458;208.34499993361533;2093.7749999575317;2095.5799999646842;2096.830000169575;2097.2100000362843;2097.3200001753867;21.464;21.464];21.7;21.7];2105.3450000472367;2106.7699999548495;22.46999996714294;227.53999987617135;23.904999950900674;245.625];254.18499996885657;2667.4250001087785;2749.9649999663234;2844.5150000043213;2852.595000062138;2853.4200000576675;2854.2949999682605;2858.320000115782;2929.5950001105666;2930.6199999991804;2989.5200000610203;3;3.2550001051276922;3014.614999992773;3066.2500001490116;3116.120000137016;33.212;33.212];342.0550001319498;38.007];4;4.842;4067.2649999614805;4124.770000111312;4325.990000041202;4344.655000139028;4349.415000062436;4357.1350001730025;4396.265000104904;4396.9300</t>
  </si>
  <si>
    <t>\\acsfs\deptos\CAS - Coordenação de Arquitetura de Soluções\Projetos\2019\Algar Telecom\220397 - ALGAR TELECOM - PROPOSTA ATENDIMENTO OPERAÇÃO MPE\Preço\</t>
  </si>
  <si>
    <t>220397 - MPE Plan Precificacao C018 B018.xlsb</t>
  </si>
  <si>
    <t>0,0.475,0.475],0.668,0],10.814999928697944,12.125000124797225,12.854],126.11500010825694,13.53,138.541,14.34500003233552,15.344,15.344],15.552,15.552],1597.681],164.43499992601573,166.76499997265637,169.3399997893721,178.03000006824732,1918.874999973923,2,2.1100000012665987,2026.8449999857694,2027.1750001702458,208.34499993361533,2093.7749999575317,2095.5799999646842,2096.830000169575,2097.2100000362843,2097.3200001753867,21.464,21.464],21.7,21.7],2105.3450000472367,2106.7699999548495,22.46999996714294,227.53999987617135,23.904999950900674,245.625],254.18499996885657,2667.4250001087785,2749.9649999663234,2844.5150000043213,2852.595000062138,2853.4200000576675,2854.2949999682605,2858.320000115782,2929.5950001105666,2930.6199999991804,2989.5200000610203,3,3.2550001051276922,3014.614999992773,3066.2500001490116,3116.120000137016,33.212,33.212],342.0550001319498,38.007],4,4.842,4067.2649999614805,4124.770000111312,4325.990000041202,4344.655000139028,4349.415000062436,4357.1350001730025,4396.265000104904,4396.9300</t>
  </si>
  <si>
    <t>\\acsfs\deptos\CAS - Coordenação de Arquitetura de Soluções\Projetos\2019\Algar Telecom\220397 - ALGAR TELECOM - PROPOSTA ATENDIMENTO OPERAÇÃO MPE\Preço\220397 - MPE Plan Precificacao C018 B018.xlsb\</t>
  </si>
  <si>
    <t>12/20/2019 11:47:42</t>
  </si>
  <si>
    <t>12/20/2019 11:46:23</t>
  </si>
  <si>
    <t>12/20/2019 11:46:34</t>
  </si>
  <si>
    <t>12/20/2019 11:46:43</t>
  </si>
  <si>
    <t>12/20/2019 11:47:05</t>
  </si>
  <si>
    <t>12/20/2019 11:47:07</t>
  </si>
  <si>
    <t>12/20/2019 11:48:42</t>
  </si>
  <si>
    <t>12/20/2019 11:44:16</t>
  </si>
  <si>
    <t>12/20/2019 11:49:42</t>
  </si>
  <si>
    <t>12/20/2019 11:47:21</t>
  </si>
  <si>
    <t>12/20/2019 11:44:44</t>
  </si>
  <si>
    <t>bvs-centralcartoes@bv.com.br;cintia.souza-domingues@dxc.com;eduardo.santana@bv.com.br;fernandaab@algartech.com;fernandorsju@algartech.com;marianeps@algartech.com;severinojfds@algartech.com;talmaiardo@algartech.com;thiagordu@algartech.com;</t>
  </si>
  <si>
    <t>bvs-centralcartoes@bv.com.br,cintia.souza-domingues@dxc.com,eduardo.santana@bv.com.br,fernandaab@algartech.com,fernandorsju@algartech.com,marianeps@algartech.com,severinojfds@algartech.com,talmaiardo@algartech.com,thiagordu@algartech.com</t>
  </si>
  <si>
    <t>12/20/2019 11:45:08</t>
  </si>
  <si>
    <t>12/20/2019 11:45:20</t>
  </si>
  <si>
    <t>12/20/2019 11:46:00</t>
  </si>
  <si>
    <t>12/20/2019 11:46:02</t>
  </si>
  <si>
    <t>mail.google.com/_/upload?authuser=0&amp;dcp=asu-n&amp;upload_id=AEnB2UqXjDVachTSKO9eyoSBjXNfaY_vI7xy3WK0T2sOloWRLVOyGFPh9dSsOB8AFXnzUw5STMQqMrw8_WvpAU4fEZxiSuR4gg&amp;upload_protocol=resumable</t>
  </si>
  <si>
    <t>12/20/2019 11:49:25</t>
  </si>
  <si>
    <t>12/20/2019 11:45:34</t>
  </si>
  <si>
    <t>12/20/2019 11:50:42</t>
  </si>
  <si>
    <t>584b28bd-ffc2-4970-87aa-9863b6689683.tmp</t>
  </si>
  <si>
    <t>\\acsfs\profiles$\leticiala\Downloads\584b28bd-ffc2-4970-87aa-9863b6689683.tmp</t>
  </si>
  <si>
    <t>12/20/2019 11:48:45</t>
  </si>
  <si>
    <t>12/20/2019 11:51:41</t>
  </si>
  <si>
    <t>12/20/2019 11:48:46</t>
  </si>
  <si>
    <t>lu1743211r6jc.tmp</t>
  </si>
  <si>
    <t>\\acsfs\profiles$\paulovadc\lu1743211r6jc.tmp</t>
  </si>
  <si>
    <t>\\acsfs\profiles$\paulovadc\lu1743211r6jc.tmp\</t>
  </si>
  <si>
    <t>\\acsfs\profiles$\paulovadc\lu1743211r6jc.tmp\META-INF\</t>
  </si>
  <si>
    <t>\\acsfs\profiles$\paulovadc\lu1743211r6jc.tmp\Thumbnails\</t>
  </si>
  <si>
    <t>c4c7c297-2f36-4db4-bdc3-495149c00fb9.tmp</t>
  </si>
  <si>
    <t>\\acsfs\profiles$\marcosvnds\Downloads\c4c7c297-2f36-4db4-bdc3-495149c00fb9.tmp</t>
  </si>
  <si>
    <t>12/20/2019 11:50:16</t>
  </si>
  <si>
    <t>12/20/2019 11:52:42</t>
  </si>
  <si>
    <t>12/20/2019 11:48:09</t>
  </si>
  <si>
    <t>12/20/2019 11:48:10</t>
  </si>
  <si>
    <t>12/20/2019 11:47:44</t>
  </si>
  <si>
    <t>12/20/2019 11:47:45</t>
  </si>
  <si>
    <t>12/20/2019 11:47:46</t>
  </si>
  <si>
    <t>12/20/2019 11:47:47</t>
  </si>
  <si>
    <t>12/20/2019 11:47:48</t>
  </si>
  <si>
    <t>12/20/2019 11:47:49</t>
  </si>
  <si>
    <t>12/20/2019 11:47:50</t>
  </si>
  <si>
    <t>12/20/2019 11:47:51</t>
  </si>
  <si>
    <t>12/20/2019 11:47:52</t>
  </si>
  <si>
    <t>12/20/2019 11:47:53</t>
  </si>
  <si>
    <t>12/20/2019 11:47:54</t>
  </si>
  <si>
    <t>12/20/2019 11:47:55</t>
  </si>
  <si>
    <t>12/20/2019 11:47:56</t>
  </si>
  <si>
    <t>12/20/2019 11:47:57</t>
  </si>
  <si>
    <t>12/20/2019 11:47:58</t>
  </si>
  <si>
    <t>12/20/2019 11:53:41</t>
  </si>
  <si>
    <t>12/20/2019 11:51:58</t>
  </si>
  <si>
    <t>12/20/2019 11:49:04</t>
  </si>
  <si>
    <t>0a04beb7-c6ce-4e04-9587-e63bca960ce6.tmp</t>
  </si>
  <si>
    <t>\\acsfs\profiles$\sarahbal\Downloads\0a04beb7-c6ce-4e04-9587-e63bca960ce6.tmp</t>
  </si>
  <si>
    <t>12/20/2019 11:49:02</t>
  </si>
  <si>
    <t>12/20/2019 11:54:42</t>
  </si>
  <si>
    <t>66ab06d2-c302-41b7-9c37-4c8dff1f8abc.tmp</t>
  </si>
  <si>
    <t>\\acsfs\profiles$\quindaizaagds\Downloads\66ab06d2-c302-41b7-9c37-4c8dff1f8abc.tmp</t>
  </si>
  <si>
    <t>12/20/2019 11:53:03</t>
  </si>
  <si>
    <t>12/20/2019 11:49:17</t>
  </si>
  <si>
    <t>12/20/2019 11:50:17</t>
  </si>
  <si>
    <t>12/20/2019 11:49:37</t>
  </si>
  <si>
    <t>12/20/2019 11:53:26</t>
  </si>
  <si>
    <t>12/20/2019 11:55:42</t>
  </si>
  <si>
    <t>eef1f7c3-36de-44b8-aa91-98f74887856f.tmp</t>
  </si>
  <si>
    <t>\\acsfs\profiles$\leticiala\Downloads\eef1f7c3-36de-44b8-aa91-98f74887856f.tmp</t>
  </si>
  <si>
    <t>12/20/2019 11:54:46</t>
  </si>
  <si>
    <t>https://s1.ariba.com/sourcing/main/aw?awr=1y&amp;awssk=pb44lcuo&amp;</t>
  </si>
  <si>
    <t>\\acsfs\engeset\CPV_ULA\ADMINISTRATIVO\CONTROLE ADMINISTRATIVO\DOCUMENTAÇÃO PARA HABILITAÇÃO\Algar TI\2019\218440 - ATOS - RECURSOS PROFISSIONAIS TÉCNICOS FIELD - 16.12.2019\Envio\</t>
  </si>
  <si>
    <t>12/20/2019 11:52:27</t>
  </si>
  <si>
    <t>12/20/2019 11:57:42</t>
  </si>
  <si>
    <t>12/20/2019 11:56:58</t>
  </si>
  <si>
    <t>12/20/2019 11:56:59</t>
  </si>
  <si>
    <t>12/20/2019 11:57:01</t>
  </si>
  <si>
    <t>12/20/2019 11:57:05</t>
  </si>
  <si>
    <t>12/20/2019 11:58:42</t>
  </si>
  <si>
    <t>12/20/2019 11:55:03</t>
  </si>
  <si>
    <t>\\ACSFS\Deptos\EDUCACAO EMPRESARIAL\FERNANDA MONIT\Fernanda\RECLAMAÇÃO E OUVIDORIA\</t>
  </si>
  <si>
    <t>CPF 40665835809 Bruno Dias Silva.pdf</t>
  </si>
  <si>
    <t>\\ACSFS\Deptos\EDUCACAO EMPRESARIAL\FERNANDA MONIT\Fernanda\RECLAMAÇÃO E OUVIDORIA\CPF 40665835809 Bruno Dias Silva.pdf</t>
  </si>
  <si>
    <t>12/20/2019 11:54:47</t>
  </si>
  <si>
    <t>12/20/2019 11:55:34</t>
  </si>
  <si>
    <t>12/20/2019 11:55:17</t>
  </si>
  <si>
    <t>12/20/2019 11:59:42</t>
  </si>
  <si>
    <t>12/20/2019 11:56:17</t>
  </si>
  <si>
    <t>12/20/2019 11:55:39</t>
  </si>
  <si>
    <t>12/20/2019 11:56:57</t>
  </si>
  <si>
    <t>12/20/2019 11:58:17</t>
  </si>
  <si>
    <t>12/20/2019 12:01:43</t>
  </si>
  <si>
    <t>12/20/2019 11:57:44</t>
  </si>
  <si>
    <t>21952142-6938-45f2-96e8-abc2ab848113.tmp</t>
  </si>
  <si>
    <t>\\acsfs\profiles$\marcosvnds\Downloads\21952142-6938-45f2-96e8-abc2ab848113.tmp</t>
  </si>
  <si>
    <t>12/20/2019 12:02:42</t>
  </si>
  <si>
    <t>12/20/2019 12:00:51</t>
  </si>
  <si>
    <t>12/20/2019 12:00:52</t>
  </si>
  <si>
    <t>lu1154041nbn.tmp</t>
  </si>
  <si>
    <t>\\acsfs\profiles$\kamillacr\My Documents\lu1154041nbn.tmp</t>
  </si>
  <si>
    <t>\\acsfs\profiles$\kamillacr\My Documents\lu1154041nbn.tmp\</t>
  </si>
  <si>
    <t>\\acsfs\profiles$\kamillacr\My Documents\lu1154041nbn.tmp\META-INF\</t>
  </si>
  <si>
    <t>\\acsfs\profiles$\kamillacr\My Documents\lu1154041nbn.tmp\Thumbnails\</t>
  </si>
  <si>
    <t>12/20/2019 12:01:14</t>
  </si>
  <si>
    <t>12/20/2019 11:58:58</t>
  </si>
  <si>
    <t>12/20/2019 12:03:42</t>
  </si>
  <si>
    <t>12/20/2019 11:59:58</t>
  </si>
  <si>
    <t>mail.google.com/_/upload?authuser=0&amp;dcp=asu-n&amp;upload_id=AEnB2UpKkD51ZnZrbsiz2hB1RinGFciZfG-A3EFvBsIoaWrLR-c9TSomqk1nBknnrn4tGw25UXawK4tb9Q2d43uoiJLSmnZiUw&amp;upload_protocol=resumable</t>
  </si>
  <si>
    <t>\\udpavonfs01\AVON\06. PCP\JOSÉ AFONSO DA SILVA NETO\RANKING\</t>
  </si>
  <si>
    <t>12/20/2019 12:00:16</t>
  </si>
  <si>
    <t>mail.google.com/_/upload?authuser=0&amp;dcp=asu-n&amp;upload_id=AEnB2Uq1SgIl_-kJE5j2B2EBX5O4I99GHnM7Hf7vdx2owTV_-SU9OPgDdDVSXK6epnxR7Leu7GbX4aWNw3xVumb8aGKUqKrz27xB5Xr7XhCnt-2DnhvlGUs&amp;upload_protocol=resumable</t>
  </si>
  <si>
    <t>Ranking_Dez.19.xlsx</t>
  </si>
  <si>
    <t>12/20/2019 12:01:17</t>
  </si>
  <si>
    <t>12/20/2019 12:04:42</t>
  </si>
  <si>
    <t>12/20/2019 12:02:17</t>
  </si>
  <si>
    <t>12/20/2019 12:01:37</t>
  </si>
  <si>
    <t>12/20/2019 12:03:38</t>
  </si>
  <si>
    <t>12/20/2019 12:07:42</t>
  </si>
  <si>
    <t>12/20/2019 12:03:39</t>
  </si>
  <si>
    <t>lu1242015eop9.tmp</t>
  </si>
  <si>
    <t>\\acsfs\profiles$\LUCASBS\lu1242015eop9.tmp</t>
  </si>
  <si>
    <t>\\acsfs\profiles$\LUCASBS\lu1242015eop9.tmp\</t>
  </si>
  <si>
    <t>\\acsfs\profiles$\LUCASBS\lu1242015eop9.tmp\META-INF\</t>
  </si>
  <si>
    <t>12/20/2019 12:02:07</t>
  </si>
  <si>
    <t>12/20/2019 12:02:13</t>
  </si>
  <si>
    <t>c8aad19c-8b53-41a5-954c-817c62bdaf0f.tmp</t>
  </si>
  <si>
    <t>\\acsfs\profiles$\larissaad\Downloads\c8aad19c-8b53-41a5-954c-817c62bdaf0f.tmp</t>
  </si>
  <si>
    <t>\\acsfs\profiles$\LUCASBS\lu1242015eop9.tmp\Thumbnails\</t>
  </si>
  <si>
    <t>12/20/2019 12:02:31</t>
  </si>
  <si>
    <t>12/20/2019 12:06:21</t>
  </si>
  <si>
    <t>12/20/2019 12:08:42</t>
  </si>
  <si>
    <t>12/20/2019 12:05:09</t>
  </si>
  <si>
    <t>\\ACSFS\Deptos\EDUCACAO EMPRESARIAL\2 - Operações\0.01 BV CARTÕES\Larisa\</t>
  </si>
  <si>
    <t>Video Modelo BV.mp4</t>
  </si>
  <si>
    <t>\\ACSFS\Deptos\EDUCACAO EMPRESARIAL\2 - Operações\0.01 BV CARTÕES\Larisa\Video Modelo BV.mp4</t>
  </si>
  <si>
    <t>12/20/2019 12:05:18</t>
  </si>
  <si>
    <t>Apresentação DMA - 17_12_19.pptx</t>
  </si>
  <si>
    <t>Algar_Encrypted Files</t>
  </si>
  <si>
    <t>\\ACSFS\Deptos\EDUCACAO EMPRESARIAL\2 - Operações\0.01 BV CARTÕES\Larisa\Apresentação DMA - 17_12_19.pptx</t>
  </si>
  <si>
    <t>12/20/2019 12:07:47</t>
  </si>
  <si>
    <t>12/20/2019 12:09:43</t>
  </si>
  <si>
    <t>12/20/2019 12:07:17</t>
  </si>
  <si>
    <t>12/20/2019 12:08:17</t>
  </si>
  <si>
    <t>12/20/2019 12:05:01</t>
  </si>
  <si>
    <t>12/20/2019 12:07:38</t>
  </si>
  <si>
    <t>12/20/2019 12:07:23</t>
  </si>
  <si>
    <t>12/20/2019 12:12:42</t>
  </si>
  <si>
    <t>12/20/2019 12:11:47</t>
  </si>
  <si>
    <t>12/20/2019 12:11:11</t>
  </si>
  <si>
    <t>mail.google.com/_/upload?authuser=0&amp;dcp=asu-n&amp;upload_id=AEnB2Uo4NAmBNULTMdB_PHd1LYA3d8B1LsDTFuwDtTeHbAdfqIBpPWWqA4McXe9E1I-nodvqmFEHvL61LitPf3Uq2JfM0zzVw3POFUriNQyzgnxDKjqlpT8&amp;upload_protocol=resumable</t>
  </si>
  <si>
    <t>akassiablc@algartech.com;denisevca@algartech.com;franciscoebf@algartecnologia.com.br;wayneroa@algartech.com;</t>
  </si>
  <si>
    <t>akassiablc@algartech.com,denisevca@algartech.com,franciscoebf@algartecnologia.com.br,wayneroa@algartech.com</t>
  </si>
  <si>
    <t>12/20/2019 12:11:21</t>
  </si>
  <si>
    <t>12/20/2019 12:10:46</t>
  </si>
  <si>
    <t>12/20/2019 12:13:42</t>
  </si>
  <si>
    <t>Melhorias SAC_POPUP_AltoValor_Simulador.mp4</t>
  </si>
  <si>
    <t>\\ACSFS\Deptos\EDUCACAO EMPRESARIAL\2 - Operações\0.01 BV CARTÕES\Larisa\Melhorias SAC_POPUP_AltoValor_Simulador.mp4</t>
  </si>
  <si>
    <t>12/20/2019 12:13:17</t>
  </si>
  <si>
    <t>12/20/2019 12:14:42</t>
  </si>
  <si>
    <t>12/20/2019 12:12:34</t>
  </si>
  <si>
    <t>12/20/2019 12:13:39</t>
  </si>
  <si>
    <t>12/20/2019 12:15:42</t>
  </si>
  <si>
    <t>12/20/2019 12:15:56</t>
  </si>
  <si>
    <t>12/20/2019 12:17:42</t>
  </si>
  <si>
    <t>12/20/2019 12:17:08</t>
  </si>
  <si>
    <t>12/20/2019 12:17:09</t>
  </si>
  <si>
    <t>12/20/2019 12:13:29</t>
  </si>
  <si>
    <t>12/20/2019 12:18:42</t>
  </si>
  <si>
    <t>\\ACSFS\Deptos\EDUCACAO EMPRESARIAL\2 - Operações\0.01 BV CARTÕES\Larisa\Multiplicadores Internos - Técnicas educacionais.pptx\</t>
  </si>
  <si>
    <t>\\ACSFS\Deptos\EDUCACAO EMPRESARIAL\2 - Operações\0.01 BV CARTÕES\Larisa\Multiplicadores Internos - Técnicas educacionais.pptx</t>
  </si>
  <si>
    <t>12/20/2019 12:13:30</t>
  </si>
  <si>
    <t>image11.emf</t>
  </si>
  <si>
    <t>image14.emf</t>
  </si>
  <si>
    <t>image15.emf</t>
  </si>
  <si>
    <t>12/20/2019 12:13:31</t>
  </si>
  <si>
    <t>image19.emf</t>
  </si>
  <si>
    <t>image3.emf</t>
  </si>
  <si>
    <t>12/20/2019 12:13:32</t>
  </si>
  <si>
    <t>image4.emf</t>
  </si>
  <si>
    <t>image8.emf</t>
  </si>
  <si>
    <t>12/20/2019 12:13:33</t>
  </si>
  <si>
    <t>media1.mp4</t>
  </si>
  <si>
    <t>Multiplicadores Internos - Técnicas educacionais.pptx</t>
  </si>
  <si>
    <t>12/20/2019 12:15:29</t>
  </si>
  <si>
    <t>12/20/2019 12:14:17</t>
  </si>
  <si>
    <t>12/20/2019 12:19:42</t>
  </si>
  <si>
    <t>12/20/2019 12:17:32</t>
  </si>
  <si>
    <t>12/20/2019 12:22:42</t>
  </si>
  <si>
    <t>12/20/2019 12:22:09</t>
  </si>
  <si>
    <t>12/20/2019 12:22:14</t>
  </si>
  <si>
    <t>12/20/2019 12:22:02</t>
  </si>
  <si>
    <t>12/20/2019 12:23:42</t>
  </si>
  <si>
    <t>12/20/2019 12:18:27</t>
  </si>
  <si>
    <t>\\ACSFS\Deptos\EDUCACAO EMPRESARIAL\2 - Operações\0.01 BV CARTÕES\Larisa\NOSSO JEITO DE SER.pptx\</t>
  </si>
  <si>
    <t>\\ACSFS\Deptos\EDUCACAO EMPRESARIAL\2 - Operações\0.01 BV CARTÕES\Larisa\NOSSO JEITO DE SER.pptx</t>
  </si>
  <si>
    <t>image16.emf</t>
  </si>
  <si>
    <t>12/20/2019 12:18:28</t>
  </si>
  <si>
    <t>image30.svg</t>
  </si>
  <si>
    <t>12/20/2019 12:18:29</t>
  </si>
  <si>
    <t>media2.mp4</t>
  </si>
  <si>
    <t>12/20/2019 12:18:30</t>
  </si>
  <si>
    <t>NOSSO JEITO DE SER.pptx</t>
  </si>
  <si>
    <t>12/20/2019 12:21:51</t>
  </si>
  <si>
    <t>12/20/2019 12:24:42</t>
  </si>
  <si>
    <t>1f08a31d-a5c1-4837-b26f-9c4c3883aec8.tmp</t>
  </si>
  <si>
    <t>\\acsfs\profiles$\alicecpbc\Downloads\1f08a31d-a5c1-4837-b26f-9c4c3883aec8.tmp</t>
  </si>
  <si>
    <t>12/20/2019 12:19:20</t>
  </si>
  <si>
    <t>12/20/2019 12:20:17</t>
  </si>
  <si>
    <t>12/20/2019 12:19:39</t>
  </si>
  <si>
    <t>12/20/2019 12:25:42</t>
  </si>
  <si>
    <t>12/20/2019 12:20:05</t>
  </si>
  <si>
    <t>12/20/2019 12:24:14</t>
  </si>
  <si>
    <t>e127917a-2e29-405e-9881-196dc5a2e2c0.tmp</t>
  </si>
  <si>
    <t>\\acsfs\profiles$\gabrielafs\Downloads\e127917a-2e29-405e-9881-196dc5a2e2c0.tmp</t>
  </si>
  <si>
    <t>12/20/2019 12:25:49</t>
  </si>
  <si>
    <t>12/20/2019 12:27:42</t>
  </si>
  <si>
    <t>12/20/2019 12:23:47</t>
  </si>
  <si>
    <t>12/20/2019 12:26:13</t>
  </si>
  <si>
    <t>12/20/2019 12:26:26</t>
  </si>
  <si>
    <t>12/20/2019 12:26:27</t>
  </si>
  <si>
    <t>12/20/2019 12:27:11</t>
  </si>
  <si>
    <t>12/20/2019 12:28:42</t>
  </si>
  <si>
    <t>12/20/2019 12:25:17</t>
  </si>
  <si>
    <t>12/20/2019 12:29:42</t>
  </si>
  <si>
    <t>12/20/2019 12:26:17</t>
  </si>
  <si>
    <t>12/20/2019 12:28:32</t>
  </si>
  <si>
    <t>12/20/2019 12:28:33</t>
  </si>
  <si>
    <t>12/20/2019 12:25:16</t>
  </si>
  <si>
    <t>12/20/2019 12:26:45</t>
  </si>
  <si>
    <t>CPF 21601256876 - OPERADOR HENRIQUE HUMBERTO MARCELINO DE OLIVEIRA_1_6767708151689057172_1_32.wav</t>
  </si>
  <si>
    <t>\\acsfs\Deptos\EDUCACAO EMPRESARIAL\KÉSIA\OUVIDORIA, PROCON, BACEN E RECLAME AQUI\CPF 21601256876 - OPERADOR HENRIQUE HUMBERTO MARCELINO DE OLIVEIRA_1_6767708151689057172_1_32.wav</t>
  </si>
  <si>
    <t>12/20/2019 12:25:38</t>
  </si>
  <si>
    <t>12/20/2019 12:30:42</t>
  </si>
  <si>
    <t>12/20/2019 12:27:50</t>
  </si>
  <si>
    <t>12/20/2019 12:27:09</t>
  </si>
  <si>
    <t>12/20/2019 12:31:42</t>
  </si>
  <si>
    <t>12/20/2019 12:28:25</t>
  </si>
  <si>
    <t>12/20/2019 12:32:41</t>
  </si>
  <si>
    <t>12/20/2019 12:28:26</t>
  </si>
  <si>
    <t>lu1242015eope.tmp</t>
  </si>
  <si>
    <t>\\acsfs\profiles$\LUCASBS\lu1242015eope.tmp</t>
  </si>
  <si>
    <t>\\acsfs\profiles$\LUCASBS\lu1242015eope.tmp\</t>
  </si>
  <si>
    <t>\\acsfs\profiles$\LUCASBS\lu1242015eope.tmp\META-INF\</t>
  </si>
  <si>
    <t>\\acsfs\profiles$\LUCASBS\lu1242015eope.tmp\Thumbnails\</t>
  </si>
  <si>
    <t>12/20/2019 12:31:18</t>
  </si>
  <si>
    <t>12/20/2019 12:34:41</t>
  </si>
  <si>
    <t>12/20/2019 12:29:47</t>
  </si>
  <si>
    <t>12/20/2019 12:31:19</t>
  </si>
  <si>
    <t>e3d96f67-3604-4dfb-a94f-9e40e0ac806a.tmp</t>
  </si>
  <si>
    <t>\\acsfs\profiles$\ERICALSR\Downloads\e3d96f67-3604-4dfb-a94f-9e40e0ac806a.tmp</t>
  </si>
  <si>
    <t>12/20/2019 12:31:38</t>
  </si>
  <si>
    <t>12/20/2019 12:35:42</t>
  </si>
  <si>
    <t>12/20/2019 12:34:18</t>
  </si>
  <si>
    <t>12/20/2019 12:39:42</t>
  </si>
  <si>
    <t>12/20/2019 12:37:17</t>
  </si>
  <si>
    <t>12/20/2019 12:35:38</t>
  </si>
  <si>
    <t>12/20/2019 12:40:42</t>
  </si>
  <si>
    <t>12/20/2019 12:37:38</t>
  </si>
  <si>
    <t>12/20/2019 12:38:14</t>
  </si>
  <si>
    <t>12/20/2019 12:42:42</t>
  </si>
  <si>
    <t>5b91c982-e337-4185-9af0-ac58c451fe7e.tmp</t>
  </si>
  <si>
    <t>\\acsfs\profiles$\YASMINSC\Downloads\5b91c982-e337-4185-9af0-ac58c451fe7e.tmp</t>
  </si>
  <si>
    <t>12/20/2019 12:38:32</t>
  </si>
  <si>
    <t>12/20/2019 12:43:42</t>
  </si>
  <si>
    <t>70dfc72f-e7f6-4f2e-bffb-b7195be56722.tmp</t>
  </si>
  <si>
    <t>\\acsfs\profiles$\luanarda\Downloads\70dfc72f-e7f6-4f2e-bffb-b7195be56722.tmp</t>
  </si>
  <si>
    <t>12/20/2019 12:38:56</t>
  </si>
  <si>
    <t>CPF Cliente Bruno Dias Silva.pdf</t>
  </si>
  <si>
    <t>\\ACSFS\Deptos\EDUCACAO EMPRESARIAL\FERNANDA MONIT\Fernanda\RECLAMAÇÃO E OUVIDORIA\CPF Cliente Bruno Dias Silva.pdf</t>
  </si>
  <si>
    <t>12/20/2019 12:40:31</t>
  </si>
  <si>
    <t>12/20/2019 12:42:48</t>
  </si>
  <si>
    <t>12/20/2019 12:41:24</t>
  </si>
  <si>
    <t>mail.google.com/_/upload?authuser=0&amp;dcp=asu-n&amp;upload_id=AEnB2UpbC9YkvT9Qm3w8PIbgYsYaT-HoixuNcNqFPCeKIDeTSu5imfumqBTxG5_abj0eYncQ4tmEoBArQYvM9WsfLlGvnlN0fnD7VrYgXME494ZqmP-Xdgs&amp;upload_protocol=resumable</t>
  </si>
  <si>
    <t>\\acsfs\ACS\Suporte à Operações\02 - Faturamento\2019\12 - Dezembro\ODONTOPREV\</t>
  </si>
  <si>
    <t>SL XXXXX - ODONTOPREV - NOV.19.xlsx</t>
  </si>
  <si>
    <t>12/20/2019 12:40:17</t>
  </si>
  <si>
    <t>12/20/2019 12:44:42</t>
  </si>
  <si>
    <t>12/20/2019 12:43:17</t>
  </si>
  <si>
    <t>12/20/2019 12:43:28</t>
  </si>
  <si>
    <t>12/20/2019 12:45:42</t>
  </si>
  <si>
    <t>12/20/2019 12:43:37</t>
  </si>
  <si>
    <t>12/20/2019 12:41:23</t>
  </si>
  <si>
    <t>6e3decef-99a4-4a25-9250-c39d2e1fc827.tmp</t>
  </si>
  <si>
    <t>\\acsfs\profiles$\ayalabfi\Downloads\6e3decef-99a4-4a25-9250-c39d2e1fc827.tmp</t>
  </si>
  <si>
    <t>12/20/2019 12:44:05</t>
  </si>
  <si>
    <t>12/20/2019 12:46:42</t>
  </si>
  <si>
    <t>12/20/2019 12:43:41</t>
  </si>
  <si>
    <t>12/20/2019 12:47:42</t>
  </si>
  <si>
    <t>12/20/2019 12:42:50</t>
  </si>
  <si>
    <t>12/20/2019 12:47:10</t>
  </si>
  <si>
    <t>12/20/2019 12:48:42</t>
  </si>
  <si>
    <t>55ab7d48-dc8b-4b72-9a1d-5e759ca52baa.tmp</t>
  </si>
  <si>
    <t>\\acsfs\profiles$\nataliacsl\Downloads\55ab7d48-dc8b-4b72-9a1d-5e759ca52baa.tmp</t>
  </si>
  <si>
    <t>12/20/2019 12:43:40</t>
  </si>
  <si>
    <t>12/20/2019 12:43:45</t>
  </si>
  <si>
    <t>12/20/2019 12:43:52</t>
  </si>
  <si>
    <t>12/20/2019 12:43:59</t>
  </si>
  <si>
    <t>12/20/2019 12:44:11</t>
  </si>
  <si>
    <t>12/20/2019 12:44:13</t>
  </si>
  <si>
    <t>12/20/2019 12:45:09</t>
  </si>
  <si>
    <t>12/20/2019 12:45:20</t>
  </si>
  <si>
    <t>mail.google.com/_/upload?authuser=0&amp;dcp=asu-n&amp;upload_id=AEnB2UokiC-zVnpCclPeX3BBk11xJXNt8Q1BxM65baokesb4gcyfvBWd2LumcAjL4rBBFow2sVucA5i4RGnB9s6CPPmvY4-uSrJHPgJ-TDUUEXBuQMzkOl0&amp;upload_protocol=resumable</t>
  </si>
  <si>
    <t>Patricia Oliveira Carvalho_1_6754093126835573587_1_32.wav</t>
  </si>
  <si>
    <t>12/20/2019 12:45:56</t>
  </si>
  <si>
    <t>12/20/2019 12:46:21</t>
  </si>
  <si>
    <t>12/20/2019 12:46:49</t>
  </si>
  <si>
    <t>12/20/2019 12:47:30</t>
  </si>
  <si>
    <t>12/20/2019 12:44:41</t>
  </si>
  <si>
    <t>TALITA SANTOS SILVA CASTRO (17067).contact</t>
  </si>
  <si>
    <t>\\acsfs\profiles$\talitassc\Contacts\TALITA SANTOS SILVA CASTRO (17067).contact</t>
  </si>
  <si>
    <t>12/20/2019 12:44:53</t>
  </si>
  <si>
    <t>12/20/2019 12:44:54</t>
  </si>
  <si>
    <t>12/20/2019 12:44:55</t>
  </si>
  <si>
    <t>12/20/2019 12:44:56</t>
  </si>
  <si>
    <t>12/20/2019 12:44:57</t>
  </si>
  <si>
    <t>12/20/2019 12:44:58</t>
  </si>
  <si>
    <t>12/20/2019 12:44:59</t>
  </si>
  <si>
    <t>12/20/2019 12:45:00</t>
  </si>
  <si>
    <t>12/20/2019 12:45:43</t>
  </si>
  <si>
    <t>12/20/2019 12:45:44</t>
  </si>
  <si>
    <t>12/20/2019 12:46:17</t>
  </si>
  <si>
    <t>12/20/2019 12:49:42</t>
  </si>
  <si>
    <t>12/20/2019 12:49:38</t>
  </si>
  <si>
    <t>12/20/2019 12:50:41</t>
  </si>
  <si>
    <t>12/20/2019 12:46:18</t>
  </si>
  <si>
    <t>9b183e49-03c3-434b-8e5d-828f53b39ab0.tmp</t>
  </si>
  <si>
    <t>\\acsfs\profiles$\ayalabfi\Downloads\9b183e49-03c3-434b-8e5d-828f53b39ab0.tmp</t>
  </si>
  <si>
    <t>12/20/2019 12:48:19</t>
  </si>
  <si>
    <t>12/20/2019 12:52:41</t>
  </si>
  <si>
    <t>12/20/2019 12:51:24</t>
  </si>
  <si>
    <t>12/20/2019 12:53:42</t>
  </si>
  <si>
    <t>12/20/2019 12:49:53</t>
  </si>
  <si>
    <t>12/20/2019 12:54:43</t>
  </si>
  <si>
    <t>12/20/2019 12:51:53</t>
  </si>
  <si>
    <t>12/20/2019 12:52:23</t>
  </si>
  <si>
    <t>12/20/2019 12:53:04</t>
  </si>
  <si>
    <t>https://udpmailboxap01.acs.com.br:8443/h/search?si=0&amp;so=0&amp;sc=50170&amp;sfi=2&amp;st=conversation&amp;action=compose</t>
  </si>
  <si>
    <t>12/20/2019 12:53:33</t>
  </si>
  <si>
    <t>12/20/2019 12:53:41</t>
  </si>
  <si>
    <t>mar;martala@algartech.com;</t>
  </si>
  <si>
    <t>https://mar,martala@algartech.com</t>
  </si>
  <si>
    <t>12/20/2019 12:49:17</t>
  </si>
  <si>
    <t>12/20/2019 12:52:17</t>
  </si>
  <si>
    <t>12/20/2019 12:49:43</t>
  </si>
  <si>
    <t>bvs-centralcartoes@bv.com.br;cintia.souza-domingues@dxc.com;eduardo.santana@bv.com.br;fernandaab@algartech.com;fernandorsju@algartech.com;marianeps@algartech.com;talmaiardo@algartech.com;thiagordu@algartech.com;</t>
  </si>
  <si>
    <t>bvs-centralcartoes@bv.com.br,cintia.souza-domingues@dxc.com,eduardo.santana@bv.com.br,fernandaab@algartech.com,fernandorsju@algartech.com,marianeps@algartech.com,talmaiardo@algartech.com,thiagordu@algartech.com</t>
  </si>
  <si>
    <t>12/20/2019 12:50:09</t>
  </si>
  <si>
    <t>12/20/2019 12:50:25</t>
  </si>
  <si>
    <t>12/20/2019 12:51:14</t>
  </si>
  <si>
    <t>CPF_ 216.012.568-76 MARA LIGIA ISAQUIEL.pdf</t>
  </si>
  <si>
    <t>\\acsfs\Deptos\EDUCACAO EMPRESARIAL\KÉSIA\OUVIDORIA, PROCON, BACEN E RECLAME AQUI\CPF_ 216.012.568-76 MARA LIGIA ISAQUIEL.pdf</t>
  </si>
  <si>
    <t>\\acsfs\Deptos\EDUCACAO EMPRESARIAL\KÉSIA\OUVIDORIA, PROCON, BACEN E RECLAME AQUI\CPF_ 216.012.568-76 MARA LIGIA ISAQUIEL.pdf\</t>
  </si>
  <si>
    <t>\\acsfs\Deptos\EDUCACAO EMPRESARIAL\KÉSIA\OUVIDORIA, PROCON, BACEN E RECLAME AQUI\CPF_ 216.012.568-76 MARA LIGIA ISAQUIEL.pdf\:Zone.Identifier:$DATA</t>
  </si>
  <si>
    <t>12/20/2019 12:51:31</t>
  </si>
  <si>
    <t>mail.google.com/_/upload?authuser=0&amp;dcp=asu-n&amp;upload_id=AEnB2Uo9k4hFH7q6pbByZy9-L7Df2Qyj8sxdBRBKGCsnU6niKRR4JJQrwH6YIKRS5dYcALNPWX5TJzN1uEDIervAX36tKjmGDAZ2GJa_14x0vvFEZbPKnrU&amp;upload_protocol=resumable</t>
  </si>
  <si>
    <t>12/20/2019 12:52:25</t>
  </si>
  <si>
    <t>12/20/2019 12:52:30</t>
  </si>
  <si>
    <t>12/20/2019 12:52:33</t>
  </si>
  <si>
    <t>12/20/2019 12:53:01</t>
  </si>
  <si>
    <t>bvs-centralcartoes@bv.com.br;cintia.souza-domingues@dxc.com;eduardo.santana@bv.com.br;fernandaab@algartech.com;fernandorsju@algartech.com;marianacds@algartech.com;marianeps@algartech.com;talmaiardo@algartech.com;thiagordu@algartech.com;</t>
  </si>
  <si>
    <t>bvs-centralcartoes@bv.com.br,cintia.souza-domingues@dxc.com,eduardo.santana@bv.com.br,fernandaab@algartech.com,fernandorsju@algartech.com,marianacds@algartech.com,marianeps@algartech.com,talmaiardo@algartech.com,thiagordu@algartech.com</t>
  </si>
  <si>
    <t>12/20/2019 12:53:37</t>
  </si>
  <si>
    <t>12/20/2019 12:50:59</t>
  </si>
  <si>
    <t>12/20/2019 12:55:42</t>
  </si>
  <si>
    <t>12/20/2019 12:54:04</t>
  </si>
  <si>
    <t>12/20/2019 12:57:42</t>
  </si>
  <si>
    <t>12/20/2019 12:54:15</t>
  </si>
  <si>
    <t>12/20/2019 12:55:24</t>
  </si>
  <si>
    <t>12/20/2019 12:59:42</t>
  </si>
  <si>
    <t>12/20/2019 12:57:54</t>
  </si>
  <si>
    <t>12/20/2019 12:55:17</t>
  </si>
  <si>
    <t>12/20/2019 12:58:17</t>
  </si>
  <si>
    <t>12/20/2019 12:54:41</t>
  </si>
  <si>
    <t>12/20/2019 12:54:47</t>
  </si>
  <si>
    <t>12/20/2019 12:55:02</t>
  </si>
  <si>
    <t>12/20/2019 12:55:20</t>
  </si>
  <si>
    <t>12/20/2019 12:55:38</t>
  </si>
  <si>
    <t>12/20/2019 13:00:42</t>
  </si>
  <si>
    <t>12/20/2019 12:58:47</t>
  </si>
  <si>
    <t>12/20/2019 13:00:03</t>
  </si>
  <si>
    <t>12/20/2019 13:02:42</t>
  </si>
  <si>
    <t>12/20/2019 13:00:55</t>
  </si>
  <si>
    <t>12/20/2019 13:01:06</t>
  </si>
  <si>
    <t>12/20/2019 13:01:10</t>
  </si>
  <si>
    <t>12/20/2019 13:01:15</t>
  </si>
  <si>
    <t>12/20/2019 12:58:54</t>
  </si>
  <si>
    <t>12/20/2019 13:04:42</t>
  </si>
  <si>
    <t>12/20/2019 13:01:18</t>
  </si>
  <si>
    <t>12/20/2019 13:01:37</t>
  </si>
  <si>
    <t>12/20/2019 13:05:42</t>
  </si>
  <si>
    <t>12/20/2019 13:04:53</t>
  </si>
  <si>
    <t>38774c6e-a401-41d1-8a6a-e5964c034f7b.tmp</t>
  </si>
  <si>
    <t>\\acsfs\profiles$\geovannasm\Downloads\38774c6e-a401-41d1-8a6a-e5964c034f7b.tmp</t>
  </si>
  <si>
    <t>12/20/2019 13:03:46</t>
  </si>
  <si>
    <t>035dd699-9757-49e1-8e74-075721c599c1.tmp</t>
  </si>
  <si>
    <t>\\acsfs\profiles$\gabrielarb\Downloads\035dd699-9757-49e1-8e74-075721c599c1.tmp</t>
  </si>
  <si>
    <t>12/20/2019 13:05:59</t>
  </si>
  <si>
    <t>12/20/2019 13:07:42</t>
  </si>
  <si>
    <t>e2e17198-9ff7-446b-85d3-739e6d2c4002.tmp</t>
  </si>
  <si>
    <t>\\acsfs\profiles$\katiahmdj\Downloads\e2e17198-9ff7-446b-85d3-739e6d2c4002.tmp</t>
  </si>
  <si>
    <t>12/20/2019 13:06:08</t>
  </si>
  <si>
    <t>238f74ff-b7a8-4480-b2c2-3c9630b28a58.tmp</t>
  </si>
  <si>
    <t>\\acsfs\profiles$\katiahmdj\Downloads\238f74ff-b7a8-4480-b2c2-3c9630b28a58.tmp</t>
  </si>
  <si>
    <t>12/20/2019 13:03:35</t>
  </si>
  <si>
    <t>12/20/2019 13:08:42</t>
  </si>
  <si>
    <t>12/20/2019 13:05:09</t>
  </si>
  <si>
    <t>12/20/2019 13:09:42</t>
  </si>
  <si>
    <t>12/20/2019 13:08:15</t>
  </si>
  <si>
    <t>12/20/2019 13:04:18</t>
  </si>
  <si>
    <t>12/20/2019 13:07:18</t>
  </si>
  <si>
    <t>12/20/2019 13:05:01</t>
  </si>
  <si>
    <t>12/20/2019 13:08:10</t>
  </si>
  <si>
    <t>12/20/2019 13:06:51</t>
  </si>
  <si>
    <t>12/20/2019 13:10:42</t>
  </si>
  <si>
    <t>12/20/2019 13:07:37</t>
  </si>
  <si>
    <t>12/20/2019 13:10:38</t>
  </si>
  <si>
    <t>12/20/2019 13:12:42</t>
  </si>
  <si>
    <t>10.200.99.118</t>
  </si>
  <si>
    <t>c:\users\fernandaap\downloads\</t>
  </si>
  <si>
    <t>massagem.xls</t>
  </si>
  <si>
    <t>12/20/2019 13:10:50</t>
  </si>
  <si>
    <t>maquiagem.xls</t>
  </si>
  <si>
    <t>12/20/2019 13:11:09</t>
  </si>
  <si>
    <t>tarô d.xls</t>
  </si>
  <si>
    <t>12/20/2019 13:08:28</t>
  </si>
  <si>
    <t>12/20/2019 13:10:14</t>
  </si>
  <si>
    <t>80b70fcd-9421-4c66-8000-2a2deb742383.tmp</t>
  </si>
  <si>
    <t>\\acsfs\profiles$\katiahmdj\Downloads\80b70fcd-9421-4c66-8000-2a2deb742383.tmp</t>
  </si>
  <si>
    <t>12/20/2019 13:12:17</t>
  </si>
  <si>
    <t>12/20/2019 13:13:42</t>
  </si>
  <si>
    <t>aa1415ad-3519-4cc4-b7a7-728baff18787.tmp</t>
  </si>
  <si>
    <t>\\acsfs\profiles$\sarahbal\Downloads\aa1415ad-3519-4cc4-b7a7-728baff18787.tmp</t>
  </si>
  <si>
    <t>12/20/2019 13:14:43</t>
  </si>
  <si>
    <t>12/20/2019 13:10:18</t>
  </si>
  <si>
    <t>12/20/2019 13:13:18</t>
  </si>
  <si>
    <t>12/20/2019 13:12:03</t>
  </si>
  <si>
    <t>12/20/2019 13:12:08</t>
  </si>
  <si>
    <t>12/20/2019 13:13:38</t>
  </si>
  <si>
    <t>12/20/2019 13:15:42</t>
  </si>
  <si>
    <t>12/20/2019 13:14:56</t>
  </si>
  <si>
    <t>12/20/2019 13:16:42</t>
  </si>
  <si>
    <t>12/20/2019 13:15:27</t>
  </si>
  <si>
    <t>12/20/2019 13:17:41</t>
  </si>
  <si>
    <t>12/20/2019 13:17:30</t>
  </si>
  <si>
    <t>12/20/2019 13:18:42</t>
  </si>
  <si>
    <t>12/20/2019 13:16:18</t>
  </si>
  <si>
    <t>12/20/2019 13:19:41</t>
  </si>
  <si>
    <t>12/20/2019 13:18:56</t>
  </si>
  <si>
    <t>12/20/2019 13:19:38</t>
  </si>
  <si>
    <t>12/20/2019 13:20:42</t>
  </si>
  <si>
    <t>12/20/2019 13:15:24</t>
  </si>
  <si>
    <t>ce3c35c2-f452-44c2-a49b-14b022672b99.tmp</t>
  </si>
  <si>
    <t>\\acsfs\profiles$\vivianealda\Downloads\ce3c35c2-f452-44c2-a49b-14b022672b99.tmp</t>
  </si>
  <si>
    <t>12/20/2019 13:20:14</t>
  </si>
  <si>
    <t>12/20/2019 13:22:41</t>
  </si>
  <si>
    <t>12/20/2019 13:20:15</t>
  </si>
  <si>
    <t>lu1242015eopz.tmp</t>
  </si>
  <si>
    <t>\\acsfs\profiles$\LUCASBS\lu1242015eopz.tmp</t>
  </si>
  <si>
    <t>\\acsfs\profiles$\LUCASBS\lu1242015eopz.tmp\</t>
  </si>
  <si>
    <t>\\acsfs\profiles$\LUCASBS\lu1242015eopz.tmp\META-INF\</t>
  </si>
  <si>
    <t>\\acsfs\profiles$\LUCASBS\lu1242015eopz.tmp\Thumbnails\</t>
  </si>
  <si>
    <t>12/20/2019 13:21:27</t>
  </si>
  <si>
    <t>12/20/2019 13:21:29</t>
  </si>
  <si>
    <t>lu1242015eoq4.tmp</t>
  </si>
  <si>
    <t>\\acsfs\profiles$\LUCASBS\lu1242015eoq4.tmp</t>
  </si>
  <si>
    <t>\\acsfs\profiles$\LUCASBS\lu1242015eoq4.tmp\</t>
  </si>
  <si>
    <t>\\acsfs\profiles$\LUCASBS\lu1242015eoq4.tmp\META-INF\</t>
  </si>
  <si>
    <t>\\acsfs\profiles$\LUCASBS\lu1242015eoq4.tmp\Thumbnails\</t>
  </si>
  <si>
    <t>12/20/2019 13:20:10</t>
  </si>
  <si>
    <t>12/20/2019 13:23:41</t>
  </si>
  <si>
    <t>12/20/2019 13:20:57</t>
  </si>
  <si>
    <t>12/20/2019 13:24:42</t>
  </si>
  <si>
    <t>12/20/2019 13:22:27</t>
  </si>
  <si>
    <t>12/20/2019 13:22:58</t>
  </si>
  <si>
    <t>12/20/2019 13:22:01</t>
  </si>
  <si>
    <t>12/20/2019 13:19:19</t>
  </si>
  <si>
    <t>12/20/2019 13:22:18</t>
  </si>
  <si>
    <t>12/20/2019 13:20:11</t>
  </si>
  <si>
    <t>12/20/2019 13:22:43</t>
  </si>
  <si>
    <t>12/20/2019 13:25:41</t>
  </si>
  <si>
    <t>12/20/2019 13:22:05</t>
  </si>
  <si>
    <t>0d822b0a-aaa5-4d30-b479-83fc76fee16d.tmp</t>
  </si>
  <si>
    <t>\\acsfs\profiles$\geovannasm\Downloads\0d822b0a-aaa5-4d30-b479-83fc76fee16d.tmp</t>
  </si>
  <si>
    <t>12/20/2019 13:24:27</t>
  </si>
  <si>
    <t>12/20/2019 13:24:52</t>
  </si>
  <si>
    <t>12/20/2019 13:26:41</t>
  </si>
  <si>
    <t>12/20/2019 13:22:38</t>
  </si>
  <si>
    <t>\\acsfs\DEPTOS\Operacao\Banco_Votorantim\Qualidade\Anderson\Jose\Novo Documento de Texto (3).txt</t>
  </si>
  <si>
    <t>12/20/2019 13:24:28</t>
  </si>
  <si>
    <t>12/20/2019 13:29:40</t>
  </si>
  <si>
    <t>12/20/2019 13:24:58</t>
  </si>
  <si>
    <t>12/20/2019 13:25:28</t>
  </si>
  <si>
    <t>12/20/2019 13:26:58</t>
  </si>
  <si>
    <t>12/20/2019 13:25:00</t>
  </si>
  <si>
    <t>3cbab37d-cc22-4bfb-a891-621cef09ca54.tmp</t>
  </si>
  <si>
    <t>\\acsfs\profiles$\alicecpbc\Downloads\3cbab37d-cc22-4bfb-a891-621cef09ca54.tmp</t>
  </si>
  <si>
    <t>12/20/2019 13:25:18</t>
  </si>
  <si>
    <t>12/20/2019 13:28:18</t>
  </si>
  <si>
    <t>12/20/2019 13:27:48</t>
  </si>
  <si>
    <t>12/20/2019 13:30:41</t>
  </si>
  <si>
    <t>12/20/2019 13:25:38</t>
  </si>
  <si>
    <t>12/20/2019 13:30:10</t>
  </si>
  <si>
    <t>12/20/2019 13:31:40</t>
  </si>
  <si>
    <t>12/20/2019 13:29:09</t>
  </si>
  <si>
    <t>12/20/2019 13:32:41</t>
  </si>
  <si>
    <t>12/20/2019 13:29:10</t>
  </si>
  <si>
    <t>lu1242015eoq9.tmp</t>
  </si>
  <si>
    <t>\\acsfs\profiles$\LUCASBS\lu1242015eoq9.tmp</t>
  </si>
  <si>
    <t>\\acsfs\profiles$\LUCASBS\lu1242015eoq9.tmp\</t>
  </si>
  <si>
    <t>\\acsfs\profiles$\LUCASBS\lu1242015eoq9.tmp\META-INF\</t>
  </si>
  <si>
    <t>\\acsfs\profiles$\LUCASBS\lu1242015eoq9.tmp\Thumbnails\</t>
  </si>
  <si>
    <t>12/20/2019 13:29:33</t>
  </si>
  <si>
    <t>12/20/2019 13:30:53</t>
  </si>
  <si>
    <t>12/20/2019 13:30:54</t>
  </si>
  <si>
    <t>12/20/2019 13:30:55</t>
  </si>
  <si>
    <t>12/20/2019 13:30:56</t>
  </si>
  <si>
    <t>12/20/2019 13:30:57</t>
  </si>
  <si>
    <t>12/20/2019 13:30:58</t>
  </si>
  <si>
    <t>12/20/2019 13:30:59</t>
  </si>
  <si>
    <t>12/20/2019 13:31:00</t>
  </si>
  <si>
    <t>12/20/2019 13:31:01</t>
  </si>
  <si>
    <t>12/20/2019 13:31:02</t>
  </si>
  <si>
    <t>12/20/2019 13:31:03</t>
  </si>
  <si>
    <t>12/20/2019 13:31:04</t>
  </si>
  <si>
    <t>12/20/2019 13:31:05</t>
  </si>
  <si>
    <t>12/20/2019 13:31:06</t>
  </si>
  <si>
    <t>12/20/2019 13:31:07</t>
  </si>
  <si>
    <t>12/20/2019 13:31:08</t>
  </si>
  <si>
    <t>12/20/2019 13:31:09</t>
  </si>
  <si>
    <t>12/20/2019 13:31:10</t>
  </si>
  <si>
    <t>12/20/2019 13:31:11</t>
  </si>
  <si>
    <t>12/20/2019 13:31:12</t>
  </si>
  <si>
    <t>12/20/2019 13:30:17</t>
  </si>
  <si>
    <t>12/20/2019 13:33:40</t>
  </si>
  <si>
    <t>12/20/2019 13:31:29</t>
  </si>
  <si>
    <t>12/20/2019 13:34:41</t>
  </si>
  <si>
    <t>12/20/2019 13:31:59</t>
  </si>
  <si>
    <t>12/20/2019 13:32:29</t>
  </si>
  <si>
    <t>12/20/2019 13:31:18</t>
  </si>
  <si>
    <t>12/20/2019 13:31:16</t>
  </si>
  <si>
    <t>12/20/2019 13:31:17</t>
  </si>
  <si>
    <t>12/20/2019 13:30:32</t>
  </si>
  <si>
    <t>12/20/2019 13:35:41</t>
  </si>
  <si>
    <t>12/20/2019 13:31:38</t>
  </si>
  <si>
    <t>12/20/2019 13:34:26</t>
  </si>
  <si>
    <t>065e3121-8e4f-42fc-8e60-a30f3450da8c.tmp</t>
  </si>
  <si>
    <t>\\acsfs\profiles$\gabrielhca\Downloads\065e3121-8e4f-42fc-8e60-a30f3450da8c.tmp</t>
  </si>
  <si>
    <t>12/20/2019 13:32:58</t>
  </si>
  <si>
    <t>12/20/2019 13:36:41</t>
  </si>
  <si>
    <t>fe0ec26d-743f-491f-8637-fb7a769bc17c.tmp</t>
  </si>
  <si>
    <t>\\acsfs\profiles$\paulovadc\Downloads\fe0ec26d-743f-491f-8637-fb7a769bc17c.tmp</t>
  </si>
  <si>
    <t>12/20/2019 13:35:54</t>
  </si>
  <si>
    <t>8d677714-fd96-4e40-951a-fd42790a8982.tmp</t>
  </si>
  <si>
    <t>\\acsfs\profiles$\JOAOVAL\Downloads\8d677714-fd96-4e40-951a-fd42790a8982.tmp</t>
  </si>
  <si>
    <t>12/20/2019 13:36:02</t>
  </si>
  <si>
    <t>12/20/2019 13:37:41</t>
  </si>
  <si>
    <t>12/20/2019 13:34:00</t>
  </si>
  <si>
    <t>12/20/2019 13:39:41</t>
  </si>
  <si>
    <t>12/20/2019 13:34:30</t>
  </si>
  <si>
    <t>12/20/2019 13:35:30</t>
  </si>
  <si>
    <t>12/20/2019 13:34:09</t>
  </si>
  <si>
    <t>11759e27-2ea7-4dae-a70f-176912ce210d.tmp</t>
  </si>
  <si>
    <t>\\acsfs\profiles$\KARENDSR\Downloads\11759e27-2ea7-4dae-a70f-176912ce210d.tmp</t>
  </si>
  <si>
    <t>12/20/2019 13:34:45</t>
  </si>
  <si>
    <t>69f9346b-f9c5-4a55-98a2-105c0a32d4ec.tmp</t>
  </si>
  <si>
    <t>\\acsfs\profiles$\KARENDSR\Downloads\69f9346b-f9c5-4a55-98a2-105c0a32d4ec.tmp</t>
  </si>
  <si>
    <t>12/20/2019 13:35:17</t>
  </si>
  <si>
    <t>b42b4cb2-e783-491b-b378-87128aa18f26.tmp</t>
  </si>
  <si>
    <t>\\acsfs\profiles$\KARENDSR\Downloads\b42b4cb2-e783-491b-b378-87128aa18f26.tmp</t>
  </si>
  <si>
    <t>12/20/2019 13:35:18</t>
  </si>
  <si>
    <t>12/20/2019 13:34:18</t>
  </si>
  <si>
    <t>12/20/2019 13:37:18</t>
  </si>
  <si>
    <t>12/20/2019 13:37:38</t>
  </si>
  <si>
    <t>12/20/2019 13:40:41</t>
  </si>
  <si>
    <t>12/20/2019 13:38:05</t>
  </si>
  <si>
    <t>12/20/2019 13:39:18</t>
  </si>
  <si>
    <t>ea6b3946-78ce-41bf-9244-eacb55a90afc.tmp</t>
  </si>
  <si>
    <t>\\acsfs\profiles$\geovannasm\Downloads\ea6b3946-78ce-41bf-9244-eacb55a90afc.tmp</t>
  </si>
  <si>
    <t>12/20/2019 13:36:00</t>
  </si>
  <si>
    <t>ad8fff3e-1d09-441a-a6a1-f1ebf4a4286f.tmp</t>
  </si>
  <si>
    <t>\\acsfs\profiles$\gabrielhca\Downloads\ad8fff3e-1d09-441a-a6a1-f1ebf4a4286f.tmp</t>
  </si>
  <si>
    <t>12/20/2019 13:40:18</t>
  </si>
  <si>
    <t>62d55595-5c12-4a75-a60e-cfbadf7ab3d4.tmp</t>
  </si>
  <si>
    <t>\\acsfs\profiles$\gabrielarb\Downloads\62d55595-5c12-4a75-a60e-cfbadf7ab3d4.tmp</t>
  </si>
  <si>
    <t>12/20/2019 13:40:48</t>
  </si>
  <si>
    <t>12/20/2019 13:42:41</t>
  </si>
  <si>
    <t>12/20/2019 13:40:49</t>
  </si>
  <si>
    <t>lu105321b8otg.tmp</t>
  </si>
  <si>
    <t>\\acsfs\profiles$\LUCASBS\lu105321b8otg.tmp</t>
  </si>
  <si>
    <t>\\acsfs\profiles$\LUCASBS\lu105321b8otg.tmp\</t>
  </si>
  <si>
    <t>\\acsfs\profiles$\LUCASBS\lu105321b8otg.tmp\META-INF\</t>
  </si>
  <si>
    <t>\\acsfs\profiles$\LUCASBS\lu105321b8otg.tmp\Thumbnails\</t>
  </si>
  <si>
    <t>12/20/2019 13:42:26</t>
  </si>
  <si>
    <t>12/20/2019 13:43:41</t>
  </si>
  <si>
    <t>12/20/2019 13:38:22</t>
  </si>
  <si>
    <t>12/20/2019 13:38:28</t>
  </si>
  <si>
    <t>12/20/2019 13:42:04</t>
  </si>
  <si>
    <t>d0ce2dc9-2daa-457e-847a-31cb772aabc0.tmp</t>
  </si>
  <si>
    <t>\\acsfs\profiles$\KARENJSS\Downloads\d0ce2dc9-2daa-457e-847a-31cb772aabc0.tmp</t>
  </si>
  <si>
    <t>12/20/2019 13:43:14</t>
  </si>
  <si>
    <t>b1ed76aa-24bd-44cf-8821-44765e66c926.tmp</t>
  </si>
  <si>
    <t>\\acsfs\profiles$\KARENJSS\Downloads\b1ed76aa-24bd-44cf-8821-44765e66c926.tmp</t>
  </si>
  <si>
    <t>12/20/2019 13:44:41</t>
  </si>
  <si>
    <t>12/20/2019 13:43:18</t>
  </si>
  <si>
    <t>12/20/2019 13:42:59</t>
  </si>
  <si>
    <t>12/20/2019 13:43:38</t>
  </si>
  <si>
    <t>12/20/2019 13:45:41</t>
  </si>
  <si>
    <t>12/20/2019 13:41:29</t>
  </si>
  <si>
    <t>12/20/2019 13:46:41</t>
  </si>
  <si>
    <t>10.200.67.122</t>
  </si>
  <si>
    <t>c52430cc-5ae3-4bfd-9d64-0e0c38593f93.tmp</t>
  </si>
  <si>
    <t>\\acsfs\profiles$\georgendsq\Downloads\c52430cc-5ae3-4bfd-9d64-0e0c38593f93.tmp</t>
  </si>
  <si>
    <t>12/20/2019 13:42:19</t>
  </si>
  <si>
    <t>a8519621-16bd-4673-9217-25d695d86eb4.tmp</t>
  </si>
  <si>
    <t>\\acsfs\profiles$\JOAOVAL\Downloads\a8519621-16bd-4673-9217-25d695d86eb4.tmp</t>
  </si>
  <si>
    <t>12/20/2019 13:43:53</t>
  </si>
  <si>
    <t>e9f96e64-6224-479b-8bd7-f33bdbbf74a9.tmp</t>
  </si>
  <si>
    <t>\\acsfs\profiles$\JOAOVAL\Downloads\e9f96e64-6224-479b-8bd7-f33bdbbf74a9.tmp</t>
  </si>
  <si>
    <t>12/20/2019 13:42:55</t>
  </si>
  <si>
    <t>12/20/2019 13:48:41</t>
  </si>
  <si>
    <t>4301655a-86d0-46c7-818a-549d057f40f8.tmp</t>
  </si>
  <si>
    <t>\\acsfs\profiles$\brendadsl\Downloads\4301655a-86d0-46c7-818a-549d057f40f8.tmp</t>
  </si>
  <si>
    <t>12/20/2019 13:42:57</t>
  </si>
  <si>
    <t>c33da9e1-61ff-435d-94d3-90635ba335aa.tmp</t>
  </si>
  <si>
    <t>\\acsfs\profiles$\brendadsl\Downloads\c33da9e1-61ff-435d-94d3-90635ba335aa.tmp</t>
  </si>
  <si>
    <t>12/20/2019 13:42:58</t>
  </si>
  <si>
    <t>6170a095-b9af-4247-a72e-b056cad7e8ae.tmp</t>
  </si>
  <si>
    <t>\\acsfs\profiles$\brendadsl\Downloads\6170a095-b9af-4247-a72e-b056cad7e8ae.tmp</t>
  </si>
  <si>
    <t>f8762e58-b7f7-4a34-9c2c-7c08c2e9cbb4.tmp</t>
  </si>
  <si>
    <t>\\acsfs\profiles$\brendadsl\Downloads\f8762e58-b7f7-4a34-9c2c-7c08c2e9cbb4.tmp</t>
  </si>
  <si>
    <t>12/20/2019 13:43:00</t>
  </si>
  <si>
    <t>4af28250-eb4f-43f7-ab5a-1e511a4447ca.tmp</t>
  </si>
  <si>
    <t>\\acsfs\profiles$\brendadsl\Downloads\4af28250-eb4f-43f7-ab5a-1e511a4447ca.tmp</t>
  </si>
  <si>
    <t>12/20/2019 13:45:59</t>
  </si>
  <si>
    <t>0ef0150a-d18f-4044-9538-bd52e469df7a.tmp</t>
  </si>
  <si>
    <t>\\acsfs\profiles$\brendadsl\Downloads\0ef0150a-d18f-4044-9538-bd52e469df7a.tmp</t>
  </si>
  <si>
    <t>12/20/2019 13:43:59</t>
  </si>
  <si>
    <t>02875926-66cf-41bc-956a-38bdd08d4ec1.tmp</t>
  </si>
  <si>
    <t>\\acsfs\profiles$\gabriellalpr\Downloads\02875926-66cf-41bc-956a-38bdd08d4ec1.tmp</t>
  </si>
  <si>
    <t>12/20/2019 13:44:37</t>
  </si>
  <si>
    <t>ea6ad46a-6f3b-4ef5-88e1-a46f9ea30f9e.tmp</t>
  </si>
  <si>
    <t>\\acsfs\profiles$\gabriellalpr\Downloads\ea6ad46a-6f3b-4ef5-88e1-a46f9ea30f9e.tmp</t>
  </si>
  <si>
    <t>12/20/2019 13:45:40</t>
  </si>
  <si>
    <t>56ee940c-c3c3-4582-b231-fd428d15abbc.tmp</t>
  </si>
  <si>
    <t>\\acsfs\profiles$\gabriellalpr\Downloads\56ee940c-c3c3-4582-b231-fd428d15abbc.tmp</t>
  </si>
  <si>
    <t>12/20/2019 13:46:57</t>
  </si>
  <si>
    <t>38bb43a0-65c8-496d-a1eb-3350a51f9f41.tmp</t>
  </si>
  <si>
    <t>\\acsfs\profiles$\nataliacsl\Downloads\38bb43a0-65c8-496d-a1eb-3350a51f9f41.tmp</t>
  </si>
  <si>
    <t>12/20/2019 13:46:59</t>
  </si>
  <si>
    <t>4e84da1c-4413-4b7e-942c-ed9bebb49361.tmp</t>
  </si>
  <si>
    <t>\\acsfs\profiles$\nataliacsl\Downloads\4e84da1c-4413-4b7e-942c-ed9bebb49361.tmp</t>
  </si>
  <si>
    <t>12/20/2019 13:48:12</t>
  </si>
  <si>
    <t>12/20/2019 13:45:02</t>
  </si>
  <si>
    <t>12/20/2019 13:49:42</t>
  </si>
  <si>
    <t>12/20/2019 13:45:32</t>
  </si>
  <si>
    <t>12/20/2019 13:46:02</t>
  </si>
  <si>
    <t>12/20/2019 13:46:32</t>
  </si>
  <si>
    <t>12/20/2019 13:47:02</t>
  </si>
  <si>
    <t>12/20/2019 13:47:32</t>
  </si>
  <si>
    <t>12/20/2019 13:48:02</t>
  </si>
  <si>
    <t>12/20/2019 13:48:32</t>
  </si>
  <si>
    <t>12/20/2019 13:45:12</t>
  </si>
  <si>
    <t>12/20/2019 13:46:18</t>
  </si>
  <si>
    <t>12/20/2019 07:08:20</t>
  </si>
  <si>
    <t>1ea7257d-78d7-46b4-817e-d159269c5004.tmp</t>
  </si>
  <si>
    <t>\\acsfs\profiles$\marcosvnds\Downloads\1ea7257d-78d7-46b4-817e-d159269c5004.tmp</t>
  </si>
  <si>
    <t>12/20/2019 07:08:21</t>
  </si>
  <si>
    <t>826904b5-a706-40e6-a2e0-d17338cc79d2.tmp</t>
  </si>
  <si>
    <t>\\acsfs\profiles$\marcosvnds\Downloads\826904b5-a706-40e6-a2e0-d17338cc79d2.tmp</t>
  </si>
  <si>
    <t>12/20/2019 07:08:24</t>
  </si>
  <si>
    <t>Q29udHJvbGxlci5XREUtQlZGLUNIQVQ- (12).ica</t>
  </si>
  <si>
    <t>\\acsfs\profiles$\marcosvnds\Downloads\Q29udHJvbGxlci5XREUtQlZGLUNIQVQ- (12).ica</t>
  </si>
  <si>
    <t>12/20/2019 07:08:49</t>
  </si>
  <si>
    <t>Q29udHJvbGxlci5TQUNBLVNBQw-- (17).ica</t>
  </si>
  <si>
    <t>\\acsfs\profiles$\marcosvnds\Downloads\Q29udHJvbGxlci5TQUNBLVNBQw-- (17).ica</t>
  </si>
  <si>
    <t>12/20/2019 13:45:49</t>
  </si>
  <si>
    <t>12/20/2019 13:50:41</t>
  </si>
  <si>
    <t>12/20/2019 13:49:38</t>
  </si>
  <si>
    <t>12/20/2019 13:48:47</t>
  </si>
  <si>
    <t>7bbe4272-7eef-4a1b-a1d8-cd12f82641a1.tmp</t>
  </si>
  <si>
    <t>\\acsfs\profiles$\gabrielhca\Downloads\7bbe4272-7eef-4a1b-a1d8-cd12f82641a1.tmp</t>
  </si>
  <si>
    <t>12/20/2019 13:46:24</t>
  </si>
  <si>
    <t>57f5140d-c44c-40ff-8f35-cb7a09a90663.tmp</t>
  </si>
  <si>
    <t>\\acsfs\profiles$\gabrielafs\Downloads\57f5140d-c44c-40ff-8f35-cb7a09a90663.tmp</t>
  </si>
  <si>
    <t>12/20/2019 13:45:55</t>
  </si>
  <si>
    <t>7fdb8ee0-42fa-4ee9-aeac-665fd2f61f42.tmp</t>
  </si>
  <si>
    <t>\\acsfs\profiles$\gabrielarb\Downloads\7fdb8ee0-42fa-4ee9-aeac-665fd2f61f42.tmp</t>
  </si>
  <si>
    <t>12/20/2019 13:46:35</t>
  </si>
  <si>
    <t>12/20/2019 13:51:41</t>
  </si>
  <si>
    <t>d15b119e-a0ac-4a50-a192-9211305d3207.tmp</t>
  </si>
  <si>
    <t>\\acsfs\profiles$\JOAOVAL\Downloads\d15b119e-a0ac-4a50-a192-9211305d3207.tmp</t>
  </si>
  <si>
    <t>12/20/2019 13:49:34</t>
  </si>
  <si>
    <t>12/20/2019 13:52:41</t>
  </si>
  <si>
    <t>12/20/2019 13:48:34</t>
  </si>
  <si>
    <t>BERNARDO PATRICK CARNEIRO MOTA (24).contact</t>
  </si>
  <si>
    <t>\\acsfs\profiles$\bernardopcm\Contacts\BERNARDO PATRICK CARNEIRO MOTA (24).contact</t>
  </si>
  <si>
    <t>12/20/2019 13:48:48</t>
  </si>
  <si>
    <t>12/20/2019 13:48:49</t>
  </si>
  <si>
    <t>12/20/2019 13:48:50</t>
  </si>
  <si>
    <t>12/20/2019 13:48:51</t>
  </si>
  <si>
    <t>12/20/2019 13:48:52</t>
  </si>
  <si>
    <t>12/20/2019 13:48:53</t>
  </si>
  <si>
    <t>12/20/2019 13:48:54</t>
  </si>
  <si>
    <t>12/20/2019 13:49:09</t>
  </si>
  <si>
    <t>12/20/2019 13:49:11</t>
  </si>
  <si>
    <t>12/20/2019 13:51:10</t>
  </si>
  <si>
    <t>66015741-17d7-4a44-9510-e10cfbc15714.tmp</t>
  </si>
  <si>
    <t>\\acsfs\profiles$\bernardopcm\Downloads\66015741-17d7-4a44-9510-e10cfbc15714.tmp</t>
  </si>
  <si>
    <t>12/20/2019 13:49:24</t>
  </si>
  <si>
    <t>12/20/2019 13:53:41</t>
  </si>
  <si>
    <t>dcc427d3-b76f-4a4b-9bdb-01a937bcdd4c.tmp</t>
  </si>
  <si>
    <t>\\acsfs\profiles$\brendadsl\Downloads\dcc427d3-b76f-4a4b-9bdb-01a937bcdd4c.tmp</t>
  </si>
  <si>
    <t>12/20/2019 13:51:33</t>
  </si>
  <si>
    <t>12/20/2019 13:49:03</t>
  </si>
  <si>
    <t>12/20/2019 13:54:41</t>
  </si>
  <si>
    <t>12/20/2019 13:49:33</t>
  </si>
  <si>
    <t>12/20/2019 13:49:15</t>
  </si>
  <si>
    <t>774bfc60-cfe2-42bb-abc3-f3c268e61a78.tmp</t>
  </si>
  <si>
    <t>\\acsfs\profiles$\regisadsa\Downloads\774bfc60-cfe2-42bb-abc3-f3c268e61a78.tmp</t>
  </si>
  <si>
    <t>12/20/2019 13:50:31</t>
  </si>
  <si>
    <t>f87ec6d8-e27f-41a0-8e66-775b7f04a573.tmp</t>
  </si>
  <si>
    <t>\\acsfs\profiles$\regisadsa\Downloads\f87ec6d8-e27f-41a0-8e66-775b7f04a573.tmp</t>
  </si>
  <si>
    <t>12/20/2019 13:50:54</t>
  </si>
  <si>
    <t>6da398d8-e76d-4a5d-b425-fbee0ac6ebd3.tmp</t>
  </si>
  <si>
    <t>\\acsfs\profiles$\regisadsa\Downloads\6da398d8-e76d-4a5d-b425-fbee0ac6ebd3.tmp</t>
  </si>
  <si>
    <t>12/20/2019 13:51:04</t>
  </si>
  <si>
    <t>5aa9da8f-c1a5-4268-b308-4a2bbaf74616.tmp</t>
  </si>
  <si>
    <t>\\acsfs\profiles$\regisadsa\Downloads\5aa9da8f-c1a5-4268-b308-4a2bbaf74616.tmp</t>
  </si>
  <si>
    <t>12/20/2019 13:52:27</t>
  </si>
  <si>
    <t>375be3e5-94b8-40ce-a529-a5b30cab5d81.tmp</t>
  </si>
  <si>
    <t>\\acsfs\profiles$\KARENDSR\Downloads\375be3e5-94b8-40ce-a529-a5b30cab5d81.tmp</t>
  </si>
  <si>
    <t>12/20/2019 13:52:51</t>
  </si>
  <si>
    <t>12/20/2019 13:49:18</t>
  </si>
  <si>
    <t>12/20/2019 13:52:18</t>
  </si>
  <si>
    <t>12/20/2019 13:53:08</t>
  </si>
  <si>
    <t>10.200.61.56</t>
  </si>
  <si>
    <t>C:\Users\dolvaner\Desktop\18 12 2019\</t>
  </si>
  <si>
    <t>12/20/2019 13:50:51</t>
  </si>
  <si>
    <t>12/20/2019 13:53:37</t>
  </si>
  <si>
    <t>12/20/2019 13:55:41</t>
  </si>
  <si>
    <t>12/20/2019 13:52:30</t>
  </si>
  <si>
    <t>12/20/2019 13:56:41</t>
  </si>
  <si>
    <t>12/20/2019 13:53:56</t>
  </si>
  <si>
    <t>12/20/2019 13:57:40</t>
  </si>
  <si>
    <t>12/20/2019 13:53:32</t>
  </si>
  <si>
    <t>48a92142-e561-44c9-9d68-b02147cdcf61.tmp</t>
  </si>
  <si>
    <t>\\acsfs\profiles$\bernardopcm\Downloads\48a92142-e561-44c9-9d68-b02147cdcf61.tmp</t>
  </si>
  <si>
    <t>12/20/2019 13:53:58</t>
  </si>
  <si>
    <t>32e925d1-ff3d-47c3-816f-669a06643e46.tmp</t>
  </si>
  <si>
    <t>\\acsfs\profiles$\bernardopcm\Downloads\32e925d1-ff3d-47c3-816f-669a06643e46.tmp</t>
  </si>
  <si>
    <t>12/20/2019 13:55:06</t>
  </si>
  <si>
    <t>a5ce64fc-75a2-4eb5-b060-ca8169e34796.tmp</t>
  </si>
  <si>
    <t>\\acsfs\profiles$\bernardopcm\Downloads\a5ce64fc-75a2-4eb5-b060-ca8169e34796.tmp</t>
  </si>
  <si>
    <t>12/20/2019 13:55:08</t>
  </si>
  <si>
    <t>12/20/2019 13:58:41</t>
  </si>
  <si>
    <t>1ef20795-befe-4681-a258-de546e9a9faa.tmp</t>
  </si>
  <si>
    <t>\\acsfs\profiles$\gabriellalpr\Downloads\1ef20795-befe-4681-a258-de546e9a9faa.tmp</t>
  </si>
  <si>
    <t>12/20/2019 13:54:04</t>
  </si>
  <si>
    <t>12/20/2019 13:59:41</t>
  </si>
  <si>
    <t>12/20/2019 13:54:34</t>
  </si>
  <si>
    <t>12/20/2019 13:55:04</t>
  </si>
  <si>
    <t>12/20/2019 13:55:18</t>
  </si>
  <si>
    <t>12/20/2019 13:58:07</t>
  </si>
  <si>
    <t>12/20/2019 13:58:08</t>
  </si>
  <si>
    <t>12/20/2019 13:56:16</t>
  </si>
  <si>
    <t>713fcedc-6561-44e6-994a-c8fecca2312e.tmp</t>
  </si>
  <si>
    <t>\\acsfs\profiles$\gabrielamdp\Downloads\713fcedc-6561-44e6-994a-c8fecca2312e.tmp</t>
  </si>
  <si>
    <t>12/20/2019 13:56:17</t>
  </si>
  <si>
    <t>5b3ab238-6b46-4996-81d2-c212c662a040.tmp</t>
  </si>
  <si>
    <t>\\acsfs\profiles$\gabrielamdp\Downloads\5b3ab238-6b46-4996-81d2-c212c662a040.tmp</t>
  </si>
  <si>
    <t>12/20/2019 13:56:18</t>
  </si>
  <si>
    <t>6d1dbf22-d4b1-4b8a-a530-d4d13330a837.tmp</t>
  </si>
  <si>
    <t>\\acsfs\profiles$\gabrielamdp\Downloads\6d1dbf22-d4b1-4b8a-a530-d4d13330a837.tmp</t>
  </si>
  <si>
    <t>12/20/2019 13:56:19</t>
  </si>
  <si>
    <t>8aa2a128-8d61-444b-bd03-47fa1732517e.tmp</t>
  </si>
  <si>
    <t>\\acsfs\profiles$\gabrielamdp\Downloads\8aa2a128-8d61-444b-bd03-47fa1732517e.tmp</t>
  </si>
  <si>
    <t>c14c11eb-e767-4604-95bd-43262b374838.tmp</t>
  </si>
  <si>
    <t>\\acsfs\profiles$\gabrielamdp\Downloads\c14c11eb-e767-4604-95bd-43262b374838.tmp</t>
  </si>
  <si>
    <t>cd738ded-905d-4b37-94c2-9e4aea36bdab.tmp</t>
  </si>
  <si>
    <t>\\acsfs\profiles$\andrezacapf\Downloads\cd738ded-905d-4b37-94c2-9e4aea36bdab.tmp</t>
  </si>
  <si>
    <t>64a6e003-e5a3-4999-a070-374bb2b53297.tmp</t>
  </si>
  <si>
    <t>\\acsfs\profiles$\andrezacapf\Downloads\64a6e003-e5a3-4999-a070-374bb2b53297.tmp</t>
  </si>
  <si>
    <t>c5cd5ff9-3dd9-432b-b0e4-80f081d24fea.tmp</t>
  </si>
  <si>
    <t>\\acsfs\profiles$\andrezacapf\Downloads\c5cd5ff9-3dd9-432b-b0e4-80f081d24fea.tmp</t>
  </si>
  <si>
    <t>12/20/2019 13:56:47</t>
  </si>
  <si>
    <t>f72b317d-20de-4d08-9f31-a1a1a8ce5e5d.tmp</t>
  </si>
  <si>
    <t>\\acsfs\profiles$\andrezacapf\Downloads\f72b317d-20de-4d08-9f31-a1a1a8ce5e5d.tmp</t>
  </si>
  <si>
    <t>12/20/2019 13:56:48</t>
  </si>
  <si>
    <t>Q29udHJvbGxlci5CbG9jbyBkZSBOb3Rhcy0x (5).ica</t>
  </si>
  <si>
    <t>\\acsfs\profiles$\andrezacapf\Downloads\Q29udHJvbGxlci5CbG9jbyBkZSBOb3Rhcy0x (5).ica</t>
  </si>
  <si>
    <t>12/20/2019 13:56:49</t>
  </si>
  <si>
    <t>48406cfc-f49e-48fc-9e3e-5bd2a9fde2c0.tmp</t>
  </si>
  <si>
    <t>\\acsfs\profiles$\andrezacapf\Downloads\48406cfc-f49e-48fc-9e3e-5bd2a9fde2c0.tmp</t>
  </si>
  <si>
    <t>12/20/2019 13:56:54</t>
  </si>
  <si>
    <t>d03a8d03-724e-4268-b175-729b8a83f52c.tmp</t>
  </si>
  <si>
    <t>\\acsfs\profiles$\andrezacapf\Downloads\d03a8d03-724e-4268-b175-729b8a83f52c.tmp</t>
  </si>
  <si>
    <t>12/20/2019 13:56:58</t>
  </si>
  <si>
    <t>7120319f-8477-4773-a44b-e74b7305b062.tmp</t>
  </si>
  <si>
    <t>\\acsfs\profiles$\andrezacapf\Downloads\7120319f-8477-4773-a44b-e74b7305b062.tmp</t>
  </si>
  <si>
    <t>12/20/2019 13:57:27</t>
  </si>
  <si>
    <t>Q29udHJvbGxlci5JRS1Qb3J0YWw- (1).ica</t>
  </si>
  <si>
    <t>\\acsfs\profiles$\andrezacapf\Downloads\Q29udHJvbGxlci5JRS1Qb3J0YWw- (1).ica</t>
  </si>
  <si>
    <t>12/20/2019 13:57:49</t>
  </si>
  <si>
    <t>Q29udHJvbGxlci5TQUNBLVNBQw-- (13).ica</t>
  </si>
  <si>
    <t>\\acsfs\profiles$\andrezacapf\Downloads\Q29udHJvbGxlci5TQUNBLVNBQw-- (13).ica</t>
  </si>
  <si>
    <t>12/20/2019 13:58:36</t>
  </si>
  <si>
    <t>1515b496-e90e-4804-8ca5-5e32b83c31e3.tmp</t>
  </si>
  <si>
    <t>\\acsfs\profiles$\andrezacapf\Downloads\1515b496-e90e-4804-8ca5-5e32b83c31e3.tmp</t>
  </si>
  <si>
    <t>12/20/2019 13:55:38</t>
  </si>
  <si>
    <t>12/20/2019 14:00:41</t>
  </si>
  <si>
    <t>12/20/2019 13:58:52</t>
  </si>
  <si>
    <t>366c6a22-3625-4faa-a8f7-1ef39f63255e.tmp</t>
  </si>
  <si>
    <t>\\acsfs\profiles$\gabrielafs\Downloads\366c6a22-3625-4faa-a8f7-1ef39f63255e.tmp</t>
  </si>
  <si>
    <t>12/20/2019 13:59:48</t>
  </si>
  <si>
    <t>12/20/2019 14:02:40</t>
  </si>
  <si>
    <t>12/20/2019 13:58:10</t>
  </si>
  <si>
    <t>12/20/2019 14:00:04</t>
  </si>
  <si>
    <t>12/20/2019 14:03:41</t>
  </si>
  <si>
    <t>Bloco 20122019.txt</t>
  </si>
  <si>
    <t>\\acsfs\profiles$\brendadsl\My Documents\Blocos\Blocos Dezembro 2019\Bloco 20122019.txt</t>
  </si>
  <si>
    <t>12/20/2019 14:02:06</t>
  </si>
  <si>
    <t>12/20/2019 14:04:41</t>
  </si>
  <si>
    <t>12/20/2019 14:02:36</t>
  </si>
  <si>
    <t>12/20/2019 14:03:06</t>
  </si>
  <si>
    <t>12/20/2019 14:03:36</t>
  </si>
  <si>
    <t>12/20/2019 14:01:18</t>
  </si>
  <si>
    <t>12/20/2019 14:03:18</t>
  </si>
  <si>
    <t>12/20/2019 14:01:11</t>
  </si>
  <si>
    <t>378ab8d5-4d33-4937-b9bc-de534f44be73.tmp</t>
  </si>
  <si>
    <t>\\acsfs\profiles$\andrezacapf\Downloads\378ab8d5-4d33-4937-b9bc-de534f44be73.tmp</t>
  </si>
  <si>
    <t>12/20/2019 14:01:25</t>
  </si>
  <si>
    <t>b4a75c8e-1fbb-48d9-a7e7-c77dfbf995fc.tmp</t>
  </si>
  <si>
    <t>\\acsfs\profiles$\andrezacapf\Downloads\b4a75c8e-1fbb-48d9-a7e7-c77dfbf995fc.tmp</t>
  </si>
  <si>
    <t>12/20/2019 14:01:28</t>
  </si>
  <si>
    <t>1d110dcc-34d9-435b-a02c-0d8acc310b94.tmp</t>
  </si>
  <si>
    <t>\\acsfs\profiles$\andrezacapf\Downloads\1d110dcc-34d9-435b-a02c-0d8acc310b94.tmp</t>
  </si>
  <si>
    <t>12/20/2019 14:01:27</t>
  </si>
  <si>
    <t>12/20/2019 14:05:41</t>
  </si>
  <si>
    <t>12/20/2019 14:01:38</t>
  </si>
  <si>
    <t>12/20/2019 14:06:56</t>
  </si>
  <si>
    <t>12/20/2019 14:07:42</t>
  </si>
  <si>
    <t>12/20/2019 14:07:24</t>
  </si>
  <si>
    <t>12/20/2019 14:06:34</t>
  </si>
  <si>
    <t>12/20/2019 14:03:12</t>
  </si>
  <si>
    <t>12/20/2019 14:08:41</t>
  </si>
  <si>
    <t>12/20/2019 14:07:00</t>
  </si>
  <si>
    <t>12/20/2019 14:07:01</t>
  </si>
  <si>
    <t>12/20/2019 14:07:02</t>
  </si>
  <si>
    <t>12/20/2019 14:07:03</t>
  </si>
  <si>
    <t>12/20/2019 14:07:04</t>
  </si>
  <si>
    <t>12/20/2019 14:07:05</t>
  </si>
  <si>
    <t>12/20/2019 14:07:06</t>
  </si>
  <si>
    <t>12/20/2019 14:07:07</t>
  </si>
  <si>
    <t>12/20/2019 14:07:08</t>
  </si>
  <si>
    <t>12/20/2019 14:07:09</t>
  </si>
  <si>
    <t>12/20/2019 14:07:10</t>
  </si>
  <si>
    <t>12/20/2019 14:07:11</t>
  </si>
  <si>
    <t>12/20/2019 14:07:12</t>
  </si>
  <si>
    <t>12/20/2019 14:07:13</t>
  </si>
  <si>
    <t>12/20/2019 14:07:14</t>
  </si>
  <si>
    <t>12/20/2019 14:07:15</t>
  </si>
  <si>
    <t>12/20/2019 14:07:16</t>
  </si>
  <si>
    <t>12/20/2019 14:07:17</t>
  </si>
  <si>
    <t>12/20/2019 14:07:18</t>
  </si>
  <si>
    <t>12/20/2019 14:07:19</t>
  </si>
  <si>
    <t>12/20/2019 14:07:20</t>
  </si>
  <si>
    <t>12/20/2019 14:07:21</t>
  </si>
  <si>
    <t>12/20/2019 14:07:22</t>
  </si>
  <si>
    <t>12/20/2019 14:07:23</t>
  </si>
  <si>
    <t>12/20/2019 14:07:25</t>
  </si>
  <si>
    <t>12/20/2019 14:07:26</t>
  </si>
  <si>
    <t>12/20/2019 14:07:27</t>
  </si>
  <si>
    <t>12/20/2019 14:04:40</t>
  </si>
  <si>
    <t>12/20/2019 14:09:42</t>
  </si>
  <si>
    <t>kawanesdsc</t>
  </si>
  <si>
    <t>mail.google.com/_/upload?authuser=0&amp;dcp=asu-n&amp;upload_id=AEnB2UqhgIh3TyPxSv5kEG45vuPVxx2CipnQIFPu6TuG92AyNMH0Zo8bLL-YMWo5kM3Zmciwm08pOY0dOKjhFYvG8CrIBKRnhfoPmfOlNjEeuwaopmunAVg&amp;upload_protocol=resumable</t>
  </si>
  <si>
    <t>C:\Users\kawanesdsc\Desktop\</t>
  </si>
  <si>
    <t>termos de justificativa -.xlsx</t>
  </si>
  <si>
    <t>12/20/2019 14:07:37</t>
  </si>
  <si>
    <t>12/20/2019 14:05:11</t>
  </si>
  <si>
    <t>12/20/2019 14:06:46</t>
  </si>
  <si>
    <t>100026643261338;</t>
  </si>
  <si>
    <t>https://100026643261338</t>
  </si>
  <si>
    <t>12/20/2019 14:07:49</t>
  </si>
  <si>
    <t>12/20/2019 14:07:51</t>
  </si>
  <si>
    <t>12/20/2019 14:09:03</t>
  </si>
  <si>
    <t>12/20/2019 14:07:38</t>
  </si>
  <si>
    <t>12/20/2019 14:10:41</t>
  </si>
  <si>
    <t>12/20/2019 14:08:58</t>
  </si>
  <si>
    <t>12/20/2019 14:11:42</t>
  </si>
  <si>
    <t>12/20/2019 14:11:20</t>
  </si>
  <si>
    <t>12/20/2019 14:12:41</t>
  </si>
  <si>
    <t>12/20/2019 14:10:37</t>
  </si>
  <si>
    <t>12/20/2019 14:10:19</t>
  </si>
  <si>
    <t>12/20/2019 14:13:42</t>
  </si>
  <si>
    <t>jhonatan.ventino@bradesco.com.br;</t>
  </si>
  <si>
    <t>Base Gerenciadas</t>
  </si>
  <si>
    <t>BASE GERENCIADAS.zip\</t>
  </si>
  <si>
    <t>BASE GERENCIADAS.xlsx</t>
  </si>
  <si>
    <t>jhonatan.ventino@bradesco.com.br</t>
  </si>
  <si>
    <t>12/20/2019 14:12:59</t>
  </si>
  <si>
    <t>bvs-centralcartoes@bv.com.br;cintia.souza-domingues@dxc.com;eduardo.santana@bv.com.br;marianeps@algartech.com;talmaiardo@algartech.com;thiagordu@algartech.com;</t>
  </si>
  <si>
    <t>bvs-centralcartoes@bv.com.br,cintia.souza-domingues@dxc.com,eduardo.santana@bv.com.br,marianeps@algartech.com,talmaiardo@algartech.com,thiagordu@algartech.com</t>
  </si>
  <si>
    <t>12/20/2019 14:09:07</t>
  </si>
  <si>
    <t>12/20/2019 14:14:42</t>
  </si>
  <si>
    <t>12/20/2019 14:09:08</t>
  </si>
  <si>
    <t>12/20/2019 14:09:37</t>
  </si>
  <si>
    <t>12/20/2019 14:10:08</t>
  </si>
  <si>
    <t>12/20/2019 14:10:38</t>
  </si>
  <si>
    <t>12/20/2019 14:11:34</t>
  </si>
  <si>
    <t>12/20/2019 14:09:18</t>
  </si>
  <si>
    <t>12/20/2019 14:13:18</t>
  </si>
  <si>
    <t>12/20/2019 14:09:43</t>
  </si>
  <si>
    <t>12/20/2019 14:10:26</t>
  </si>
  <si>
    <t>12/20/2019 14:10:46</t>
  </si>
  <si>
    <t>12/20/2019 14:11:00</t>
  </si>
  <si>
    <t>12/20/2019 14:11:11</t>
  </si>
  <si>
    <t>12/20/2019 14:13:38</t>
  </si>
  <si>
    <t>12/20/2019 14:15:42</t>
  </si>
  <si>
    <t>12/20/2019 14:14:33</t>
  </si>
  <si>
    <t>Fechamento Debit Balance_Novembro.xls</t>
  </si>
  <si>
    <t>12/20/2019 14:15:22</t>
  </si>
  <si>
    <t>12/20/2019 14:13:33</t>
  </si>
  <si>
    <t>12/20/2019 14:17:42</t>
  </si>
  <si>
    <t>12/20/2019 14:17:10</t>
  </si>
  <si>
    <t>12/20/2019 14:18:42</t>
  </si>
  <si>
    <t>lu11168117p3k.tmp</t>
  </si>
  <si>
    <t>\\acsfs\profiles$\luanarda\lu11168117p3k.tmp</t>
  </si>
  <si>
    <t>\\acsfs\profiles$\luanarda\lu11168117p3k.tmp\</t>
  </si>
  <si>
    <t>\\acsfs\profiles$\luanarda\lu11168117p3k.tmp\META-INF\</t>
  </si>
  <si>
    <t>\\acsfs\profiles$\luanarda\lu11168117p3k.tmp\Thumbnails\</t>
  </si>
  <si>
    <t>12/20/2019 14:13:06</t>
  </si>
  <si>
    <t>12/20/2019 14:13:15</t>
  </si>
  <si>
    <t>12/20/2019 14:18:13</t>
  </si>
  <si>
    <t>12/20/2019 14:14:39</t>
  </si>
  <si>
    <t>12/20/2019 14:19:42</t>
  </si>
  <si>
    <t>12/20/2019 14:16:39</t>
  </si>
  <si>
    <t>12/20/2019 14:15:19</t>
  </si>
  <si>
    <t>12/20/2019 14:17:55</t>
  </si>
  <si>
    <t>12/20/2019 14:20:42</t>
  </si>
  <si>
    <t>.~lock.vendas.ods#</t>
  </si>
  <si>
    <t>\\acsfs\profiles$\marcellewdl\My Documents\.~lock.vendas.ods#</t>
  </si>
  <si>
    <t>12/20/2019 14:17:57</t>
  </si>
  <si>
    <t>lu203641f6ic8.tmp</t>
  </si>
  <si>
    <t>\\acsfs\profiles$\marcellewdl\My Documents\lu203641f6ic8.tmp</t>
  </si>
  <si>
    <t>\\acsfs\profiles$\marcellewdl\My Documents\lu203641f6ic8.tmp\</t>
  </si>
  <si>
    <t>\\acsfs\profiles$\marcellewdl\My Documents\lu203641f6ic8.tmp\META-INF\</t>
  </si>
  <si>
    <t>\\acsfs\profiles$\marcellewdl\My Documents\lu203641f6ic8.tmp\Thumbnails\</t>
  </si>
  <si>
    <t>12/20/2019 14:16:46</t>
  </si>
  <si>
    <t>12/20/2019 14:19:38</t>
  </si>
  <si>
    <t>12/20/2019 14:17:28</t>
  </si>
  <si>
    <t>72c43792-af28-4327-973e-7be23f228166.tmp</t>
  </si>
  <si>
    <t>\\acsfs\profiles$\geovannasm\Downloads\72c43792-af28-4327-973e-7be23f228166.tmp</t>
  </si>
  <si>
    <t>12/20/2019 14:15:32</t>
  </si>
  <si>
    <t>fe6fddfe-c0fa-4d40-9265-530a2d160353.tmp</t>
  </si>
  <si>
    <t>\\acsfs\profiles$\fabianobmf\Downloads\fe6fddfe-c0fa-4d40-9265-530a2d160353.tmp</t>
  </si>
  <si>
    <t>12/20/2019 14:17:01</t>
  </si>
  <si>
    <t>2deb9356-c497-4566-8c05-44768b3e301d.tmp</t>
  </si>
  <si>
    <t>\\acsfs\profiles$\fabianobmf\Downloads\2deb9356-c497-4566-8c05-44768b3e301d.tmp</t>
  </si>
  <si>
    <t>12/20/2019 14:17:39</t>
  </si>
  <si>
    <t>12/20/2019 14:21:43</t>
  </si>
  <si>
    <t>12/20/2019 14:17:40</t>
  </si>
  <si>
    <t>12/20/2019 14:17:56</t>
  </si>
  <si>
    <t>12/20/2019 14:22:42</t>
  </si>
  <si>
    <t>12/20/2019 14:21:18</t>
  </si>
  <si>
    <t>12/19/2019 13:56:14</t>
  </si>
  <si>
    <t>12/20/2019 14:23:42</t>
  </si>
  <si>
    <t>https://excelviewer.herokuapp.com/upload/</t>
  </si>
  <si>
    <t>C:\Users\jefersonfo\Documents\Boticário\Minutas\</t>
  </si>
  <si>
    <t>03_01_Modelo_Abertura_detalhada_Custo_Modelo_Mais Funcoes(1).xlsx</t>
  </si>
  <si>
    <t>12/19/2019 17:05:32</t>
  </si>
  <si>
    <t>C:\Users\jefersonfo\Documents\Natura\</t>
  </si>
  <si>
    <t>RFI_Callcenter 2019.xlsx</t>
  </si>
  <si>
    <t>12/20/2019 14:19:19</t>
  </si>
  <si>
    <t>12/20/2019 14:24:42</t>
  </si>
  <si>
    <t>12/20/2019 14:22:50</t>
  </si>
  <si>
    <t>12/20/2019 14:22:53</t>
  </si>
  <si>
    <t>12/20/2019 14:23:56</t>
  </si>
  <si>
    <t>12/20/2019 14:24:24</t>
  </si>
  <si>
    <t>12/20/2019 14:25:42</t>
  </si>
  <si>
    <t>10.200.67.156</t>
  </si>
  <si>
    <t>ccb4ef0a-7c3d-42bf-bd93-894691faad1a.tmp</t>
  </si>
  <si>
    <t>\\acsfs\profiles$\victorgl\Downloads\ccb4ef0a-7c3d-42bf-bd93-894691faad1a.tmp</t>
  </si>
  <si>
    <t>4ac7757c-5024-4426-81fd-9eb303a1c672.tmp</t>
  </si>
  <si>
    <t>\\acsfs\profiles$\victorgl\Downloads\4ac7757c-5024-4426-81fd-9eb303a1c672.tmp</t>
  </si>
  <si>
    <t>12/20/2019 14:24:47</t>
  </si>
  <si>
    <t>65c1fde4-2317-4d5a-b4e3-d318d598daf6.tmp</t>
  </si>
  <si>
    <t>\\acsfs\profiles$\victorgl\Downloads\65c1fde4-2317-4d5a-b4e3-d318d598daf6.tmp</t>
  </si>
  <si>
    <t>12/20/2019 14:24:34</t>
  </si>
  <si>
    <t>12/20/2019 14:21:59</t>
  </si>
  <si>
    <t>71dffbfd-d66f-4a50-80e9-5a0a3db719bd.tmp</t>
  </si>
  <si>
    <t>\\acsfs\profiles$\geovannasm\Downloads\71dffbfd-d66f-4a50-80e9-5a0a3db719bd.tmp</t>
  </si>
  <si>
    <t>12/20/2019 14:23:19</t>
  </si>
  <si>
    <t>12/20/2019 14:23:44</t>
  </si>
  <si>
    <t>12/20/2019 14:26:42</t>
  </si>
  <si>
    <t>12/20/2019 14:23:45</t>
  </si>
  <si>
    <t>12/20/2019 14:23:47</t>
  </si>
  <si>
    <t>12/20/2019 14:23:49</t>
  </si>
  <si>
    <t>12/20/2019 14:23:50</t>
  </si>
  <si>
    <t>12/20/2019 14:23:51</t>
  </si>
  <si>
    <t>12/20/2019 14:23:52</t>
  </si>
  <si>
    <t>12/20/2019 14:23:53</t>
  </si>
  <si>
    <t>12/20/2019 14:23:54</t>
  </si>
  <si>
    <t>12/20/2019 14:23:55</t>
  </si>
  <si>
    <t>12/20/2019 14:23:57</t>
  </si>
  <si>
    <t>12/20/2019 14:23:58</t>
  </si>
  <si>
    <t>12/20/2019 14:24:00</t>
  </si>
  <si>
    <t>12/20/2019 14:24:01</t>
  </si>
  <si>
    <t>12/20/2019 14:24:02</t>
  </si>
  <si>
    <t>12/20/2019 14:24:03</t>
  </si>
  <si>
    <t>12/20/2019 14:24:04</t>
  </si>
  <si>
    <t>12/20/2019 14:24:05</t>
  </si>
  <si>
    <t>12/20/2019 14:24:06</t>
  </si>
  <si>
    <t>12/20/2019 14:24:07</t>
  </si>
  <si>
    <t>12/20/2019 14:24:08</t>
  </si>
  <si>
    <t>12/20/2019 14:24:09</t>
  </si>
  <si>
    <t>12/20/2019 14:24:10</t>
  </si>
  <si>
    <t>12/20/2019 14:24:11</t>
  </si>
  <si>
    <t>12/20/2019 14:24:12</t>
  </si>
  <si>
    <t>12/20/2019 14:24:13</t>
  </si>
  <si>
    <t>12/20/2019 14:24:14</t>
  </si>
  <si>
    <t>12/20/2019 14:24:15</t>
  </si>
  <si>
    <t>12/20/2019 14:24:16</t>
  </si>
  <si>
    <t>\\acsfs\profiles$\joycemmdl\Saved Games\</t>
  </si>
  <si>
    <t>12/20/2019 14:24:33</t>
  </si>
  <si>
    <t>12/20/2019 14:24:36</t>
  </si>
  <si>
    <t>10.200.66.158</t>
  </si>
  <si>
    <t>b3983962-3882-4931-9693-c8b14ee6dac0.tmp</t>
  </si>
  <si>
    <t>\\acsfs\profiles$\vivianibfs\Downloads\b3983962-3882-4931-9693-c8b14ee6dac0.tmp</t>
  </si>
  <si>
    <t>12/20/2019 14:25:57</t>
  </si>
  <si>
    <t>5cb318b6-26fe-40b4-88f8-6a0dbe47bc63.tmp</t>
  </si>
  <si>
    <t>\\acsfs\profiles$\vivianibfs\Downloads\5cb318b6-26fe-40b4-88f8-6a0dbe47bc63.tmp</t>
  </si>
  <si>
    <t>12/20/2019 14:26:08</t>
  </si>
  <si>
    <t>f7c210b5-2841-4c08-b0d5-e4398781a69c.tmp</t>
  </si>
  <si>
    <t>\\acsfs\profiles$\vivianibfs\Downloads\f7c210b5-2841-4c08-b0d5-e4398781a69c.tmp</t>
  </si>
  <si>
    <t>12/20/2019 14:22:35</t>
  </si>
  <si>
    <t>12/20/2019 14:27:42</t>
  </si>
  <si>
    <t>12/20/2019 14:23:30</t>
  </si>
  <si>
    <t>12/20/2019 14:22:02</t>
  </si>
  <si>
    <t>12/20/2019 14:22:03</t>
  </si>
  <si>
    <t>lu105321b8ott.tmp</t>
  </si>
  <si>
    <t>\\acsfs\profiles$\LUCASBS\lu105321b8ott.tmp</t>
  </si>
  <si>
    <t>\\acsfs\profiles$\LUCASBS\lu105321b8ott.tmp\</t>
  </si>
  <si>
    <t>\\acsfs\profiles$\LUCASBS\lu105321b8ott.tmp\META-INF\</t>
  </si>
  <si>
    <t>\\acsfs\profiles$\LUCASBS\lu105321b8ott.tmp\Thumbnails\</t>
  </si>
  <si>
    <t>12/20/2019 14:26:56</t>
  </si>
  <si>
    <t>12/20/2019 14:23:03</t>
  </si>
  <si>
    <t>/o=exchangelabs/ou=exchange administrative group (fydibohf23spdlt)/cn=recipients/cn=3ff021df50654eacbb960cdf0d157500-guest_3264e;5174.jussara@temposervicos.com.br;jussaragp@algartech.com.br;</t>
  </si>
  <si>
    <t>/o=exchangelabs/ou=exchange administrative group (fydibohf23spdlt)/cn=recipients/cn=3ff021df50654eacbb960cdf0d157500-guest_3264e,5174.jussara@temposervicos.com.br,jussaragp@algartech.com.br</t>
  </si>
  <si>
    <t>12/20/2019 14:02:57</t>
  </si>
  <si>
    <t>12/20/2019 14:28:42</t>
  </si>
  <si>
    <t>Ponto_AnaCarla.xlsx</t>
  </si>
  <si>
    <t>12/20/2019 14:02:59</t>
  </si>
  <si>
    <t>mail.google.com/_/upload?authuser=1&amp;dcp=asu-n&amp;upload_id=AEnB2UrgV1n1hs9q3QEQ-_HKmOf4YP3ZrnuA3vKz8HBF0tDbW5ywHb4xTjYGKjySTO5hRvigMh4p-e0JWYXsXG6IjYhYmXmkXUn3KN4MeKI2kwOa3wDsnQQ&amp;upload_protocol=resumable</t>
  </si>
  <si>
    <t>12/20/2019 14:27:52</t>
  </si>
  <si>
    <t>12/20/2019 14:27:54</t>
  </si>
  <si>
    <t>12/20/2019 14:27:55</t>
  </si>
  <si>
    <t>12/20/2019 14:25:19</t>
  </si>
  <si>
    <t>12/20/2019 14:29:42</t>
  </si>
  <si>
    <t>12/20/2019 14:27:19</t>
  </si>
  <si>
    <t>12/20/2019 14:27:59</t>
  </si>
  <si>
    <t>12/20/2019 14:30:41</t>
  </si>
  <si>
    <t>\\ACSFS\Engeset\FINANCEIRO_ULA\CONTROLA\SG\00 - Aplicações\00- Rascunho\01_Cadastro_CR\CRIAÇÃO CR\</t>
  </si>
  <si>
    <t>CR - IPHAN.xlsx</t>
  </si>
  <si>
    <t>12/20/2019 14:26:57</t>
  </si>
  <si>
    <t>8b84ddb8-f672-49ab-8d24-b933020df0c6.tmp</t>
  </si>
  <si>
    <t>\\acsfs\profiles$\leticiala\Downloads\8b84ddb8-f672-49ab-8d24-b933020df0c6.tmp</t>
  </si>
  <si>
    <t>12/20/2019 14:25:48</t>
  </si>
  <si>
    <t>d91869e7-e8c6-4c98-a8dc-0e622e0dcb5a.tmp</t>
  </si>
  <si>
    <t>\\acsfs\profiles$\adrielyas\Downloads\d91869e7-e8c6-4c98-a8dc-0e622e0dcb5a.tmp</t>
  </si>
  <si>
    <t>12/20/2019 14:25:52</t>
  </si>
  <si>
    <t>85323a46-7027-4d26-967c-8acab1591a86.tmp</t>
  </si>
  <si>
    <t>\\acsfs\profiles$\adrielyas\Downloads\85323a46-7027-4d26-967c-8acab1591a86.tmp</t>
  </si>
  <si>
    <t>12/20/2019 14:25:35</t>
  </si>
  <si>
    <t>d840b741-3154-48be-a72b-4a36695c3c8a.tmp</t>
  </si>
  <si>
    <t>\\acsfs\profiles$\victorgl\Downloads\d840b741-3154-48be-a72b-4a36695c3c8a.tmp</t>
  </si>
  <si>
    <t>ac40fda2-f90f-4789-b016-f569ea8e1323.tmp</t>
  </si>
  <si>
    <t>\\acsfs\profiles$\victorgl\Downloads\ac40fda2-f90f-4789-b016-f569ea8e1323.tmp</t>
  </si>
  <si>
    <t>12/20/2019 14:27:43</t>
  </si>
  <si>
    <t>34170650-6a92-42dc-af70-8d5e690a8510.tmp</t>
  </si>
  <si>
    <t>\\acsfs\profiles$\victorgl\Downloads\34170650-6a92-42dc-af70-8d5e690a8510.tmp</t>
  </si>
  <si>
    <t>12/20/2019 14:25:38</t>
  </si>
  <si>
    <t>12/20/2019 14:28:07</t>
  </si>
  <si>
    <t>12/20/2019 14:27:38</t>
  </si>
  <si>
    <t>12/20/2019 14:31:42</t>
  </si>
  <si>
    <t>87600ef7-ed2b-492d-985a-d1a957179670.tmp</t>
  </si>
  <si>
    <t>\\acsfs\profiles$\joycemmdl\Downloads\87600ef7-ed2b-492d-985a-d1a957179670.tmp</t>
  </si>
  <si>
    <t>12/20/2019 14:27:49</t>
  </si>
  <si>
    <t>Unconfirmed 680605.crdownload</t>
  </si>
  <si>
    <t>\\acsfs\profiles$\joycemmdl\Downloads\Unconfirmed 680605.crdownload</t>
  </si>
  <si>
    <t>18b8000a-522d-4fd0-a538-68f2a0cf5ff7.tmp</t>
  </si>
  <si>
    <t>\\acsfs\profiles$\joycemmdl\Downloads\18b8000a-522d-4fd0-a538-68f2a0cf5ff7.tmp</t>
  </si>
  <si>
    <t>12/20/2019 14:29:31</t>
  </si>
  <si>
    <t>5bc36e9e-ab10-440e-970e-b1100ec7fd8f.tmp</t>
  </si>
  <si>
    <t>\\acsfs\profiles$\joycemmdl\Downloads\5bc36e9e-ab10-440e-970e-b1100ec7fd8f.tmp</t>
  </si>
  <si>
    <t>12/20/2019 14:26:29</t>
  </si>
  <si>
    <t>f7d7fb6e-eb7f-4671-b3e6-9abcb7d164f5.tmp</t>
  </si>
  <si>
    <t>\\acsfs\profiles$\vivianibfs\Downloads\f7d7fb6e-eb7f-4671-b3e6-9abcb7d164f5.tmp</t>
  </si>
  <si>
    <t>12/20/2019 14:26:40</t>
  </si>
  <si>
    <t>5f6da376-44b4-4d41-aba5-2edeb594749d.tmp</t>
  </si>
  <si>
    <t>\\acsfs\profiles$\vivianibfs\Downloads\5f6da376-44b4-4d41-aba5-2edeb594749d.tmp</t>
  </si>
  <si>
    <t>12/20/2019 14:27:30</t>
  </si>
  <si>
    <t>12/20/2019 14:32:41</t>
  </si>
  <si>
    <t>massagem tarde.xls</t>
  </si>
  <si>
    <t>12/20/2019 14:28:28</t>
  </si>
  <si>
    <t>tarô tarde.xls</t>
  </si>
  <si>
    <t>12/20/2019 14:30:34</t>
  </si>
  <si>
    <t>maquiagem tarde.xls</t>
  </si>
  <si>
    <t>12/20/2019 14:28:57</t>
  </si>
  <si>
    <t>12/20/2019 14:28:32</t>
  </si>
  <si>
    <t>claudia.siqueira@temposervicos.com.br;coordenadorespf@algartech.com;demetrio.joaquim@bradesco.com.br;fabiolacc@algartecnologia.com.br;fernanda.sperandio@bradesco.com.br;fernanda.sperandio@fisglobal.com;fredericobs@algartecnologia.com.br;jacqueline.mariano@temposervicos.com.br;juliana.azevedo@fisglobal.com.;michelecdc@algartech.com;micheless@algartech.com.br;rodrigo.cunha@temposervicos.com.br;viviane.virgilio@temposervicos.com.br;</t>
  </si>
  <si>
    <t>Mis Pesquisa de Satisfação - URA - DEZEMBRO</t>
  </si>
  <si>
    <t>claudia.siqueira@temposervicos.com.br,coordenadorespf@algartech.com,demetrio.joaquim@bradesco.com.br,fabiolacc@algartecnologia.com.br,fernanda.sperandio@bradesco.com.br,fernanda.sperandio@fisglobal.com,fredericobs@algartecnologia.com.br,jacqueline.mariano@temposervicos.com.br,juliana.azevedo@fisglobal.com.,michelecdc@algartech.com,micheless@algartech.com.br,rodrigo.cunha@temposervicos.com.br,viviane.virgilio@temposervicos.com.br</t>
  </si>
  <si>
    <t>12/20/2019 14:30:27</t>
  </si>
  <si>
    <t>12/20/2019 14:33:42</t>
  </si>
  <si>
    <t>12/20/2019 14:30:57</t>
  </si>
  <si>
    <t>36fc310b-e015-4e30-bf68-29a2f7019d48.tmp</t>
  </si>
  <si>
    <t>\\acsfs\profiles$\layonmof\Downloads\36fc310b-e015-4e30-bf68-29a2f7019d48.tmp</t>
  </si>
  <si>
    <t>12/20/2019 14:31:44</t>
  </si>
  <si>
    <t>3a064dd4-cf90-40ac-8126-c489ade57bc8.tmp</t>
  </si>
  <si>
    <t>\\acsfs\profiles$\layonmof\Downloads\3a064dd4-cf90-40ac-8126-c489ade57bc8.tmp</t>
  </si>
  <si>
    <t>12/20/2019 14:33:14</t>
  </si>
  <si>
    <t>12/20/2019 14:34:41</t>
  </si>
  <si>
    <t>12/20/2019 14:31:19</t>
  </si>
  <si>
    <t>12/20/2019 14:33:1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7">
    <xf numFmtId="0" fontId="0" fillId="0" borderId="0" xfId="0"/>
    <xf numFmtId="3" fontId="0" fillId="0" borderId="0" xfId="0" applyNumberFormat="1"/>
    <xf numFmtId="22" fontId="0" fillId="0" borderId="0" xfId="0" applyNumberFormat="1"/>
    <xf numFmtId="17" fontId="0" fillId="0" borderId="0" xfId="0" applyNumberFormat="1"/>
    <xf numFmtId="11" fontId="0" fillId="0" borderId="0" xfId="0" applyNumberFormat="1"/>
    <xf numFmtId="14" fontId="0" fillId="0" borderId="0" xfId="0" applyNumberFormat="1"/>
    <xf numFmtId="21" fontId="0" fillId="0" borderId="0" xfId="0" applyNumberFormat="1"/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Neutro" xfId="8" builtinId="28" customBuiltin="1"/>
    <cellStyle name="Normal" xfId="0" builtinId="0"/>
    <cellStyle name="Nota" xfId="15" builtinId="10" customBuiltin="1"/>
    <cellStyle name="Ruim" xfId="7" builtinId="27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12202019_AdHoc_ce247460-ecf3-4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esley Eloy</cp:lastModifiedBy>
  <dcterms:created xsi:type="dcterms:W3CDTF">2019-12-20T18:39:37Z</dcterms:created>
  <dcterms:modified xsi:type="dcterms:W3CDTF">2019-12-20T18:39:39Z</dcterms:modified>
</cp:coreProperties>
</file>